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1369\■新型コロナウイルス対策本部用\〇ワクチン作業用\21_新型コロナワクチン★★\★★一時保存から移行\●類似コードの新規附番\"/>
    </mc:Choice>
  </mc:AlternateContent>
  <bookViews>
    <workbookView xWindow="0" yWindow="0" windowWidth="17256" windowHeight="4764"/>
  </bookViews>
  <sheets>
    <sheet name="申請書" sheetId="7" r:id="rId1"/>
    <sheet name="申請書（複数入力用）" sheetId="8" r:id="rId2"/>
    <sheet name="登録用_手上げシステム" sheetId="9" state="hidden" r:id="rId3"/>
    <sheet name="団体コード" sheetId="5" state="hidden" r:id="rId4"/>
    <sheet name="都道府県リスト" sheetId="6" state="hidden" r:id="rId5"/>
  </sheets>
  <definedNames>
    <definedName name="_xlnm._FilterDatabase" localSheetId="3" hidden="1">団体コード!$A$1:$C$1743</definedName>
    <definedName name="_xlnm.Print_Area" localSheetId="1">'申請書（複数入力用）'!$A$1:$AG$3506</definedName>
    <definedName name="愛知県">都道府県リスト!$W$2:$W$55</definedName>
    <definedName name="愛媛県">都道府県リスト!$AL$2:$AL$21</definedName>
    <definedName name="茨城県">都道府県リスト!$H$2:$H$45</definedName>
    <definedName name="岡山県">都道府県リスト!$AG$2:$AG$28</definedName>
    <definedName name="沖縄県">都道府県リスト!$AU$2:$AU$42</definedName>
    <definedName name="岩手県">都道府県リスト!$C$2:$C$34</definedName>
    <definedName name="岐阜県">都道府県リスト!$U$2:$U$43</definedName>
    <definedName name="宮崎県">都道府県リスト!$AS$2:$AS$27</definedName>
    <definedName name="宮城県">都道府県リスト!$D$2:$D$36</definedName>
    <definedName name="京都府">都道府県リスト!$Z$2:$Z$27</definedName>
    <definedName name="熊本県">都道府県リスト!$AQ$2:$AQ$46</definedName>
    <definedName name="群馬県">都道府県リスト!$J$2:$J$36</definedName>
    <definedName name="広島県">都道府県リスト!$AH$2:$AH$24</definedName>
    <definedName name="香川県">都道府県リスト!$AK$2:$AK$18</definedName>
    <definedName name="高知県">都道府県リスト!$AM$2:$AM$31</definedName>
    <definedName name="佐賀県">都道府県リスト!$AO$2:$AO$21</definedName>
    <definedName name="埼玉県">都道府県リスト!$K$2:$K$64</definedName>
    <definedName name="三重県">都道府県リスト!$X$2:$X$30</definedName>
    <definedName name="山形県">都道府県リスト!$F$2:$F$36</definedName>
    <definedName name="山口県">都道府県リスト!$AI$2:$AI$20</definedName>
    <definedName name="山梨県">都道府県リスト!$S$2:$S$28</definedName>
    <definedName name="滋賀県">都道府県リスト!$Y$2:$Y$20</definedName>
    <definedName name="鹿児島県">都道府県リスト!$AT$2:$AT$44</definedName>
    <definedName name="秋田県">都道府県リスト!$E$2:$E$26</definedName>
    <definedName name="新潟県">都道府県リスト!$O$2:$O$31</definedName>
    <definedName name="神奈川県">都道府県リスト!$N$2:$N$34</definedName>
    <definedName name="青森県">都道府県リスト!$B$2:$B$41</definedName>
    <definedName name="静岡県">都道府県リスト!$V$2:$V$36</definedName>
    <definedName name="石川県">都道府県リスト!$Q$2:$Q$20</definedName>
    <definedName name="千葉県">都道府県リスト!$L$2:$L$55</definedName>
    <definedName name="大阪府">都道府県リスト!$AA$2:$AA$44</definedName>
    <definedName name="大分県">都道府県リスト!$AR$2:$AR$19</definedName>
    <definedName name="長崎県">都道府県リスト!$AP$2:$AP$22</definedName>
    <definedName name="長野県">都道府県リスト!$T$2:$T$78</definedName>
    <definedName name="鳥取県">都道府県リスト!$AE$2:$AE$20</definedName>
    <definedName name="都道府県">都道府県リスト!$A$1:$AU$1</definedName>
    <definedName name="島根県">都道府県リスト!$AF$2:$AF$20</definedName>
    <definedName name="東京都">都道府県リスト!$M$2:$M$63</definedName>
    <definedName name="徳島県">都道府県リスト!$AJ$2:$AJ$25</definedName>
    <definedName name="栃木県">都道府県リスト!$I$2:$I$26</definedName>
    <definedName name="奈良県">都道府県リスト!$AC$2:$AC$40</definedName>
    <definedName name="富山県">都道府県リスト!$P$2:$P$16</definedName>
    <definedName name="福井県">都道府県リスト!$R$2:$R$18</definedName>
    <definedName name="福岡県">都道府県リスト!$AN$2:$AN$61</definedName>
    <definedName name="福島県">都道府県リスト!$G$2:$G$60</definedName>
    <definedName name="兵庫県">都道府県リスト!$AB$2:$AB$42</definedName>
    <definedName name="北海道">都道府県リスト!$A$2:$A$180</definedName>
    <definedName name="和歌山県">都道府県リスト!$AD$2:$AD$31</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M7" i="8" l="1"/>
  <c r="M8" i="8"/>
  <c r="M9" i="8"/>
  <c r="M10" i="8"/>
  <c r="M11" i="8"/>
  <c r="M12" i="8"/>
  <c r="M13" i="8"/>
  <c r="M14" i="8"/>
  <c r="M15" i="8"/>
  <c r="M16" i="8"/>
  <c r="M17" i="8"/>
  <c r="M18" i="8"/>
  <c r="M19" i="8"/>
  <c r="M20" i="8"/>
  <c r="M21" i="8"/>
  <c r="M22" i="8"/>
  <c r="M23" i="8"/>
  <c r="M24" i="8"/>
  <c r="M25" i="8"/>
  <c r="M26" i="8"/>
  <c r="M27" i="8"/>
  <c r="M28" i="8"/>
  <c r="M29" i="8"/>
  <c r="M30" i="8"/>
  <c r="M31" i="8"/>
  <c r="M32" i="8"/>
  <c r="M33" i="8"/>
  <c r="M34" i="8"/>
  <c r="M35" i="8"/>
  <c r="M36" i="8"/>
  <c r="M37" i="8"/>
  <c r="M38" i="8"/>
  <c r="M39" i="8"/>
  <c r="M40" i="8"/>
  <c r="M41" i="8"/>
  <c r="M42" i="8"/>
  <c r="M43" i="8"/>
  <c r="M44" i="8"/>
  <c r="M45" i="8"/>
  <c r="M46" i="8"/>
  <c r="M47" i="8"/>
  <c r="M48" i="8"/>
  <c r="M49" i="8"/>
  <c r="M50" i="8"/>
  <c r="M51" i="8"/>
  <c r="M52" i="8"/>
  <c r="M53" i="8"/>
  <c r="M54" i="8"/>
  <c r="M55" i="8"/>
  <c r="M56" i="8"/>
  <c r="M57" i="8"/>
  <c r="M58" i="8"/>
  <c r="M59" i="8"/>
  <c r="M60" i="8"/>
  <c r="M61" i="8"/>
  <c r="M62" i="8"/>
  <c r="M63" i="8"/>
  <c r="M64" i="8"/>
  <c r="M65" i="8"/>
  <c r="M66" i="8"/>
  <c r="M67" i="8"/>
  <c r="M68" i="8"/>
  <c r="M69" i="8"/>
  <c r="M70" i="8"/>
  <c r="M71" i="8"/>
  <c r="M72" i="8"/>
  <c r="M73" i="8"/>
  <c r="M74" i="8"/>
  <c r="M75" i="8"/>
  <c r="M76" i="8"/>
  <c r="M77" i="8"/>
  <c r="M78" i="8"/>
  <c r="M79" i="8"/>
  <c r="M80" i="8"/>
  <c r="M81" i="8"/>
  <c r="M82" i="8"/>
  <c r="M83" i="8"/>
  <c r="M84" i="8"/>
  <c r="M85" i="8"/>
  <c r="M86" i="8"/>
  <c r="M87" i="8"/>
  <c r="M88" i="8"/>
  <c r="M89" i="8"/>
  <c r="M90" i="8"/>
  <c r="M91" i="8"/>
  <c r="M92" i="8"/>
  <c r="M93" i="8"/>
  <c r="M94" i="8"/>
  <c r="M95" i="8"/>
  <c r="M96" i="8"/>
  <c r="M97" i="8"/>
  <c r="M98" i="8"/>
  <c r="M99" i="8"/>
  <c r="M100" i="8"/>
  <c r="M101" i="8"/>
  <c r="M102" i="8"/>
  <c r="M103" i="8"/>
  <c r="M104" i="8"/>
  <c r="M105" i="8"/>
  <c r="M106" i="8"/>
  <c r="M107" i="8"/>
  <c r="M108" i="8"/>
  <c r="M109" i="8"/>
  <c r="M110" i="8"/>
  <c r="M111" i="8"/>
  <c r="M112" i="8"/>
  <c r="M113" i="8"/>
  <c r="M114" i="8"/>
  <c r="M115" i="8"/>
  <c r="M116" i="8"/>
  <c r="M117" i="8"/>
  <c r="M118" i="8"/>
  <c r="M119" i="8"/>
  <c r="M120" i="8"/>
  <c r="M121" i="8"/>
  <c r="M122" i="8"/>
  <c r="M123" i="8"/>
  <c r="M124" i="8"/>
  <c r="M125" i="8"/>
  <c r="M126" i="8"/>
  <c r="M127" i="8"/>
  <c r="M128" i="8"/>
  <c r="M129" i="8"/>
  <c r="M130" i="8"/>
  <c r="M131" i="8"/>
  <c r="M132" i="8"/>
  <c r="M133" i="8"/>
  <c r="M134" i="8"/>
  <c r="M135" i="8"/>
  <c r="M136" i="8"/>
  <c r="M137" i="8"/>
  <c r="M138" i="8"/>
  <c r="M139" i="8"/>
  <c r="M140" i="8"/>
  <c r="M141" i="8"/>
  <c r="M142" i="8"/>
  <c r="M143" i="8"/>
  <c r="M144" i="8"/>
  <c r="M145" i="8"/>
  <c r="M146" i="8"/>
  <c r="M147" i="8"/>
  <c r="M148" i="8"/>
  <c r="M149" i="8"/>
  <c r="M150" i="8"/>
  <c r="M151" i="8"/>
  <c r="M152" i="8"/>
  <c r="M153" i="8"/>
  <c r="M154" i="8"/>
  <c r="M155" i="8"/>
  <c r="M156" i="8"/>
  <c r="M157" i="8"/>
  <c r="M158" i="8"/>
  <c r="M159" i="8"/>
  <c r="M160" i="8"/>
  <c r="M161" i="8"/>
  <c r="M162" i="8"/>
  <c r="M163" i="8"/>
  <c r="M164" i="8"/>
  <c r="M165" i="8"/>
  <c r="M166" i="8"/>
  <c r="M167" i="8"/>
  <c r="M168" i="8"/>
  <c r="M169" i="8"/>
  <c r="M170" i="8"/>
  <c r="M171" i="8"/>
  <c r="M172" i="8"/>
  <c r="M173" i="8"/>
  <c r="M174" i="8"/>
  <c r="M175" i="8"/>
  <c r="M176" i="8"/>
  <c r="M177" i="8"/>
  <c r="M178" i="8"/>
  <c r="M179" i="8"/>
  <c r="M180" i="8"/>
  <c r="M181" i="8"/>
  <c r="M182" i="8"/>
  <c r="M183" i="8"/>
  <c r="M184" i="8"/>
  <c r="M185" i="8"/>
  <c r="M186" i="8"/>
  <c r="M187" i="8"/>
  <c r="M188" i="8"/>
  <c r="M189" i="8"/>
  <c r="M190" i="8"/>
  <c r="M191" i="8"/>
  <c r="M192" i="8"/>
  <c r="M193" i="8"/>
  <c r="M194" i="8"/>
  <c r="M195" i="8"/>
  <c r="M196" i="8"/>
  <c r="M197" i="8"/>
  <c r="M198" i="8"/>
  <c r="M199" i="8"/>
  <c r="M200" i="8"/>
  <c r="M201" i="8"/>
  <c r="M202" i="8"/>
  <c r="M203" i="8"/>
  <c r="M204" i="8"/>
  <c r="M205" i="8"/>
  <c r="M206" i="8"/>
  <c r="M207" i="8"/>
  <c r="M208" i="8"/>
  <c r="M209" i="8"/>
  <c r="M210" i="8"/>
  <c r="M211" i="8"/>
  <c r="M212" i="8"/>
  <c r="M213" i="8"/>
  <c r="M214" i="8"/>
  <c r="M215" i="8"/>
  <c r="M216" i="8"/>
  <c r="M217" i="8"/>
  <c r="M218" i="8"/>
  <c r="M219" i="8"/>
  <c r="M220" i="8"/>
  <c r="M221" i="8"/>
  <c r="M222" i="8"/>
  <c r="M223" i="8"/>
  <c r="M224" i="8"/>
  <c r="M225" i="8"/>
  <c r="M226" i="8"/>
  <c r="M227" i="8"/>
  <c r="M228" i="8"/>
  <c r="M229" i="8"/>
  <c r="M230" i="8"/>
  <c r="M231" i="8"/>
  <c r="M232" i="8"/>
  <c r="M233" i="8"/>
  <c r="M234" i="8"/>
  <c r="M235" i="8"/>
  <c r="M236" i="8"/>
  <c r="M237" i="8"/>
  <c r="M238" i="8"/>
  <c r="M239" i="8"/>
  <c r="M240" i="8"/>
  <c r="M241" i="8"/>
  <c r="M242" i="8"/>
  <c r="M243" i="8"/>
  <c r="M244" i="8"/>
  <c r="M245" i="8"/>
  <c r="M246" i="8"/>
  <c r="M247" i="8"/>
  <c r="M248" i="8"/>
  <c r="M249" i="8"/>
  <c r="M250" i="8"/>
  <c r="M251" i="8"/>
  <c r="M252" i="8"/>
  <c r="M253" i="8"/>
  <c r="M254" i="8"/>
  <c r="M255" i="8"/>
  <c r="M256" i="8"/>
  <c r="M257" i="8"/>
  <c r="M258" i="8"/>
  <c r="M259" i="8"/>
  <c r="M260" i="8"/>
  <c r="M261" i="8"/>
  <c r="M262" i="8"/>
  <c r="M263" i="8"/>
  <c r="M264" i="8"/>
  <c r="M265" i="8"/>
  <c r="M266" i="8"/>
  <c r="M267" i="8"/>
  <c r="M268" i="8"/>
  <c r="M269" i="8"/>
  <c r="M270" i="8"/>
  <c r="M271" i="8"/>
  <c r="M272" i="8"/>
  <c r="M273" i="8"/>
  <c r="M274" i="8"/>
  <c r="M275" i="8"/>
  <c r="M276" i="8"/>
  <c r="M277" i="8"/>
  <c r="M278" i="8"/>
  <c r="M279" i="8"/>
  <c r="M280" i="8"/>
  <c r="M281" i="8"/>
  <c r="M282" i="8"/>
  <c r="M283" i="8"/>
  <c r="M284" i="8"/>
  <c r="M285" i="8"/>
  <c r="M286" i="8"/>
  <c r="M287" i="8"/>
  <c r="M288" i="8"/>
  <c r="M289" i="8"/>
  <c r="M290" i="8"/>
  <c r="M291" i="8"/>
  <c r="M292" i="8"/>
  <c r="M293" i="8"/>
  <c r="M294" i="8"/>
  <c r="M295" i="8"/>
  <c r="M296" i="8"/>
  <c r="M297" i="8"/>
  <c r="M298" i="8"/>
  <c r="M299" i="8"/>
  <c r="M300" i="8"/>
  <c r="M301" i="8"/>
  <c r="M302" i="8"/>
  <c r="M303" i="8"/>
  <c r="M304" i="8"/>
  <c r="M305" i="8"/>
  <c r="M306" i="8"/>
  <c r="M307" i="8"/>
  <c r="M308" i="8"/>
  <c r="M309" i="8"/>
  <c r="M310" i="8"/>
  <c r="M311" i="8"/>
  <c r="M312" i="8"/>
  <c r="M313" i="8"/>
  <c r="M314" i="8"/>
  <c r="M315" i="8"/>
  <c r="M316" i="8"/>
  <c r="M317" i="8"/>
  <c r="M318" i="8"/>
  <c r="M319" i="8"/>
  <c r="M320" i="8"/>
  <c r="M321" i="8"/>
  <c r="M322" i="8"/>
  <c r="M323" i="8"/>
  <c r="M324" i="8"/>
  <c r="M325" i="8"/>
  <c r="M326" i="8"/>
  <c r="M327" i="8"/>
  <c r="M328" i="8"/>
  <c r="M329" i="8"/>
  <c r="M330" i="8"/>
  <c r="M331" i="8"/>
  <c r="M332" i="8"/>
  <c r="M333" i="8"/>
  <c r="M334" i="8"/>
  <c r="M335" i="8"/>
  <c r="M336" i="8"/>
  <c r="M337" i="8"/>
  <c r="M338" i="8"/>
  <c r="M339" i="8"/>
  <c r="M340" i="8"/>
  <c r="M341" i="8"/>
  <c r="M342" i="8"/>
  <c r="M343" i="8"/>
  <c r="M344" i="8"/>
  <c r="M345" i="8"/>
  <c r="M346" i="8"/>
  <c r="M347" i="8"/>
  <c r="M348" i="8"/>
  <c r="M349" i="8"/>
  <c r="M350" i="8"/>
  <c r="M351" i="8"/>
  <c r="M352" i="8"/>
  <c r="M353" i="8"/>
  <c r="M354" i="8"/>
  <c r="M355" i="8"/>
  <c r="M356" i="8"/>
  <c r="M357" i="8"/>
  <c r="M358" i="8"/>
  <c r="M359" i="8"/>
  <c r="M360" i="8"/>
  <c r="M361" i="8"/>
  <c r="M362" i="8"/>
  <c r="M363" i="8"/>
  <c r="M364" i="8"/>
  <c r="M365" i="8"/>
  <c r="M366" i="8"/>
  <c r="M367" i="8"/>
  <c r="M368" i="8"/>
  <c r="M369" i="8"/>
  <c r="M370" i="8"/>
  <c r="M371" i="8"/>
  <c r="M372" i="8"/>
  <c r="M373" i="8"/>
  <c r="M374" i="8"/>
  <c r="M375" i="8"/>
  <c r="M376" i="8"/>
  <c r="M377" i="8"/>
  <c r="M378" i="8"/>
  <c r="M379" i="8"/>
  <c r="M380" i="8"/>
  <c r="M381" i="8"/>
  <c r="M382" i="8"/>
  <c r="M383" i="8"/>
  <c r="M384" i="8"/>
  <c r="M385" i="8"/>
  <c r="M386" i="8"/>
  <c r="M387" i="8"/>
  <c r="M388" i="8"/>
  <c r="M389" i="8"/>
  <c r="M390" i="8"/>
  <c r="M391" i="8"/>
  <c r="M392" i="8"/>
  <c r="M393" i="8"/>
  <c r="M394" i="8"/>
  <c r="M395" i="8"/>
  <c r="M396" i="8"/>
  <c r="M397" i="8"/>
  <c r="M398" i="8"/>
  <c r="M399" i="8"/>
  <c r="M400" i="8"/>
  <c r="M401" i="8"/>
  <c r="M402" i="8"/>
  <c r="M403" i="8"/>
  <c r="M404" i="8"/>
  <c r="M405" i="8"/>
  <c r="M406" i="8"/>
  <c r="M407" i="8"/>
  <c r="M408" i="8"/>
  <c r="M409" i="8"/>
  <c r="M410" i="8"/>
  <c r="M411" i="8"/>
  <c r="M412" i="8"/>
  <c r="M413" i="8"/>
  <c r="M414" i="8"/>
  <c r="M415" i="8"/>
  <c r="M416" i="8"/>
  <c r="M417" i="8"/>
  <c r="M418" i="8"/>
  <c r="M419" i="8"/>
  <c r="M420" i="8"/>
  <c r="M421" i="8"/>
  <c r="M422" i="8"/>
  <c r="M423" i="8"/>
  <c r="M424" i="8"/>
  <c r="M425" i="8"/>
  <c r="M426" i="8"/>
  <c r="M427" i="8"/>
  <c r="M428" i="8"/>
  <c r="M429" i="8"/>
  <c r="M430" i="8"/>
  <c r="M431" i="8"/>
  <c r="M432" i="8"/>
  <c r="M433" i="8"/>
  <c r="M434" i="8"/>
  <c r="M435" i="8"/>
  <c r="M436" i="8"/>
  <c r="M437" i="8"/>
  <c r="M438" i="8"/>
  <c r="M439" i="8"/>
  <c r="M440" i="8"/>
  <c r="M441" i="8"/>
  <c r="M442" i="8"/>
  <c r="M443" i="8"/>
  <c r="M444" i="8"/>
  <c r="M445" i="8"/>
  <c r="M446" i="8"/>
  <c r="M447" i="8"/>
  <c r="M448" i="8"/>
  <c r="M449" i="8"/>
  <c r="M450" i="8"/>
  <c r="M451" i="8"/>
  <c r="M452" i="8"/>
  <c r="M453" i="8"/>
  <c r="M454" i="8"/>
  <c r="M455" i="8"/>
  <c r="M456" i="8"/>
  <c r="M457" i="8"/>
  <c r="M458" i="8"/>
  <c r="M459" i="8"/>
  <c r="M460" i="8"/>
  <c r="M461" i="8"/>
  <c r="M462" i="8"/>
  <c r="M463" i="8"/>
  <c r="M464" i="8"/>
  <c r="M465" i="8"/>
  <c r="M466" i="8"/>
  <c r="M467" i="8"/>
  <c r="M468" i="8"/>
  <c r="M469" i="8"/>
  <c r="M470" i="8"/>
  <c r="M471" i="8"/>
  <c r="M472" i="8"/>
  <c r="M473" i="8"/>
  <c r="M474" i="8"/>
  <c r="M475" i="8"/>
  <c r="M476" i="8"/>
  <c r="M477" i="8"/>
  <c r="M478" i="8"/>
  <c r="M479" i="8"/>
  <c r="M480" i="8"/>
  <c r="M481" i="8"/>
  <c r="M482" i="8"/>
  <c r="M483" i="8"/>
  <c r="M484" i="8"/>
  <c r="M485" i="8"/>
  <c r="M486" i="8"/>
  <c r="M487" i="8"/>
  <c r="M488" i="8"/>
  <c r="M489" i="8"/>
  <c r="M490" i="8"/>
  <c r="M491" i="8"/>
  <c r="M492" i="8"/>
  <c r="M493" i="8"/>
  <c r="M494" i="8"/>
  <c r="M495" i="8"/>
  <c r="M496" i="8"/>
  <c r="M497" i="8"/>
  <c r="M498" i="8"/>
  <c r="M499" i="8"/>
  <c r="M500" i="8"/>
  <c r="M501" i="8"/>
  <c r="M502" i="8"/>
  <c r="M503" i="8"/>
  <c r="M504" i="8"/>
  <c r="M505" i="8"/>
  <c r="M506" i="8"/>
  <c r="M507" i="8"/>
  <c r="M508" i="8"/>
  <c r="M509" i="8"/>
  <c r="M510" i="8"/>
  <c r="M511" i="8"/>
  <c r="M512" i="8"/>
  <c r="M513" i="8"/>
  <c r="M514" i="8"/>
  <c r="M515" i="8"/>
  <c r="M516" i="8"/>
  <c r="M517" i="8"/>
  <c r="M518" i="8"/>
  <c r="M519" i="8"/>
  <c r="M520" i="8"/>
  <c r="M521" i="8"/>
  <c r="M522" i="8"/>
  <c r="M523" i="8"/>
  <c r="M524" i="8"/>
  <c r="M525" i="8"/>
  <c r="M526" i="8"/>
  <c r="M527" i="8"/>
  <c r="M528" i="8"/>
  <c r="M529" i="8"/>
  <c r="M530" i="8"/>
  <c r="M531" i="8"/>
  <c r="M532" i="8"/>
  <c r="M533" i="8"/>
  <c r="M534" i="8"/>
  <c r="M535" i="8"/>
  <c r="M536" i="8"/>
  <c r="M537" i="8"/>
  <c r="M538" i="8"/>
  <c r="M539" i="8"/>
  <c r="M540" i="8"/>
  <c r="M541" i="8"/>
  <c r="M542" i="8"/>
  <c r="M543" i="8"/>
  <c r="M544" i="8"/>
  <c r="M545" i="8"/>
  <c r="M546" i="8"/>
  <c r="M547" i="8"/>
  <c r="M548" i="8"/>
  <c r="M549" i="8"/>
  <c r="M550" i="8"/>
  <c r="M551" i="8"/>
  <c r="M552" i="8"/>
  <c r="M553" i="8"/>
  <c r="M554" i="8"/>
  <c r="M555" i="8"/>
  <c r="M556" i="8"/>
  <c r="M557" i="8"/>
  <c r="M558" i="8"/>
  <c r="M559" i="8"/>
  <c r="M560" i="8"/>
  <c r="M561" i="8"/>
  <c r="M562" i="8"/>
  <c r="M563" i="8"/>
  <c r="M564" i="8"/>
  <c r="M565" i="8"/>
  <c r="M566" i="8"/>
  <c r="M567" i="8"/>
  <c r="M568" i="8"/>
  <c r="M569" i="8"/>
  <c r="M570" i="8"/>
  <c r="M571" i="8"/>
  <c r="M572" i="8"/>
  <c r="M573" i="8"/>
  <c r="M574" i="8"/>
  <c r="M575" i="8"/>
  <c r="M576" i="8"/>
  <c r="M577" i="8"/>
  <c r="M578" i="8"/>
  <c r="M579" i="8"/>
  <c r="M580" i="8"/>
  <c r="M581" i="8"/>
  <c r="M582" i="8"/>
  <c r="M583" i="8"/>
  <c r="M584" i="8"/>
  <c r="M585" i="8"/>
  <c r="M586" i="8"/>
  <c r="M587" i="8"/>
  <c r="M588" i="8"/>
  <c r="M589" i="8"/>
  <c r="M590" i="8"/>
  <c r="M591" i="8"/>
  <c r="M592" i="8"/>
  <c r="M593" i="8"/>
  <c r="M594" i="8"/>
  <c r="M595" i="8"/>
  <c r="M596" i="8"/>
  <c r="M597" i="8"/>
  <c r="M598" i="8"/>
  <c r="M599" i="8"/>
  <c r="M600" i="8"/>
  <c r="M601" i="8"/>
  <c r="M602" i="8"/>
  <c r="M603" i="8"/>
  <c r="M604" i="8"/>
  <c r="M605" i="8"/>
  <c r="M606" i="8"/>
  <c r="M607" i="8"/>
  <c r="M608" i="8"/>
  <c r="M609" i="8"/>
  <c r="M610" i="8"/>
  <c r="M611" i="8"/>
  <c r="M612" i="8"/>
  <c r="M613" i="8"/>
  <c r="M614" i="8"/>
  <c r="M615" i="8"/>
  <c r="M616" i="8"/>
  <c r="M617" i="8"/>
  <c r="M618" i="8"/>
  <c r="M619" i="8"/>
  <c r="M620" i="8"/>
  <c r="M621" i="8"/>
  <c r="M622" i="8"/>
  <c r="M623" i="8"/>
  <c r="M624" i="8"/>
  <c r="M625" i="8"/>
  <c r="M626" i="8"/>
  <c r="M627" i="8"/>
  <c r="M628" i="8"/>
  <c r="M629" i="8"/>
  <c r="M630" i="8"/>
  <c r="M631" i="8"/>
  <c r="M632" i="8"/>
  <c r="M633" i="8"/>
  <c r="M634" i="8"/>
  <c r="M635" i="8"/>
  <c r="M636" i="8"/>
  <c r="M637" i="8"/>
  <c r="M638" i="8"/>
  <c r="M639" i="8"/>
  <c r="M640" i="8"/>
  <c r="M641" i="8"/>
  <c r="M642" i="8"/>
  <c r="M643" i="8"/>
  <c r="M644" i="8"/>
  <c r="M645" i="8"/>
  <c r="M646" i="8"/>
  <c r="M647" i="8"/>
  <c r="M648" i="8"/>
  <c r="M649" i="8"/>
  <c r="M650" i="8"/>
  <c r="M651" i="8"/>
  <c r="M652" i="8"/>
  <c r="M653" i="8"/>
  <c r="M654" i="8"/>
  <c r="M655" i="8"/>
  <c r="M656" i="8"/>
  <c r="M657" i="8"/>
  <c r="M658" i="8"/>
  <c r="M659" i="8"/>
  <c r="M660" i="8"/>
  <c r="M661" i="8"/>
  <c r="M662" i="8"/>
  <c r="M663" i="8"/>
  <c r="M664" i="8"/>
  <c r="M665" i="8"/>
  <c r="M666" i="8"/>
  <c r="M667" i="8"/>
  <c r="M668" i="8"/>
  <c r="M669" i="8"/>
  <c r="M670" i="8"/>
  <c r="M671" i="8"/>
  <c r="M672" i="8"/>
  <c r="M673" i="8"/>
  <c r="M674" i="8"/>
  <c r="M675" i="8"/>
  <c r="M676" i="8"/>
  <c r="M677" i="8"/>
  <c r="M678" i="8"/>
  <c r="M679" i="8"/>
  <c r="M680" i="8"/>
  <c r="M681" i="8"/>
  <c r="M682" i="8"/>
  <c r="M683" i="8"/>
  <c r="M684" i="8"/>
  <c r="M685" i="8"/>
  <c r="M686" i="8"/>
  <c r="M687" i="8"/>
  <c r="M688" i="8"/>
  <c r="M689" i="8"/>
  <c r="M690" i="8"/>
  <c r="M691" i="8"/>
  <c r="M692" i="8"/>
  <c r="M693" i="8"/>
  <c r="M694" i="8"/>
  <c r="M695" i="8"/>
  <c r="M696" i="8"/>
  <c r="M697" i="8"/>
  <c r="M698" i="8"/>
  <c r="M699" i="8"/>
  <c r="M700" i="8"/>
  <c r="M701" i="8"/>
  <c r="M702" i="8"/>
  <c r="M703" i="8"/>
  <c r="M704" i="8"/>
  <c r="M705" i="8"/>
  <c r="M706" i="8"/>
  <c r="M707" i="8"/>
  <c r="M708" i="8"/>
  <c r="M709" i="8"/>
  <c r="M710" i="8"/>
  <c r="M711" i="8"/>
  <c r="M712" i="8"/>
  <c r="M713" i="8"/>
  <c r="M714" i="8"/>
  <c r="M715" i="8"/>
  <c r="M716" i="8"/>
  <c r="M717" i="8"/>
  <c r="M718" i="8"/>
  <c r="M719" i="8"/>
  <c r="M720" i="8"/>
  <c r="M721" i="8"/>
  <c r="M722" i="8"/>
  <c r="M723" i="8"/>
  <c r="M724" i="8"/>
  <c r="M725" i="8"/>
  <c r="M726" i="8"/>
  <c r="M727" i="8"/>
  <c r="M728" i="8"/>
  <c r="M729" i="8"/>
  <c r="M730" i="8"/>
  <c r="M731" i="8"/>
  <c r="M732" i="8"/>
  <c r="M733" i="8"/>
  <c r="M734" i="8"/>
  <c r="M735" i="8"/>
  <c r="M736" i="8"/>
  <c r="M737" i="8"/>
  <c r="M738" i="8"/>
  <c r="M739" i="8"/>
  <c r="M740" i="8"/>
  <c r="M741" i="8"/>
  <c r="M742" i="8"/>
  <c r="M743" i="8"/>
  <c r="M744" i="8"/>
  <c r="M745" i="8"/>
  <c r="M746" i="8"/>
  <c r="M747" i="8"/>
  <c r="M748" i="8"/>
  <c r="M749" i="8"/>
  <c r="M750" i="8"/>
  <c r="M751" i="8"/>
  <c r="M752" i="8"/>
  <c r="M753" i="8"/>
  <c r="M754" i="8"/>
  <c r="M755" i="8"/>
  <c r="M756" i="8"/>
  <c r="M757" i="8"/>
  <c r="M758" i="8"/>
  <c r="M759" i="8"/>
  <c r="M760" i="8"/>
  <c r="M761" i="8"/>
  <c r="M762" i="8"/>
  <c r="M763" i="8"/>
  <c r="M764" i="8"/>
  <c r="M765" i="8"/>
  <c r="M766" i="8"/>
  <c r="M767" i="8"/>
  <c r="M768" i="8"/>
  <c r="M769" i="8"/>
  <c r="M770" i="8"/>
  <c r="M771" i="8"/>
  <c r="M772" i="8"/>
  <c r="M773" i="8"/>
  <c r="M774" i="8"/>
  <c r="M775" i="8"/>
  <c r="M776" i="8"/>
  <c r="M777" i="8"/>
  <c r="M778" i="8"/>
  <c r="M779" i="8"/>
  <c r="M780" i="8"/>
  <c r="M781" i="8"/>
  <c r="M782" i="8"/>
  <c r="M783" i="8"/>
  <c r="M784" i="8"/>
  <c r="M785" i="8"/>
  <c r="M786" i="8"/>
  <c r="M787" i="8"/>
  <c r="M788" i="8"/>
  <c r="M789" i="8"/>
  <c r="M790" i="8"/>
  <c r="M791" i="8"/>
  <c r="M792" i="8"/>
  <c r="M793" i="8"/>
  <c r="M794" i="8"/>
  <c r="M795" i="8"/>
  <c r="M796" i="8"/>
  <c r="M797" i="8"/>
  <c r="M798" i="8"/>
  <c r="M799" i="8"/>
  <c r="M800" i="8"/>
  <c r="M801" i="8"/>
  <c r="M802" i="8"/>
  <c r="M803" i="8"/>
  <c r="M804" i="8"/>
  <c r="M805" i="8"/>
  <c r="M806" i="8"/>
  <c r="M807" i="8"/>
  <c r="M808" i="8"/>
  <c r="M809" i="8"/>
  <c r="M810" i="8"/>
  <c r="M811" i="8"/>
  <c r="M812" i="8"/>
  <c r="M813" i="8"/>
  <c r="M814" i="8"/>
  <c r="M815" i="8"/>
  <c r="M816" i="8"/>
  <c r="M817" i="8"/>
  <c r="M818" i="8"/>
  <c r="M819" i="8"/>
  <c r="M820" i="8"/>
  <c r="M821" i="8"/>
  <c r="M822" i="8"/>
  <c r="M823" i="8"/>
  <c r="M824" i="8"/>
  <c r="M825" i="8"/>
  <c r="M826" i="8"/>
  <c r="M827" i="8"/>
  <c r="M828" i="8"/>
  <c r="M829" i="8"/>
  <c r="M830" i="8"/>
  <c r="M831" i="8"/>
  <c r="M832" i="8"/>
  <c r="M833" i="8"/>
  <c r="M834" i="8"/>
  <c r="M835" i="8"/>
  <c r="M836" i="8"/>
  <c r="M837" i="8"/>
  <c r="M838" i="8"/>
  <c r="M839" i="8"/>
  <c r="M840" i="8"/>
  <c r="M841" i="8"/>
  <c r="M842" i="8"/>
  <c r="M843" i="8"/>
  <c r="M844" i="8"/>
  <c r="M845" i="8"/>
  <c r="M846" i="8"/>
  <c r="M847" i="8"/>
  <c r="M848" i="8"/>
  <c r="M849" i="8"/>
  <c r="M850" i="8"/>
  <c r="M851" i="8"/>
  <c r="M852" i="8"/>
  <c r="M853" i="8"/>
  <c r="M854" i="8"/>
  <c r="M855" i="8"/>
  <c r="M856" i="8"/>
  <c r="M857" i="8"/>
  <c r="M858" i="8"/>
  <c r="M859" i="8"/>
  <c r="M860" i="8"/>
  <c r="M861" i="8"/>
  <c r="M862" i="8"/>
  <c r="M863" i="8"/>
  <c r="M864" i="8"/>
  <c r="M865" i="8"/>
  <c r="M866" i="8"/>
  <c r="M867" i="8"/>
  <c r="M868" i="8"/>
  <c r="M869" i="8"/>
  <c r="M870" i="8"/>
  <c r="M871" i="8"/>
  <c r="M872" i="8"/>
  <c r="M873" i="8"/>
  <c r="M874" i="8"/>
  <c r="M875" i="8"/>
  <c r="M876" i="8"/>
  <c r="M877" i="8"/>
  <c r="M878" i="8"/>
  <c r="M879" i="8"/>
  <c r="M880" i="8"/>
  <c r="M881" i="8"/>
  <c r="M882" i="8"/>
  <c r="M883" i="8"/>
  <c r="M884" i="8"/>
  <c r="M885" i="8"/>
  <c r="M886" i="8"/>
  <c r="M887" i="8"/>
  <c r="M888" i="8"/>
  <c r="M889" i="8"/>
  <c r="M890" i="8"/>
  <c r="M891" i="8"/>
  <c r="M892" i="8"/>
  <c r="M893" i="8"/>
  <c r="M894" i="8"/>
  <c r="M895" i="8"/>
  <c r="M896" i="8"/>
  <c r="M897" i="8"/>
  <c r="M898" i="8"/>
  <c r="M899" i="8"/>
  <c r="M900" i="8"/>
  <c r="M901" i="8"/>
  <c r="M902" i="8"/>
  <c r="M903" i="8"/>
  <c r="M904" i="8"/>
  <c r="M905" i="8"/>
  <c r="M906" i="8"/>
  <c r="M907" i="8"/>
  <c r="M908" i="8"/>
  <c r="M909" i="8"/>
  <c r="M910" i="8"/>
  <c r="M911" i="8"/>
  <c r="M912" i="8"/>
  <c r="M913" i="8"/>
  <c r="M914" i="8"/>
  <c r="M915" i="8"/>
  <c r="M916" i="8"/>
  <c r="M917" i="8"/>
  <c r="M918" i="8"/>
  <c r="M919" i="8"/>
  <c r="M920" i="8"/>
  <c r="M921" i="8"/>
  <c r="M922" i="8"/>
  <c r="M923" i="8"/>
  <c r="M924" i="8"/>
  <c r="M925" i="8"/>
  <c r="M926" i="8"/>
  <c r="M927" i="8"/>
  <c r="M928" i="8"/>
  <c r="M929" i="8"/>
  <c r="M930" i="8"/>
  <c r="M931" i="8"/>
  <c r="M932" i="8"/>
  <c r="M933" i="8"/>
  <c r="M934" i="8"/>
  <c r="M935" i="8"/>
  <c r="M936" i="8"/>
  <c r="M937" i="8"/>
  <c r="M938" i="8"/>
  <c r="M939" i="8"/>
  <c r="M940" i="8"/>
  <c r="M941" i="8"/>
  <c r="M942" i="8"/>
  <c r="M943" i="8"/>
  <c r="M944" i="8"/>
  <c r="M945" i="8"/>
  <c r="M946" i="8"/>
  <c r="M947" i="8"/>
  <c r="M948" i="8"/>
  <c r="M949" i="8"/>
  <c r="M950" i="8"/>
  <c r="M951" i="8"/>
  <c r="M952" i="8"/>
  <c r="M953" i="8"/>
  <c r="M954" i="8"/>
  <c r="M955" i="8"/>
  <c r="M956" i="8"/>
  <c r="M957" i="8"/>
  <c r="M958" i="8"/>
  <c r="M959" i="8"/>
  <c r="M960" i="8"/>
  <c r="M961" i="8"/>
  <c r="M962" i="8"/>
  <c r="M963" i="8"/>
  <c r="M964" i="8"/>
  <c r="M965" i="8"/>
  <c r="M966" i="8"/>
  <c r="M967" i="8"/>
  <c r="M968" i="8"/>
  <c r="M969" i="8"/>
  <c r="M970" i="8"/>
  <c r="M971" i="8"/>
  <c r="M972" i="8"/>
  <c r="M973" i="8"/>
  <c r="M974" i="8"/>
  <c r="M975" i="8"/>
  <c r="M976" i="8"/>
  <c r="M977" i="8"/>
  <c r="M978" i="8"/>
  <c r="M979" i="8"/>
  <c r="M980" i="8"/>
  <c r="M981" i="8"/>
  <c r="M982" i="8"/>
  <c r="M983" i="8"/>
  <c r="M984" i="8"/>
  <c r="M985" i="8"/>
  <c r="M986" i="8"/>
  <c r="M987" i="8"/>
  <c r="M988" i="8"/>
  <c r="M989" i="8"/>
  <c r="M990" i="8"/>
  <c r="M991" i="8"/>
  <c r="M992" i="8"/>
  <c r="M993" i="8"/>
  <c r="M994" i="8"/>
  <c r="M995" i="8"/>
  <c r="M996" i="8"/>
  <c r="M997" i="8"/>
  <c r="M998" i="8"/>
  <c r="M999" i="8"/>
  <c r="M1000" i="8"/>
  <c r="M1001" i="8"/>
  <c r="M1002" i="8"/>
  <c r="M1003" i="8"/>
  <c r="M1004" i="8"/>
  <c r="M1005" i="8"/>
  <c r="M1006" i="8"/>
  <c r="M1007" i="8"/>
  <c r="M1008" i="8"/>
  <c r="M1009" i="8"/>
  <c r="M1010" i="8"/>
  <c r="M1011" i="8"/>
  <c r="M1012" i="8"/>
  <c r="M1013" i="8"/>
  <c r="M1014" i="8"/>
  <c r="M1015" i="8"/>
  <c r="M1016" i="8"/>
  <c r="M1017" i="8"/>
  <c r="M1018" i="8"/>
  <c r="M1019" i="8"/>
  <c r="M1020" i="8"/>
  <c r="M1021" i="8"/>
  <c r="M1022" i="8"/>
  <c r="M1023" i="8"/>
  <c r="M1024" i="8"/>
  <c r="M1025" i="8"/>
  <c r="M1026" i="8"/>
  <c r="M1027" i="8"/>
  <c r="M1028" i="8"/>
  <c r="M1029" i="8"/>
  <c r="M1030" i="8"/>
  <c r="M1031" i="8"/>
  <c r="M1032" i="8"/>
  <c r="M1033" i="8"/>
  <c r="M1034" i="8"/>
  <c r="M1035" i="8"/>
  <c r="M1036" i="8"/>
  <c r="M1037" i="8"/>
  <c r="M1038" i="8"/>
  <c r="M1039" i="8"/>
  <c r="M1040" i="8"/>
  <c r="M1041" i="8"/>
  <c r="M1042" i="8"/>
  <c r="M1043" i="8"/>
  <c r="M1044" i="8"/>
  <c r="M1045" i="8"/>
  <c r="M1046" i="8"/>
  <c r="M1047" i="8"/>
  <c r="M1048" i="8"/>
  <c r="M1049" i="8"/>
  <c r="M1050" i="8"/>
  <c r="M1051" i="8"/>
  <c r="M1052" i="8"/>
  <c r="M1053" i="8"/>
  <c r="M1054" i="8"/>
  <c r="M1055" i="8"/>
  <c r="M1056" i="8"/>
  <c r="M1057" i="8"/>
  <c r="M1058" i="8"/>
  <c r="M1059" i="8"/>
  <c r="M1060" i="8"/>
  <c r="M1061" i="8"/>
  <c r="M1062" i="8"/>
  <c r="M1063" i="8"/>
  <c r="M1064" i="8"/>
  <c r="M1065" i="8"/>
  <c r="M1066" i="8"/>
  <c r="M1067" i="8"/>
  <c r="M1068" i="8"/>
  <c r="M1069" i="8"/>
  <c r="M1070" i="8"/>
  <c r="M1071" i="8"/>
  <c r="M1072" i="8"/>
  <c r="M1073" i="8"/>
  <c r="M1074" i="8"/>
  <c r="M1075" i="8"/>
  <c r="M1076" i="8"/>
  <c r="M1077" i="8"/>
  <c r="M1078" i="8"/>
  <c r="M1079" i="8"/>
  <c r="M1080" i="8"/>
  <c r="M1081" i="8"/>
  <c r="M1082" i="8"/>
  <c r="M1083" i="8"/>
  <c r="M1084" i="8"/>
  <c r="M1085" i="8"/>
  <c r="M1086" i="8"/>
  <c r="M1087" i="8"/>
  <c r="M1088" i="8"/>
  <c r="M1089" i="8"/>
  <c r="M1090" i="8"/>
  <c r="M1091" i="8"/>
  <c r="M1092" i="8"/>
  <c r="M1093" i="8"/>
  <c r="M1094" i="8"/>
  <c r="M1095" i="8"/>
  <c r="M1096" i="8"/>
  <c r="M1097" i="8"/>
  <c r="M1098" i="8"/>
  <c r="M1099" i="8"/>
  <c r="M1100" i="8"/>
  <c r="M1101" i="8"/>
  <c r="M1102" i="8"/>
  <c r="M1103" i="8"/>
  <c r="M1104" i="8"/>
  <c r="M1105" i="8"/>
  <c r="M1106" i="8"/>
  <c r="M1107" i="8"/>
  <c r="M1108" i="8"/>
  <c r="M1109" i="8"/>
  <c r="M1110" i="8"/>
  <c r="M1111" i="8"/>
  <c r="M1112" i="8"/>
  <c r="M1113" i="8"/>
  <c r="M1114" i="8"/>
  <c r="M1115" i="8"/>
  <c r="M1116" i="8"/>
  <c r="M1117" i="8"/>
  <c r="M1118" i="8"/>
  <c r="M1119" i="8"/>
  <c r="M1120" i="8"/>
  <c r="M1121" i="8"/>
  <c r="M1122" i="8"/>
  <c r="M1123" i="8"/>
  <c r="M1124" i="8"/>
  <c r="M1125" i="8"/>
  <c r="M1126" i="8"/>
  <c r="M1127" i="8"/>
  <c r="M1128" i="8"/>
  <c r="M1129" i="8"/>
  <c r="M1130" i="8"/>
  <c r="M1131" i="8"/>
  <c r="M1132" i="8"/>
  <c r="M1133" i="8"/>
  <c r="M1134" i="8"/>
  <c r="M1135" i="8"/>
  <c r="M1136" i="8"/>
  <c r="M1137" i="8"/>
  <c r="M1138" i="8"/>
  <c r="M1139" i="8"/>
  <c r="M1140" i="8"/>
  <c r="M1141" i="8"/>
  <c r="M1142" i="8"/>
  <c r="M1143" i="8"/>
  <c r="M1144" i="8"/>
  <c r="M1145" i="8"/>
  <c r="M1146" i="8"/>
  <c r="M1147" i="8"/>
  <c r="M1148" i="8"/>
  <c r="M1149" i="8"/>
  <c r="M1150" i="8"/>
  <c r="M1151" i="8"/>
  <c r="M1152" i="8"/>
  <c r="M1153" i="8"/>
  <c r="M1154" i="8"/>
  <c r="M1155" i="8"/>
  <c r="M1156" i="8"/>
  <c r="M1157" i="8"/>
  <c r="M1158" i="8"/>
  <c r="M1159" i="8"/>
  <c r="M1160" i="8"/>
  <c r="M1161" i="8"/>
  <c r="M1162" i="8"/>
  <c r="M1163" i="8"/>
  <c r="M1164" i="8"/>
  <c r="M1165" i="8"/>
  <c r="M1166" i="8"/>
  <c r="M1167" i="8"/>
  <c r="M1168" i="8"/>
  <c r="M1169" i="8"/>
  <c r="M1170" i="8"/>
  <c r="M1171" i="8"/>
  <c r="M1172" i="8"/>
  <c r="M1173" i="8"/>
  <c r="M1174" i="8"/>
  <c r="M1175" i="8"/>
  <c r="M1176" i="8"/>
  <c r="M1177" i="8"/>
  <c r="M1178" i="8"/>
  <c r="M1179" i="8"/>
  <c r="M1180" i="8"/>
  <c r="M1181" i="8"/>
  <c r="M1182" i="8"/>
  <c r="M1183" i="8"/>
  <c r="M1184" i="8"/>
  <c r="M1185" i="8"/>
  <c r="M1186" i="8"/>
  <c r="M1187" i="8"/>
  <c r="M1188" i="8"/>
  <c r="M1189" i="8"/>
  <c r="M1190" i="8"/>
  <c r="M1191" i="8"/>
  <c r="M1192" i="8"/>
  <c r="M1193" i="8"/>
  <c r="M1194" i="8"/>
  <c r="M1195" i="8"/>
  <c r="M1196" i="8"/>
  <c r="M1197" i="8"/>
  <c r="M1198" i="8"/>
  <c r="M1199" i="8"/>
  <c r="M1200" i="8"/>
  <c r="M1201" i="8"/>
  <c r="M1202" i="8"/>
  <c r="M1203" i="8"/>
  <c r="M1204" i="8"/>
  <c r="M1205" i="8"/>
  <c r="M1206" i="8"/>
  <c r="M1207" i="8"/>
  <c r="M1208" i="8"/>
  <c r="M1209" i="8"/>
  <c r="M1210" i="8"/>
  <c r="M1211" i="8"/>
  <c r="M1212" i="8"/>
  <c r="M1213" i="8"/>
  <c r="M1214" i="8"/>
  <c r="M1215" i="8"/>
  <c r="M1216" i="8"/>
  <c r="M1217" i="8"/>
  <c r="M1218" i="8"/>
  <c r="M1219" i="8"/>
  <c r="M1220" i="8"/>
  <c r="M1221" i="8"/>
  <c r="M1222" i="8"/>
  <c r="M1223" i="8"/>
  <c r="M1224" i="8"/>
  <c r="M1225" i="8"/>
  <c r="M1226" i="8"/>
  <c r="M1227" i="8"/>
  <c r="M1228" i="8"/>
  <c r="M1229" i="8"/>
  <c r="M1230" i="8"/>
  <c r="M1231" i="8"/>
  <c r="M1232" i="8"/>
  <c r="M1233" i="8"/>
  <c r="M1234" i="8"/>
  <c r="M1235" i="8"/>
  <c r="M1236" i="8"/>
  <c r="M1237" i="8"/>
  <c r="M1238" i="8"/>
  <c r="M1239" i="8"/>
  <c r="M1240" i="8"/>
  <c r="M1241" i="8"/>
  <c r="M1242" i="8"/>
  <c r="M1243" i="8"/>
  <c r="M1244" i="8"/>
  <c r="M1245" i="8"/>
  <c r="M1246" i="8"/>
  <c r="M1247" i="8"/>
  <c r="M1248" i="8"/>
  <c r="M1249" i="8"/>
  <c r="M1250" i="8"/>
  <c r="M1251" i="8"/>
  <c r="M1252" i="8"/>
  <c r="M1253" i="8"/>
  <c r="M1254" i="8"/>
  <c r="M1255" i="8"/>
  <c r="M1256" i="8"/>
  <c r="M1257" i="8"/>
  <c r="M1258" i="8"/>
  <c r="M1259" i="8"/>
  <c r="M1260" i="8"/>
  <c r="M1261" i="8"/>
  <c r="M1262" i="8"/>
  <c r="M1263" i="8"/>
  <c r="M1264" i="8"/>
  <c r="M1265" i="8"/>
  <c r="M1266" i="8"/>
  <c r="M1267" i="8"/>
  <c r="M1268" i="8"/>
  <c r="M1269" i="8"/>
  <c r="M1270" i="8"/>
  <c r="M1271" i="8"/>
  <c r="M1272" i="8"/>
  <c r="M1273" i="8"/>
  <c r="M1274" i="8"/>
  <c r="M1275" i="8"/>
  <c r="M1276" i="8"/>
  <c r="M1277" i="8"/>
  <c r="M1278" i="8"/>
  <c r="M1279" i="8"/>
  <c r="M1280" i="8"/>
  <c r="M1281" i="8"/>
  <c r="M1282" i="8"/>
  <c r="M1283" i="8"/>
  <c r="M1284" i="8"/>
  <c r="M1285" i="8"/>
  <c r="M1286" i="8"/>
  <c r="M1287" i="8"/>
  <c r="M1288" i="8"/>
  <c r="M1289" i="8"/>
  <c r="M1290" i="8"/>
  <c r="M1291" i="8"/>
  <c r="M1292" i="8"/>
  <c r="M1293" i="8"/>
  <c r="M1294" i="8"/>
  <c r="M1295" i="8"/>
  <c r="M1296" i="8"/>
  <c r="M1297" i="8"/>
  <c r="M1298" i="8"/>
  <c r="M1299" i="8"/>
  <c r="M1300" i="8"/>
  <c r="M1301" i="8"/>
  <c r="M1302" i="8"/>
  <c r="M1303" i="8"/>
  <c r="M1304" i="8"/>
  <c r="M1305" i="8"/>
  <c r="M1306" i="8"/>
  <c r="M1307" i="8"/>
  <c r="M1308" i="8"/>
  <c r="M1309" i="8"/>
  <c r="M1310" i="8"/>
  <c r="M1311" i="8"/>
  <c r="M1312" i="8"/>
  <c r="M1313" i="8"/>
  <c r="M1314" i="8"/>
  <c r="M1315" i="8"/>
  <c r="M1316" i="8"/>
  <c r="M1317" i="8"/>
  <c r="M1318" i="8"/>
  <c r="M1319" i="8"/>
  <c r="M1320" i="8"/>
  <c r="M1321" i="8"/>
  <c r="M1322" i="8"/>
  <c r="M1323" i="8"/>
  <c r="M1324" i="8"/>
  <c r="M1325" i="8"/>
  <c r="M1326" i="8"/>
  <c r="M1327" i="8"/>
  <c r="M1328" i="8"/>
  <c r="M1329" i="8"/>
  <c r="M1330" i="8"/>
  <c r="M1331" i="8"/>
  <c r="M1332" i="8"/>
  <c r="M1333" i="8"/>
  <c r="M1334" i="8"/>
  <c r="M1335" i="8"/>
  <c r="M1336" i="8"/>
  <c r="M1337" i="8"/>
  <c r="M1338" i="8"/>
  <c r="M1339" i="8"/>
  <c r="M1340" i="8"/>
  <c r="M1341" i="8"/>
  <c r="M1342" i="8"/>
  <c r="M1343" i="8"/>
  <c r="M1344" i="8"/>
  <c r="M1345" i="8"/>
  <c r="M1346" i="8"/>
  <c r="M1347" i="8"/>
  <c r="M1348" i="8"/>
  <c r="M1349" i="8"/>
  <c r="M1350" i="8"/>
  <c r="M1351" i="8"/>
  <c r="M1352" i="8"/>
  <c r="M1353" i="8"/>
  <c r="M1354" i="8"/>
  <c r="M1355" i="8"/>
  <c r="M1356" i="8"/>
  <c r="M1357" i="8"/>
  <c r="M1358" i="8"/>
  <c r="M1359" i="8"/>
  <c r="M1360" i="8"/>
  <c r="M1361" i="8"/>
  <c r="M1362" i="8"/>
  <c r="M1363" i="8"/>
  <c r="M1364" i="8"/>
  <c r="M1365" i="8"/>
  <c r="M1366" i="8"/>
  <c r="M1367" i="8"/>
  <c r="M1368" i="8"/>
  <c r="M1369" i="8"/>
  <c r="M1370" i="8"/>
  <c r="M1371" i="8"/>
  <c r="M1372" i="8"/>
  <c r="M1373" i="8"/>
  <c r="M1374" i="8"/>
  <c r="M1375" i="8"/>
  <c r="M1376" i="8"/>
  <c r="M1377" i="8"/>
  <c r="M1378" i="8"/>
  <c r="M1379" i="8"/>
  <c r="M1380" i="8"/>
  <c r="M1381" i="8"/>
  <c r="M1382" i="8"/>
  <c r="M1383" i="8"/>
  <c r="M1384" i="8"/>
  <c r="M1385" i="8"/>
  <c r="M1386" i="8"/>
  <c r="M1387" i="8"/>
  <c r="M1388" i="8"/>
  <c r="M1389" i="8"/>
  <c r="M1390" i="8"/>
  <c r="M1391" i="8"/>
  <c r="M1392" i="8"/>
  <c r="M1393" i="8"/>
  <c r="M1394" i="8"/>
  <c r="M1395" i="8"/>
  <c r="M1396" i="8"/>
  <c r="M1397" i="8"/>
  <c r="M1398" i="8"/>
  <c r="M1399" i="8"/>
  <c r="M1400" i="8"/>
  <c r="M1401" i="8"/>
  <c r="M1402" i="8"/>
  <c r="M1403" i="8"/>
  <c r="M1404" i="8"/>
  <c r="M1405" i="8"/>
  <c r="M1406" i="8"/>
  <c r="M1407" i="8"/>
  <c r="M1408" i="8"/>
  <c r="M1409" i="8"/>
  <c r="M1410" i="8"/>
  <c r="M1411" i="8"/>
  <c r="M1412" i="8"/>
  <c r="M1413" i="8"/>
  <c r="M1414" i="8"/>
  <c r="M1415" i="8"/>
  <c r="M1416" i="8"/>
  <c r="M1417" i="8"/>
  <c r="M1418" i="8"/>
  <c r="M1419" i="8"/>
  <c r="M1420" i="8"/>
  <c r="M1421" i="8"/>
  <c r="M1422" i="8"/>
  <c r="M1423" i="8"/>
  <c r="M1424" i="8"/>
  <c r="M1425" i="8"/>
  <c r="M1426" i="8"/>
  <c r="M1427" i="8"/>
  <c r="M1428" i="8"/>
  <c r="M1429" i="8"/>
  <c r="M1430" i="8"/>
  <c r="M1431" i="8"/>
  <c r="M1432" i="8"/>
  <c r="M1433" i="8"/>
  <c r="M1434" i="8"/>
  <c r="M1435" i="8"/>
  <c r="M1436" i="8"/>
  <c r="M1437" i="8"/>
  <c r="M1438" i="8"/>
  <c r="M1439" i="8"/>
  <c r="M1440" i="8"/>
  <c r="M1441" i="8"/>
  <c r="M1442" i="8"/>
  <c r="M1443" i="8"/>
  <c r="M1444" i="8"/>
  <c r="M1445" i="8"/>
  <c r="M1446" i="8"/>
  <c r="M1447" i="8"/>
  <c r="M1448" i="8"/>
  <c r="M1449" i="8"/>
  <c r="M1450" i="8"/>
  <c r="M1451" i="8"/>
  <c r="M1452" i="8"/>
  <c r="M1453" i="8"/>
  <c r="M1454" i="8"/>
  <c r="M1455" i="8"/>
  <c r="M1456" i="8"/>
  <c r="M1457" i="8"/>
  <c r="M1458" i="8"/>
  <c r="M1459" i="8"/>
  <c r="M1460" i="8"/>
  <c r="M1461" i="8"/>
  <c r="M1462" i="8"/>
  <c r="M1463" i="8"/>
  <c r="M1464" i="8"/>
  <c r="M1465" i="8"/>
  <c r="M1466" i="8"/>
  <c r="M1467" i="8"/>
  <c r="M1468" i="8"/>
  <c r="M1469" i="8"/>
  <c r="M1470" i="8"/>
  <c r="M1471" i="8"/>
  <c r="M1472" i="8"/>
  <c r="M1473" i="8"/>
  <c r="M1474" i="8"/>
  <c r="M1475" i="8"/>
  <c r="M1476" i="8"/>
  <c r="M1477" i="8"/>
  <c r="M1478" i="8"/>
  <c r="M1479" i="8"/>
  <c r="M1480" i="8"/>
  <c r="M1481" i="8"/>
  <c r="M1482" i="8"/>
  <c r="M1483" i="8"/>
  <c r="M1484" i="8"/>
  <c r="M1485" i="8"/>
  <c r="M1486" i="8"/>
  <c r="M1487" i="8"/>
  <c r="M1488" i="8"/>
  <c r="M1489" i="8"/>
  <c r="M1490" i="8"/>
  <c r="M1491" i="8"/>
  <c r="M1492" i="8"/>
  <c r="M1493" i="8"/>
  <c r="M1494" i="8"/>
  <c r="M1495" i="8"/>
  <c r="M1496" i="8"/>
  <c r="M1497" i="8"/>
  <c r="M1498" i="8"/>
  <c r="M1499" i="8"/>
  <c r="M1500" i="8"/>
  <c r="M1501" i="8"/>
  <c r="M1502" i="8"/>
  <c r="M1503" i="8"/>
  <c r="M1504" i="8"/>
  <c r="M1505" i="8"/>
  <c r="M1506" i="8"/>
  <c r="M1507" i="8"/>
  <c r="M1508" i="8"/>
  <c r="M1509" i="8"/>
  <c r="M1510" i="8"/>
  <c r="M1511" i="8"/>
  <c r="M1512" i="8"/>
  <c r="M1513" i="8"/>
  <c r="M1514" i="8"/>
  <c r="M1515" i="8"/>
  <c r="M1516" i="8"/>
  <c r="M1517" i="8"/>
  <c r="M1518" i="8"/>
  <c r="M1519" i="8"/>
  <c r="M1520" i="8"/>
  <c r="M1521" i="8"/>
  <c r="M1522" i="8"/>
  <c r="M1523" i="8"/>
  <c r="M1524" i="8"/>
  <c r="M1525" i="8"/>
  <c r="M1526" i="8"/>
  <c r="M1527" i="8"/>
  <c r="M1528" i="8"/>
  <c r="M1529" i="8"/>
  <c r="M1530" i="8"/>
  <c r="M1531" i="8"/>
  <c r="M1532" i="8"/>
  <c r="M1533" i="8"/>
  <c r="M1534" i="8"/>
  <c r="M1535" i="8"/>
  <c r="M1536" i="8"/>
  <c r="M1537" i="8"/>
  <c r="M1538" i="8"/>
  <c r="M1539" i="8"/>
  <c r="M1540" i="8"/>
  <c r="M1541" i="8"/>
  <c r="M1542" i="8"/>
  <c r="M1543" i="8"/>
  <c r="M1544" i="8"/>
  <c r="M1545" i="8"/>
  <c r="M1546" i="8"/>
  <c r="M1547" i="8"/>
  <c r="M1548" i="8"/>
  <c r="M1549" i="8"/>
  <c r="M1550" i="8"/>
  <c r="M1551" i="8"/>
  <c r="M1552" i="8"/>
  <c r="M1553" i="8"/>
  <c r="M1554" i="8"/>
  <c r="M1555" i="8"/>
  <c r="M1556" i="8"/>
  <c r="M1557" i="8"/>
  <c r="M1558" i="8"/>
  <c r="M1559" i="8"/>
  <c r="M1560" i="8"/>
  <c r="M1561" i="8"/>
  <c r="M1562" i="8"/>
  <c r="M1563" i="8"/>
  <c r="M1564" i="8"/>
  <c r="M1565" i="8"/>
  <c r="M1566" i="8"/>
  <c r="M1567" i="8"/>
  <c r="M1568" i="8"/>
  <c r="M1569" i="8"/>
  <c r="M1570" i="8"/>
  <c r="M1571" i="8"/>
  <c r="M1572" i="8"/>
  <c r="M1573" i="8"/>
  <c r="M1574" i="8"/>
  <c r="M1575" i="8"/>
  <c r="M1576" i="8"/>
  <c r="M1577" i="8"/>
  <c r="M1578" i="8"/>
  <c r="M1579" i="8"/>
  <c r="M1580" i="8"/>
  <c r="M1581" i="8"/>
  <c r="M1582" i="8"/>
  <c r="M1583" i="8"/>
  <c r="M1584" i="8"/>
  <c r="M1585" i="8"/>
  <c r="M1586" i="8"/>
  <c r="M1587" i="8"/>
  <c r="M1588" i="8"/>
  <c r="M1589" i="8"/>
  <c r="M1590" i="8"/>
  <c r="M1591" i="8"/>
  <c r="M1592" i="8"/>
  <c r="M1593" i="8"/>
  <c r="M1594" i="8"/>
  <c r="M1595" i="8"/>
  <c r="M1596" i="8"/>
  <c r="M1597" i="8"/>
  <c r="M1598" i="8"/>
  <c r="M1599" i="8"/>
  <c r="M1600" i="8"/>
  <c r="M1601" i="8"/>
  <c r="M1602" i="8"/>
  <c r="M1603" i="8"/>
  <c r="M1604" i="8"/>
  <c r="M1605" i="8"/>
  <c r="M1606" i="8"/>
  <c r="M1607" i="8"/>
  <c r="M1608" i="8"/>
  <c r="M1609" i="8"/>
  <c r="M1610" i="8"/>
  <c r="M1611" i="8"/>
  <c r="M1612" i="8"/>
  <c r="M1613" i="8"/>
  <c r="M1614" i="8"/>
  <c r="M1615" i="8"/>
  <c r="M1616" i="8"/>
  <c r="M1617" i="8"/>
  <c r="M1618" i="8"/>
  <c r="M1619" i="8"/>
  <c r="M1620" i="8"/>
  <c r="M1621" i="8"/>
  <c r="M1622" i="8"/>
  <c r="M1623" i="8"/>
  <c r="M1624" i="8"/>
  <c r="M1625" i="8"/>
  <c r="M1626" i="8"/>
  <c r="M1627" i="8"/>
  <c r="M1628" i="8"/>
  <c r="M1629" i="8"/>
  <c r="M1630" i="8"/>
  <c r="M1631" i="8"/>
  <c r="M1632" i="8"/>
  <c r="M1633" i="8"/>
  <c r="M1634" i="8"/>
  <c r="M1635" i="8"/>
  <c r="M1636" i="8"/>
  <c r="M1637" i="8"/>
  <c r="M1638" i="8"/>
  <c r="M1639" i="8"/>
  <c r="M1640" i="8"/>
  <c r="M1641" i="8"/>
  <c r="M1642" i="8"/>
  <c r="M1643" i="8"/>
  <c r="M1644" i="8"/>
  <c r="M1645" i="8"/>
  <c r="M1646" i="8"/>
  <c r="M1647" i="8"/>
  <c r="M1648" i="8"/>
  <c r="M1649" i="8"/>
  <c r="M1650" i="8"/>
  <c r="M1651" i="8"/>
  <c r="M1652" i="8"/>
  <c r="M1653" i="8"/>
  <c r="M1654" i="8"/>
  <c r="M1655" i="8"/>
  <c r="M1656" i="8"/>
  <c r="M1657" i="8"/>
  <c r="M1658" i="8"/>
  <c r="M1659" i="8"/>
  <c r="M1660" i="8"/>
  <c r="M1661" i="8"/>
  <c r="M1662" i="8"/>
  <c r="M1663" i="8"/>
  <c r="M1664" i="8"/>
  <c r="M1665" i="8"/>
  <c r="M1666" i="8"/>
  <c r="M1667" i="8"/>
  <c r="M1668" i="8"/>
  <c r="M1669" i="8"/>
  <c r="M1670" i="8"/>
  <c r="M1671" i="8"/>
  <c r="M1672" i="8"/>
  <c r="M1673" i="8"/>
  <c r="M1674" i="8"/>
  <c r="M1675" i="8"/>
  <c r="M1676" i="8"/>
  <c r="M1677" i="8"/>
  <c r="M1678" i="8"/>
  <c r="M1679" i="8"/>
  <c r="M1680" i="8"/>
  <c r="M1681" i="8"/>
  <c r="M1682" i="8"/>
  <c r="M1683" i="8"/>
  <c r="M1684" i="8"/>
  <c r="M1685" i="8"/>
  <c r="M1686" i="8"/>
  <c r="M1687" i="8"/>
  <c r="M1688" i="8"/>
  <c r="M1689" i="8"/>
  <c r="M1690" i="8"/>
  <c r="M1691" i="8"/>
  <c r="M1692" i="8"/>
  <c r="M1693" i="8"/>
  <c r="M1694" i="8"/>
  <c r="M1695" i="8"/>
  <c r="M1696" i="8"/>
  <c r="M1697" i="8"/>
  <c r="M1698" i="8"/>
  <c r="M1699" i="8"/>
  <c r="M1700" i="8"/>
  <c r="M1701" i="8"/>
  <c r="M1702" i="8"/>
  <c r="M1703" i="8"/>
  <c r="M1704" i="8"/>
  <c r="M1705" i="8"/>
  <c r="M1706" i="8"/>
  <c r="M1707" i="8"/>
  <c r="M1708" i="8"/>
  <c r="M1709" i="8"/>
  <c r="M1710" i="8"/>
  <c r="M1711" i="8"/>
  <c r="M1712" i="8"/>
  <c r="M1713" i="8"/>
  <c r="M1714" i="8"/>
  <c r="M1715" i="8"/>
  <c r="M1716" i="8"/>
  <c r="M1717" i="8"/>
  <c r="M1718" i="8"/>
  <c r="M1719" i="8"/>
  <c r="M1720" i="8"/>
  <c r="M1721" i="8"/>
  <c r="M1722" i="8"/>
  <c r="M1723" i="8"/>
  <c r="M1724" i="8"/>
  <c r="M1725" i="8"/>
  <c r="M1726" i="8"/>
  <c r="M1727" i="8"/>
  <c r="M1728" i="8"/>
  <c r="M1729" i="8"/>
  <c r="M1730" i="8"/>
  <c r="M1731" i="8"/>
  <c r="M1732" i="8"/>
  <c r="M1733" i="8"/>
  <c r="M1734" i="8"/>
  <c r="M1735" i="8"/>
  <c r="M1736" i="8"/>
  <c r="M1737" i="8"/>
  <c r="M1738" i="8"/>
  <c r="M1739" i="8"/>
  <c r="M1740" i="8"/>
  <c r="M1741" i="8"/>
  <c r="M1742" i="8"/>
  <c r="M1743" i="8"/>
  <c r="M1744" i="8"/>
  <c r="M1745" i="8"/>
  <c r="M1746" i="8"/>
  <c r="M1747" i="8"/>
  <c r="M1748" i="8"/>
  <c r="M1749" i="8"/>
  <c r="M1750" i="8"/>
  <c r="M1751" i="8"/>
  <c r="M1752" i="8"/>
  <c r="M1753" i="8"/>
  <c r="M1754" i="8"/>
  <c r="M1755" i="8"/>
  <c r="M1756" i="8"/>
  <c r="M1757" i="8"/>
  <c r="M1758" i="8"/>
  <c r="M1759" i="8"/>
  <c r="M1760" i="8"/>
  <c r="M1761" i="8"/>
  <c r="M1762" i="8"/>
  <c r="M1763" i="8"/>
  <c r="M1764" i="8"/>
  <c r="M1765" i="8"/>
  <c r="M1766" i="8"/>
  <c r="M1767" i="8"/>
  <c r="M1768" i="8"/>
  <c r="M1769" i="8"/>
  <c r="M1770" i="8"/>
  <c r="M1771" i="8"/>
  <c r="M1772" i="8"/>
  <c r="M1773" i="8"/>
  <c r="M1774" i="8"/>
  <c r="M1775" i="8"/>
  <c r="M1776" i="8"/>
  <c r="M1777" i="8"/>
  <c r="M1778" i="8"/>
  <c r="M1779" i="8"/>
  <c r="M1780" i="8"/>
  <c r="M1781" i="8"/>
  <c r="M1782" i="8"/>
  <c r="M1783" i="8"/>
  <c r="M1784" i="8"/>
  <c r="M1785" i="8"/>
  <c r="M1786" i="8"/>
  <c r="M1787" i="8"/>
  <c r="M1788" i="8"/>
  <c r="M1789" i="8"/>
  <c r="M1790" i="8"/>
  <c r="M1791" i="8"/>
  <c r="M1792" i="8"/>
  <c r="M1793" i="8"/>
  <c r="M1794" i="8"/>
  <c r="M1795" i="8"/>
  <c r="M1796" i="8"/>
  <c r="M1797" i="8"/>
  <c r="M1798" i="8"/>
  <c r="M1799" i="8"/>
  <c r="M1800" i="8"/>
  <c r="M1801" i="8"/>
  <c r="M1802" i="8"/>
  <c r="M1803" i="8"/>
  <c r="M1804" i="8"/>
  <c r="M1805" i="8"/>
  <c r="M1806" i="8"/>
  <c r="M1807" i="8"/>
  <c r="M1808" i="8"/>
  <c r="M1809" i="8"/>
  <c r="M1810" i="8"/>
  <c r="M1811" i="8"/>
  <c r="M1812" i="8"/>
  <c r="M1813" i="8"/>
  <c r="M1814" i="8"/>
  <c r="M1815" i="8"/>
  <c r="M1816" i="8"/>
  <c r="M1817" i="8"/>
  <c r="M1818" i="8"/>
  <c r="M1819" i="8"/>
  <c r="M1820" i="8"/>
  <c r="M1821" i="8"/>
  <c r="M1822" i="8"/>
  <c r="M1823" i="8"/>
  <c r="M1824" i="8"/>
  <c r="M1825" i="8"/>
  <c r="M1826" i="8"/>
  <c r="M1827" i="8"/>
  <c r="M1828" i="8"/>
  <c r="M1829" i="8"/>
  <c r="M1830" i="8"/>
  <c r="M1831" i="8"/>
  <c r="M1832" i="8"/>
  <c r="M1833" i="8"/>
  <c r="M1834" i="8"/>
  <c r="M1835" i="8"/>
  <c r="M1836" i="8"/>
  <c r="M1837" i="8"/>
  <c r="M1838" i="8"/>
  <c r="M1839" i="8"/>
  <c r="M1840" i="8"/>
  <c r="M1841" i="8"/>
  <c r="M1842" i="8"/>
  <c r="M1843" i="8"/>
  <c r="M1844" i="8"/>
  <c r="M1845" i="8"/>
  <c r="M1846" i="8"/>
  <c r="M1847" i="8"/>
  <c r="M1848" i="8"/>
  <c r="M1849" i="8"/>
  <c r="M1850" i="8"/>
  <c r="M1851" i="8"/>
  <c r="M1852" i="8"/>
  <c r="M1853" i="8"/>
  <c r="M1854" i="8"/>
  <c r="M1855" i="8"/>
  <c r="M1856" i="8"/>
  <c r="M1857" i="8"/>
  <c r="M1858" i="8"/>
  <c r="M1859" i="8"/>
  <c r="M1860" i="8"/>
  <c r="M1861" i="8"/>
  <c r="M1862" i="8"/>
  <c r="M1863" i="8"/>
  <c r="M1864" i="8"/>
  <c r="M1865" i="8"/>
  <c r="M1866" i="8"/>
  <c r="M1867" i="8"/>
  <c r="M1868" i="8"/>
  <c r="M1869" i="8"/>
  <c r="M1870" i="8"/>
  <c r="M1871" i="8"/>
  <c r="M1872" i="8"/>
  <c r="M1873" i="8"/>
  <c r="M1874" i="8"/>
  <c r="M1875" i="8"/>
  <c r="M1876" i="8"/>
  <c r="M1877" i="8"/>
  <c r="M1878" i="8"/>
  <c r="M1879" i="8"/>
  <c r="M1880" i="8"/>
  <c r="M1881" i="8"/>
  <c r="M1882" i="8"/>
  <c r="M1883" i="8"/>
  <c r="M1884" i="8"/>
  <c r="M1885" i="8"/>
  <c r="M1886" i="8"/>
  <c r="M1887" i="8"/>
  <c r="M1888" i="8"/>
  <c r="M1889" i="8"/>
  <c r="M1890" i="8"/>
  <c r="M1891" i="8"/>
  <c r="M1892" i="8"/>
  <c r="M1893" i="8"/>
  <c r="M1894" i="8"/>
  <c r="M1895" i="8"/>
  <c r="M1896" i="8"/>
  <c r="M1897" i="8"/>
  <c r="M1898" i="8"/>
  <c r="M1899" i="8"/>
  <c r="M1900" i="8"/>
  <c r="M1901" i="8"/>
  <c r="M1902" i="8"/>
  <c r="M1903" i="8"/>
  <c r="M1904" i="8"/>
  <c r="M1905" i="8"/>
  <c r="M1906" i="8"/>
  <c r="M1907" i="8"/>
  <c r="M1908" i="8"/>
  <c r="M1909" i="8"/>
  <c r="M1910" i="8"/>
  <c r="M1911" i="8"/>
  <c r="M1912" i="8"/>
  <c r="M1913" i="8"/>
  <c r="M1914" i="8"/>
  <c r="M1915" i="8"/>
  <c r="M1916" i="8"/>
  <c r="M1917" i="8"/>
  <c r="M1918" i="8"/>
  <c r="M1919" i="8"/>
  <c r="M1920" i="8"/>
  <c r="M1921" i="8"/>
  <c r="M1922" i="8"/>
  <c r="M1923" i="8"/>
  <c r="M1924" i="8"/>
  <c r="M1925" i="8"/>
  <c r="M1926" i="8"/>
  <c r="M1927" i="8"/>
  <c r="M1928" i="8"/>
  <c r="M1929" i="8"/>
  <c r="M1930" i="8"/>
  <c r="M1931" i="8"/>
  <c r="M1932" i="8"/>
  <c r="M1933" i="8"/>
  <c r="M1934" i="8"/>
  <c r="M1935" i="8"/>
  <c r="M1936" i="8"/>
  <c r="M1937" i="8"/>
  <c r="M1938" i="8"/>
  <c r="M1939" i="8"/>
  <c r="M1940" i="8"/>
  <c r="M1941" i="8"/>
  <c r="M1942" i="8"/>
  <c r="M1943" i="8"/>
  <c r="M1944" i="8"/>
  <c r="M1945" i="8"/>
  <c r="M1946" i="8"/>
  <c r="M1947" i="8"/>
  <c r="M1948" i="8"/>
  <c r="M1949" i="8"/>
  <c r="M1950" i="8"/>
  <c r="M1951" i="8"/>
  <c r="M1952" i="8"/>
  <c r="M1953" i="8"/>
  <c r="M1954" i="8"/>
  <c r="M1955" i="8"/>
  <c r="M1956" i="8"/>
  <c r="M1957" i="8"/>
  <c r="M1958" i="8"/>
  <c r="M1959" i="8"/>
  <c r="M1960" i="8"/>
  <c r="M1961" i="8"/>
  <c r="M1962" i="8"/>
  <c r="M1963" i="8"/>
  <c r="M1964" i="8"/>
  <c r="M1965" i="8"/>
  <c r="M1966" i="8"/>
  <c r="M1967" i="8"/>
  <c r="M1968" i="8"/>
  <c r="M1969" i="8"/>
  <c r="M1970" i="8"/>
  <c r="M1971" i="8"/>
  <c r="M1972" i="8"/>
  <c r="M1973" i="8"/>
  <c r="M1974" i="8"/>
  <c r="M1975" i="8"/>
  <c r="M1976" i="8"/>
  <c r="M1977" i="8"/>
  <c r="M1978" i="8"/>
  <c r="M1979" i="8"/>
  <c r="M1980" i="8"/>
  <c r="M1981" i="8"/>
  <c r="M1982" i="8"/>
  <c r="M1983" i="8"/>
  <c r="M1984" i="8"/>
  <c r="M1985" i="8"/>
  <c r="M1986" i="8"/>
  <c r="M1987" i="8"/>
  <c r="M1988" i="8"/>
  <c r="M1989" i="8"/>
  <c r="M1990" i="8"/>
  <c r="M1991" i="8"/>
  <c r="M1992" i="8"/>
  <c r="M1993" i="8"/>
  <c r="M1994" i="8"/>
  <c r="M1995" i="8"/>
  <c r="M1996" i="8"/>
  <c r="M1997" i="8"/>
  <c r="M1998" i="8"/>
  <c r="M1999" i="8"/>
  <c r="M2000" i="8"/>
  <c r="M2001" i="8"/>
  <c r="M2002" i="8"/>
  <c r="M2003" i="8"/>
  <c r="M2004" i="8"/>
  <c r="M2005" i="8"/>
  <c r="M2006" i="8"/>
  <c r="M2007" i="8"/>
  <c r="M2008" i="8"/>
  <c r="M2009" i="8"/>
  <c r="M2010" i="8"/>
  <c r="M2011" i="8"/>
  <c r="M2012" i="8"/>
  <c r="M2013" i="8"/>
  <c r="M2014" i="8"/>
  <c r="M2015" i="8"/>
  <c r="M2016" i="8"/>
  <c r="M2017" i="8"/>
  <c r="M2018" i="8"/>
  <c r="M2019" i="8"/>
  <c r="M2020" i="8"/>
  <c r="M2021" i="8"/>
  <c r="M2022" i="8"/>
  <c r="M2023" i="8"/>
  <c r="M2024" i="8"/>
  <c r="M2025" i="8"/>
  <c r="M2026" i="8"/>
  <c r="M2027" i="8"/>
  <c r="M2028" i="8"/>
  <c r="M2029" i="8"/>
  <c r="M2030" i="8"/>
  <c r="M2031" i="8"/>
  <c r="M2032" i="8"/>
  <c r="M2033" i="8"/>
  <c r="M2034" i="8"/>
  <c r="M2035" i="8"/>
  <c r="M2036" i="8"/>
  <c r="M2037" i="8"/>
  <c r="M2038" i="8"/>
  <c r="M2039" i="8"/>
  <c r="M2040" i="8"/>
  <c r="M2041" i="8"/>
  <c r="M2042" i="8"/>
  <c r="M2043" i="8"/>
  <c r="M2044" i="8"/>
  <c r="M2045" i="8"/>
  <c r="M2046" i="8"/>
  <c r="M2047" i="8"/>
  <c r="M2048" i="8"/>
  <c r="M2049" i="8"/>
  <c r="M2050" i="8"/>
  <c r="M2051" i="8"/>
  <c r="M2052" i="8"/>
  <c r="M2053" i="8"/>
  <c r="M2054" i="8"/>
  <c r="M2055" i="8"/>
  <c r="M2056" i="8"/>
  <c r="M2057" i="8"/>
  <c r="M2058" i="8"/>
  <c r="M2059" i="8"/>
  <c r="M2060" i="8"/>
  <c r="M2061" i="8"/>
  <c r="M2062" i="8"/>
  <c r="M2063" i="8"/>
  <c r="M2064" i="8"/>
  <c r="M2065" i="8"/>
  <c r="M2066" i="8"/>
  <c r="M2067" i="8"/>
  <c r="M2068" i="8"/>
  <c r="M2069" i="8"/>
  <c r="M2070" i="8"/>
  <c r="M2071" i="8"/>
  <c r="M2072" i="8"/>
  <c r="M2073" i="8"/>
  <c r="M2074" i="8"/>
  <c r="M2075" i="8"/>
  <c r="M2076" i="8"/>
  <c r="M2077" i="8"/>
  <c r="M2078" i="8"/>
  <c r="M2079" i="8"/>
  <c r="M2080" i="8"/>
  <c r="M2081" i="8"/>
  <c r="M2082" i="8"/>
  <c r="M2083" i="8"/>
  <c r="M2084" i="8"/>
  <c r="M2085" i="8"/>
  <c r="M2086" i="8"/>
  <c r="M2087" i="8"/>
  <c r="M2088" i="8"/>
  <c r="M2089" i="8"/>
  <c r="M2090" i="8"/>
  <c r="M2091" i="8"/>
  <c r="M2092" i="8"/>
  <c r="M2093" i="8"/>
  <c r="M2094" i="8"/>
  <c r="M2095" i="8"/>
  <c r="M2096" i="8"/>
  <c r="M2097" i="8"/>
  <c r="M2098" i="8"/>
  <c r="M2099" i="8"/>
  <c r="M2100" i="8"/>
  <c r="M2101" i="8"/>
  <c r="M2102" i="8"/>
  <c r="M2103" i="8"/>
  <c r="M2104" i="8"/>
  <c r="M2105" i="8"/>
  <c r="M2106" i="8"/>
  <c r="M2107" i="8"/>
  <c r="M2108" i="8"/>
  <c r="M2109" i="8"/>
  <c r="M2110" i="8"/>
  <c r="M2111" i="8"/>
  <c r="M2112" i="8"/>
  <c r="M2113" i="8"/>
  <c r="M2114" i="8"/>
  <c r="M2115" i="8"/>
  <c r="M2116" i="8"/>
  <c r="M2117" i="8"/>
  <c r="M2118" i="8"/>
  <c r="M2119" i="8"/>
  <c r="M2120" i="8"/>
  <c r="M2121" i="8"/>
  <c r="M2122" i="8"/>
  <c r="M2123" i="8"/>
  <c r="M2124" i="8"/>
  <c r="M2125" i="8"/>
  <c r="M2126" i="8"/>
  <c r="M2127" i="8"/>
  <c r="M2128" i="8"/>
  <c r="M2129" i="8"/>
  <c r="M2130" i="8"/>
  <c r="M2131" i="8"/>
  <c r="M2132" i="8"/>
  <c r="M2133" i="8"/>
  <c r="M2134" i="8"/>
  <c r="M2135" i="8"/>
  <c r="M2136" i="8"/>
  <c r="M2137" i="8"/>
  <c r="M2138" i="8"/>
  <c r="M2139" i="8"/>
  <c r="M2140" i="8"/>
  <c r="M2141" i="8"/>
  <c r="M2142" i="8"/>
  <c r="M2143" i="8"/>
  <c r="M2144" i="8"/>
  <c r="M2145" i="8"/>
  <c r="M2146" i="8"/>
  <c r="M2147" i="8"/>
  <c r="M2148" i="8"/>
  <c r="M2149" i="8"/>
  <c r="M2150" i="8"/>
  <c r="M2151" i="8"/>
  <c r="M2152" i="8"/>
  <c r="M2153" i="8"/>
  <c r="M2154" i="8"/>
  <c r="M2155" i="8"/>
  <c r="M2156" i="8"/>
  <c r="M2157" i="8"/>
  <c r="M2158" i="8"/>
  <c r="M2159" i="8"/>
  <c r="M2160" i="8"/>
  <c r="M2161" i="8"/>
  <c r="M2162" i="8"/>
  <c r="M2163" i="8"/>
  <c r="M2164" i="8"/>
  <c r="M2165" i="8"/>
  <c r="M2166" i="8"/>
  <c r="M2167" i="8"/>
  <c r="M2168" i="8"/>
  <c r="M2169" i="8"/>
  <c r="M2170" i="8"/>
  <c r="M2171" i="8"/>
  <c r="M2172" i="8"/>
  <c r="M2173" i="8"/>
  <c r="M2174" i="8"/>
  <c r="M2175" i="8"/>
  <c r="M2176" i="8"/>
  <c r="M2177" i="8"/>
  <c r="M2178" i="8"/>
  <c r="M2179" i="8"/>
  <c r="M2180" i="8"/>
  <c r="M2181" i="8"/>
  <c r="M2182" i="8"/>
  <c r="M2183" i="8"/>
  <c r="M2184" i="8"/>
  <c r="M2185" i="8"/>
  <c r="M2186" i="8"/>
  <c r="M2187" i="8"/>
  <c r="M2188" i="8"/>
  <c r="M2189" i="8"/>
  <c r="M2190" i="8"/>
  <c r="M2191" i="8"/>
  <c r="M2192" i="8"/>
  <c r="M2193" i="8"/>
  <c r="M2194" i="8"/>
  <c r="M2195" i="8"/>
  <c r="M2196" i="8"/>
  <c r="M2197" i="8"/>
  <c r="M2198" i="8"/>
  <c r="M2199" i="8"/>
  <c r="M2200" i="8"/>
  <c r="M2201" i="8"/>
  <c r="M2202" i="8"/>
  <c r="M2203" i="8"/>
  <c r="M2204" i="8"/>
  <c r="M2205" i="8"/>
  <c r="M2206" i="8"/>
  <c r="M2207" i="8"/>
  <c r="M2208" i="8"/>
  <c r="M2209" i="8"/>
  <c r="M2210" i="8"/>
  <c r="M2211" i="8"/>
  <c r="M2212" i="8"/>
  <c r="M2213" i="8"/>
  <c r="M2214" i="8"/>
  <c r="M2215" i="8"/>
  <c r="M2216" i="8"/>
  <c r="M2217" i="8"/>
  <c r="M2218" i="8"/>
  <c r="M2219" i="8"/>
  <c r="M2220" i="8"/>
  <c r="M2221" i="8"/>
  <c r="M2222" i="8"/>
  <c r="M2223" i="8"/>
  <c r="M2224" i="8"/>
  <c r="M2225" i="8"/>
  <c r="M2226" i="8"/>
  <c r="M2227" i="8"/>
  <c r="M2228" i="8"/>
  <c r="M2229" i="8"/>
  <c r="M2230" i="8"/>
  <c r="M2231" i="8"/>
  <c r="M2232" i="8"/>
  <c r="M2233" i="8"/>
  <c r="M2234" i="8"/>
  <c r="M2235" i="8"/>
  <c r="M2236" i="8"/>
  <c r="M2237" i="8"/>
  <c r="M2238" i="8"/>
  <c r="M2239" i="8"/>
  <c r="M2240" i="8"/>
  <c r="M2241" i="8"/>
  <c r="M2242" i="8"/>
  <c r="M2243" i="8"/>
  <c r="M2244" i="8"/>
  <c r="M2245" i="8"/>
  <c r="M2246" i="8"/>
  <c r="M2247" i="8"/>
  <c r="M2248" i="8"/>
  <c r="M2249" i="8"/>
  <c r="M2250" i="8"/>
  <c r="M2251" i="8"/>
  <c r="M2252" i="8"/>
  <c r="M2253" i="8"/>
  <c r="M2254" i="8"/>
  <c r="M2255" i="8"/>
  <c r="M2256" i="8"/>
  <c r="M2257" i="8"/>
  <c r="M2258" i="8"/>
  <c r="M2259" i="8"/>
  <c r="M2260" i="8"/>
  <c r="M2261" i="8"/>
  <c r="M2262" i="8"/>
  <c r="M2263" i="8"/>
  <c r="M2264" i="8"/>
  <c r="M2265" i="8"/>
  <c r="M2266" i="8"/>
  <c r="M2267" i="8"/>
  <c r="M2268" i="8"/>
  <c r="M2269" i="8"/>
  <c r="M2270" i="8"/>
  <c r="M2271" i="8"/>
  <c r="M2272" i="8"/>
  <c r="M2273" i="8"/>
  <c r="M2274" i="8"/>
  <c r="M2275" i="8"/>
  <c r="M2276" i="8"/>
  <c r="M2277" i="8"/>
  <c r="M2278" i="8"/>
  <c r="M2279" i="8"/>
  <c r="M2280" i="8"/>
  <c r="M2281" i="8"/>
  <c r="M2282" i="8"/>
  <c r="M2283" i="8"/>
  <c r="M2284" i="8"/>
  <c r="M2285" i="8"/>
  <c r="M2286" i="8"/>
  <c r="M2287" i="8"/>
  <c r="M2288" i="8"/>
  <c r="M2289" i="8"/>
  <c r="M2290" i="8"/>
  <c r="M2291" i="8"/>
  <c r="M2292" i="8"/>
  <c r="M2293" i="8"/>
  <c r="M2294" i="8"/>
  <c r="M2295" i="8"/>
  <c r="M2296" i="8"/>
  <c r="M2297" i="8"/>
  <c r="M2298" i="8"/>
  <c r="M2299" i="8"/>
  <c r="M2300" i="8"/>
  <c r="M2301" i="8"/>
  <c r="M2302" i="8"/>
  <c r="M2303" i="8"/>
  <c r="M2304" i="8"/>
  <c r="M2305" i="8"/>
  <c r="M2306" i="8"/>
  <c r="M2307" i="8"/>
  <c r="M2308" i="8"/>
  <c r="M2309" i="8"/>
  <c r="M2310" i="8"/>
  <c r="M2311" i="8"/>
  <c r="M2312" i="8"/>
  <c r="M2313" i="8"/>
  <c r="M2314" i="8"/>
  <c r="M2315" i="8"/>
  <c r="M2316" i="8"/>
  <c r="M2317" i="8"/>
  <c r="M2318" i="8"/>
  <c r="M2319" i="8"/>
  <c r="M2320" i="8"/>
  <c r="M2321" i="8"/>
  <c r="M2322" i="8"/>
  <c r="M2323" i="8"/>
  <c r="M2324" i="8"/>
  <c r="M2325" i="8"/>
  <c r="M2326" i="8"/>
  <c r="M2327" i="8"/>
  <c r="M2328" i="8"/>
  <c r="M2329" i="8"/>
  <c r="M2330" i="8"/>
  <c r="M2331" i="8"/>
  <c r="M2332" i="8"/>
  <c r="M2333" i="8"/>
  <c r="M2334" i="8"/>
  <c r="M2335" i="8"/>
  <c r="M2336" i="8"/>
  <c r="M2337" i="8"/>
  <c r="M2338" i="8"/>
  <c r="M2339" i="8"/>
  <c r="M2340" i="8"/>
  <c r="M2341" i="8"/>
  <c r="M2342" i="8"/>
  <c r="M2343" i="8"/>
  <c r="M2344" i="8"/>
  <c r="M2345" i="8"/>
  <c r="M2346" i="8"/>
  <c r="M2347" i="8"/>
  <c r="M2348" i="8"/>
  <c r="M2349" i="8"/>
  <c r="M2350" i="8"/>
  <c r="M2351" i="8"/>
  <c r="M2352" i="8"/>
  <c r="M2353" i="8"/>
  <c r="M2354" i="8"/>
  <c r="M2355" i="8"/>
  <c r="M2356" i="8"/>
  <c r="M2357" i="8"/>
  <c r="M2358" i="8"/>
  <c r="M2359" i="8"/>
  <c r="M2360" i="8"/>
  <c r="M2361" i="8"/>
  <c r="M2362" i="8"/>
  <c r="M2363" i="8"/>
  <c r="M2364" i="8"/>
  <c r="M2365" i="8"/>
  <c r="M2366" i="8"/>
  <c r="M2367" i="8"/>
  <c r="M2368" i="8"/>
  <c r="M2369" i="8"/>
  <c r="M2370" i="8"/>
  <c r="M2371" i="8"/>
  <c r="M2372" i="8"/>
  <c r="M2373" i="8"/>
  <c r="M2374" i="8"/>
  <c r="M2375" i="8"/>
  <c r="M2376" i="8"/>
  <c r="M2377" i="8"/>
  <c r="M2378" i="8"/>
  <c r="M2379" i="8"/>
  <c r="M2380" i="8"/>
  <c r="M2381" i="8"/>
  <c r="M2382" i="8"/>
  <c r="M2383" i="8"/>
  <c r="M2384" i="8"/>
  <c r="M2385" i="8"/>
  <c r="M2386" i="8"/>
  <c r="M2387" i="8"/>
  <c r="M2388" i="8"/>
  <c r="M2389" i="8"/>
  <c r="M2390" i="8"/>
  <c r="M2391" i="8"/>
  <c r="M2392" i="8"/>
  <c r="M2393" i="8"/>
  <c r="M2394" i="8"/>
  <c r="M2395" i="8"/>
  <c r="M2396" i="8"/>
  <c r="M2397" i="8"/>
  <c r="M2398" i="8"/>
  <c r="M2399" i="8"/>
  <c r="M2400" i="8"/>
  <c r="M2401" i="8"/>
  <c r="M2402" i="8"/>
  <c r="M2403" i="8"/>
  <c r="M2404" i="8"/>
  <c r="M2405" i="8"/>
  <c r="M2406" i="8"/>
  <c r="M2407" i="8"/>
  <c r="M2408" i="8"/>
  <c r="M2409" i="8"/>
  <c r="M2410" i="8"/>
  <c r="M2411" i="8"/>
  <c r="M2412" i="8"/>
  <c r="M2413" i="8"/>
  <c r="M2414" i="8"/>
  <c r="M2415" i="8"/>
  <c r="M2416" i="8"/>
  <c r="M2417" i="8"/>
  <c r="M2418" i="8"/>
  <c r="M2419" i="8"/>
  <c r="M2420" i="8"/>
  <c r="M2421" i="8"/>
  <c r="M2422" i="8"/>
  <c r="M2423" i="8"/>
  <c r="M2424" i="8"/>
  <c r="M2425" i="8"/>
  <c r="M2426" i="8"/>
  <c r="M2427" i="8"/>
  <c r="M2428" i="8"/>
  <c r="M2429" i="8"/>
  <c r="M2430" i="8"/>
  <c r="M2431" i="8"/>
  <c r="M2432" i="8"/>
  <c r="M2433" i="8"/>
  <c r="M2434" i="8"/>
  <c r="M2435" i="8"/>
  <c r="M2436" i="8"/>
  <c r="M2437" i="8"/>
  <c r="M2438" i="8"/>
  <c r="M2439" i="8"/>
  <c r="M2440" i="8"/>
  <c r="M2441" i="8"/>
  <c r="M2442" i="8"/>
  <c r="M2443" i="8"/>
  <c r="M2444" i="8"/>
  <c r="M2445" i="8"/>
  <c r="M2446" i="8"/>
  <c r="M2447" i="8"/>
  <c r="M2448" i="8"/>
  <c r="M2449" i="8"/>
  <c r="M2450" i="8"/>
  <c r="M2451" i="8"/>
  <c r="M2452" i="8"/>
  <c r="M2453" i="8"/>
  <c r="M2454" i="8"/>
  <c r="M2455" i="8"/>
  <c r="M2456" i="8"/>
  <c r="M2457" i="8"/>
  <c r="M2458" i="8"/>
  <c r="M2459" i="8"/>
  <c r="M2460" i="8"/>
  <c r="M2461" i="8"/>
  <c r="M2462" i="8"/>
  <c r="M2463" i="8"/>
  <c r="M2464" i="8"/>
  <c r="M2465" i="8"/>
  <c r="M2466" i="8"/>
  <c r="M2467" i="8"/>
  <c r="M2468" i="8"/>
  <c r="M2469" i="8"/>
  <c r="M2470" i="8"/>
  <c r="M2471" i="8"/>
  <c r="M2472" i="8"/>
  <c r="M2473" i="8"/>
  <c r="M2474" i="8"/>
  <c r="M2475" i="8"/>
  <c r="M2476" i="8"/>
  <c r="M2477" i="8"/>
  <c r="M2478" i="8"/>
  <c r="M2479" i="8"/>
  <c r="M2480" i="8"/>
  <c r="M2481" i="8"/>
  <c r="M2482" i="8"/>
  <c r="M2483" i="8"/>
  <c r="M2484" i="8"/>
  <c r="M2485" i="8"/>
  <c r="M2486" i="8"/>
  <c r="M2487" i="8"/>
  <c r="M2488" i="8"/>
  <c r="M2489" i="8"/>
  <c r="M2490" i="8"/>
  <c r="M2491" i="8"/>
  <c r="M2492" i="8"/>
  <c r="M2493" i="8"/>
  <c r="M2494" i="8"/>
  <c r="M2495" i="8"/>
  <c r="M2496" i="8"/>
  <c r="M2497" i="8"/>
  <c r="M2498" i="8"/>
  <c r="M2499" i="8"/>
  <c r="M2500" i="8"/>
  <c r="M2501" i="8"/>
  <c r="M2502" i="8"/>
  <c r="M2503" i="8"/>
  <c r="M2504" i="8"/>
  <c r="M2505" i="8"/>
  <c r="M2506" i="8"/>
  <c r="M2507" i="8"/>
  <c r="M2508" i="8"/>
  <c r="M2509" i="8"/>
  <c r="M2510" i="8"/>
  <c r="M2511" i="8"/>
  <c r="M2512" i="8"/>
  <c r="M2513" i="8"/>
  <c r="M2514" i="8"/>
  <c r="M2515" i="8"/>
  <c r="M2516" i="8"/>
  <c r="M2517" i="8"/>
  <c r="M2518" i="8"/>
  <c r="M2519" i="8"/>
  <c r="M2520" i="8"/>
  <c r="M2521" i="8"/>
  <c r="M2522" i="8"/>
  <c r="M2523" i="8"/>
  <c r="M2524" i="8"/>
  <c r="M2525" i="8"/>
  <c r="M2526" i="8"/>
  <c r="M2527" i="8"/>
  <c r="M2528" i="8"/>
  <c r="M2529" i="8"/>
  <c r="M2530" i="8"/>
  <c r="M2531" i="8"/>
  <c r="M2532" i="8"/>
  <c r="M2533" i="8"/>
  <c r="M2534" i="8"/>
  <c r="M2535" i="8"/>
  <c r="M2536" i="8"/>
  <c r="M2537" i="8"/>
  <c r="M2538" i="8"/>
  <c r="M2539" i="8"/>
  <c r="M2540" i="8"/>
  <c r="M2541" i="8"/>
  <c r="M2542" i="8"/>
  <c r="M2543" i="8"/>
  <c r="M2544" i="8"/>
  <c r="M2545" i="8"/>
  <c r="M2546" i="8"/>
  <c r="M2547" i="8"/>
  <c r="M2548" i="8"/>
  <c r="M2549" i="8"/>
  <c r="M2550" i="8"/>
  <c r="M2551" i="8"/>
  <c r="M2552" i="8"/>
  <c r="M2553" i="8"/>
  <c r="M2554" i="8"/>
  <c r="M2555" i="8"/>
  <c r="M2556" i="8"/>
  <c r="M2557" i="8"/>
  <c r="M2558" i="8"/>
  <c r="M2559" i="8"/>
  <c r="M2560" i="8"/>
  <c r="M2561" i="8"/>
  <c r="M2562" i="8"/>
  <c r="M2563" i="8"/>
  <c r="M2564" i="8"/>
  <c r="M2565" i="8"/>
  <c r="M2566" i="8"/>
  <c r="M2567" i="8"/>
  <c r="M2568" i="8"/>
  <c r="M2569" i="8"/>
  <c r="M2570" i="8"/>
  <c r="M2571" i="8"/>
  <c r="M2572" i="8"/>
  <c r="M2573" i="8"/>
  <c r="M2574" i="8"/>
  <c r="M2575" i="8"/>
  <c r="M2576" i="8"/>
  <c r="M2577" i="8"/>
  <c r="M2578" i="8"/>
  <c r="M2579" i="8"/>
  <c r="M2580" i="8"/>
  <c r="M2581" i="8"/>
  <c r="M2582" i="8"/>
  <c r="M2583" i="8"/>
  <c r="M2584" i="8"/>
  <c r="M2585" i="8"/>
  <c r="M2586" i="8"/>
  <c r="M2587" i="8"/>
  <c r="M2588" i="8"/>
  <c r="M2589" i="8"/>
  <c r="M2590" i="8"/>
  <c r="M2591" i="8"/>
  <c r="M2592" i="8"/>
  <c r="M2593" i="8"/>
  <c r="M2594" i="8"/>
  <c r="M2595" i="8"/>
  <c r="M2596" i="8"/>
  <c r="M2597" i="8"/>
  <c r="M2598" i="8"/>
  <c r="M2599" i="8"/>
  <c r="M2600" i="8"/>
  <c r="M2601" i="8"/>
  <c r="M2602" i="8"/>
  <c r="M2603" i="8"/>
  <c r="M2604" i="8"/>
  <c r="M2605" i="8"/>
  <c r="M2606" i="8"/>
  <c r="M2607" i="8"/>
  <c r="M2608" i="8"/>
  <c r="M2609" i="8"/>
  <c r="M2610" i="8"/>
  <c r="M2611" i="8"/>
  <c r="M2612" i="8"/>
  <c r="M2613" i="8"/>
  <c r="M2614" i="8"/>
  <c r="M2615" i="8"/>
  <c r="M2616" i="8"/>
  <c r="M2617" i="8"/>
  <c r="M2618" i="8"/>
  <c r="M2619" i="8"/>
  <c r="M2620" i="8"/>
  <c r="M2621" i="8"/>
  <c r="M2622" i="8"/>
  <c r="M2623" i="8"/>
  <c r="M2624" i="8"/>
  <c r="M2625" i="8"/>
  <c r="M2626" i="8"/>
  <c r="M2627" i="8"/>
  <c r="M2628" i="8"/>
  <c r="M2629" i="8"/>
  <c r="M2630" i="8"/>
  <c r="M2631" i="8"/>
  <c r="M2632" i="8"/>
  <c r="M2633" i="8"/>
  <c r="M2634" i="8"/>
  <c r="M2635" i="8"/>
  <c r="M2636" i="8"/>
  <c r="M2637" i="8"/>
  <c r="M2638" i="8"/>
  <c r="M2639" i="8"/>
  <c r="M2640" i="8"/>
  <c r="M2641" i="8"/>
  <c r="M2642" i="8"/>
  <c r="M2643" i="8"/>
  <c r="M2644" i="8"/>
  <c r="M2645" i="8"/>
  <c r="M2646" i="8"/>
  <c r="M2647" i="8"/>
  <c r="M2648" i="8"/>
  <c r="M2649" i="8"/>
  <c r="M2650" i="8"/>
  <c r="M2651" i="8"/>
  <c r="M2652" i="8"/>
  <c r="M2653" i="8"/>
  <c r="M2654" i="8"/>
  <c r="M2655" i="8"/>
  <c r="M2656" i="8"/>
  <c r="M2657" i="8"/>
  <c r="M2658" i="8"/>
  <c r="M2659" i="8"/>
  <c r="M2660" i="8"/>
  <c r="M2661" i="8"/>
  <c r="M2662" i="8"/>
  <c r="M2663" i="8"/>
  <c r="M2664" i="8"/>
  <c r="M2665" i="8"/>
  <c r="M2666" i="8"/>
  <c r="M2667" i="8"/>
  <c r="M2668" i="8"/>
  <c r="M2669" i="8"/>
  <c r="M2670" i="8"/>
  <c r="M2671" i="8"/>
  <c r="M2672" i="8"/>
  <c r="M2673" i="8"/>
  <c r="M2674" i="8"/>
  <c r="M2675" i="8"/>
  <c r="M2676" i="8"/>
  <c r="M2677" i="8"/>
  <c r="M2678" i="8"/>
  <c r="M2679" i="8"/>
  <c r="M2680" i="8"/>
  <c r="M2681" i="8"/>
  <c r="M2682" i="8"/>
  <c r="M2683" i="8"/>
  <c r="M2684" i="8"/>
  <c r="M2685" i="8"/>
  <c r="M2686" i="8"/>
  <c r="M2687" i="8"/>
  <c r="M2688" i="8"/>
  <c r="M2689" i="8"/>
  <c r="M2690" i="8"/>
  <c r="M2691" i="8"/>
  <c r="M2692" i="8"/>
  <c r="M2693" i="8"/>
  <c r="M2694" i="8"/>
  <c r="M2695" i="8"/>
  <c r="M2696" i="8"/>
  <c r="M2697" i="8"/>
  <c r="M2698" i="8"/>
  <c r="M2699" i="8"/>
  <c r="M2700" i="8"/>
  <c r="M2701" i="8"/>
  <c r="M2702" i="8"/>
  <c r="M2703" i="8"/>
  <c r="M2704" i="8"/>
  <c r="M2705" i="8"/>
  <c r="M2706" i="8"/>
  <c r="M2707" i="8"/>
  <c r="M2708" i="8"/>
  <c r="M2709" i="8"/>
  <c r="M2710" i="8"/>
  <c r="M2711" i="8"/>
  <c r="M2712" i="8"/>
  <c r="M2713" i="8"/>
  <c r="M2714" i="8"/>
  <c r="M2715" i="8"/>
  <c r="M2716" i="8"/>
  <c r="M2717" i="8"/>
  <c r="M2718" i="8"/>
  <c r="M2719" i="8"/>
  <c r="M2720" i="8"/>
  <c r="M2721" i="8"/>
  <c r="M2722" i="8"/>
  <c r="M2723" i="8"/>
  <c r="M2724" i="8"/>
  <c r="M2725" i="8"/>
  <c r="M2726" i="8"/>
  <c r="M2727" i="8"/>
  <c r="M2728" i="8"/>
  <c r="M2729" i="8"/>
  <c r="M2730" i="8"/>
  <c r="M2731" i="8"/>
  <c r="M2732" i="8"/>
  <c r="M2733" i="8"/>
  <c r="M2734" i="8"/>
  <c r="M2735" i="8"/>
  <c r="M2736" i="8"/>
  <c r="M2737" i="8"/>
  <c r="M2738" i="8"/>
  <c r="M2739" i="8"/>
  <c r="M2740" i="8"/>
  <c r="M2741" i="8"/>
  <c r="M2742" i="8"/>
  <c r="M2743" i="8"/>
  <c r="M2744" i="8"/>
  <c r="M2745" i="8"/>
  <c r="M2746" i="8"/>
  <c r="M2747" i="8"/>
  <c r="M2748" i="8"/>
  <c r="M2749" i="8"/>
  <c r="M2750" i="8"/>
  <c r="M2751" i="8"/>
  <c r="M2752" i="8"/>
  <c r="M2753" i="8"/>
  <c r="M2754" i="8"/>
  <c r="M2755" i="8"/>
  <c r="M2756" i="8"/>
  <c r="M2757" i="8"/>
  <c r="M2758" i="8"/>
  <c r="M2759" i="8"/>
  <c r="M2760" i="8"/>
  <c r="M2761" i="8"/>
  <c r="M2762" i="8"/>
  <c r="M2763" i="8"/>
  <c r="M2764" i="8"/>
  <c r="M2765" i="8"/>
  <c r="M2766" i="8"/>
  <c r="M2767" i="8"/>
  <c r="M2768" i="8"/>
  <c r="M2769" i="8"/>
  <c r="M2770" i="8"/>
  <c r="M2771" i="8"/>
  <c r="M2772" i="8"/>
  <c r="M2773" i="8"/>
  <c r="M2774" i="8"/>
  <c r="M2775" i="8"/>
  <c r="M2776" i="8"/>
  <c r="M2777" i="8"/>
  <c r="M2778" i="8"/>
  <c r="M2779" i="8"/>
  <c r="M2780" i="8"/>
  <c r="M2781" i="8"/>
  <c r="M2782" i="8"/>
  <c r="M2783" i="8"/>
  <c r="M2784" i="8"/>
  <c r="M2785" i="8"/>
  <c r="M2786" i="8"/>
  <c r="M2787" i="8"/>
  <c r="M2788" i="8"/>
  <c r="M2789" i="8"/>
  <c r="M2790" i="8"/>
  <c r="M2791" i="8"/>
  <c r="M2792" i="8"/>
  <c r="M2793" i="8"/>
  <c r="M2794" i="8"/>
  <c r="M2795" i="8"/>
  <c r="M2796" i="8"/>
  <c r="M2797" i="8"/>
  <c r="M2798" i="8"/>
  <c r="M2799" i="8"/>
  <c r="M2800" i="8"/>
  <c r="M2801" i="8"/>
  <c r="M2802" i="8"/>
  <c r="M2803" i="8"/>
  <c r="M2804" i="8"/>
  <c r="M2805" i="8"/>
  <c r="M2806" i="8"/>
  <c r="M2807" i="8"/>
  <c r="M2808" i="8"/>
  <c r="M2809" i="8"/>
  <c r="M2810" i="8"/>
  <c r="M2811" i="8"/>
  <c r="M2812" i="8"/>
  <c r="M2813" i="8"/>
  <c r="M2814" i="8"/>
  <c r="M2815" i="8"/>
  <c r="M2816" i="8"/>
  <c r="M2817" i="8"/>
  <c r="M2818" i="8"/>
  <c r="M2819" i="8"/>
  <c r="M2820" i="8"/>
  <c r="M2821" i="8"/>
  <c r="M2822" i="8"/>
  <c r="M2823" i="8"/>
  <c r="M2824" i="8"/>
  <c r="M2825" i="8"/>
  <c r="M2826" i="8"/>
  <c r="M2827" i="8"/>
  <c r="M2828" i="8"/>
  <c r="M2829" i="8"/>
  <c r="M2830" i="8"/>
  <c r="M2831" i="8"/>
  <c r="M2832" i="8"/>
  <c r="M2833" i="8"/>
  <c r="M2834" i="8"/>
  <c r="M2835" i="8"/>
  <c r="M2836" i="8"/>
  <c r="M2837" i="8"/>
  <c r="M2838" i="8"/>
  <c r="M2839" i="8"/>
  <c r="M2840" i="8"/>
  <c r="M2841" i="8"/>
  <c r="M2842" i="8"/>
  <c r="M2843" i="8"/>
  <c r="M2844" i="8"/>
  <c r="M2845" i="8"/>
  <c r="M2846" i="8"/>
  <c r="M2847" i="8"/>
  <c r="M2848" i="8"/>
  <c r="M2849" i="8"/>
  <c r="M2850" i="8"/>
  <c r="M2851" i="8"/>
  <c r="M2852" i="8"/>
  <c r="M2853" i="8"/>
  <c r="M2854" i="8"/>
  <c r="M2855" i="8"/>
  <c r="M2856" i="8"/>
  <c r="M2857" i="8"/>
  <c r="M2858" i="8"/>
  <c r="M2859" i="8"/>
  <c r="M2860" i="8"/>
  <c r="M2861" i="8"/>
  <c r="M2862" i="8"/>
  <c r="M2863" i="8"/>
  <c r="M2864" i="8"/>
  <c r="M2865" i="8"/>
  <c r="M2866" i="8"/>
  <c r="M2867" i="8"/>
  <c r="M2868" i="8"/>
  <c r="M2869" i="8"/>
  <c r="M2870" i="8"/>
  <c r="M2871" i="8"/>
  <c r="M2872" i="8"/>
  <c r="M2873" i="8"/>
  <c r="M2874" i="8"/>
  <c r="M2875" i="8"/>
  <c r="M2876" i="8"/>
  <c r="M2877" i="8"/>
  <c r="M2878" i="8"/>
  <c r="M2879" i="8"/>
  <c r="M2880" i="8"/>
  <c r="M2881" i="8"/>
  <c r="M2882" i="8"/>
  <c r="M2883" i="8"/>
  <c r="M2884" i="8"/>
  <c r="M2885" i="8"/>
  <c r="M2886" i="8"/>
  <c r="M2887" i="8"/>
  <c r="M2888" i="8"/>
  <c r="M2889" i="8"/>
  <c r="M2890" i="8"/>
  <c r="M2891" i="8"/>
  <c r="M2892" i="8"/>
  <c r="M2893" i="8"/>
  <c r="M2894" i="8"/>
  <c r="M2895" i="8"/>
  <c r="M2896" i="8"/>
  <c r="M2897" i="8"/>
  <c r="M2898" i="8"/>
  <c r="M2899" i="8"/>
  <c r="M2900" i="8"/>
  <c r="M2901" i="8"/>
  <c r="M2902" i="8"/>
  <c r="M2903" i="8"/>
  <c r="M2904" i="8"/>
  <c r="M2905" i="8"/>
  <c r="M2906" i="8"/>
  <c r="M2907" i="8"/>
  <c r="M2908" i="8"/>
  <c r="M2909" i="8"/>
  <c r="M2910" i="8"/>
  <c r="M2911" i="8"/>
  <c r="M2912" i="8"/>
  <c r="M2913" i="8"/>
  <c r="M2914" i="8"/>
  <c r="M2915" i="8"/>
  <c r="M2916" i="8"/>
  <c r="M2917" i="8"/>
  <c r="M2918" i="8"/>
  <c r="M2919" i="8"/>
  <c r="M2920" i="8"/>
  <c r="M2921" i="8"/>
  <c r="M2922" i="8"/>
  <c r="M2923" i="8"/>
  <c r="M2924" i="8"/>
  <c r="M2925" i="8"/>
  <c r="M2926" i="8"/>
  <c r="M2927" i="8"/>
  <c r="M2928" i="8"/>
  <c r="M2929" i="8"/>
  <c r="M2930" i="8"/>
  <c r="M2931" i="8"/>
  <c r="M2932" i="8"/>
  <c r="M2933" i="8"/>
  <c r="M2934" i="8"/>
  <c r="M2935" i="8"/>
  <c r="M2936" i="8"/>
  <c r="M2937" i="8"/>
  <c r="M2938" i="8"/>
  <c r="M2939" i="8"/>
  <c r="M2940" i="8"/>
  <c r="M2941" i="8"/>
  <c r="M2942" i="8"/>
  <c r="M2943" i="8"/>
  <c r="M2944" i="8"/>
  <c r="M2945" i="8"/>
  <c r="M2946" i="8"/>
  <c r="M2947" i="8"/>
  <c r="M2948" i="8"/>
  <c r="M2949" i="8"/>
  <c r="M2950" i="8"/>
  <c r="M2951" i="8"/>
  <c r="M2952" i="8"/>
  <c r="M2953" i="8"/>
  <c r="M2954" i="8"/>
  <c r="M2955" i="8"/>
  <c r="M2956" i="8"/>
  <c r="M2957" i="8"/>
  <c r="M2958" i="8"/>
  <c r="M2959" i="8"/>
  <c r="M2960" i="8"/>
  <c r="M2961" i="8"/>
  <c r="M2962" i="8"/>
  <c r="M2963" i="8"/>
  <c r="M2964" i="8"/>
  <c r="M2965" i="8"/>
  <c r="M2966" i="8"/>
  <c r="M2967" i="8"/>
  <c r="M2968" i="8"/>
  <c r="M2969" i="8"/>
  <c r="M2970" i="8"/>
  <c r="M2971" i="8"/>
  <c r="M2972" i="8"/>
  <c r="M2973" i="8"/>
  <c r="M2974" i="8"/>
  <c r="M2975" i="8"/>
  <c r="M2976" i="8"/>
  <c r="M2977" i="8"/>
  <c r="M2978" i="8"/>
  <c r="M2979" i="8"/>
  <c r="M2980" i="8"/>
  <c r="M2981" i="8"/>
  <c r="M2982" i="8"/>
  <c r="M2983" i="8"/>
  <c r="M2984" i="8"/>
  <c r="M2985" i="8"/>
  <c r="M2986" i="8"/>
  <c r="M2987" i="8"/>
  <c r="M2988" i="8"/>
  <c r="M2989" i="8"/>
  <c r="M2990" i="8"/>
  <c r="M2991" i="8"/>
  <c r="M2992" i="8"/>
  <c r="M2993" i="8"/>
  <c r="M2994" i="8"/>
  <c r="M2995" i="8"/>
  <c r="M2996" i="8"/>
  <c r="M2997" i="8"/>
  <c r="M2998" i="8"/>
  <c r="M2999" i="8"/>
  <c r="M3000" i="8"/>
  <c r="M3001" i="8"/>
  <c r="M3002" i="8"/>
  <c r="M3003" i="8"/>
  <c r="M3004" i="8"/>
  <c r="M3005" i="8"/>
  <c r="M3006" i="8"/>
  <c r="M3007" i="8"/>
  <c r="M3008" i="8"/>
  <c r="M3009" i="8"/>
  <c r="M3010" i="8"/>
  <c r="M3011" i="8"/>
  <c r="M3012" i="8"/>
  <c r="M3013" i="8"/>
  <c r="M3014" i="8"/>
  <c r="M3015" i="8"/>
  <c r="M3016" i="8"/>
  <c r="M3017" i="8"/>
  <c r="M3018" i="8"/>
  <c r="M3019" i="8"/>
  <c r="M3020" i="8"/>
  <c r="M3021" i="8"/>
  <c r="M3022" i="8"/>
  <c r="M3023" i="8"/>
  <c r="M3024" i="8"/>
  <c r="M3025" i="8"/>
  <c r="M3026" i="8"/>
  <c r="M3027" i="8"/>
  <c r="M3028" i="8"/>
  <c r="M3029" i="8"/>
  <c r="M3030" i="8"/>
  <c r="M3031" i="8"/>
  <c r="M3032" i="8"/>
  <c r="M3033" i="8"/>
  <c r="M3034" i="8"/>
  <c r="M3035" i="8"/>
  <c r="M3036" i="8"/>
  <c r="M3037" i="8"/>
  <c r="M3038" i="8"/>
  <c r="M3039" i="8"/>
  <c r="M3040" i="8"/>
  <c r="M3041" i="8"/>
  <c r="M3042" i="8"/>
  <c r="M3043" i="8"/>
  <c r="M3044" i="8"/>
  <c r="M3045" i="8"/>
  <c r="M3046" i="8"/>
  <c r="M3047" i="8"/>
  <c r="M3048" i="8"/>
  <c r="M3049" i="8"/>
  <c r="M3050" i="8"/>
  <c r="M3051" i="8"/>
  <c r="M3052" i="8"/>
  <c r="M3053" i="8"/>
  <c r="M3054" i="8"/>
  <c r="M3055" i="8"/>
  <c r="M3056" i="8"/>
  <c r="M3057" i="8"/>
  <c r="M3058" i="8"/>
  <c r="M3059" i="8"/>
  <c r="M3060" i="8"/>
  <c r="M3061" i="8"/>
  <c r="M3062" i="8"/>
  <c r="M3063" i="8"/>
  <c r="M3064" i="8"/>
  <c r="M3065" i="8"/>
  <c r="M3066" i="8"/>
  <c r="M3067" i="8"/>
  <c r="M3068" i="8"/>
  <c r="M3069" i="8"/>
  <c r="M3070" i="8"/>
  <c r="M3071" i="8"/>
  <c r="M3072" i="8"/>
  <c r="M3073" i="8"/>
  <c r="M3074" i="8"/>
  <c r="M3075" i="8"/>
  <c r="M3076" i="8"/>
  <c r="M3077" i="8"/>
  <c r="M3078" i="8"/>
  <c r="M3079" i="8"/>
  <c r="M3080" i="8"/>
  <c r="M3081" i="8"/>
  <c r="M3082" i="8"/>
  <c r="M3083" i="8"/>
  <c r="M3084" i="8"/>
  <c r="M3085" i="8"/>
  <c r="M3086" i="8"/>
  <c r="M3087" i="8"/>
  <c r="M3088" i="8"/>
  <c r="M3089" i="8"/>
  <c r="M3090" i="8"/>
  <c r="M3091" i="8"/>
  <c r="M3092" i="8"/>
  <c r="M3093" i="8"/>
  <c r="M3094" i="8"/>
  <c r="M3095" i="8"/>
  <c r="M3096" i="8"/>
  <c r="M3097" i="8"/>
  <c r="M3098" i="8"/>
  <c r="M3099" i="8"/>
  <c r="M3100" i="8"/>
  <c r="M3101" i="8"/>
  <c r="M3102" i="8"/>
  <c r="M3103" i="8"/>
  <c r="M3104" i="8"/>
  <c r="M3105" i="8"/>
  <c r="M3106" i="8"/>
  <c r="M3107" i="8"/>
  <c r="M3108" i="8"/>
  <c r="M3109" i="8"/>
  <c r="M3110" i="8"/>
  <c r="M3111" i="8"/>
  <c r="M3112" i="8"/>
  <c r="M3113" i="8"/>
  <c r="M3114" i="8"/>
  <c r="M3115" i="8"/>
  <c r="M3116" i="8"/>
  <c r="M3117" i="8"/>
  <c r="M3118" i="8"/>
  <c r="M3119" i="8"/>
  <c r="M3120" i="8"/>
  <c r="M3121" i="8"/>
  <c r="M3122" i="8"/>
  <c r="M3123" i="8"/>
  <c r="M3124" i="8"/>
  <c r="M3125" i="8"/>
  <c r="M3126" i="8"/>
  <c r="M3127" i="8"/>
  <c r="M3128" i="8"/>
  <c r="M3129" i="8"/>
  <c r="M3130" i="8"/>
  <c r="M3131" i="8"/>
  <c r="M3132" i="8"/>
  <c r="M3133" i="8"/>
  <c r="M3134" i="8"/>
  <c r="M3135" i="8"/>
  <c r="M3136" i="8"/>
  <c r="M3137" i="8"/>
  <c r="M3138" i="8"/>
  <c r="M3139" i="8"/>
  <c r="M3140" i="8"/>
  <c r="M3141" i="8"/>
  <c r="M3142" i="8"/>
  <c r="M3143" i="8"/>
  <c r="M3144" i="8"/>
  <c r="M3145" i="8"/>
  <c r="M3146" i="8"/>
  <c r="M3147" i="8"/>
  <c r="M3148" i="8"/>
  <c r="M3149" i="8"/>
  <c r="M3150" i="8"/>
  <c r="M3151" i="8"/>
  <c r="M3152" i="8"/>
  <c r="M3153" i="8"/>
  <c r="M3154" i="8"/>
  <c r="M3155" i="8"/>
  <c r="M3156" i="8"/>
  <c r="M3157" i="8"/>
  <c r="M3158" i="8"/>
  <c r="M3159" i="8"/>
  <c r="M3160" i="8"/>
  <c r="M3161" i="8"/>
  <c r="M3162" i="8"/>
  <c r="M3163" i="8"/>
  <c r="M3164" i="8"/>
  <c r="M3165" i="8"/>
  <c r="M3166" i="8"/>
  <c r="M3167" i="8"/>
  <c r="M3168" i="8"/>
  <c r="M3169" i="8"/>
  <c r="M3170" i="8"/>
  <c r="M3171" i="8"/>
  <c r="M3172" i="8"/>
  <c r="M3173" i="8"/>
  <c r="M3174" i="8"/>
  <c r="M3175" i="8"/>
  <c r="M3176" i="8"/>
  <c r="M3177" i="8"/>
  <c r="M3178" i="8"/>
  <c r="M3179" i="8"/>
  <c r="M3180" i="8"/>
  <c r="M3181" i="8"/>
  <c r="M3182" i="8"/>
  <c r="M3183" i="8"/>
  <c r="M3184" i="8"/>
  <c r="M3185" i="8"/>
  <c r="M3186" i="8"/>
  <c r="M3187" i="8"/>
  <c r="M3188" i="8"/>
  <c r="M3189" i="8"/>
  <c r="M3190" i="8"/>
  <c r="M3191" i="8"/>
  <c r="M3192" i="8"/>
  <c r="M3193" i="8"/>
  <c r="M3194" i="8"/>
  <c r="M3195" i="8"/>
  <c r="M3196" i="8"/>
  <c r="M3197" i="8"/>
  <c r="M3198" i="8"/>
  <c r="M3199" i="8"/>
  <c r="M3200" i="8"/>
  <c r="M3201" i="8"/>
  <c r="M3202" i="8"/>
  <c r="M3203" i="8"/>
  <c r="M3204" i="8"/>
  <c r="M3205" i="8"/>
  <c r="M3206" i="8"/>
  <c r="M3207" i="8"/>
  <c r="M3208" i="8"/>
  <c r="M3209" i="8"/>
  <c r="M3210" i="8"/>
  <c r="M3211" i="8"/>
  <c r="M3212" i="8"/>
  <c r="M3213" i="8"/>
  <c r="M3214" i="8"/>
  <c r="M3215" i="8"/>
  <c r="M3216" i="8"/>
  <c r="M3217" i="8"/>
  <c r="M3218" i="8"/>
  <c r="M3219" i="8"/>
  <c r="M3220" i="8"/>
  <c r="M3221" i="8"/>
  <c r="M3222" i="8"/>
  <c r="M3223" i="8"/>
  <c r="M3224" i="8"/>
  <c r="M3225" i="8"/>
  <c r="M3226" i="8"/>
  <c r="M3227" i="8"/>
  <c r="M3228" i="8"/>
  <c r="M3229" i="8"/>
  <c r="M3230" i="8"/>
  <c r="M3231" i="8"/>
  <c r="M3232" i="8"/>
  <c r="M3233" i="8"/>
  <c r="M3234" i="8"/>
  <c r="M3235" i="8"/>
  <c r="M3236" i="8"/>
  <c r="M3237" i="8"/>
  <c r="M3238" i="8"/>
  <c r="M3239" i="8"/>
  <c r="M3240" i="8"/>
  <c r="M3241" i="8"/>
  <c r="M3242" i="8"/>
  <c r="M3243" i="8"/>
  <c r="M3244" i="8"/>
  <c r="M3245" i="8"/>
  <c r="M3246" i="8"/>
  <c r="M3247" i="8"/>
  <c r="M3248" i="8"/>
  <c r="M3249" i="8"/>
  <c r="M3250" i="8"/>
  <c r="M3251" i="8"/>
  <c r="M3252" i="8"/>
  <c r="M3253" i="8"/>
  <c r="M3254" i="8"/>
  <c r="M3255" i="8"/>
  <c r="M3256" i="8"/>
  <c r="M3257" i="8"/>
  <c r="M3258" i="8"/>
  <c r="M3259" i="8"/>
  <c r="M3260" i="8"/>
  <c r="M3261" i="8"/>
  <c r="M3262" i="8"/>
  <c r="M3263" i="8"/>
  <c r="M3264" i="8"/>
  <c r="M3265" i="8"/>
  <c r="M3266" i="8"/>
  <c r="M3267" i="8"/>
  <c r="M3268" i="8"/>
  <c r="M3269" i="8"/>
  <c r="M3270" i="8"/>
  <c r="M3271" i="8"/>
  <c r="M3272" i="8"/>
  <c r="M3273" i="8"/>
  <c r="M3274" i="8"/>
  <c r="M3275" i="8"/>
  <c r="M3276" i="8"/>
  <c r="M3277" i="8"/>
  <c r="M3278" i="8"/>
  <c r="M3279" i="8"/>
  <c r="M3280" i="8"/>
  <c r="M3281" i="8"/>
  <c r="M3282" i="8"/>
  <c r="M3283" i="8"/>
  <c r="M3284" i="8"/>
  <c r="M3285" i="8"/>
  <c r="M3286" i="8"/>
  <c r="M3287" i="8"/>
  <c r="M3288" i="8"/>
  <c r="M3289" i="8"/>
  <c r="M3290" i="8"/>
  <c r="M3291" i="8"/>
  <c r="M3292" i="8"/>
  <c r="M3293" i="8"/>
  <c r="M3294" i="8"/>
  <c r="M3295" i="8"/>
  <c r="M3296" i="8"/>
  <c r="M3297" i="8"/>
  <c r="M3298" i="8"/>
  <c r="M3299" i="8"/>
  <c r="M3300" i="8"/>
  <c r="M3301" i="8"/>
  <c r="M3302" i="8"/>
  <c r="M3303" i="8"/>
  <c r="M3304" i="8"/>
  <c r="M3305" i="8"/>
  <c r="M3306" i="8"/>
  <c r="M3307" i="8"/>
  <c r="M3308" i="8"/>
  <c r="M3309" i="8"/>
  <c r="M3310" i="8"/>
  <c r="M3311" i="8"/>
  <c r="M3312" i="8"/>
  <c r="M3313" i="8"/>
  <c r="M3314" i="8"/>
  <c r="M3315" i="8"/>
  <c r="M3316" i="8"/>
  <c r="M3317" i="8"/>
  <c r="M3318" i="8"/>
  <c r="M3319" i="8"/>
  <c r="M3320" i="8"/>
  <c r="M3321" i="8"/>
  <c r="M3322" i="8"/>
  <c r="M3323" i="8"/>
  <c r="M3324" i="8"/>
  <c r="M3325" i="8"/>
  <c r="M3326" i="8"/>
  <c r="M3327" i="8"/>
  <c r="M3328" i="8"/>
  <c r="M3329" i="8"/>
  <c r="M3330" i="8"/>
  <c r="M3331" i="8"/>
  <c r="M3332" i="8"/>
  <c r="M3333" i="8"/>
  <c r="M3334" i="8"/>
  <c r="M3335" i="8"/>
  <c r="M3336" i="8"/>
  <c r="M3337" i="8"/>
  <c r="M3338" i="8"/>
  <c r="M3339" i="8"/>
  <c r="M3340" i="8"/>
  <c r="M3341" i="8"/>
  <c r="M3342" i="8"/>
  <c r="M3343" i="8"/>
  <c r="M3344" i="8"/>
  <c r="M3345" i="8"/>
  <c r="M3346" i="8"/>
  <c r="M3347" i="8"/>
  <c r="M3348" i="8"/>
  <c r="M3349" i="8"/>
  <c r="M3350" i="8"/>
  <c r="M3351" i="8"/>
  <c r="M3352" i="8"/>
  <c r="M3353" i="8"/>
  <c r="M3354" i="8"/>
  <c r="M3355" i="8"/>
  <c r="M3356" i="8"/>
  <c r="M3357" i="8"/>
  <c r="M3358" i="8"/>
  <c r="M3359" i="8"/>
  <c r="M3360" i="8"/>
  <c r="M3361" i="8"/>
  <c r="M3362" i="8"/>
  <c r="M3363" i="8"/>
  <c r="M3364" i="8"/>
  <c r="M3365" i="8"/>
  <c r="M3366" i="8"/>
  <c r="M3367" i="8"/>
  <c r="M3368" i="8"/>
  <c r="M3369" i="8"/>
  <c r="M3370" i="8"/>
  <c r="M3371" i="8"/>
  <c r="M3372" i="8"/>
  <c r="M3373" i="8"/>
  <c r="M3374" i="8"/>
  <c r="M3375" i="8"/>
  <c r="M3376" i="8"/>
  <c r="M3377" i="8"/>
  <c r="M3378" i="8"/>
  <c r="M3379" i="8"/>
  <c r="M3380" i="8"/>
  <c r="M3381" i="8"/>
  <c r="M3382" i="8"/>
  <c r="M3383" i="8"/>
  <c r="M3384" i="8"/>
  <c r="M3385" i="8"/>
  <c r="M3386" i="8"/>
  <c r="M3387" i="8"/>
  <c r="M3388" i="8"/>
  <c r="M3389" i="8"/>
  <c r="M3390" i="8"/>
  <c r="M3391" i="8"/>
  <c r="M3392" i="8"/>
  <c r="M3393" i="8"/>
  <c r="M3394" i="8"/>
  <c r="M3395" i="8"/>
  <c r="M3396" i="8"/>
  <c r="M3397" i="8"/>
  <c r="M3398" i="8"/>
  <c r="M3399" i="8"/>
  <c r="M3400" i="8"/>
  <c r="M3401" i="8"/>
  <c r="M3402" i="8"/>
  <c r="M3403" i="8"/>
  <c r="M3404" i="8"/>
  <c r="M3405" i="8"/>
  <c r="M3406" i="8"/>
  <c r="M3407" i="8"/>
  <c r="M3408" i="8"/>
  <c r="M3409" i="8"/>
  <c r="M3410" i="8"/>
  <c r="M3411" i="8"/>
  <c r="M3412" i="8"/>
  <c r="M3413" i="8"/>
  <c r="M3414" i="8"/>
  <c r="M3415" i="8"/>
  <c r="M3416" i="8"/>
  <c r="M3417" i="8"/>
  <c r="M3418" i="8"/>
  <c r="M3419" i="8"/>
  <c r="M3420" i="8"/>
  <c r="M3421" i="8"/>
  <c r="M3422" i="8"/>
  <c r="M3423" i="8"/>
  <c r="M3424" i="8"/>
  <c r="M3425" i="8"/>
  <c r="M3426" i="8"/>
  <c r="M3427" i="8"/>
  <c r="M3428" i="8"/>
  <c r="M3429" i="8"/>
  <c r="M3430" i="8"/>
  <c r="M3431" i="8"/>
  <c r="M3432" i="8"/>
  <c r="M3433" i="8"/>
  <c r="M3434" i="8"/>
  <c r="M3435" i="8"/>
  <c r="M3436" i="8"/>
  <c r="M3437" i="8"/>
  <c r="M3438" i="8"/>
  <c r="M3439" i="8"/>
  <c r="M3440" i="8"/>
  <c r="M3441" i="8"/>
  <c r="M3442" i="8"/>
  <c r="M3443" i="8"/>
  <c r="M3444" i="8"/>
  <c r="M3445" i="8"/>
  <c r="M3446" i="8"/>
  <c r="M3447" i="8"/>
  <c r="M3448" i="8"/>
  <c r="M3449" i="8"/>
  <c r="M3450" i="8"/>
  <c r="M3451" i="8"/>
  <c r="M3452" i="8"/>
  <c r="M3453" i="8"/>
  <c r="M3454" i="8"/>
  <c r="M3455" i="8"/>
  <c r="M3456" i="8"/>
  <c r="M3457" i="8"/>
  <c r="M3458" i="8"/>
  <c r="M3459" i="8"/>
  <c r="M3460" i="8"/>
  <c r="M3461" i="8"/>
  <c r="M3462" i="8"/>
  <c r="M3463" i="8"/>
  <c r="M3464" i="8"/>
  <c r="M3465" i="8"/>
  <c r="M3466" i="8"/>
  <c r="M3467" i="8"/>
  <c r="M3468" i="8"/>
  <c r="M3469" i="8"/>
  <c r="M3470" i="8"/>
  <c r="M3471" i="8"/>
  <c r="M3472" i="8"/>
  <c r="M3473" i="8"/>
  <c r="M3474" i="8"/>
  <c r="M3475" i="8"/>
  <c r="M3476" i="8"/>
  <c r="M3477" i="8"/>
  <c r="M3478" i="8"/>
  <c r="M3479" i="8"/>
  <c r="M3480" i="8"/>
  <c r="M3481" i="8"/>
  <c r="M3482" i="8"/>
  <c r="M3483" i="8"/>
  <c r="M3484" i="8"/>
  <c r="M3485" i="8"/>
  <c r="M3486" i="8"/>
  <c r="M3487" i="8"/>
  <c r="M3488" i="8"/>
  <c r="M3489" i="8"/>
  <c r="M3490" i="8"/>
  <c r="M3491" i="8"/>
  <c r="M3492" i="8"/>
  <c r="M3493" i="8"/>
  <c r="M3494" i="8"/>
  <c r="M3495" i="8"/>
  <c r="M3496" i="8"/>
  <c r="M3497" i="8"/>
  <c r="M3498" i="8"/>
  <c r="M3499" i="8"/>
  <c r="M3500" i="8"/>
  <c r="M3501" i="8"/>
  <c r="M3502" i="8"/>
  <c r="M3503" i="8"/>
  <c r="M3504" i="8"/>
  <c r="M3505" i="8"/>
  <c r="M3506" i="8"/>
  <c r="M5" i="8"/>
  <c r="AG6" i="8" l="1"/>
  <c r="B55" i="9" l="1"/>
  <c r="C55" i="9"/>
  <c r="D55" i="9"/>
  <c r="E55" i="9"/>
  <c r="G55" i="9"/>
  <c r="J55" i="9"/>
  <c r="B56" i="9"/>
  <c r="C56" i="9"/>
  <c r="D56" i="9"/>
  <c r="E56" i="9"/>
  <c r="G56" i="9"/>
  <c r="J56" i="9"/>
  <c r="B57" i="9"/>
  <c r="C57" i="9"/>
  <c r="D57" i="9"/>
  <c r="E57" i="9"/>
  <c r="G57" i="9"/>
  <c r="J57" i="9"/>
  <c r="B58" i="9"/>
  <c r="C58" i="9"/>
  <c r="D58" i="9"/>
  <c r="E58" i="9"/>
  <c r="G58" i="9"/>
  <c r="J58" i="9"/>
  <c r="B59" i="9"/>
  <c r="C59" i="9"/>
  <c r="D59" i="9"/>
  <c r="E59" i="9"/>
  <c r="G59" i="9"/>
  <c r="J59" i="9"/>
  <c r="B60" i="9"/>
  <c r="C60" i="9"/>
  <c r="D60" i="9"/>
  <c r="E60" i="9"/>
  <c r="G60" i="9"/>
  <c r="J60" i="9"/>
  <c r="B61" i="9"/>
  <c r="C61" i="9"/>
  <c r="D61" i="9"/>
  <c r="E61" i="9"/>
  <c r="G61" i="9"/>
  <c r="J61" i="9"/>
  <c r="B62" i="9"/>
  <c r="C62" i="9"/>
  <c r="D62" i="9"/>
  <c r="E62" i="9"/>
  <c r="G62" i="9"/>
  <c r="J62" i="9"/>
  <c r="B63" i="9"/>
  <c r="C63" i="9"/>
  <c r="D63" i="9"/>
  <c r="E63" i="9"/>
  <c r="G63" i="9"/>
  <c r="J63" i="9"/>
  <c r="B64" i="9"/>
  <c r="C64" i="9"/>
  <c r="D64" i="9"/>
  <c r="E64" i="9"/>
  <c r="G64" i="9"/>
  <c r="J64" i="9"/>
  <c r="B65" i="9"/>
  <c r="C65" i="9"/>
  <c r="D65" i="9"/>
  <c r="E65" i="9"/>
  <c r="G65" i="9"/>
  <c r="J65" i="9"/>
  <c r="B66" i="9"/>
  <c r="C66" i="9"/>
  <c r="D66" i="9"/>
  <c r="E66" i="9"/>
  <c r="G66" i="9"/>
  <c r="J66" i="9"/>
  <c r="B67" i="9"/>
  <c r="C67" i="9"/>
  <c r="D67" i="9"/>
  <c r="E67" i="9"/>
  <c r="G67" i="9"/>
  <c r="J67" i="9"/>
  <c r="B68" i="9"/>
  <c r="C68" i="9"/>
  <c r="D68" i="9"/>
  <c r="E68" i="9"/>
  <c r="G68" i="9"/>
  <c r="J68" i="9"/>
  <c r="B69" i="9"/>
  <c r="C69" i="9"/>
  <c r="D69" i="9"/>
  <c r="E69" i="9"/>
  <c r="G69" i="9"/>
  <c r="J69" i="9"/>
  <c r="B70" i="9"/>
  <c r="C70" i="9"/>
  <c r="D70" i="9"/>
  <c r="E70" i="9"/>
  <c r="G70" i="9"/>
  <c r="J70" i="9"/>
  <c r="B71" i="9"/>
  <c r="C71" i="9"/>
  <c r="D71" i="9"/>
  <c r="E71" i="9"/>
  <c r="G71" i="9"/>
  <c r="J71" i="9"/>
  <c r="B72" i="9"/>
  <c r="C72" i="9"/>
  <c r="D72" i="9"/>
  <c r="E72" i="9"/>
  <c r="G72" i="9"/>
  <c r="J72" i="9"/>
  <c r="B73" i="9"/>
  <c r="C73" i="9"/>
  <c r="D73" i="9"/>
  <c r="E73" i="9"/>
  <c r="G73" i="9"/>
  <c r="J73" i="9"/>
  <c r="B74" i="9"/>
  <c r="C74" i="9"/>
  <c r="D74" i="9"/>
  <c r="E74" i="9"/>
  <c r="G74" i="9"/>
  <c r="J74" i="9"/>
  <c r="B75" i="9"/>
  <c r="C75" i="9"/>
  <c r="D75" i="9"/>
  <c r="E75" i="9"/>
  <c r="G75" i="9"/>
  <c r="J75" i="9"/>
  <c r="B76" i="9"/>
  <c r="C76" i="9"/>
  <c r="D76" i="9"/>
  <c r="E76" i="9"/>
  <c r="G76" i="9"/>
  <c r="J76" i="9"/>
  <c r="B77" i="9"/>
  <c r="C77" i="9"/>
  <c r="D77" i="9"/>
  <c r="E77" i="9"/>
  <c r="G77" i="9"/>
  <c r="J77" i="9"/>
  <c r="B78" i="9"/>
  <c r="C78" i="9"/>
  <c r="D78" i="9"/>
  <c r="E78" i="9"/>
  <c r="G78" i="9"/>
  <c r="J78" i="9"/>
  <c r="B79" i="9"/>
  <c r="C79" i="9"/>
  <c r="D79" i="9"/>
  <c r="E79" i="9"/>
  <c r="G79" i="9"/>
  <c r="J79" i="9"/>
  <c r="B80" i="9"/>
  <c r="C80" i="9"/>
  <c r="D80" i="9"/>
  <c r="E80" i="9"/>
  <c r="G80" i="9"/>
  <c r="J80" i="9"/>
  <c r="B81" i="9"/>
  <c r="C81" i="9"/>
  <c r="D81" i="9"/>
  <c r="E81" i="9"/>
  <c r="G81" i="9"/>
  <c r="J81" i="9"/>
  <c r="B82" i="9"/>
  <c r="C82" i="9"/>
  <c r="D82" i="9"/>
  <c r="E82" i="9"/>
  <c r="G82" i="9"/>
  <c r="J82" i="9"/>
  <c r="B83" i="9"/>
  <c r="C83" i="9"/>
  <c r="D83" i="9"/>
  <c r="E83" i="9"/>
  <c r="G83" i="9"/>
  <c r="J83" i="9"/>
  <c r="B84" i="9"/>
  <c r="C84" i="9"/>
  <c r="D84" i="9"/>
  <c r="E84" i="9"/>
  <c r="G84" i="9"/>
  <c r="J84" i="9"/>
  <c r="B85" i="9"/>
  <c r="C85" i="9"/>
  <c r="D85" i="9"/>
  <c r="E85" i="9"/>
  <c r="G85" i="9"/>
  <c r="J85" i="9"/>
  <c r="B86" i="9"/>
  <c r="C86" i="9"/>
  <c r="D86" i="9"/>
  <c r="E86" i="9"/>
  <c r="G86" i="9"/>
  <c r="J86" i="9"/>
  <c r="B87" i="9"/>
  <c r="C87" i="9"/>
  <c r="D87" i="9"/>
  <c r="E87" i="9"/>
  <c r="G87" i="9"/>
  <c r="J87" i="9"/>
  <c r="B88" i="9"/>
  <c r="C88" i="9"/>
  <c r="D88" i="9"/>
  <c r="E88" i="9"/>
  <c r="G88" i="9"/>
  <c r="J88" i="9"/>
  <c r="B89" i="9"/>
  <c r="C89" i="9"/>
  <c r="D89" i="9"/>
  <c r="E89" i="9"/>
  <c r="G89" i="9"/>
  <c r="J89" i="9"/>
  <c r="B90" i="9"/>
  <c r="C90" i="9"/>
  <c r="D90" i="9"/>
  <c r="E90" i="9"/>
  <c r="G90" i="9"/>
  <c r="J90" i="9"/>
  <c r="B91" i="9"/>
  <c r="C91" i="9"/>
  <c r="D91" i="9"/>
  <c r="E91" i="9"/>
  <c r="G91" i="9"/>
  <c r="J91" i="9"/>
  <c r="B92" i="9"/>
  <c r="C92" i="9"/>
  <c r="D92" i="9"/>
  <c r="E92" i="9"/>
  <c r="G92" i="9"/>
  <c r="J92" i="9"/>
  <c r="B93" i="9"/>
  <c r="C93" i="9"/>
  <c r="D93" i="9"/>
  <c r="E93" i="9"/>
  <c r="G93" i="9"/>
  <c r="J93" i="9"/>
  <c r="B94" i="9"/>
  <c r="C94" i="9"/>
  <c r="D94" i="9"/>
  <c r="E94" i="9"/>
  <c r="G94" i="9"/>
  <c r="J94" i="9"/>
  <c r="B95" i="9"/>
  <c r="C95" i="9"/>
  <c r="D95" i="9"/>
  <c r="E95" i="9"/>
  <c r="G95" i="9"/>
  <c r="J95" i="9"/>
  <c r="B96" i="9"/>
  <c r="C96" i="9"/>
  <c r="D96" i="9"/>
  <c r="E96" i="9"/>
  <c r="G96" i="9"/>
  <c r="J96" i="9"/>
  <c r="B97" i="9"/>
  <c r="C97" i="9"/>
  <c r="D97" i="9"/>
  <c r="E97" i="9"/>
  <c r="G97" i="9"/>
  <c r="J97" i="9"/>
  <c r="B98" i="9"/>
  <c r="C98" i="9"/>
  <c r="D98" i="9"/>
  <c r="E98" i="9"/>
  <c r="G98" i="9"/>
  <c r="J98" i="9"/>
  <c r="B99" i="9"/>
  <c r="C99" i="9"/>
  <c r="D99" i="9"/>
  <c r="E99" i="9"/>
  <c r="G99" i="9"/>
  <c r="J99" i="9"/>
  <c r="B100" i="9"/>
  <c r="C100" i="9"/>
  <c r="D100" i="9"/>
  <c r="E100" i="9"/>
  <c r="G100" i="9"/>
  <c r="J100" i="9"/>
  <c r="B101" i="9"/>
  <c r="C101" i="9"/>
  <c r="D101" i="9"/>
  <c r="E101" i="9"/>
  <c r="G101" i="9"/>
  <c r="J101" i="9"/>
  <c r="B102" i="9"/>
  <c r="C102" i="9"/>
  <c r="D102" i="9"/>
  <c r="E102" i="9"/>
  <c r="G102" i="9"/>
  <c r="J102" i="9"/>
  <c r="B103" i="9"/>
  <c r="C103" i="9"/>
  <c r="D103" i="9"/>
  <c r="E103" i="9"/>
  <c r="G103" i="9"/>
  <c r="J103" i="9"/>
  <c r="B104" i="9"/>
  <c r="C104" i="9"/>
  <c r="D104" i="9"/>
  <c r="E104" i="9"/>
  <c r="G104" i="9"/>
  <c r="J104" i="9"/>
  <c r="B105" i="9"/>
  <c r="C105" i="9"/>
  <c r="D105" i="9"/>
  <c r="E105" i="9"/>
  <c r="G105" i="9"/>
  <c r="J105" i="9"/>
  <c r="B106" i="9"/>
  <c r="C106" i="9"/>
  <c r="D106" i="9"/>
  <c r="E106" i="9"/>
  <c r="G106" i="9"/>
  <c r="J106" i="9"/>
  <c r="B107" i="9"/>
  <c r="C107" i="9"/>
  <c r="D107" i="9"/>
  <c r="E107" i="9"/>
  <c r="G107" i="9"/>
  <c r="J107" i="9"/>
  <c r="B108" i="9"/>
  <c r="C108" i="9"/>
  <c r="D108" i="9"/>
  <c r="E108" i="9"/>
  <c r="G108" i="9"/>
  <c r="J108" i="9"/>
  <c r="B109" i="9"/>
  <c r="C109" i="9"/>
  <c r="D109" i="9"/>
  <c r="E109" i="9"/>
  <c r="G109" i="9"/>
  <c r="J109" i="9"/>
  <c r="B110" i="9"/>
  <c r="C110" i="9"/>
  <c r="D110" i="9"/>
  <c r="E110" i="9"/>
  <c r="G110" i="9"/>
  <c r="J110" i="9"/>
  <c r="B111" i="9"/>
  <c r="C111" i="9"/>
  <c r="D111" i="9"/>
  <c r="E111" i="9"/>
  <c r="G111" i="9"/>
  <c r="J111" i="9"/>
  <c r="B112" i="9"/>
  <c r="C112" i="9"/>
  <c r="D112" i="9"/>
  <c r="E112" i="9"/>
  <c r="G112" i="9"/>
  <c r="J112" i="9"/>
  <c r="B113" i="9"/>
  <c r="C113" i="9"/>
  <c r="D113" i="9"/>
  <c r="E113" i="9"/>
  <c r="G113" i="9"/>
  <c r="J113" i="9"/>
  <c r="B114" i="9"/>
  <c r="C114" i="9"/>
  <c r="D114" i="9"/>
  <c r="E114" i="9"/>
  <c r="G114" i="9"/>
  <c r="J114" i="9"/>
  <c r="B115" i="9"/>
  <c r="C115" i="9"/>
  <c r="D115" i="9"/>
  <c r="E115" i="9"/>
  <c r="G115" i="9"/>
  <c r="J115" i="9"/>
  <c r="B116" i="9"/>
  <c r="C116" i="9"/>
  <c r="D116" i="9"/>
  <c r="E116" i="9"/>
  <c r="G116" i="9"/>
  <c r="J116" i="9"/>
  <c r="B117" i="9"/>
  <c r="C117" i="9"/>
  <c r="D117" i="9"/>
  <c r="E117" i="9"/>
  <c r="G117" i="9"/>
  <c r="J117" i="9"/>
  <c r="B118" i="9"/>
  <c r="C118" i="9"/>
  <c r="D118" i="9"/>
  <c r="E118" i="9"/>
  <c r="G118" i="9"/>
  <c r="J118" i="9"/>
  <c r="B119" i="9"/>
  <c r="C119" i="9"/>
  <c r="D119" i="9"/>
  <c r="E119" i="9"/>
  <c r="G119" i="9"/>
  <c r="J119" i="9"/>
  <c r="B120" i="9"/>
  <c r="C120" i="9"/>
  <c r="D120" i="9"/>
  <c r="E120" i="9"/>
  <c r="G120" i="9"/>
  <c r="J120" i="9"/>
  <c r="B121" i="9"/>
  <c r="C121" i="9"/>
  <c r="D121" i="9"/>
  <c r="E121" i="9"/>
  <c r="G121" i="9"/>
  <c r="J121" i="9"/>
  <c r="B122" i="9"/>
  <c r="C122" i="9"/>
  <c r="D122" i="9"/>
  <c r="E122" i="9"/>
  <c r="G122" i="9"/>
  <c r="J122" i="9"/>
  <c r="B123" i="9"/>
  <c r="C123" i="9"/>
  <c r="D123" i="9"/>
  <c r="E123" i="9"/>
  <c r="G123" i="9"/>
  <c r="J123" i="9"/>
  <c r="B124" i="9"/>
  <c r="C124" i="9"/>
  <c r="D124" i="9"/>
  <c r="E124" i="9"/>
  <c r="G124" i="9"/>
  <c r="J124" i="9"/>
  <c r="B125" i="9"/>
  <c r="C125" i="9"/>
  <c r="D125" i="9"/>
  <c r="E125" i="9"/>
  <c r="G125" i="9"/>
  <c r="J125" i="9"/>
  <c r="B126" i="9"/>
  <c r="C126" i="9"/>
  <c r="D126" i="9"/>
  <c r="E126" i="9"/>
  <c r="G126" i="9"/>
  <c r="J126" i="9"/>
  <c r="B127" i="9"/>
  <c r="C127" i="9"/>
  <c r="D127" i="9"/>
  <c r="E127" i="9"/>
  <c r="G127" i="9"/>
  <c r="J127" i="9"/>
  <c r="B128" i="9"/>
  <c r="C128" i="9"/>
  <c r="D128" i="9"/>
  <c r="E128" i="9"/>
  <c r="G128" i="9"/>
  <c r="J128" i="9"/>
  <c r="B129" i="9"/>
  <c r="C129" i="9"/>
  <c r="D129" i="9"/>
  <c r="E129" i="9"/>
  <c r="G129" i="9"/>
  <c r="J129" i="9"/>
  <c r="B130" i="9"/>
  <c r="C130" i="9"/>
  <c r="D130" i="9"/>
  <c r="E130" i="9"/>
  <c r="G130" i="9"/>
  <c r="J130" i="9"/>
  <c r="B131" i="9"/>
  <c r="C131" i="9"/>
  <c r="D131" i="9"/>
  <c r="E131" i="9"/>
  <c r="G131" i="9"/>
  <c r="J131" i="9"/>
  <c r="B132" i="9"/>
  <c r="C132" i="9"/>
  <c r="D132" i="9"/>
  <c r="E132" i="9"/>
  <c r="G132" i="9"/>
  <c r="J132" i="9"/>
  <c r="B133" i="9"/>
  <c r="C133" i="9"/>
  <c r="D133" i="9"/>
  <c r="E133" i="9"/>
  <c r="G133" i="9"/>
  <c r="J133" i="9"/>
  <c r="B134" i="9"/>
  <c r="C134" i="9"/>
  <c r="D134" i="9"/>
  <c r="E134" i="9"/>
  <c r="G134" i="9"/>
  <c r="J134" i="9"/>
  <c r="B135" i="9"/>
  <c r="C135" i="9"/>
  <c r="D135" i="9"/>
  <c r="E135" i="9"/>
  <c r="G135" i="9"/>
  <c r="J135" i="9"/>
  <c r="B136" i="9"/>
  <c r="C136" i="9"/>
  <c r="D136" i="9"/>
  <c r="E136" i="9"/>
  <c r="G136" i="9"/>
  <c r="J136" i="9"/>
  <c r="B137" i="9"/>
  <c r="C137" i="9"/>
  <c r="D137" i="9"/>
  <c r="E137" i="9"/>
  <c r="G137" i="9"/>
  <c r="J137" i="9"/>
  <c r="B138" i="9"/>
  <c r="C138" i="9"/>
  <c r="D138" i="9"/>
  <c r="E138" i="9"/>
  <c r="G138" i="9"/>
  <c r="J138" i="9"/>
  <c r="B139" i="9"/>
  <c r="C139" i="9"/>
  <c r="D139" i="9"/>
  <c r="E139" i="9"/>
  <c r="G139" i="9"/>
  <c r="J139" i="9"/>
  <c r="B140" i="9"/>
  <c r="C140" i="9"/>
  <c r="D140" i="9"/>
  <c r="E140" i="9"/>
  <c r="G140" i="9"/>
  <c r="J140" i="9"/>
  <c r="B141" i="9"/>
  <c r="C141" i="9"/>
  <c r="D141" i="9"/>
  <c r="E141" i="9"/>
  <c r="G141" i="9"/>
  <c r="J141" i="9"/>
  <c r="B142" i="9"/>
  <c r="C142" i="9"/>
  <c r="D142" i="9"/>
  <c r="E142" i="9"/>
  <c r="G142" i="9"/>
  <c r="J142" i="9"/>
  <c r="B143" i="9"/>
  <c r="C143" i="9"/>
  <c r="D143" i="9"/>
  <c r="E143" i="9"/>
  <c r="G143" i="9"/>
  <c r="J143" i="9"/>
  <c r="B144" i="9"/>
  <c r="C144" i="9"/>
  <c r="D144" i="9"/>
  <c r="E144" i="9"/>
  <c r="G144" i="9"/>
  <c r="J144" i="9"/>
  <c r="B145" i="9"/>
  <c r="C145" i="9"/>
  <c r="D145" i="9"/>
  <c r="E145" i="9"/>
  <c r="G145" i="9"/>
  <c r="J145" i="9"/>
  <c r="B146" i="9"/>
  <c r="C146" i="9"/>
  <c r="D146" i="9"/>
  <c r="E146" i="9"/>
  <c r="G146" i="9"/>
  <c r="J146" i="9"/>
  <c r="B147" i="9"/>
  <c r="C147" i="9"/>
  <c r="D147" i="9"/>
  <c r="E147" i="9"/>
  <c r="G147" i="9"/>
  <c r="J147" i="9"/>
  <c r="B148" i="9"/>
  <c r="C148" i="9"/>
  <c r="D148" i="9"/>
  <c r="E148" i="9"/>
  <c r="G148" i="9"/>
  <c r="J148" i="9"/>
  <c r="B149" i="9"/>
  <c r="C149" i="9"/>
  <c r="D149" i="9"/>
  <c r="E149" i="9"/>
  <c r="G149" i="9"/>
  <c r="J149" i="9"/>
  <c r="B150" i="9"/>
  <c r="C150" i="9"/>
  <c r="D150" i="9"/>
  <c r="E150" i="9"/>
  <c r="G150" i="9"/>
  <c r="J150" i="9"/>
  <c r="B151" i="9"/>
  <c r="C151" i="9"/>
  <c r="D151" i="9"/>
  <c r="E151" i="9"/>
  <c r="G151" i="9"/>
  <c r="J151" i="9"/>
  <c r="B152" i="9"/>
  <c r="C152" i="9"/>
  <c r="D152" i="9"/>
  <c r="E152" i="9"/>
  <c r="G152" i="9"/>
  <c r="J152" i="9"/>
  <c r="B153" i="9"/>
  <c r="C153" i="9"/>
  <c r="D153" i="9"/>
  <c r="E153" i="9"/>
  <c r="G153" i="9"/>
  <c r="J153" i="9"/>
  <c r="B154" i="9"/>
  <c r="C154" i="9"/>
  <c r="D154" i="9"/>
  <c r="E154" i="9"/>
  <c r="G154" i="9"/>
  <c r="J154" i="9"/>
  <c r="B155" i="9"/>
  <c r="C155" i="9"/>
  <c r="D155" i="9"/>
  <c r="E155" i="9"/>
  <c r="G155" i="9"/>
  <c r="J155" i="9"/>
  <c r="B156" i="9"/>
  <c r="C156" i="9"/>
  <c r="D156" i="9"/>
  <c r="E156" i="9"/>
  <c r="G156" i="9"/>
  <c r="J156" i="9"/>
  <c r="B157" i="9"/>
  <c r="C157" i="9"/>
  <c r="D157" i="9"/>
  <c r="E157" i="9"/>
  <c r="G157" i="9"/>
  <c r="J157" i="9"/>
  <c r="B158" i="9"/>
  <c r="C158" i="9"/>
  <c r="D158" i="9"/>
  <c r="E158" i="9"/>
  <c r="G158" i="9"/>
  <c r="J158" i="9"/>
  <c r="B159" i="9"/>
  <c r="C159" i="9"/>
  <c r="D159" i="9"/>
  <c r="E159" i="9"/>
  <c r="G159" i="9"/>
  <c r="J159" i="9"/>
  <c r="B160" i="9"/>
  <c r="C160" i="9"/>
  <c r="D160" i="9"/>
  <c r="E160" i="9"/>
  <c r="G160" i="9"/>
  <c r="J160" i="9"/>
  <c r="B161" i="9"/>
  <c r="C161" i="9"/>
  <c r="D161" i="9"/>
  <c r="E161" i="9"/>
  <c r="G161" i="9"/>
  <c r="J161" i="9"/>
  <c r="B162" i="9"/>
  <c r="C162" i="9"/>
  <c r="D162" i="9"/>
  <c r="E162" i="9"/>
  <c r="G162" i="9"/>
  <c r="J162" i="9"/>
  <c r="B163" i="9"/>
  <c r="C163" i="9"/>
  <c r="D163" i="9"/>
  <c r="E163" i="9"/>
  <c r="G163" i="9"/>
  <c r="J163" i="9"/>
  <c r="B164" i="9"/>
  <c r="C164" i="9"/>
  <c r="D164" i="9"/>
  <c r="E164" i="9"/>
  <c r="G164" i="9"/>
  <c r="J164" i="9"/>
  <c r="B165" i="9"/>
  <c r="C165" i="9"/>
  <c r="D165" i="9"/>
  <c r="E165" i="9"/>
  <c r="G165" i="9"/>
  <c r="J165" i="9"/>
  <c r="B166" i="9"/>
  <c r="C166" i="9"/>
  <c r="D166" i="9"/>
  <c r="E166" i="9"/>
  <c r="G166" i="9"/>
  <c r="J166" i="9"/>
  <c r="B167" i="9"/>
  <c r="C167" i="9"/>
  <c r="D167" i="9"/>
  <c r="E167" i="9"/>
  <c r="G167" i="9"/>
  <c r="J167" i="9"/>
  <c r="B168" i="9"/>
  <c r="C168" i="9"/>
  <c r="D168" i="9"/>
  <c r="E168" i="9"/>
  <c r="G168" i="9"/>
  <c r="J168" i="9"/>
  <c r="B169" i="9"/>
  <c r="C169" i="9"/>
  <c r="D169" i="9"/>
  <c r="E169" i="9"/>
  <c r="G169" i="9"/>
  <c r="J169" i="9"/>
  <c r="B170" i="9"/>
  <c r="C170" i="9"/>
  <c r="D170" i="9"/>
  <c r="E170" i="9"/>
  <c r="G170" i="9"/>
  <c r="J170" i="9"/>
  <c r="B171" i="9"/>
  <c r="C171" i="9"/>
  <c r="D171" i="9"/>
  <c r="E171" i="9"/>
  <c r="G171" i="9"/>
  <c r="J171" i="9"/>
  <c r="B172" i="9"/>
  <c r="C172" i="9"/>
  <c r="D172" i="9"/>
  <c r="E172" i="9"/>
  <c r="G172" i="9"/>
  <c r="J172" i="9"/>
  <c r="B173" i="9"/>
  <c r="C173" i="9"/>
  <c r="D173" i="9"/>
  <c r="E173" i="9"/>
  <c r="G173" i="9"/>
  <c r="J173" i="9"/>
  <c r="B174" i="9"/>
  <c r="C174" i="9"/>
  <c r="D174" i="9"/>
  <c r="E174" i="9"/>
  <c r="G174" i="9"/>
  <c r="J174" i="9"/>
  <c r="B175" i="9"/>
  <c r="C175" i="9"/>
  <c r="D175" i="9"/>
  <c r="E175" i="9"/>
  <c r="G175" i="9"/>
  <c r="J175" i="9"/>
  <c r="B176" i="9"/>
  <c r="C176" i="9"/>
  <c r="D176" i="9"/>
  <c r="E176" i="9"/>
  <c r="G176" i="9"/>
  <c r="J176" i="9"/>
  <c r="B177" i="9"/>
  <c r="C177" i="9"/>
  <c r="D177" i="9"/>
  <c r="E177" i="9"/>
  <c r="G177" i="9"/>
  <c r="J177" i="9"/>
  <c r="B178" i="9"/>
  <c r="C178" i="9"/>
  <c r="D178" i="9"/>
  <c r="E178" i="9"/>
  <c r="G178" i="9"/>
  <c r="J178" i="9"/>
  <c r="B179" i="9"/>
  <c r="C179" i="9"/>
  <c r="D179" i="9"/>
  <c r="E179" i="9"/>
  <c r="G179" i="9"/>
  <c r="J179" i="9"/>
  <c r="B180" i="9"/>
  <c r="C180" i="9"/>
  <c r="D180" i="9"/>
  <c r="E180" i="9"/>
  <c r="G180" i="9"/>
  <c r="J180" i="9"/>
  <c r="B181" i="9"/>
  <c r="C181" i="9"/>
  <c r="D181" i="9"/>
  <c r="E181" i="9"/>
  <c r="G181" i="9"/>
  <c r="J181" i="9"/>
  <c r="B182" i="9"/>
  <c r="C182" i="9"/>
  <c r="D182" i="9"/>
  <c r="E182" i="9"/>
  <c r="G182" i="9"/>
  <c r="J182" i="9"/>
  <c r="B183" i="9"/>
  <c r="C183" i="9"/>
  <c r="D183" i="9"/>
  <c r="E183" i="9"/>
  <c r="G183" i="9"/>
  <c r="J183" i="9"/>
  <c r="B184" i="9"/>
  <c r="C184" i="9"/>
  <c r="D184" i="9"/>
  <c r="E184" i="9"/>
  <c r="G184" i="9"/>
  <c r="J184" i="9"/>
  <c r="B185" i="9"/>
  <c r="C185" i="9"/>
  <c r="D185" i="9"/>
  <c r="E185" i="9"/>
  <c r="G185" i="9"/>
  <c r="J185" i="9"/>
  <c r="B186" i="9"/>
  <c r="C186" i="9"/>
  <c r="D186" i="9"/>
  <c r="E186" i="9"/>
  <c r="G186" i="9"/>
  <c r="J186" i="9"/>
  <c r="B187" i="9"/>
  <c r="C187" i="9"/>
  <c r="D187" i="9"/>
  <c r="E187" i="9"/>
  <c r="G187" i="9"/>
  <c r="J187" i="9"/>
  <c r="B188" i="9"/>
  <c r="C188" i="9"/>
  <c r="D188" i="9"/>
  <c r="E188" i="9"/>
  <c r="G188" i="9"/>
  <c r="J188" i="9"/>
  <c r="B189" i="9"/>
  <c r="C189" i="9"/>
  <c r="D189" i="9"/>
  <c r="E189" i="9"/>
  <c r="G189" i="9"/>
  <c r="J189" i="9"/>
  <c r="B190" i="9"/>
  <c r="C190" i="9"/>
  <c r="D190" i="9"/>
  <c r="E190" i="9"/>
  <c r="G190" i="9"/>
  <c r="J190" i="9"/>
  <c r="B191" i="9"/>
  <c r="C191" i="9"/>
  <c r="D191" i="9"/>
  <c r="E191" i="9"/>
  <c r="G191" i="9"/>
  <c r="J191" i="9"/>
  <c r="B192" i="9"/>
  <c r="C192" i="9"/>
  <c r="D192" i="9"/>
  <c r="E192" i="9"/>
  <c r="G192" i="9"/>
  <c r="J192" i="9"/>
  <c r="B193" i="9"/>
  <c r="C193" i="9"/>
  <c r="D193" i="9"/>
  <c r="E193" i="9"/>
  <c r="G193" i="9"/>
  <c r="J193" i="9"/>
  <c r="B194" i="9"/>
  <c r="C194" i="9"/>
  <c r="D194" i="9"/>
  <c r="E194" i="9"/>
  <c r="G194" i="9"/>
  <c r="J194" i="9"/>
  <c r="B195" i="9"/>
  <c r="C195" i="9"/>
  <c r="D195" i="9"/>
  <c r="E195" i="9"/>
  <c r="G195" i="9"/>
  <c r="J195" i="9"/>
  <c r="B196" i="9"/>
  <c r="C196" i="9"/>
  <c r="D196" i="9"/>
  <c r="E196" i="9"/>
  <c r="G196" i="9"/>
  <c r="J196" i="9"/>
  <c r="B197" i="9"/>
  <c r="C197" i="9"/>
  <c r="D197" i="9"/>
  <c r="E197" i="9"/>
  <c r="G197" i="9"/>
  <c r="J197" i="9"/>
  <c r="B198" i="9"/>
  <c r="C198" i="9"/>
  <c r="D198" i="9"/>
  <c r="E198" i="9"/>
  <c r="G198" i="9"/>
  <c r="J198" i="9"/>
  <c r="B199" i="9"/>
  <c r="C199" i="9"/>
  <c r="D199" i="9"/>
  <c r="E199" i="9"/>
  <c r="G199" i="9"/>
  <c r="J199" i="9"/>
  <c r="B200" i="9"/>
  <c r="C200" i="9"/>
  <c r="D200" i="9"/>
  <c r="E200" i="9"/>
  <c r="G200" i="9"/>
  <c r="J200" i="9"/>
  <c r="B201" i="9"/>
  <c r="C201" i="9"/>
  <c r="D201" i="9"/>
  <c r="E201" i="9"/>
  <c r="G201" i="9"/>
  <c r="J201" i="9"/>
  <c r="B202" i="9"/>
  <c r="C202" i="9"/>
  <c r="D202" i="9"/>
  <c r="E202" i="9"/>
  <c r="G202" i="9"/>
  <c r="J202" i="9"/>
  <c r="B203" i="9"/>
  <c r="C203" i="9"/>
  <c r="D203" i="9"/>
  <c r="E203" i="9"/>
  <c r="G203" i="9"/>
  <c r="J203" i="9"/>
  <c r="B204" i="9"/>
  <c r="C204" i="9"/>
  <c r="D204" i="9"/>
  <c r="E204" i="9"/>
  <c r="G204" i="9"/>
  <c r="J204" i="9"/>
  <c r="B205" i="9"/>
  <c r="C205" i="9"/>
  <c r="D205" i="9"/>
  <c r="E205" i="9"/>
  <c r="G205" i="9"/>
  <c r="J205" i="9"/>
  <c r="B206" i="9"/>
  <c r="C206" i="9"/>
  <c r="D206" i="9"/>
  <c r="E206" i="9"/>
  <c r="G206" i="9"/>
  <c r="J206" i="9"/>
  <c r="B207" i="9"/>
  <c r="C207" i="9"/>
  <c r="D207" i="9"/>
  <c r="E207" i="9"/>
  <c r="G207" i="9"/>
  <c r="J207" i="9"/>
  <c r="B208" i="9"/>
  <c r="C208" i="9"/>
  <c r="D208" i="9"/>
  <c r="E208" i="9"/>
  <c r="G208" i="9"/>
  <c r="J208" i="9"/>
  <c r="B209" i="9"/>
  <c r="C209" i="9"/>
  <c r="D209" i="9"/>
  <c r="E209" i="9"/>
  <c r="G209" i="9"/>
  <c r="J209" i="9"/>
  <c r="B210" i="9"/>
  <c r="C210" i="9"/>
  <c r="D210" i="9"/>
  <c r="E210" i="9"/>
  <c r="G210" i="9"/>
  <c r="J210" i="9"/>
  <c r="B211" i="9"/>
  <c r="C211" i="9"/>
  <c r="D211" i="9"/>
  <c r="E211" i="9"/>
  <c r="G211" i="9"/>
  <c r="J211" i="9"/>
  <c r="B212" i="9"/>
  <c r="C212" i="9"/>
  <c r="D212" i="9"/>
  <c r="E212" i="9"/>
  <c r="G212" i="9"/>
  <c r="J212" i="9"/>
  <c r="B213" i="9"/>
  <c r="C213" i="9"/>
  <c r="D213" i="9"/>
  <c r="E213" i="9"/>
  <c r="G213" i="9"/>
  <c r="J213" i="9"/>
  <c r="B214" i="9"/>
  <c r="C214" i="9"/>
  <c r="D214" i="9"/>
  <c r="E214" i="9"/>
  <c r="G214" i="9"/>
  <c r="J214" i="9"/>
  <c r="B215" i="9"/>
  <c r="C215" i="9"/>
  <c r="D215" i="9"/>
  <c r="E215" i="9"/>
  <c r="G215" i="9"/>
  <c r="J215" i="9"/>
  <c r="B216" i="9"/>
  <c r="C216" i="9"/>
  <c r="D216" i="9"/>
  <c r="E216" i="9"/>
  <c r="G216" i="9"/>
  <c r="J216" i="9"/>
  <c r="B217" i="9"/>
  <c r="C217" i="9"/>
  <c r="D217" i="9"/>
  <c r="E217" i="9"/>
  <c r="G217" i="9"/>
  <c r="J217" i="9"/>
  <c r="B218" i="9"/>
  <c r="C218" i="9"/>
  <c r="D218" i="9"/>
  <c r="E218" i="9"/>
  <c r="G218" i="9"/>
  <c r="J218" i="9"/>
  <c r="B219" i="9"/>
  <c r="C219" i="9"/>
  <c r="D219" i="9"/>
  <c r="E219" i="9"/>
  <c r="G219" i="9"/>
  <c r="J219" i="9"/>
  <c r="B220" i="9"/>
  <c r="C220" i="9"/>
  <c r="D220" i="9"/>
  <c r="E220" i="9"/>
  <c r="G220" i="9"/>
  <c r="J220" i="9"/>
  <c r="B221" i="9"/>
  <c r="C221" i="9"/>
  <c r="D221" i="9"/>
  <c r="E221" i="9"/>
  <c r="G221" i="9"/>
  <c r="J221" i="9"/>
  <c r="B222" i="9"/>
  <c r="C222" i="9"/>
  <c r="D222" i="9"/>
  <c r="E222" i="9"/>
  <c r="G222" i="9"/>
  <c r="J222" i="9"/>
  <c r="B223" i="9"/>
  <c r="C223" i="9"/>
  <c r="D223" i="9"/>
  <c r="E223" i="9"/>
  <c r="G223" i="9"/>
  <c r="J223" i="9"/>
  <c r="B224" i="9"/>
  <c r="C224" i="9"/>
  <c r="D224" i="9"/>
  <c r="E224" i="9"/>
  <c r="G224" i="9"/>
  <c r="J224" i="9"/>
  <c r="B225" i="9"/>
  <c r="C225" i="9"/>
  <c r="D225" i="9"/>
  <c r="E225" i="9"/>
  <c r="G225" i="9"/>
  <c r="J225" i="9"/>
  <c r="B226" i="9"/>
  <c r="C226" i="9"/>
  <c r="D226" i="9"/>
  <c r="E226" i="9"/>
  <c r="G226" i="9"/>
  <c r="J226" i="9"/>
  <c r="B227" i="9"/>
  <c r="C227" i="9"/>
  <c r="D227" i="9"/>
  <c r="E227" i="9"/>
  <c r="G227" i="9"/>
  <c r="J227" i="9"/>
  <c r="B228" i="9"/>
  <c r="C228" i="9"/>
  <c r="D228" i="9"/>
  <c r="E228" i="9"/>
  <c r="G228" i="9"/>
  <c r="J228" i="9"/>
  <c r="B229" i="9"/>
  <c r="C229" i="9"/>
  <c r="D229" i="9"/>
  <c r="E229" i="9"/>
  <c r="G229" i="9"/>
  <c r="J229" i="9"/>
  <c r="B230" i="9"/>
  <c r="C230" i="9"/>
  <c r="D230" i="9"/>
  <c r="E230" i="9"/>
  <c r="G230" i="9"/>
  <c r="J230" i="9"/>
  <c r="B231" i="9"/>
  <c r="C231" i="9"/>
  <c r="D231" i="9"/>
  <c r="E231" i="9"/>
  <c r="G231" i="9"/>
  <c r="J231" i="9"/>
  <c r="B232" i="9"/>
  <c r="C232" i="9"/>
  <c r="D232" i="9"/>
  <c r="E232" i="9"/>
  <c r="G232" i="9"/>
  <c r="J232" i="9"/>
  <c r="B233" i="9"/>
  <c r="C233" i="9"/>
  <c r="D233" i="9"/>
  <c r="E233" i="9"/>
  <c r="G233" i="9"/>
  <c r="J233" i="9"/>
  <c r="B234" i="9"/>
  <c r="C234" i="9"/>
  <c r="D234" i="9"/>
  <c r="E234" i="9"/>
  <c r="G234" i="9"/>
  <c r="J234" i="9"/>
  <c r="B235" i="9"/>
  <c r="C235" i="9"/>
  <c r="D235" i="9"/>
  <c r="E235" i="9"/>
  <c r="G235" i="9"/>
  <c r="J235" i="9"/>
  <c r="B236" i="9"/>
  <c r="C236" i="9"/>
  <c r="D236" i="9"/>
  <c r="E236" i="9"/>
  <c r="G236" i="9"/>
  <c r="J236" i="9"/>
  <c r="B237" i="9"/>
  <c r="C237" i="9"/>
  <c r="D237" i="9"/>
  <c r="E237" i="9"/>
  <c r="G237" i="9"/>
  <c r="J237" i="9"/>
  <c r="B238" i="9"/>
  <c r="C238" i="9"/>
  <c r="D238" i="9"/>
  <c r="E238" i="9"/>
  <c r="G238" i="9"/>
  <c r="J238" i="9"/>
  <c r="B239" i="9"/>
  <c r="C239" i="9"/>
  <c r="D239" i="9"/>
  <c r="E239" i="9"/>
  <c r="G239" i="9"/>
  <c r="J239" i="9"/>
  <c r="B240" i="9"/>
  <c r="C240" i="9"/>
  <c r="D240" i="9"/>
  <c r="E240" i="9"/>
  <c r="G240" i="9"/>
  <c r="J240" i="9"/>
  <c r="B241" i="9"/>
  <c r="C241" i="9"/>
  <c r="D241" i="9"/>
  <c r="E241" i="9"/>
  <c r="G241" i="9"/>
  <c r="J241" i="9"/>
  <c r="B242" i="9"/>
  <c r="C242" i="9"/>
  <c r="D242" i="9"/>
  <c r="E242" i="9"/>
  <c r="G242" i="9"/>
  <c r="J242" i="9"/>
  <c r="B243" i="9"/>
  <c r="C243" i="9"/>
  <c r="D243" i="9"/>
  <c r="E243" i="9"/>
  <c r="G243" i="9"/>
  <c r="J243" i="9"/>
  <c r="B244" i="9"/>
  <c r="C244" i="9"/>
  <c r="D244" i="9"/>
  <c r="E244" i="9"/>
  <c r="G244" i="9"/>
  <c r="J244" i="9"/>
  <c r="B245" i="9"/>
  <c r="C245" i="9"/>
  <c r="D245" i="9"/>
  <c r="E245" i="9"/>
  <c r="G245" i="9"/>
  <c r="J245" i="9"/>
  <c r="B246" i="9"/>
  <c r="C246" i="9"/>
  <c r="D246" i="9"/>
  <c r="E246" i="9"/>
  <c r="G246" i="9"/>
  <c r="J246" i="9"/>
  <c r="B247" i="9"/>
  <c r="C247" i="9"/>
  <c r="D247" i="9"/>
  <c r="E247" i="9"/>
  <c r="G247" i="9"/>
  <c r="J247" i="9"/>
  <c r="B248" i="9"/>
  <c r="C248" i="9"/>
  <c r="D248" i="9"/>
  <c r="E248" i="9"/>
  <c r="G248" i="9"/>
  <c r="J248" i="9"/>
  <c r="B249" i="9"/>
  <c r="C249" i="9"/>
  <c r="D249" i="9"/>
  <c r="E249" i="9"/>
  <c r="G249" i="9"/>
  <c r="J249" i="9"/>
  <c r="B250" i="9"/>
  <c r="C250" i="9"/>
  <c r="D250" i="9"/>
  <c r="E250" i="9"/>
  <c r="G250" i="9"/>
  <c r="J250" i="9"/>
  <c r="B251" i="9"/>
  <c r="C251" i="9"/>
  <c r="D251" i="9"/>
  <c r="E251" i="9"/>
  <c r="G251" i="9"/>
  <c r="J251" i="9"/>
  <c r="B252" i="9"/>
  <c r="C252" i="9"/>
  <c r="D252" i="9"/>
  <c r="E252" i="9"/>
  <c r="G252" i="9"/>
  <c r="J252" i="9"/>
  <c r="B253" i="9"/>
  <c r="C253" i="9"/>
  <c r="D253" i="9"/>
  <c r="E253" i="9"/>
  <c r="G253" i="9"/>
  <c r="J253" i="9"/>
  <c r="B254" i="9"/>
  <c r="C254" i="9"/>
  <c r="D254" i="9"/>
  <c r="E254" i="9"/>
  <c r="G254" i="9"/>
  <c r="J254" i="9"/>
  <c r="B255" i="9"/>
  <c r="C255" i="9"/>
  <c r="D255" i="9"/>
  <c r="E255" i="9"/>
  <c r="G255" i="9"/>
  <c r="J255" i="9"/>
  <c r="B256" i="9"/>
  <c r="C256" i="9"/>
  <c r="D256" i="9"/>
  <c r="E256" i="9"/>
  <c r="G256" i="9"/>
  <c r="J256" i="9"/>
  <c r="B257" i="9"/>
  <c r="C257" i="9"/>
  <c r="D257" i="9"/>
  <c r="E257" i="9"/>
  <c r="G257" i="9"/>
  <c r="J257" i="9"/>
  <c r="B258" i="9"/>
  <c r="C258" i="9"/>
  <c r="D258" i="9"/>
  <c r="E258" i="9"/>
  <c r="G258" i="9"/>
  <c r="J258" i="9"/>
  <c r="B259" i="9"/>
  <c r="C259" i="9"/>
  <c r="D259" i="9"/>
  <c r="E259" i="9"/>
  <c r="G259" i="9"/>
  <c r="J259" i="9"/>
  <c r="B260" i="9"/>
  <c r="C260" i="9"/>
  <c r="D260" i="9"/>
  <c r="E260" i="9"/>
  <c r="G260" i="9"/>
  <c r="J260" i="9"/>
  <c r="B261" i="9"/>
  <c r="C261" i="9"/>
  <c r="D261" i="9"/>
  <c r="E261" i="9"/>
  <c r="G261" i="9"/>
  <c r="J261" i="9"/>
  <c r="B262" i="9"/>
  <c r="C262" i="9"/>
  <c r="D262" i="9"/>
  <c r="E262" i="9"/>
  <c r="G262" i="9"/>
  <c r="J262" i="9"/>
  <c r="B263" i="9"/>
  <c r="C263" i="9"/>
  <c r="D263" i="9"/>
  <c r="E263" i="9"/>
  <c r="G263" i="9"/>
  <c r="J263" i="9"/>
  <c r="B264" i="9"/>
  <c r="C264" i="9"/>
  <c r="D264" i="9"/>
  <c r="E264" i="9"/>
  <c r="G264" i="9"/>
  <c r="J264" i="9"/>
  <c r="B265" i="9"/>
  <c r="C265" i="9"/>
  <c r="D265" i="9"/>
  <c r="E265" i="9"/>
  <c r="G265" i="9"/>
  <c r="J265" i="9"/>
  <c r="B266" i="9"/>
  <c r="C266" i="9"/>
  <c r="D266" i="9"/>
  <c r="E266" i="9"/>
  <c r="G266" i="9"/>
  <c r="J266" i="9"/>
  <c r="B267" i="9"/>
  <c r="C267" i="9"/>
  <c r="D267" i="9"/>
  <c r="E267" i="9"/>
  <c r="G267" i="9"/>
  <c r="J267" i="9"/>
  <c r="B268" i="9"/>
  <c r="C268" i="9"/>
  <c r="D268" i="9"/>
  <c r="E268" i="9"/>
  <c r="G268" i="9"/>
  <c r="J268" i="9"/>
  <c r="B269" i="9"/>
  <c r="C269" i="9"/>
  <c r="D269" i="9"/>
  <c r="E269" i="9"/>
  <c r="G269" i="9"/>
  <c r="J269" i="9"/>
  <c r="B270" i="9"/>
  <c r="C270" i="9"/>
  <c r="D270" i="9"/>
  <c r="E270" i="9"/>
  <c r="G270" i="9"/>
  <c r="J270" i="9"/>
  <c r="B271" i="9"/>
  <c r="C271" i="9"/>
  <c r="D271" i="9"/>
  <c r="E271" i="9"/>
  <c r="G271" i="9"/>
  <c r="J271" i="9"/>
  <c r="B272" i="9"/>
  <c r="C272" i="9"/>
  <c r="D272" i="9"/>
  <c r="E272" i="9"/>
  <c r="G272" i="9"/>
  <c r="J272" i="9"/>
  <c r="B273" i="9"/>
  <c r="C273" i="9"/>
  <c r="D273" i="9"/>
  <c r="E273" i="9"/>
  <c r="G273" i="9"/>
  <c r="J273" i="9"/>
  <c r="B274" i="9"/>
  <c r="C274" i="9"/>
  <c r="D274" i="9"/>
  <c r="E274" i="9"/>
  <c r="G274" i="9"/>
  <c r="J274" i="9"/>
  <c r="B275" i="9"/>
  <c r="C275" i="9"/>
  <c r="D275" i="9"/>
  <c r="E275" i="9"/>
  <c r="G275" i="9"/>
  <c r="J275" i="9"/>
  <c r="B276" i="9"/>
  <c r="C276" i="9"/>
  <c r="D276" i="9"/>
  <c r="E276" i="9"/>
  <c r="G276" i="9"/>
  <c r="J276" i="9"/>
  <c r="B277" i="9"/>
  <c r="C277" i="9"/>
  <c r="D277" i="9"/>
  <c r="E277" i="9"/>
  <c r="G277" i="9"/>
  <c r="J277" i="9"/>
  <c r="B278" i="9"/>
  <c r="C278" i="9"/>
  <c r="D278" i="9"/>
  <c r="E278" i="9"/>
  <c r="G278" i="9"/>
  <c r="J278" i="9"/>
  <c r="B279" i="9"/>
  <c r="C279" i="9"/>
  <c r="D279" i="9"/>
  <c r="E279" i="9"/>
  <c r="G279" i="9"/>
  <c r="J279" i="9"/>
  <c r="B280" i="9"/>
  <c r="C280" i="9"/>
  <c r="D280" i="9"/>
  <c r="E280" i="9"/>
  <c r="G280" i="9"/>
  <c r="J280" i="9"/>
  <c r="B281" i="9"/>
  <c r="C281" i="9"/>
  <c r="D281" i="9"/>
  <c r="E281" i="9"/>
  <c r="G281" i="9"/>
  <c r="J281" i="9"/>
  <c r="B282" i="9"/>
  <c r="C282" i="9"/>
  <c r="D282" i="9"/>
  <c r="E282" i="9"/>
  <c r="G282" i="9"/>
  <c r="J282" i="9"/>
  <c r="B283" i="9"/>
  <c r="C283" i="9"/>
  <c r="D283" i="9"/>
  <c r="E283" i="9"/>
  <c r="G283" i="9"/>
  <c r="J283" i="9"/>
  <c r="B284" i="9"/>
  <c r="C284" i="9"/>
  <c r="D284" i="9"/>
  <c r="E284" i="9"/>
  <c r="G284" i="9"/>
  <c r="J284" i="9"/>
  <c r="B285" i="9"/>
  <c r="C285" i="9"/>
  <c r="D285" i="9"/>
  <c r="E285" i="9"/>
  <c r="G285" i="9"/>
  <c r="J285" i="9"/>
  <c r="B286" i="9"/>
  <c r="C286" i="9"/>
  <c r="D286" i="9"/>
  <c r="E286" i="9"/>
  <c r="G286" i="9"/>
  <c r="J286" i="9"/>
  <c r="B287" i="9"/>
  <c r="C287" i="9"/>
  <c r="D287" i="9"/>
  <c r="E287" i="9"/>
  <c r="G287" i="9"/>
  <c r="J287" i="9"/>
  <c r="B288" i="9"/>
  <c r="C288" i="9"/>
  <c r="D288" i="9"/>
  <c r="E288" i="9"/>
  <c r="G288" i="9"/>
  <c r="J288" i="9"/>
  <c r="B289" i="9"/>
  <c r="C289" i="9"/>
  <c r="D289" i="9"/>
  <c r="E289" i="9"/>
  <c r="G289" i="9"/>
  <c r="J289" i="9"/>
  <c r="B290" i="9"/>
  <c r="C290" i="9"/>
  <c r="D290" i="9"/>
  <c r="E290" i="9"/>
  <c r="G290" i="9"/>
  <c r="J290" i="9"/>
  <c r="B291" i="9"/>
  <c r="C291" i="9"/>
  <c r="D291" i="9"/>
  <c r="E291" i="9"/>
  <c r="G291" i="9"/>
  <c r="J291" i="9"/>
  <c r="B292" i="9"/>
  <c r="C292" i="9"/>
  <c r="D292" i="9"/>
  <c r="E292" i="9"/>
  <c r="G292" i="9"/>
  <c r="J292" i="9"/>
  <c r="B293" i="9"/>
  <c r="C293" i="9"/>
  <c r="D293" i="9"/>
  <c r="E293" i="9"/>
  <c r="G293" i="9"/>
  <c r="J293" i="9"/>
  <c r="B294" i="9"/>
  <c r="C294" i="9"/>
  <c r="D294" i="9"/>
  <c r="E294" i="9"/>
  <c r="G294" i="9"/>
  <c r="J294" i="9"/>
  <c r="B295" i="9"/>
  <c r="C295" i="9"/>
  <c r="D295" i="9"/>
  <c r="E295" i="9"/>
  <c r="G295" i="9"/>
  <c r="J295" i="9"/>
  <c r="B296" i="9"/>
  <c r="C296" i="9"/>
  <c r="D296" i="9"/>
  <c r="E296" i="9"/>
  <c r="G296" i="9"/>
  <c r="J296" i="9"/>
  <c r="B297" i="9"/>
  <c r="C297" i="9"/>
  <c r="D297" i="9"/>
  <c r="E297" i="9"/>
  <c r="G297" i="9"/>
  <c r="J297" i="9"/>
  <c r="B298" i="9"/>
  <c r="C298" i="9"/>
  <c r="D298" i="9"/>
  <c r="E298" i="9"/>
  <c r="G298" i="9"/>
  <c r="J298" i="9"/>
  <c r="B299" i="9"/>
  <c r="C299" i="9"/>
  <c r="D299" i="9"/>
  <c r="E299" i="9"/>
  <c r="G299" i="9"/>
  <c r="J299" i="9"/>
  <c r="B300" i="9"/>
  <c r="C300" i="9"/>
  <c r="D300" i="9"/>
  <c r="E300" i="9"/>
  <c r="G300" i="9"/>
  <c r="J300" i="9"/>
  <c r="B301" i="9"/>
  <c r="C301" i="9"/>
  <c r="D301" i="9"/>
  <c r="E301" i="9"/>
  <c r="G301" i="9"/>
  <c r="J301" i="9"/>
  <c r="B302" i="9"/>
  <c r="C302" i="9"/>
  <c r="D302" i="9"/>
  <c r="E302" i="9"/>
  <c r="G302" i="9"/>
  <c r="J302" i="9"/>
  <c r="B303" i="9"/>
  <c r="C303" i="9"/>
  <c r="D303" i="9"/>
  <c r="E303" i="9"/>
  <c r="G303" i="9"/>
  <c r="J303" i="9"/>
  <c r="B304" i="9"/>
  <c r="C304" i="9"/>
  <c r="D304" i="9"/>
  <c r="E304" i="9"/>
  <c r="G304" i="9"/>
  <c r="J304" i="9"/>
  <c r="B305" i="9"/>
  <c r="C305" i="9"/>
  <c r="D305" i="9"/>
  <c r="E305" i="9"/>
  <c r="G305" i="9"/>
  <c r="J305" i="9"/>
  <c r="B306" i="9"/>
  <c r="C306" i="9"/>
  <c r="D306" i="9"/>
  <c r="E306" i="9"/>
  <c r="G306" i="9"/>
  <c r="J306" i="9"/>
  <c r="B307" i="9"/>
  <c r="C307" i="9"/>
  <c r="D307" i="9"/>
  <c r="E307" i="9"/>
  <c r="G307" i="9"/>
  <c r="J307" i="9"/>
  <c r="B308" i="9"/>
  <c r="C308" i="9"/>
  <c r="D308" i="9"/>
  <c r="E308" i="9"/>
  <c r="G308" i="9"/>
  <c r="J308" i="9"/>
  <c r="B309" i="9"/>
  <c r="C309" i="9"/>
  <c r="D309" i="9"/>
  <c r="E309" i="9"/>
  <c r="G309" i="9"/>
  <c r="J309" i="9"/>
  <c r="B310" i="9"/>
  <c r="C310" i="9"/>
  <c r="D310" i="9"/>
  <c r="E310" i="9"/>
  <c r="G310" i="9"/>
  <c r="J310" i="9"/>
  <c r="B311" i="9"/>
  <c r="C311" i="9"/>
  <c r="D311" i="9"/>
  <c r="E311" i="9"/>
  <c r="G311" i="9"/>
  <c r="J311" i="9"/>
  <c r="B312" i="9"/>
  <c r="C312" i="9"/>
  <c r="D312" i="9"/>
  <c r="E312" i="9"/>
  <c r="G312" i="9"/>
  <c r="J312" i="9"/>
  <c r="B313" i="9"/>
  <c r="C313" i="9"/>
  <c r="D313" i="9"/>
  <c r="E313" i="9"/>
  <c r="G313" i="9"/>
  <c r="J313" i="9"/>
  <c r="B314" i="9"/>
  <c r="C314" i="9"/>
  <c r="D314" i="9"/>
  <c r="E314" i="9"/>
  <c r="G314" i="9"/>
  <c r="J314" i="9"/>
  <c r="B315" i="9"/>
  <c r="C315" i="9"/>
  <c r="D315" i="9"/>
  <c r="E315" i="9"/>
  <c r="G315" i="9"/>
  <c r="J315" i="9"/>
  <c r="B316" i="9"/>
  <c r="C316" i="9"/>
  <c r="D316" i="9"/>
  <c r="E316" i="9"/>
  <c r="G316" i="9"/>
  <c r="J316" i="9"/>
  <c r="B317" i="9"/>
  <c r="C317" i="9"/>
  <c r="D317" i="9"/>
  <c r="E317" i="9"/>
  <c r="G317" i="9"/>
  <c r="J317" i="9"/>
  <c r="B318" i="9"/>
  <c r="C318" i="9"/>
  <c r="D318" i="9"/>
  <c r="E318" i="9"/>
  <c r="G318" i="9"/>
  <c r="J318" i="9"/>
  <c r="B319" i="9"/>
  <c r="C319" i="9"/>
  <c r="D319" i="9"/>
  <c r="E319" i="9"/>
  <c r="G319" i="9"/>
  <c r="J319" i="9"/>
  <c r="B320" i="9"/>
  <c r="C320" i="9"/>
  <c r="D320" i="9"/>
  <c r="E320" i="9"/>
  <c r="G320" i="9"/>
  <c r="J320" i="9"/>
  <c r="B321" i="9"/>
  <c r="C321" i="9"/>
  <c r="D321" i="9"/>
  <c r="E321" i="9"/>
  <c r="G321" i="9"/>
  <c r="J321" i="9"/>
  <c r="B322" i="9"/>
  <c r="C322" i="9"/>
  <c r="D322" i="9"/>
  <c r="E322" i="9"/>
  <c r="G322" i="9"/>
  <c r="J322" i="9"/>
  <c r="B323" i="9"/>
  <c r="C323" i="9"/>
  <c r="D323" i="9"/>
  <c r="E323" i="9"/>
  <c r="G323" i="9"/>
  <c r="J323" i="9"/>
  <c r="B324" i="9"/>
  <c r="C324" i="9"/>
  <c r="D324" i="9"/>
  <c r="E324" i="9"/>
  <c r="G324" i="9"/>
  <c r="J324" i="9"/>
  <c r="B325" i="9"/>
  <c r="C325" i="9"/>
  <c r="D325" i="9"/>
  <c r="E325" i="9"/>
  <c r="G325" i="9"/>
  <c r="J325" i="9"/>
  <c r="B326" i="9"/>
  <c r="C326" i="9"/>
  <c r="D326" i="9"/>
  <c r="E326" i="9"/>
  <c r="G326" i="9"/>
  <c r="J326" i="9"/>
  <c r="B327" i="9"/>
  <c r="C327" i="9"/>
  <c r="D327" i="9"/>
  <c r="E327" i="9"/>
  <c r="G327" i="9"/>
  <c r="J327" i="9"/>
  <c r="B328" i="9"/>
  <c r="C328" i="9"/>
  <c r="D328" i="9"/>
  <c r="E328" i="9"/>
  <c r="G328" i="9"/>
  <c r="J328" i="9"/>
  <c r="B329" i="9"/>
  <c r="C329" i="9"/>
  <c r="D329" i="9"/>
  <c r="E329" i="9"/>
  <c r="G329" i="9"/>
  <c r="J329" i="9"/>
  <c r="B330" i="9"/>
  <c r="C330" i="9"/>
  <c r="D330" i="9"/>
  <c r="E330" i="9"/>
  <c r="G330" i="9"/>
  <c r="J330" i="9"/>
  <c r="B331" i="9"/>
  <c r="C331" i="9"/>
  <c r="D331" i="9"/>
  <c r="E331" i="9"/>
  <c r="G331" i="9"/>
  <c r="J331" i="9"/>
  <c r="B332" i="9"/>
  <c r="C332" i="9"/>
  <c r="D332" i="9"/>
  <c r="E332" i="9"/>
  <c r="G332" i="9"/>
  <c r="J332" i="9"/>
  <c r="B333" i="9"/>
  <c r="C333" i="9"/>
  <c r="D333" i="9"/>
  <c r="E333" i="9"/>
  <c r="G333" i="9"/>
  <c r="J333" i="9"/>
  <c r="B334" i="9"/>
  <c r="C334" i="9"/>
  <c r="D334" i="9"/>
  <c r="E334" i="9"/>
  <c r="G334" i="9"/>
  <c r="J334" i="9"/>
  <c r="B335" i="9"/>
  <c r="C335" i="9"/>
  <c r="D335" i="9"/>
  <c r="E335" i="9"/>
  <c r="G335" i="9"/>
  <c r="J335" i="9"/>
  <c r="B336" i="9"/>
  <c r="C336" i="9"/>
  <c r="D336" i="9"/>
  <c r="E336" i="9"/>
  <c r="G336" i="9"/>
  <c r="J336" i="9"/>
  <c r="B337" i="9"/>
  <c r="C337" i="9"/>
  <c r="D337" i="9"/>
  <c r="E337" i="9"/>
  <c r="G337" i="9"/>
  <c r="J337" i="9"/>
  <c r="B338" i="9"/>
  <c r="C338" i="9"/>
  <c r="D338" i="9"/>
  <c r="E338" i="9"/>
  <c r="G338" i="9"/>
  <c r="J338" i="9"/>
  <c r="B339" i="9"/>
  <c r="C339" i="9"/>
  <c r="D339" i="9"/>
  <c r="E339" i="9"/>
  <c r="G339" i="9"/>
  <c r="J339" i="9"/>
  <c r="B340" i="9"/>
  <c r="C340" i="9"/>
  <c r="D340" i="9"/>
  <c r="E340" i="9"/>
  <c r="G340" i="9"/>
  <c r="J340" i="9"/>
  <c r="B341" i="9"/>
  <c r="C341" i="9"/>
  <c r="D341" i="9"/>
  <c r="E341" i="9"/>
  <c r="G341" i="9"/>
  <c r="J341" i="9"/>
  <c r="B342" i="9"/>
  <c r="C342" i="9"/>
  <c r="D342" i="9"/>
  <c r="E342" i="9"/>
  <c r="G342" i="9"/>
  <c r="J342" i="9"/>
  <c r="B343" i="9"/>
  <c r="C343" i="9"/>
  <c r="D343" i="9"/>
  <c r="E343" i="9"/>
  <c r="G343" i="9"/>
  <c r="J343" i="9"/>
  <c r="B344" i="9"/>
  <c r="C344" i="9"/>
  <c r="D344" i="9"/>
  <c r="E344" i="9"/>
  <c r="G344" i="9"/>
  <c r="J344" i="9"/>
  <c r="B345" i="9"/>
  <c r="C345" i="9"/>
  <c r="D345" i="9"/>
  <c r="E345" i="9"/>
  <c r="G345" i="9"/>
  <c r="J345" i="9"/>
  <c r="B346" i="9"/>
  <c r="C346" i="9"/>
  <c r="D346" i="9"/>
  <c r="E346" i="9"/>
  <c r="G346" i="9"/>
  <c r="J346" i="9"/>
  <c r="B347" i="9"/>
  <c r="C347" i="9"/>
  <c r="D347" i="9"/>
  <c r="E347" i="9"/>
  <c r="G347" i="9"/>
  <c r="J347" i="9"/>
  <c r="B348" i="9"/>
  <c r="C348" i="9"/>
  <c r="D348" i="9"/>
  <c r="E348" i="9"/>
  <c r="G348" i="9"/>
  <c r="J348" i="9"/>
  <c r="B349" i="9"/>
  <c r="C349" i="9"/>
  <c r="D349" i="9"/>
  <c r="E349" i="9"/>
  <c r="G349" i="9"/>
  <c r="J349" i="9"/>
  <c r="B350" i="9"/>
  <c r="C350" i="9"/>
  <c r="D350" i="9"/>
  <c r="E350" i="9"/>
  <c r="G350" i="9"/>
  <c r="J350" i="9"/>
  <c r="B351" i="9"/>
  <c r="C351" i="9"/>
  <c r="D351" i="9"/>
  <c r="E351" i="9"/>
  <c r="G351" i="9"/>
  <c r="J351" i="9"/>
  <c r="B352" i="9"/>
  <c r="C352" i="9"/>
  <c r="D352" i="9"/>
  <c r="E352" i="9"/>
  <c r="G352" i="9"/>
  <c r="J352" i="9"/>
  <c r="B353" i="9"/>
  <c r="C353" i="9"/>
  <c r="D353" i="9"/>
  <c r="E353" i="9"/>
  <c r="G353" i="9"/>
  <c r="J353" i="9"/>
  <c r="B354" i="9"/>
  <c r="C354" i="9"/>
  <c r="D354" i="9"/>
  <c r="E354" i="9"/>
  <c r="G354" i="9"/>
  <c r="J354" i="9"/>
  <c r="B355" i="9"/>
  <c r="C355" i="9"/>
  <c r="D355" i="9"/>
  <c r="E355" i="9"/>
  <c r="G355" i="9"/>
  <c r="J355" i="9"/>
  <c r="B356" i="9"/>
  <c r="C356" i="9"/>
  <c r="D356" i="9"/>
  <c r="E356" i="9"/>
  <c r="G356" i="9"/>
  <c r="J356" i="9"/>
  <c r="B357" i="9"/>
  <c r="C357" i="9"/>
  <c r="D357" i="9"/>
  <c r="E357" i="9"/>
  <c r="G357" i="9"/>
  <c r="J357" i="9"/>
  <c r="B358" i="9"/>
  <c r="C358" i="9"/>
  <c r="D358" i="9"/>
  <c r="E358" i="9"/>
  <c r="G358" i="9"/>
  <c r="J358" i="9"/>
  <c r="B359" i="9"/>
  <c r="C359" i="9"/>
  <c r="D359" i="9"/>
  <c r="E359" i="9"/>
  <c r="G359" i="9"/>
  <c r="J359" i="9"/>
  <c r="B360" i="9"/>
  <c r="C360" i="9"/>
  <c r="D360" i="9"/>
  <c r="E360" i="9"/>
  <c r="G360" i="9"/>
  <c r="J360" i="9"/>
  <c r="B361" i="9"/>
  <c r="C361" i="9"/>
  <c r="D361" i="9"/>
  <c r="E361" i="9"/>
  <c r="G361" i="9"/>
  <c r="J361" i="9"/>
  <c r="B362" i="9"/>
  <c r="C362" i="9"/>
  <c r="D362" i="9"/>
  <c r="E362" i="9"/>
  <c r="G362" i="9"/>
  <c r="J362" i="9"/>
  <c r="B363" i="9"/>
  <c r="C363" i="9"/>
  <c r="D363" i="9"/>
  <c r="E363" i="9"/>
  <c r="G363" i="9"/>
  <c r="J363" i="9"/>
  <c r="B364" i="9"/>
  <c r="C364" i="9"/>
  <c r="D364" i="9"/>
  <c r="E364" i="9"/>
  <c r="G364" i="9"/>
  <c r="J364" i="9"/>
  <c r="B365" i="9"/>
  <c r="C365" i="9"/>
  <c r="D365" i="9"/>
  <c r="E365" i="9"/>
  <c r="G365" i="9"/>
  <c r="J365" i="9"/>
  <c r="B366" i="9"/>
  <c r="C366" i="9"/>
  <c r="D366" i="9"/>
  <c r="E366" i="9"/>
  <c r="G366" i="9"/>
  <c r="J366" i="9"/>
  <c r="B367" i="9"/>
  <c r="C367" i="9"/>
  <c r="D367" i="9"/>
  <c r="E367" i="9"/>
  <c r="G367" i="9"/>
  <c r="J367" i="9"/>
  <c r="B368" i="9"/>
  <c r="C368" i="9"/>
  <c r="D368" i="9"/>
  <c r="E368" i="9"/>
  <c r="G368" i="9"/>
  <c r="J368" i="9"/>
  <c r="B369" i="9"/>
  <c r="C369" i="9"/>
  <c r="D369" i="9"/>
  <c r="E369" i="9"/>
  <c r="G369" i="9"/>
  <c r="J369" i="9"/>
  <c r="B370" i="9"/>
  <c r="C370" i="9"/>
  <c r="D370" i="9"/>
  <c r="E370" i="9"/>
  <c r="G370" i="9"/>
  <c r="J370" i="9"/>
  <c r="B371" i="9"/>
  <c r="C371" i="9"/>
  <c r="D371" i="9"/>
  <c r="E371" i="9"/>
  <c r="G371" i="9"/>
  <c r="J371" i="9"/>
  <c r="B372" i="9"/>
  <c r="C372" i="9"/>
  <c r="D372" i="9"/>
  <c r="E372" i="9"/>
  <c r="G372" i="9"/>
  <c r="J372" i="9"/>
  <c r="B373" i="9"/>
  <c r="C373" i="9"/>
  <c r="D373" i="9"/>
  <c r="E373" i="9"/>
  <c r="G373" i="9"/>
  <c r="J373" i="9"/>
  <c r="B374" i="9"/>
  <c r="C374" i="9"/>
  <c r="D374" i="9"/>
  <c r="E374" i="9"/>
  <c r="G374" i="9"/>
  <c r="J374" i="9"/>
  <c r="B375" i="9"/>
  <c r="C375" i="9"/>
  <c r="D375" i="9"/>
  <c r="E375" i="9"/>
  <c r="G375" i="9"/>
  <c r="J375" i="9"/>
  <c r="B376" i="9"/>
  <c r="C376" i="9"/>
  <c r="D376" i="9"/>
  <c r="E376" i="9"/>
  <c r="G376" i="9"/>
  <c r="J376" i="9"/>
  <c r="B377" i="9"/>
  <c r="C377" i="9"/>
  <c r="D377" i="9"/>
  <c r="E377" i="9"/>
  <c r="G377" i="9"/>
  <c r="J377" i="9"/>
  <c r="B378" i="9"/>
  <c r="C378" i="9"/>
  <c r="D378" i="9"/>
  <c r="E378" i="9"/>
  <c r="G378" i="9"/>
  <c r="J378" i="9"/>
  <c r="B379" i="9"/>
  <c r="C379" i="9"/>
  <c r="D379" i="9"/>
  <c r="E379" i="9"/>
  <c r="G379" i="9"/>
  <c r="J379" i="9"/>
  <c r="B380" i="9"/>
  <c r="C380" i="9"/>
  <c r="D380" i="9"/>
  <c r="E380" i="9"/>
  <c r="G380" i="9"/>
  <c r="J380" i="9"/>
  <c r="B381" i="9"/>
  <c r="C381" i="9"/>
  <c r="D381" i="9"/>
  <c r="E381" i="9"/>
  <c r="G381" i="9"/>
  <c r="J381" i="9"/>
  <c r="B382" i="9"/>
  <c r="C382" i="9"/>
  <c r="D382" i="9"/>
  <c r="E382" i="9"/>
  <c r="G382" i="9"/>
  <c r="J382" i="9"/>
  <c r="B383" i="9"/>
  <c r="C383" i="9"/>
  <c r="D383" i="9"/>
  <c r="E383" i="9"/>
  <c r="G383" i="9"/>
  <c r="J383" i="9"/>
  <c r="B384" i="9"/>
  <c r="C384" i="9"/>
  <c r="D384" i="9"/>
  <c r="E384" i="9"/>
  <c r="G384" i="9"/>
  <c r="J384" i="9"/>
  <c r="B385" i="9"/>
  <c r="C385" i="9"/>
  <c r="D385" i="9"/>
  <c r="E385" i="9"/>
  <c r="G385" i="9"/>
  <c r="J385" i="9"/>
  <c r="B386" i="9"/>
  <c r="C386" i="9"/>
  <c r="D386" i="9"/>
  <c r="E386" i="9"/>
  <c r="G386" i="9"/>
  <c r="J386" i="9"/>
  <c r="B387" i="9"/>
  <c r="C387" i="9"/>
  <c r="D387" i="9"/>
  <c r="E387" i="9"/>
  <c r="G387" i="9"/>
  <c r="J387" i="9"/>
  <c r="B388" i="9"/>
  <c r="C388" i="9"/>
  <c r="D388" i="9"/>
  <c r="E388" i="9"/>
  <c r="G388" i="9"/>
  <c r="J388" i="9"/>
  <c r="B389" i="9"/>
  <c r="C389" i="9"/>
  <c r="D389" i="9"/>
  <c r="E389" i="9"/>
  <c r="G389" i="9"/>
  <c r="J389" i="9"/>
  <c r="B390" i="9"/>
  <c r="C390" i="9"/>
  <c r="D390" i="9"/>
  <c r="E390" i="9"/>
  <c r="G390" i="9"/>
  <c r="J390" i="9"/>
  <c r="B391" i="9"/>
  <c r="C391" i="9"/>
  <c r="D391" i="9"/>
  <c r="E391" i="9"/>
  <c r="G391" i="9"/>
  <c r="J391" i="9"/>
  <c r="B392" i="9"/>
  <c r="C392" i="9"/>
  <c r="D392" i="9"/>
  <c r="E392" i="9"/>
  <c r="G392" i="9"/>
  <c r="J392" i="9"/>
  <c r="B393" i="9"/>
  <c r="C393" i="9"/>
  <c r="D393" i="9"/>
  <c r="E393" i="9"/>
  <c r="G393" i="9"/>
  <c r="J393" i="9"/>
  <c r="B394" i="9"/>
  <c r="C394" i="9"/>
  <c r="D394" i="9"/>
  <c r="E394" i="9"/>
  <c r="G394" i="9"/>
  <c r="J394" i="9"/>
  <c r="B395" i="9"/>
  <c r="C395" i="9"/>
  <c r="D395" i="9"/>
  <c r="E395" i="9"/>
  <c r="G395" i="9"/>
  <c r="J395" i="9"/>
  <c r="B396" i="9"/>
  <c r="C396" i="9"/>
  <c r="D396" i="9"/>
  <c r="E396" i="9"/>
  <c r="G396" i="9"/>
  <c r="J396" i="9"/>
  <c r="B397" i="9"/>
  <c r="C397" i="9"/>
  <c r="D397" i="9"/>
  <c r="E397" i="9"/>
  <c r="G397" i="9"/>
  <c r="J397" i="9"/>
  <c r="B398" i="9"/>
  <c r="C398" i="9"/>
  <c r="D398" i="9"/>
  <c r="E398" i="9"/>
  <c r="G398" i="9"/>
  <c r="J398" i="9"/>
  <c r="B399" i="9"/>
  <c r="C399" i="9"/>
  <c r="D399" i="9"/>
  <c r="E399" i="9"/>
  <c r="G399" i="9"/>
  <c r="J399" i="9"/>
  <c r="B400" i="9"/>
  <c r="C400" i="9"/>
  <c r="D400" i="9"/>
  <c r="E400" i="9"/>
  <c r="G400" i="9"/>
  <c r="J400" i="9"/>
  <c r="B401" i="9"/>
  <c r="C401" i="9"/>
  <c r="D401" i="9"/>
  <c r="E401" i="9"/>
  <c r="G401" i="9"/>
  <c r="J401" i="9"/>
  <c r="B402" i="9"/>
  <c r="C402" i="9"/>
  <c r="D402" i="9"/>
  <c r="E402" i="9"/>
  <c r="G402" i="9"/>
  <c r="J402" i="9"/>
  <c r="B403" i="9"/>
  <c r="C403" i="9"/>
  <c r="D403" i="9"/>
  <c r="E403" i="9"/>
  <c r="G403" i="9"/>
  <c r="J403" i="9"/>
  <c r="B404" i="9"/>
  <c r="C404" i="9"/>
  <c r="D404" i="9"/>
  <c r="E404" i="9"/>
  <c r="G404" i="9"/>
  <c r="J404" i="9"/>
  <c r="B405" i="9"/>
  <c r="C405" i="9"/>
  <c r="D405" i="9"/>
  <c r="E405" i="9"/>
  <c r="G405" i="9"/>
  <c r="J405" i="9"/>
  <c r="B406" i="9"/>
  <c r="C406" i="9"/>
  <c r="D406" i="9"/>
  <c r="E406" i="9"/>
  <c r="G406" i="9"/>
  <c r="J406" i="9"/>
  <c r="B407" i="9"/>
  <c r="C407" i="9"/>
  <c r="D407" i="9"/>
  <c r="E407" i="9"/>
  <c r="G407" i="9"/>
  <c r="J407" i="9"/>
  <c r="B408" i="9"/>
  <c r="C408" i="9"/>
  <c r="D408" i="9"/>
  <c r="E408" i="9"/>
  <c r="G408" i="9"/>
  <c r="J408" i="9"/>
  <c r="B409" i="9"/>
  <c r="C409" i="9"/>
  <c r="D409" i="9"/>
  <c r="E409" i="9"/>
  <c r="G409" i="9"/>
  <c r="J409" i="9"/>
  <c r="B410" i="9"/>
  <c r="C410" i="9"/>
  <c r="D410" i="9"/>
  <c r="E410" i="9"/>
  <c r="G410" i="9"/>
  <c r="J410" i="9"/>
  <c r="B411" i="9"/>
  <c r="C411" i="9"/>
  <c r="D411" i="9"/>
  <c r="E411" i="9"/>
  <c r="G411" i="9"/>
  <c r="J411" i="9"/>
  <c r="B412" i="9"/>
  <c r="C412" i="9"/>
  <c r="D412" i="9"/>
  <c r="E412" i="9"/>
  <c r="G412" i="9"/>
  <c r="J412" i="9"/>
  <c r="B413" i="9"/>
  <c r="C413" i="9"/>
  <c r="D413" i="9"/>
  <c r="E413" i="9"/>
  <c r="G413" i="9"/>
  <c r="J413" i="9"/>
  <c r="B414" i="9"/>
  <c r="C414" i="9"/>
  <c r="D414" i="9"/>
  <c r="E414" i="9"/>
  <c r="G414" i="9"/>
  <c r="J414" i="9"/>
  <c r="B415" i="9"/>
  <c r="C415" i="9"/>
  <c r="D415" i="9"/>
  <c r="E415" i="9"/>
  <c r="G415" i="9"/>
  <c r="J415" i="9"/>
  <c r="B416" i="9"/>
  <c r="C416" i="9"/>
  <c r="D416" i="9"/>
  <c r="E416" i="9"/>
  <c r="G416" i="9"/>
  <c r="J416" i="9"/>
  <c r="B417" i="9"/>
  <c r="C417" i="9"/>
  <c r="D417" i="9"/>
  <c r="E417" i="9"/>
  <c r="G417" i="9"/>
  <c r="J417" i="9"/>
  <c r="B418" i="9"/>
  <c r="C418" i="9"/>
  <c r="D418" i="9"/>
  <c r="E418" i="9"/>
  <c r="G418" i="9"/>
  <c r="J418" i="9"/>
  <c r="B419" i="9"/>
  <c r="C419" i="9"/>
  <c r="D419" i="9"/>
  <c r="E419" i="9"/>
  <c r="G419" i="9"/>
  <c r="J419" i="9"/>
  <c r="B420" i="9"/>
  <c r="C420" i="9"/>
  <c r="D420" i="9"/>
  <c r="E420" i="9"/>
  <c r="G420" i="9"/>
  <c r="J420" i="9"/>
  <c r="B421" i="9"/>
  <c r="C421" i="9"/>
  <c r="D421" i="9"/>
  <c r="E421" i="9"/>
  <c r="G421" i="9"/>
  <c r="J421" i="9"/>
  <c r="B422" i="9"/>
  <c r="C422" i="9"/>
  <c r="D422" i="9"/>
  <c r="E422" i="9"/>
  <c r="G422" i="9"/>
  <c r="J422" i="9"/>
  <c r="B423" i="9"/>
  <c r="C423" i="9"/>
  <c r="D423" i="9"/>
  <c r="E423" i="9"/>
  <c r="G423" i="9"/>
  <c r="J423" i="9"/>
  <c r="B424" i="9"/>
  <c r="C424" i="9"/>
  <c r="D424" i="9"/>
  <c r="E424" i="9"/>
  <c r="G424" i="9"/>
  <c r="J424" i="9"/>
  <c r="B425" i="9"/>
  <c r="C425" i="9"/>
  <c r="D425" i="9"/>
  <c r="E425" i="9"/>
  <c r="G425" i="9"/>
  <c r="J425" i="9"/>
  <c r="B426" i="9"/>
  <c r="C426" i="9"/>
  <c r="D426" i="9"/>
  <c r="E426" i="9"/>
  <c r="G426" i="9"/>
  <c r="J426" i="9"/>
  <c r="B427" i="9"/>
  <c r="C427" i="9"/>
  <c r="D427" i="9"/>
  <c r="E427" i="9"/>
  <c r="G427" i="9"/>
  <c r="J427" i="9"/>
  <c r="B428" i="9"/>
  <c r="C428" i="9"/>
  <c r="D428" i="9"/>
  <c r="E428" i="9"/>
  <c r="G428" i="9"/>
  <c r="J428" i="9"/>
  <c r="B429" i="9"/>
  <c r="C429" i="9"/>
  <c r="D429" i="9"/>
  <c r="E429" i="9"/>
  <c r="G429" i="9"/>
  <c r="J429" i="9"/>
  <c r="B430" i="9"/>
  <c r="C430" i="9"/>
  <c r="D430" i="9"/>
  <c r="E430" i="9"/>
  <c r="G430" i="9"/>
  <c r="J430" i="9"/>
  <c r="B431" i="9"/>
  <c r="C431" i="9"/>
  <c r="D431" i="9"/>
  <c r="E431" i="9"/>
  <c r="G431" i="9"/>
  <c r="J431" i="9"/>
  <c r="B432" i="9"/>
  <c r="C432" i="9"/>
  <c r="D432" i="9"/>
  <c r="E432" i="9"/>
  <c r="G432" i="9"/>
  <c r="J432" i="9"/>
  <c r="B433" i="9"/>
  <c r="C433" i="9"/>
  <c r="D433" i="9"/>
  <c r="E433" i="9"/>
  <c r="G433" i="9"/>
  <c r="J433" i="9"/>
  <c r="B434" i="9"/>
  <c r="C434" i="9"/>
  <c r="D434" i="9"/>
  <c r="E434" i="9"/>
  <c r="G434" i="9"/>
  <c r="J434" i="9"/>
  <c r="B435" i="9"/>
  <c r="C435" i="9"/>
  <c r="D435" i="9"/>
  <c r="E435" i="9"/>
  <c r="G435" i="9"/>
  <c r="J435" i="9"/>
  <c r="B436" i="9"/>
  <c r="C436" i="9"/>
  <c r="D436" i="9"/>
  <c r="E436" i="9"/>
  <c r="G436" i="9"/>
  <c r="J436" i="9"/>
  <c r="B437" i="9"/>
  <c r="C437" i="9"/>
  <c r="D437" i="9"/>
  <c r="E437" i="9"/>
  <c r="G437" i="9"/>
  <c r="J437" i="9"/>
  <c r="B438" i="9"/>
  <c r="C438" i="9"/>
  <c r="D438" i="9"/>
  <c r="E438" i="9"/>
  <c r="G438" i="9"/>
  <c r="J438" i="9"/>
  <c r="B439" i="9"/>
  <c r="C439" i="9"/>
  <c r="D439" i="9"/>
  <c r="E439" i="9"/>
  <c r="G439" i="9"/>
  <c r="J439" i="9"/>
  <c r="B440" i="9"/>
  <c r="C440" i="9"/>
  <c r="D440" i="9"/>
  <c r="E440" i="9"/>
  <c r="G440" i="9"/>
  <c r="J440" i="9"/>
  <c r="B441" i="9"/>
  <c r="C441" i="9"/>
  <c r="D441" i="9"/>
  <c r="E441" i="9"/>
  <c r="G441" i="9"/>
  <c r="J441" i="9"/>
  <c r="B442" i="9"/>
  <c r="C442" i="9"/>
  <c r="D442" i="9"/>
  <c r="E442" i="9"/>
  <c r="G442" i="9"/>
  <c r="J442" i="9"/>
  <c r="B443" i="9"/>
  <c r="C443" i="9"/>
  <c r="D443" i="9"/>
  <c r="E443" i="9"/>
  <c r="G443" i="9"/>
  <c r="J443" i="9"/>
  <c r="B444" i="9"/>
  <c r="C444" i="9"/>
  <c r="D444" i="9"/>
  <c r="E444" i="9"/>
  <c r="G444" i="9"/>
  <c r="J444" i="9"/>
  <c r="B445" i="9"/>
  <c r="C445" i="9"/>
  <c r="D445" i="9"/>
  <c r="E445" i="9"/>
  <c r="G445" i="9"/>
  <c r="J445" i="9"/>
  <c r="B446" i="9"/>
  <c r="C446" i="9"/>
  <c r="D446" i="9"/>
  <c r="E446" i="9"/>
  <c r="G446" i="9"/>
  <c r="J446" i="9"/>
  <c r="B447" i="9"/>
  <c r="C447" i="9"/>
  <c r="D447" i="9"/>
  <c r="E447" i="9"/>
  <c r="G447" i="9"/>
  <c r="J447" i="9"/>
  <c r="B448" i="9"/>
  <c r="C448" i="9"/>
  <c r="D448" i="9"/>
  <c r="E448" i="9"/>
  <c r="G448" i="9"/>
  <c r="J448" i="9"/>
  <c r="B449" i="9"/>
  <c r="C449" i="9"/>
  <c r="D449" i="9"/>
  <c r="E449" i="9"/>
  <c r="G449" i="9"/>
  <c r="J449" i="9"/>
  <c r="B450" i="9"/>
  <c r="C450" i="9"/>
  <c r="D450" i="9"/>
  <c r="E450" i="9"/>
  <c r="G450" i="9"/>
  <c r="J450" i="9"/>
  <c r="B451" i="9"/>
  <c r="C451" i="9"/>
  <c r="D451" i="9"/>
  <c r="E451" i="9"/>
  <c r="G451" i="9"/>
  <c r="J451" i="9"/>
  <c r="B452" i="9"/>
  <c r="C452" i="9"/>
  <c r="D452" i="9"/>
  <c r="E452" i="9"/>
  <c r="G452" i="9"/>
  <c r="J452" i="9"/>
  <c r="B453" i="9"/>
  <c r="C453" i="9"/>
  <c r="D453" i="9"/>
  <c r="E453" i="9"/>
  <c r="G453" i="9"/>
  <c r="J453" i="9"/>
  <c r="B454" i="9"/>
  <c r="C454" i="9"/>
  <c r="D454" i="9"/>
  <c r="E454" i="9"/>
  <c r="G454" i="9"/>
  <c r="J454" i="9"/>
  <c r="B455" i="9"/>
  <c r="C455" i="9"/>
  <c r="D455" i="9"/>
  <c r="E455" i="9"/>
  <c r="G455" i="9"/>
  <c r="J455" i="9"/>
  <c r="B456" i="9"/>
  <c r="C456" i="9"/>
  <c r="D456" i="9"/>
  <c r="E456" i="9"/>
  <c r="G456" i="9"/>
  <c r="J456" i="9"/>
  <c r="B457" i="9"/>
  <c r="C457" i="9"/>
  <c r="D457" i="9"/>
  <c r="E457" i="9"/>
  <c r="G457" i="9"/>
  <c r="J457" i="9"/>
  <c r="B458" i="9"/>
  <c r="C458" i="9"/>
  <c r="D458" i="9"/>
  <c r="E458" i="9"/>
  <c r="G458" i="9"/>
  <c r="J458" i="9"/>
  <c r="B459" i="9"/>
  <c r="C459" i="9"/>
  <c r="D459" i="9"/>
  <c r="E459" i="9"/>
  <c r="G459" i="9"/>
  <c r="J459" i="9"/>
  <c r="B460" i="9"/>
  <c r="C460" i="9"/>
  <c r="D460" i="9"/>
  <c r="E460" i="9"/>
  <c r="G460" i="9"/>
  <c r="J460" i="9"/>
  <c r="B461" i="9"/>
  <c r="C461" i="9"/>
  <c r="D461" i="9"/>
  <c r="E461" i="9"/>
  <c r="G461" i="9"/>
  <c r="J461" i="9"/>
  <c r="B462" i="9"/>
  <c r="C462" i="9"/>
  <c r="D462" i="9"/>
  <c r="E462" i="9"/>
  <c r="G462" i="9"/>
  <c r="J462" i="9"/>
  <c r="B463" i="9"/>
  <c r="C463" i="9"/>
  <c r="D463" i="9"/>
  <c r="E463" i="9"/>
  <c r="G463" i="9"/>
  <c r="J463" i="9"/>
  <c r="B464" i="9"/>
  <c r="C464" i="9"/>
  <c r="D464" i="9"/>
  <c r="E464" i="9"/>
  <c r="G464" i="9"/>
  <c r="J464" i="9"/>
  <c r="B465" i="9"/>
  <c r="C465" i="9"/>
  <c r="D465" i="9"/>
  <c r="E465" i="9"/>
  <c r="G465" i="9"/>
  <c r="J465" i="9"/>
  <c r="B466" i="9"/>
  <c r="C466" i="9"/>
  <c r="D466" i="9"/>
  <c r="E466" i="9"/>
  <c r="G466" i="9"/>
  <c r="J466" i="9"/>
  <c r="B467" i="9"/>
  <c r="C467" i="9"/>
  <c r="D467" i="9"/>
  <c r="E467" i="9"/>
  <c r="G467" i="9"/>
  <c r="J467" i="9"/>
  <c r="B468" i="9"/>
  <c r="C468" i="9"/>
  <c r="D468" i="9"/>
  <c r="E468" i="9"/>
  <c r="G468" i="9"/>
  <c r="J468" i="9"/>
  <c r="B469" i="9"/>
  <c r="C469" i="9"/>
  <c r="D469" i="9"/>
  <c r="E469" i="9"/>
  <c r="G469" i="9"/>
  <c r="J469" i="9"/>
  <c r="B470" i="9"/>
  <c r="C470" i="9"/>
  <c r="D470" i="9"/>
  <c r="E470" i="9"/>
  <c r="G470" i="9"/>
  <c r="J470" i="9"/>
  <c r="B471" i="9"/>
  <c r="C471" i="9"/>
  <c r="D471" i="9"/>
  <c r="E471" i="9"/>
  <c r="G471" i="9"/>
  <c r="J471" i="9"/>
  <c r="B472" i="9"/>
  <c r="C472" i="9"/>
  <c r="D472" i="9"/>
  <c r="E472" i="9"/>
  <c r="G472" i="9"/>
  <c r="J472" i="9"/>
  <c r="B473" i="9"/>
  <c r="C473" i="9"/>
  <c r="D473" i="9"/>
  <c r="E473" i="9"/>
  <c r="G473" i="9"/>
  <c r="J473" i="9"/>
  <c r="B474" i="9"/>
  <c r="C474" i="9"/>
  <c r="D474" i="9"/>
  <c r="E474" i="9"/>
  <c r="G474" i="9"/>
  <c r="J474" i="9"/>
  <c r="B475" i="9"/>
  <c r="C475" i="9"/>
  <c r="D475" i="9"/>
  <c r="E475" i="9"/>
  <c r="G475" i="9"/>
  <c r="J475" i="9"/>
  <c r="B476" i="9"/>
  <c r="C476" i="9"/>
  <c r="D476" i="9"/>
  <c r="E476" i="9"/>
  <c r="G476" i="9"/>
  <c r="J476" i="9"/>
  <c r="B477" i="9"/>
  <c r="C477" i="9"/>
  <c r="D477" i="9"/>
  <c r="E477" i="9"/>
  <c r="G477" i="9"/>
  <c r="J477" i="9"/>
  <c r="B478" i="9"/>
  <c r="C478" i="9"/>
  <c r="D478" i="9"/>
  <c r="E478" i="9"/>
  <c r="G478" i="9"/>
  <c r="J478" i="9"/>
  <c r="B479" i="9"/>
  <c r="C479" i="9"/>
  <c r="D479" i="9"/>
  <c r="E479" i="9"/>
  <c r="G479" i="9"/>
  <c r="J479" i="9"/>
  <c r="B480" i="9"/>
  <c r="C480" i="9"/>
  <c r="D480" i="9"/>
  <c r="E480" i="9"/>
  <c r="G480" i="9"/>
  <c r="J480" i="9"/>
  <c r="B481" i="9"/>
  <c r="C481" i="9"/>
  <c r="D481" i="9"/>
  <c r="E481" i="9"/>
  <c r="G481" i="9"/>
  <c r="J481" i="9"/>
  <c r="B482" i="9"/>
  <c r="C482" i="9"/>
  <c r="D482" i="9"/>
  <c r="E482" i="9"/>
  <c r="G482" i="9"/>
  <c r="J482" i="9"/>
  <c r="B483" i="9"/>
  <c r="C483" i="9"/>
  <c r="D483" i="9"/>
  <c r="E483" i="9"/>
  <c r="G483" i="9"/>
  <c r="J483" i="9"/>
  <c r="B484" i="9"/>
  <c r="C484" i="9"/>
  <c r="D484" i="9"/>
  <c r="E484" i="9"/>
  <c r="G484" i="9"/>
  <c r="J484" i="9"/>
  <c r="B485" i="9"/>
  <c r="C485" i="9"/>
  <c r="D485" i="9"/>
  <c r="E485" i="9"/>
  <c r="G485" i="9"/>
  <c r="J485" i="9"/>
  <c r="B486" i="9"/>
  <c r="C486" i="9"/>
  <c r="D486" i="9"/>
  <c r="E486" i="9"/>
  <c r="G486" i="9"/>
  <c r="J486" i="9"/>
  <c r="B487" i="9"/>
  <c r="C487" i="9"/>
  <c r="D487" i="9"/>
  <c r="E487" i="9"/>
  <c r="G487" i="9"/>
  <c r="J487" i="9"/>
  <c r="B488" i="9"/>
  <c r="C488" i="9"/>
  <c r="D488" i="9"/>
  <c r="E488" i="9"/>
  <c r="G488" i="9"/>
  <c r="J488" i="9"/>
  <c r="B489" i="9"/>
  <c r="C489" i="9"/>
  <c r="D489" i="9"/>
  <c r="E489" i="9"/>
  <c r="G489" i="9"/>
  <c r="J489" i="9"/>
  <c r="B490" i="9"/>
  <c r="C490" i="9"/>
  <c r="D490" i="9"/>
  <c r="E490" i="9"/>
  <c r="G490" i="9"/>
  <c r="J490" i="9"/>
  <c r="B491" i="9"/>
  <c r="C491" i="9"/>
  <c r="D491" i="9"/>
  <c r="E491" i="9"/>
  <c r="G491" i="9"/>
  <c r="J491" i="9"/>
  <c r="B492" i="9"/>
  <c r="C492" i="9"/>
  <c r="D492" i="9"/>
  <c r="E492" i="9"/>
  <c r="G492" i="9"/>
  <c r="J492" i="9"/>
  <c r="B493" i="9"/>
  <c r="C493" i="9"/>
  <c r="D493" i="9"/>
  <c r="E493" i="9"/>
  <c r="G493" i="9"/>
  <c r="J493" i="9"/>
  <c r="B494" i="9"/>
  <c r="C494" i="9"/>
  <c r="D494" i="9"/>
  <c r="E494" i="9"/>
  <c r="G494" i="9"/>
  <c r="J494" i="9"/>
  <c r="B495" i="9"/>
  <c r="C495" i="9"/>
  <c r="D495" i="9"/>
  <c r="E495" i="9"/>
  <c r="G495" i="9"/>
  <c r="J495" i="9"/>
  <c r="B496" i="9"/>
  <c r="C496" i="9"/>
  <c r="D496" i="9"/>
  <c r="E496" i="9"/>
  <c r="G496" i="9"/>
  <c r="J496" i="9"/>
  <c r="B497" i="9"/>
  <c r="C497" i="9"/>
  <c r="D497" i="9"/>
  <c r="E497" i="9"/>
  <c r="G497" i="9"/>
  <c r="J497" i="9"/>
  <c r="B498" i="9"/>
  <c r="C498" i="9"/>
  <c r="D498" i="9"/>
  <c r="E498" i="9"/>
  <c r="G498" i="9"/>
  <c r="J498" i="9"/>
  <c r="B499" i="9"/>
  <c r="C499" i="9"/>
  <c r="D499" i="9"/>
  <c r="E499" i="9"/>
  <c r="G499" i="9"/>
  <c r="J499" i="9"/>
  <c r="B500" i="9"/>
  <c r="C500" i="9"/>
  <c r="D500" i="9"/>
  <c r="E500" i="9"/>
  <c r="G500" i="9"/>
  <c r="J500" i="9"/>
  <c r="B501" i="9"/>
  <c r="C501" i="9"/>
  <c r="D501" i="9"/>
  <c r="E501" i="9"/>
  <c r="G501" i="9"/>
  <c r="J501" i="9"/>
  <c r="B502" i="9"/>
  <c r="C502" i="9"/>
  <c r="D502" i="9"/>
  <c r="E502" i="9"/>
  <c r="G502" i="9"/>
  <c r="J502" i="9"/>
  <c r="B503" i="9"/>
  <c r="C503" i="9"/>
  <c r="D503" i="9"/>
  <c r="E503" i="9"/>
  <c r="G503" i="9"/>
  <c r="J503" i="9"/>
  <c r="B504" i="9"/>
  <c r="C504" i="9"/>
  <c r="D504" i="9"/>
  <c r="E504" i="9"/>
  <c r="G504" i="9"/>
  <c r="J504" i="9"/>
  <c r="B505" i="9"/>
  <c r="C505" i="9"/>
  <c r="D505" i="9"/>
  <c r="E505" i="9"/>
  <c r="G505" i="9"/>
  <c r="J505" i="9"/>
  <c r="B506" i="9"/>
  <c r="C506" i="9"/>
  <c r="D506" i="9"/>
  <c r="E506" i="9"/>
  <c r="G506" i="9"/>
  <c r="J506" i="9"/>
  <c r="B507" i="9"/>
  <c r="C507" i="9"/>
  <c r="D507" i="9"/>
  <c r="E507" i="9"/>
  <c r="G507" i="9"/>
  <c r="J507" i="9"/>
  <c r="B508" i="9"/>
  <c r="C508" i="9"/>
  <c r="D508" i="9"/>
  <c r="E508" i="9"/>
  <c r="G508" i="9"/>
  <c r="J508" i="9"/>
  <c r="B509" i="9"/>
  <c r="C509" i="9"/>
  <c r="D509" i="9"/>
  <c r="E509" i="9"/>
  <c r="G509" i="9"/>
  <c r="J509" i="9"/>
  <c r="B510" i="9"/>
  <c r="C510" i="9"/>
  <c r="D510" i="9"/>
  <c r="E510" i="9"/>
  <c r="G510" i="9"/>
  <c r="J510" i="9"/>
  <c r="B511" i="9"/>
  <c r="C511" i="9"/>
  <c r="D511" i="9"/>
  <c r="E511" i="9"/>
  <c r="G511" i="9"/>
  <c r="J511" i="9"/>
  <c r="B512" i="9"/>
  <c r="C512" i="9"/>
  <c r="D512" i="9"/>
  <c r="E512" i="9"/>
  <c r="G512" i="9"/>
  <c r="J512" i="9"/>
  <c r="B513" i="9"/>
  <c r="C513" i="9"/>
  <c r="D513" i="9"/>
  <c r="E513" i="9"/>
  <c r="G513" i="9"/>
  <c r="J513" i="9"/>
  <c r="B514" i="9"/>
  <c r="C514" i="9"/>
  <c r="D514" i="9"/>
  <c r="E514" i="9"/>
  <c r="G514" i="9"/>
  <c r="J514" i="9"/>
  <c r="B515" i="9"/>
  <c r="C515" i="9"/>
  <c r="D515" i="9"/>
  <c r="E515" i="9"/>
  <c r="G515" i="9"/>
  <c r="J515" i="9"/>
  <c r="B516" i="9"/>
  <c r="C516" i="9"/>
  <c r="D516" i="9"/>
  <c r="E516" i="9"/>
  <c r="G516" i="9"/>
  <c r="J516" i="9"/>
  <c r="B517" i="9"/>
  <c r="C517" i="9"/>
  <c r="D517" i="9"/>
  <c r="E517" i="9"/>
  <c r="G517" i="9"/>
  <c r="J517" i="9"/>
  <c r="B518" i="9"/>
  <c r="C518" i="9"/>
  <c r="D518" i="9"/>
  <c r="E518" i="9"/>
  <c r="G518" i="9"/>
  <c r="J518" i="9"/>
  <c r="B519" i="9"/>
  <c r="C519" i="9"/>
  <c r="D519" i="9"/>
  <c r="E519" i="9"/>
  <c r="G519" i="9"/>
  <c r="J519" i="9"/>
  <c r="B520" i="9"/>
  <c r="C520" i="9"/>
  <c r="D520" i="9"/>
  <c r="E520" i="9"/>
  <c r="G520" i="9"/>
  <c r="J520" i="9"/>
  <c r="B521" i="9"/>
  <c r="C521" i="9"/>
  <c r="D521" i="9"/>
  <c r="E521" i="9"/>
  <c r="G521" i="9"/>
  <c r="J521" i="9"/>
  <c r="B522" i="9"/>
  <c r="C522" i="9"/>
  <c r="D522" i="9"/>
  <c r="E522" i="9"/>
  <c r="G522" i="9"/>
  <c r="J522" i="9"/>
  <c r="B523" i="9"/>
  <c r="C523" i="9"/>
  <c r="D523" i="9"/>
  <c r="E523" i="9"/>
  <c r="G523" i="9"/>
  <c r="J523" i="9"/>
  <c r="B524" i="9"/>
  <c r="C524" i="9"/>
  <c r="D524" i="9"/>
  <c r="E524" i="9"/>
  <c r="G524" i="9"/>
  <c r="J524" i="9"/>
  <c r="B525" i="9"/>
  <c r="C525" i="9"/>
  <c r="D525" i="9"/>
  <c r="E525" i="9"/>
  <c r="G525" i="9"/>
  <c r="J525" i="9"/>
  <c r="B526" i="9"/>
  <c r="C526" i="9"/>
  <c r="D526" i="9"/>
  <c r="E526" i="9"/>
  <c r="G526" i="9"/>
  <c r="J526" i="9"/>
  <c r="B527" i="9"/>
  <c r="C527" i="9"/>
  <c r="D527" i="9"/>
  <c r="E527" i="9"/>
  <c r="G527" i="9"/>
  <c r="J527" i="9"/>
  <c r="B528" i="9"/>
  <c r="C528" i="9"/>
  <c r="D528" i="9"/>
  <c r="E528" i="9"/>
  <c r="G528" i="9"/>
  <c r="J528" i="9"/>
  <c r="B529" i="9"/>
  <c r="C529" i="9"/>
  <c r="D529" i="9"/>
  <c r="E529" i="9"/>
  <c r="G529" i="9"/>
  <c r="J529" i="9"/>
  <c r="B530" i="9"/>
  <c r="C530" i="9"/>
  <c r="D530" i="9"/>
  <c r="E530" i="9"/>
  <c r="G530" i="9"/>
  <c r="J530" i="9"/>
  <c r="B531" i="9"/>
  <c r="C531" i="9"/>
  <c r="D531" i="9"/>
  <c r="E531" i="9"/>
  <c r="G531" i="9"/>
  <c r="J531" i="9"/>
  <c r="B532" i="9"/>
  <c r="C532" i="9"/>
  <c r="D532" i="9"/>
  <c r="E532" i="9"/>
  <c r="G532" i="9"/>
  <c r="J532" i="9"/>
  <c r="B533" i="9"/>
  <c r="C533" i="9"/>
  <c r="D533" i="9"/>
  <c r="E533" i="9"/>
  <c r="G533" i="9"/>
  <c r="J533" i="9"/>
  <c r="B534" i="9"/>
  <c r="C534" i="9"/>
  <c r="D534" i="9"/>
  <c r="E534" i="9"/>
  <c r="G534" i="9"/>
  <c r="J534" i="9"/>
  <c r="B535" i="9"/>
  <c r="C535" i="9"/>
  <c r="D535" i="9"/>
  <c r="E535" i="9"/>
  <c r="G535" i="9"/>
  <c r="J535" i="9"/>
  <c r="B536" i="9"/>
  <c r="C536" i="9"/>
  <c r="D536" i="9"/>
  <c r="E536" i="9"/>
  <c r="G536" i="9"/>
  <c r="J536" i="9"/>
  <c r="B537" i="9"/>
  <c r="C537" i="9"/>
  <c r="D537" i="9"/>
  <c r="E537" i="9"/>
  <c r="G537" i="9"/>
  <c r="J537" i="9"/>
  <c r="B538" i="9"/>
  <c r="C538" i="9"/>
  <c r="D538" i="9"/>
  <c r="E538" i="9"/>
  <c r="G538" i="9"/>
  <c r="J538" i="9"/>
  <c r="B539" i="9"/>
  <c r="C539" i="9"/>
  <c r="D539" i="9"/>
  <c r="E539" i="9"/>
  <c r="G539" i="9"/>
  <c r="J539" i="9"/>
  <c r="B540" i="9"/>
  <c r="C540" i="9"/>
  <c r="D540" i="9"/>
  <c r="E540" i="9"/>
  <c r="G540" i="9"/>
  <c r="J540" i="9"/>
  <c r="B541" i="9"/>
  <c r="C541" i="9"/>
  <c r="D541" i="9"/>
  <c r="E541" i="9"/>
  <c r="G541" i="9"/>
  <c r="J541" i="9"/>
  <c r="B542" i="9"/>
  <c r="C542" i="9"/>
  <c r="D542" i="9"/>
  <c r="E542" i="9"/>
  <c r="G542" i="9"/>
  <c r="J542" i="9"/>
  <c r="B543" i="9"/>
  <c r="C543" i="9"/>
  <c r="D543" i="9"/>
  <c r="E543" i="9"/>
  <c r="G543" i="9"/>
  <c r="J543" i="9"/>
  <c r="B544" i="9"/>
  <c r="C544" i="9"/>
  <c r="D544" i="9"/>
  <c r="E544" i="9"/>
  <c r="G544" i="9"/>
  <c r="J544" i="9"/>
  <c r="B545" i="9"/>
  <c r="C545" i="9"/>
  <c r="D545" i="9"/>
  <c r="E545" i="9"/>
  <c r="G545" i="9"/>
  <c r="J545" i="9"/>
  <c r="B546" i="9"/>
  <c r="C546" i="9"/>
  <c r="D546" i="9"/>
  <c r="E546" i="9"/>
  <c r="G546" i="9"/>
  <c r="J546" i="9"/>
  <c r="B547" i="9"/>
  <c r="C547" i="9"/>
  <c r="D547" i="9"/>
  <c r="E547" i="9"/>
  <c r="G547" i="9"/>
  <c r="J547" i="9"/>
  <c r="B548" i="9"/>
  <c r="C548" i="9"/>
  <c r="D548" i="9"/>
  <c r="E548" i="9"/>
  <c r="G548" i="9"/>
  <c r="J548" i="9"/>
  <c r="B549" i="9"/>
  <c r="C549" i="9"/>
  <c r="D549" i="9"/>
  <c r="E549" i="9"/>
  <c r="G549" i="9"/>
  <c r="J549" i="9"/>
  <c r="B550" i="9"/>
  <c r="C550" i="9"/>
  <c r="D550" i="9"/>
  <c r="E550" i="9"/>
  <c r="G550" i="9"/>
  <c r="J550" i="9"/>
  <c r="B551" i="9"/>
  <c r="C551" i="9"/>
  <c r="D551" i="9"/>
  <c r="E551" i="9"/>
  <c r="G551" i="9"/>
  <c r="J551" i="9"/>
  <c r="B552" i="9"/>
  <c r="C552" i="9"/>
  <c r="D552" i="9"/>
  <c r="E552" i="9"/>
  <c r="G552" i="9"/>
  <c r="J552" i="9"/>
  <c r="B553" i="9"/>
  <c r="C553" i="9"/>
  <c r="D553" i="9"/>
  <c r="E553" i="9"/>
  <c r="G553" i="9"/>
  <c r="J553" i="9"/>
  <c r="B554" i="9"/>
  <c r="C554" i="9"/>
  <c r="D554" i="9"/>
  <c r="E554" i="9"/>
  <c r="G554" i="9"/>
  <c r="J554" i="9"/>
  <c r="B555" i="9"/>
  <c r="C555" i="9"/>
  <c r="D555" i="9"/>
  <c r="E555" i="9"/>
  <c r="G555" i="9"/>
  <c r="J555" i="9"/>
  <c r="B556" i="9"/>
  <c r="C556" i="9"/>
  <c r="D556" i="9"/>
  <c r="E556" i="9"/>
  <c r="G556" i="9"/>
  <c r="J556" i="9"/>
  <c r="B557" i="9"/>
  <c r="C557" i="9"/>
  <c r="D557" i="9"/>
  <c r="E557" i="9"/>
  <c r="G557" i="9"/>
  <c r="J557" i="9"/>
  <c r="B558" i="9"/>
  <c r="C558" i="9"/>
  <c r="D558" i="9"/>
  <c r="E558" i="9"/>
  <c r="G558" i="9"/>
  <c r="J558" i="9"/>
  <c r="B559" i="9"/>
  <c r="C559" i="9"/>
  <c r="D559" i="9"/>
  <c r="E559" i="9"/>
  <c r="G559" i="9"/>
  <c r="J559" i="9"/>
  <c r="B560" i="9"/>
  <c r="C560" i="9"/>
  <c r="D560" i="9"/>
  <c r="E560" i="9"/>
  <c r="G560" i="9"/>
  <c r="J560" i="9"/>
  <c r="B561" i="9"/>
  <c r="C561" i="9"/>
  <c r="D561" i="9"/>
  <c r="E561" i="9"/>
  <c r="G561" i="9"/>
  <c r="J561" i="9"/>
  <c r="B562" i="9"/>
  <c r="C562" i="9"/>
  <c r="D562" i="9"/>
  <c r="E562" i="9"/>
  <c r="G562" i="9"/>
  <c r="J562" i="9"/>
  <c r="B563" i="9"/>
  <c r="C563" i="9"/>
  <c r="D563" i="9"/>
  <c r="E563" i="9"/>
  <c r="G563" i="9"/>
  <c r="J563" i="9"/>
  <c r="B564" i="9"/>
  <c r="C564" i="9"/>
  <c r="D564" i="9"/>
  <c r="E564" i="9"/>
  <c r="G564" i="9"/>
  <c r="J564" i="9"/>
  <c r="B565" i="9"/>
  <c r="C565" i="9"/>
  <c r="D565" i="9"/>
  <c r="E565" i="9"/>
  <c r="G565" i="9"/>
  <c r="J565" i="9"/>
  <c r="B566" i="9"/>
  <c r="C566" i="9"/>
  <c r="D566" i="9"/>
  <c r="E566" i="9"/>
  <c r="G566" i="9"/>
  <c r="J566" i="9"/>
  <c r="B567" i="9"/>
  <c r="C567" i="9"/>
  <c r="D567" i="9"/>
  <c r="E567" i="9"/>
  <c r="G567" i="9"/>
  <c r="J567" i="9"/>
  <c r="B568" i="9"/>
  <c r="C568" i="9"/>
  <c r="D568" i="9"/>
  <c r="E568" i="9"/>
  <c r="G568" i="9"/>
  <c r="J568" i="9"/>
  <c r="B569" i="9"/>
  <c r="C569" i="9"/>
  <c r="D569" i="9"/>
  <c r="E569" i="9"/>
  <c r="G569" i="9"/>
  <c r="J569" i="9"/>
  <c r="B570" i="9"/>
  <c r="C570" i="9"/>
  <c r="D570" i="9"/>
  <c r="E570" i="9"/>
  <c r="G570" i="9"/>
  <c r="J570" i="9"/>
  <c r="B571" i="9"/>
  <c r="C571" i="9"/>
  <c r="D571" i="9"/>
  <c r="E571" i="9"/>
  <c r="G571" i="9"/>
  <c r="J571" i="9"/>
  <c r="B572" i="9"/>
  <c r="C572" i="9"/>
  <c r="D572" i="9"/>
  <c r="E572" i="9"/>
  <c r="G572" i="9"/>
  <c r="J572" i="9"/>
  <c r="B573" i="9"/>
  <c r="C573" i="9"/>
  <c r="D573" i="9"/>
  <c r="E573" i="9"/>
  <c r="G573" i="9"/>
  <c r="J573" i="9"/>
  <c r="B574" i="9"/>
  <c r="C574" i="9"/>
  <c r="D574" i="9"/>
  <c r="E574" i="9"/>
  <c r="G574" i="9"/>
  <c r="J574" i="9"/>
  <c r="B575" i="9"/>
  <c r="C575" i="9"/>
  <c r="D575" i="9"/>
  <c r="E575" i="9"/>
  <c r="G575" i="9"/>
  <c r="J575" i="9"/>
  <c r="B576" i="9"/>
  <c r="C576" i="9"/>
  <c r="D576" i="9"/>
  <c r="E576" i="9"/>
  <c r="G576" i="9"/>
  <c r="J576" i="9"/>
  <c r="B577" i="9"/>
  <c r="C577" i="9"/>
  <c r="D577" i="9"/>
  <c r="E577" i="9"/>
  <c r="G577" i="9"/>
  <c r="J577" i="9"/>
  <c r="B578" i="9"/>
  <c r="C578" i="9"/>
  <c r="D578" i="9"/>
  <c r="E578" i="9"/>
  <c r="G578" i="9"/>
  <c r="J578" i="9"/>
  <c r="B579" i="9"/>
  <c r="C579" i="9"/>
  <c r="D579" i="9"/>
  <c r="E579" i="9"/>
  <c r="G579" i="9"/>
  <c r="J579" i="9"/>
  <c r="B580" i="9"/>
  <c r="C580" i="9"/>
  <c r="D580" i="9"/>
  <c r="E580" i="9"/>
  <c r="G580" i="9"/>
  <c r="J580" i="9"/>
  <c r="B581" i="9"/>
  <c r="C581" i="9"/>
  <c r="D581" i="9"/>
  <c r="E581" i="9"/>
  <c r="G581" i="9"/>
  <c r="J581" i="9"/>
  <c r="B582" i="9"/>
  <c r="C582" i="9"/>
  <c r="D582" i="9"/>
  <c r="E582" i="9"/>
  <c r="G582" i="9"/>
  <c r="J582" i="9"/>
  <c r="B583" i="9"/>
  <c r="C583" i="9"/>
  <c r="D583" i="9"/>
  <c r="E583" i="9"/>
  <c r="G583" i="9"/>
  <c r="J583" i="9"/>
  <c r="B584" i="9"/>
  <c r="C584" i="9"/>
  <c r="D584" i="9"/>
  <c r="E584" i="9"/>
  <c r="G584" i="9"/>
  <c r="J584" i="9"/>
  <c r="B585" i="9"/>
  <c r="C585" i="9"/>
  <c r="D585" i="9"/>
  <c r="E585" i="9"/>
  <c r="G585" i="9"/>
  <c r="J585" i="9"/>
  <c r="B586" i="9"/>
  <c r="C586" i="9"/>
  <c r="D586" i="9"/>
  <c r="E586" i="9"/>
  <c r="G586" i="9"/>
  <c r="J586" i="9"/>
  <c r="B587" i="9"/>
  <c r="C587" i="9"/>
  <c r="D587" i="9"/>
  <c r="E587" i="9"/>
  <c r="G587" i="9"/>
  <c r="J587" i="9"/>
  <c r="B588" i="9"/>
  <c r="C588" i="9"/>
  <c r="D588" i="9"/>
  <c r="E588" i="9"/>
  <c r="G588" i="9"/>
  <c r="J588" i="9"/>
  <c r="B589" i="9"/>
  <c r="C589" i="9"/>
  <c r="D589" i="9"/>
  <c r="E589" i="9"/>
  <c r="G589" i="9"/>
  <c r="J589" i="9"/>
  <c r="B590" i="9"/>
  <c r="C590" i="9"/>
  <c r="D590" i="9"/>
  <c r="E590" i="9"/>
  <c r="G590" i="9"/>
  <c r="J590" i="9"/>
  <c r="B591" i="9"/>
  <c r="C591" i="9"/>
  <c r="D591" i="9"/>
  <c r="E591" i="9"/>
  <c r="G591" i="9"/>
  <c r="J591" i="9"/>
  <c r="B592" i="9"/>
  <c r="C592" i="9"/>
  <c r="D592" i="9"/>
  <c r="E592" i="9"/>
  <c r="G592" i="9"/>
  <c r="J592" i="9"/>
  <c r="B593" i="9"/>
  <c r="C593" i="9"/>
  <c r="D593" i="9"/>
  <c r="E593" i="9"/>
  <c r="G593" i="9"/>
  <c r="J593" i="9"/>
  <c r="B594" i="9"/>
  <c r="C594" i="9"/>
  <c r="D594" i="9"/>
  <c r="E594" i="9"/>
  <c r="G594" i="9"/>
  <c r="J594" i="9"/>
  <c r="B595" i="9"/>
  <c r="C595" i="9"/>
  <c r="D595" i="9"/>
  <c r="E595" i="9"/>
  <c r="G595" i="9"/>
  <c r="J595" i="9"/>
  <c r="B596" i="9"/>
  <c r="C596" i="9"/>
  <c r="D596" i="9"/>
  <c r="E596" i="9"/>
  <c r="G596" i="9"/>
  <c r="J596" i="9"/>
  <c r="B597" i="9"/>
  <c r="C597" i="9"/>
  <c r="D597" i="9"/>
  <c r="E597" i="9"/>
  <c r="G597" i="9"/>
  <c r="J597" i="9"/>
  <c r="B598" i="9"/>
  <c r="C598" i="9"/>
  <c r="D598" i="9"/>
  <c r="E598" i="9"/>
  <c r="G598" i="9"/>
  <c r="J598" i="9"/>
  <c r="B599" i="9"/>
  <c r="C599" i="9"/>
  <c r="D599" i="9"/>
  <c r="E599" i="9"/>
  <c r="G599" i="9"/>
  <c r="J599" i="9"/>
  <c r="B600" i="9"/>
  <c r="C600" i="9"/>
  <c r="D600" i="9"/>
  <c r="E600" i="9"/>
  <c r="G600" i="9"/>
  <c r="J600" i="9"/>
  <c r="B601" i="9"/>
  <c r="C601" i="9"/>
  <c r="D601" i="9"/>
  <c r="E601" i="9"/>
  <c r="G601" i="9"/>
  <c r="J601" i="9"/>
  <c r="B602" i="9"/>
  <c r="C602" i="9"/>
  <c r="D602" i="9"/>
  <c r="E602" i="9"/>
  <c r="G602" i="9"/>
  <c r="J602" i="9"/>
  <c r="B603" i="9"/>
  <c r="C603" i="9"/>
  <c r="D603" i="9"/>
  <c r="E603" i="9"/>
  <c r="G603" i="9"/>
  <c r="J603" i="9"/>
  <c r="B604" i="9"/>
  <c r="C604" i="9"/>
  <c r="D604" i="9"/>
  <c r="E604" i="9"/>
  <c r="G604" i="9"/>
  <c r="J604" i="9"/>
  <c r="B605" i="9"/>
  <c r="C605" i="9"/>
  <c r="D605" i="9"/>
  <c r="E605" i="9"/>
  <c r="G605" i="9"/>
  <c r="J605" i="9"/>
  <c r="B606" i="9"/>
  <c r="C606" i="9"/>
  <c r="D606" i="9"/>
  <c r="E606" i="9"/>
  <c r="G606" i="9"/>
  <c r="J606" i="9"/>
  <c r="B607" i="9"/>
  <c r="C607" i="9"/>
  <c r="D607" i="9"/>
  <c r="E607" i="9"/>
  <c r="G607" i="9"/>
  <c r="J607" i="9"/>
  <c r="B608" i="9"/>
  <c r="C608" i="9"/>
  <c r="D608" i="9"/>
  <c r="E608" i="9"/>
  <c r="G608" i="9"/>
  <c r="J608" i="9"/>
  <c r="B609" i="9"/>
  <c r="C609" i="9"/>
  <c r="D609" i="9"/>
  <c r="E609" i="9"/>
  <c r="G609" i="9"/>
  <c r="J609" i="9"/>
  <c r="B610" i="9"/>
  <c r="C610" i="9"/>
  <c r="D610" i="9"/>
  <c r="E610" i="9"/>
  <c r="G610" i="9"/>
  <c r="J610" i="9"/>
  <c r="B611" i="9"/>
  <c r="C611" i="9"/>
  <c r="D611" i="9"/>
  <c r="E611" i="9"/>
  <c r="G611" i="9"/>
  <c r="J611" i="9"/>
  <c r="B612" i="9"/>
  <c r="C612" i="9"/>
  <c r="D612" i="9"/>
  <c r="E612" i="9"/>
  <c r="G612" i="9"/>
  <c r="J612" i="9"/>
  <c r="B613" i="9"/>
  <c r="C613" i="9"/>
  <c r="D613" i="9"/>
  <c r="E613" i="9"/>
  <c r="G613" i="9"/>
  <c r="J613" i="9"/>
  <c r="B614" i="9"/>
  <c r="C614" i="9"/>
  <c r="D614" i="9"/>
  <c r="E614" i="9"/>
  <c r="G614" i="9"/>
  <c r="J614" i="9"/>
  <c r="B615" i="9"/>
  <c r="C615" i="9"/>
  <c r="D615" i="9"/>
  <c r="E615" i="9"/>
  <c r="G615" i="9"/>
  <c r="J615" i="9"/>
  <c r="B616" i="9"/>
  <c r="C616" i="9"/>
  <c r="D616" i="9"/>
  <c r="E616" i="9"/>
  <c r="G616" i="9"/>
  <c r="J616" i="9"/>
  <c r="B617" i="9"/>
  <c r="C617" i="9"/>
  <c r="D617" i="9"/>
  <c r="E617" i="9"/>
  <c r="G617" i="9"/>
  <c r="J617" i="9"/>
  <c r="B618" i="9"/>
  <c r="C618" i="9"/>
  <c r="D618" i="9"/>
  <c r="E618" i="9"/>
  <c r="G618" i="9"/>
  <c r="J618" i="9"/>
  <c r="B619" i="9"/>
  <c r="C619" i="9"/>
  <c r="D619" i="9"/>
  <c r="E619" i="9"/>
  <c r="G619" i="9"/>
  <c r="J619" i="9"/>
  <c r="B620" i="9"/>
  <c r="C620" i="9"/>
  <c r="D620" i="9"/>
  <c r="E620" i="9"/>
  <c r="G620" i="9"/>
  <c r="J620" i="9"/>
  <c r="B621" i="9"/>
  <c r="C621" i="9"/>
  <c r="D621" i="9"/>
  <c r="E621" i="9"/>
  <c r="G621" i="9"/>
  <c r="J621" i="9"/>
  <c r="B622" i="9"/>
  <c r="C622" i="9"/>
  <c r="D622" i="9"/>
  <c r="E622" i="9"/>
  <c r="G622" i="9"/>
  <c r="J622" i="9"/>
  <c r="B623" i="9"/>
  <c r="C623" i="9"/>
  <c r="D623" i="9"/>
  <c r="E623" i="9"/>
  <c r="G623" i="9"/>
  <c r="J623" i="9"/>
  <c r="B624" i="9"/>
  <c r="C624" i="9"/>
  <c r="D624" i="9"/>
  <c r="E624" i="9"/>
  <c r="G624" i="9"/>
  <c r="J624" i="9"/>
  <c r="B625" i="9"/>
  <c r="C625" i="9"/>
  <c r="D625" i="9"/>
  <c r="E625" i="9"/>
  <c r="G625" i="9"/>
  <c r="J625" i="9"/>
  <c r="B626" i="9"/>
  <c r="C626" i="9"/>
  <c r="D626" i="9"/>
  <c r="E626" i="9"/>
  <c r="G626" i="9"/>
  <c r="J626" i="9"/>
  <c r="B627" i="9"/>
  <c r="C627" i="9"/>
  <c r="D627" i="9"/>
  <c r="E627" i="9"/>
  <c r="G627" i="9"/>
  <c r="J627" i="9"/>
  <c r="B628" i="9"/>
  <c r="C628" i="9"/>
  <c r="D628" i="9"/>
  <c r="E628" i="9"/>
  <c r="G628" i="9"/>
  <c r="J628" i="9"/>
  <c r="B629" i="9"/>
  <c r="C629" i="9"/>
  <c r="D629" i="9"/>
  <c r="E629" i="9"/>
  <c r="G629" i="9"/>
  <c r="J629" i="9"/>
  <c r="B630" i="9"/>
  <c r="C630" i="9"/>
  <c r="D630" i="9"/>
  <c r="E630" i="9"/>
  <c r="G630" i="9"/>
  <c r="J630" i="9"/>
  <c r="B631" i="9"/>
  <c r="C631" i="9"/>
  <c r="D631" i="9"/>
  <c r="E631" i="9"/>
  <c r="G631" i="9"/>
  <c r="J631" i="9"/>
  <c r="B632" i="9"/>
  <c r="C632" i="9"/>
  <c r="D632" i="9"/>
  <c r="E632" i="9"/>
  <c r="G632" i="9"/>
  <c r="J632" i="9"/>
  <c r="B633" i="9"/>
  <c r="C633" i="9"/>
  <c r="D633" i="9"/>
  <c r="E633" i="9"/>
  <c r="G633" i="9"/>
  <c r="J633" i="9"/>
  <c r="B634" i="9"/>
  <c r="C634" i="9"/>
  <c r="D634" i="9"/>
  <c r="E634" i="9"/>
  <c r="G634" i="9"/>
  <c r="J634" i="9"/>
  <c r="B635" i="9"/>
  <c r="C635" i="9"/>
  <c r="D635" i="9"/>
  <c r="E635" i="9"/>
  <c r="G635" i="9"/>
  <c r="J635" i="9"/>
  <c r="B636" i="9"/>
  <c r="C636" i="9"/>
  <c r="D636" i="9"/>
  <c r="E636" i="9"/>
  <c r="G636" i="9"/>
  <c r="J636" i="9"/>
  <c r="B637" i="9"/>
  <c r="C637" i="9"/>
  <c r="D637" i="9"/>
  <c r="E637" i="9"/>
  <c r="G637" i="9"/>
  <c r="J637" i="9"/>
  <c r="B638" i="9"/>
  <c r="C638" i="9"/>
  <c r="D638" i="9"/>
  <c r="E638" i="9"/>
  <c r="G638" i="9"/>
  <c r="J638" i="9"/>
  <c r="B639" i="9"/>
  <c r="C639" i="9"/>
  <c r="D639" i="9"/>
  <c r="E639" i="9"/>
  <c r="G639" i="9"/>
  <c r="J639" i="9"/>
  <c r="B640" i="9"/>
  <c r="C640" i="9"/>
  <c r="D640" i="9"/>
  <c r="E640" i="9"/>
  <c r="G640" i="9"/>
  <c r="J640" i="9"/>
  <c r="B641" i="9"/>
  <c r="C641" i="9"/>
  <c r="D641" i="9"/>
  <c r="E641" i="9"/>
  <c r="G641" i="9"/>
  <c r="J641" i="9"/>
  <c r="B642" i="9"/>
  <c r="C642" i="9"/>
  <c r="D642" i="9"/>
  <c r="E642" i="9"/>
  <c r="G642" i="9"/>
  <c r="J642" i="9"/>
  <c r="B643" i="9"/>
  <c r="C643" i="9"/>
  <c r="D643" i="9"/>
  <c r="E643" i="9"/>
  <c r="G643" i="9"/>
  <c r="J643" i="9"/>
  <c r="B644" i="9"/>
  <c r="C644" i="9"/>
  <c r="D644" i="9"/>
  <c r="E644" i="9"/>
  <c r="G644" i="9"/>
  <c r="J644" i="9"/>
  <c r="B645" i="9"/>
  <c r="C645" i="9"/>
  <c r="D645" i="9"/>
  <c r="E645" i="9"/>
  <c r="G645" i="9"/>
  <c r="J645" i="9"/>
  <c r="B646" i="9"/>
  <c r="C646" i="9"/>
  <c r="D646" i="9"/>
  <c r="E646" i="9"/>
  <c r="G646" i="9"/>
  <c r="J646" i="9"/>
  <c r="B647" i="9"/>
  <c r="C647" i="9"/>
  <c r="D647" i="9"/>
  <c r="E647" i="9"/>
  <c r="G647" i="9"/>
  <c r="J647" i="9"/>
  <c r="B648" i="9"/>
  <c r="C648" i="9"/>
  <c r="D648" i="9"/>
  <c r="E648" i="9"/>
  <c r="G648" i="9"/>
  <c r="J648" i="9"/>
  <c r="B649" i="9"/>
  <c r="C649" i="9"/>
  <c r="D649" i="9"/>
  <c r="E649" i="9"/>
  <c r="G649" i="9"/>
  <c r="J649" i="9"/>
  <c r="B650" i="9"/>
  <c r="C650" i="9"/>
  <c r="D650" i="9"/>
  <c r="E650" i="9"/>
  <c r="G650" i="9"/>
  <c r="J650" i="9"/>
  <c r="B651" i="9"/>
  <c r="C651" i="9"/>
  <c r="D651" i="9"/>
  <c r="E651" i="9"/>
  <c r="G651" i="9"/>
  <c r="J651" i="9"/>
  <c r="B652" i="9"/>
  <c r="C652" i="9"/>
  <c r="D652" i="9"/>
  <c r="E652" i="9"/>
  <c r="G652" i="9"/>
  <c r="J652" i="9"/>
  <c r="B653" i="9"/>
  <c r="C653" i="9"/>
  <c r="D653" i="9"/>
  <c r="E653" i="9"/>
  <c r="G653" i="9"/>
  <c r="J653" i="9"/>
  <c r="B654" i="9"/>
  <c r="C654" i="9"/>
  <c r="D654" i="9"/>
  <c r="E654" i="9"/>
  <c r="G654" i="9"/>
  <c r="J654" i="9"/>
  <c r="B655" i="9"/>
  <c r="C655" i="9"/>
  <c r="D655" i="9"/>
  <c r="E655" i="9"/>
  <c r="G655" i="9"/>
  <c r="J655" i="9"/>
  <c r="B656" i="9"/>
  <c r="C656" i="9"/>
  <c r="D656" i="9"/>
  <c r="E656" i="9"/>
  <c r="G656" i="9"/>
  <c r="J656" i="9"/>
  <c r="B657" i="9"/>
  <c r="C657" i="9"/>
  <c r="D657" i="9"/>
  <c r="E657" i="9"/>
  <c r="G657" i="9"/>
  <c r="J657" i="9"/>
  <c r="B658" i="9"/>
  <c r="C658" i="9"/>
  <c r="D658" i="9"/>
  <c r="E658" i="9"/>
  <c r="G658" i="9"/>
  <c r="J658" i="9"/>
  <c r="B659" i="9"/>
  <c r="C659" i="9"/>
  <c r="D659" i="9"/>
  <c r="E659" i="9"/>
  <c r="G659" i="9"/>
  <c r="J659" i="9"/>
  <c r="B660" i="9"/>
  <c r="C660" i="9"/>
  <c r="D660" i="9"/>
  <c r="E660" i="9"/>
  <c r="G660" i="9"/>
  <c r="J660" i="9"/>
  <c r="B661" i="9"/>
  <c r="C661" i="9"/>
  <c r="D661" i="9"/>
  <c r="E661" i="9"/>
  <c r="G661" i="9"/>
  <c r="J661" i="9"/>
  <c r="B662" i="9"/>
  <c r="C662" i="9"/>
  <c r="D662" i="9"/>
  <c r="E662" i="9"/>
  <c r="G662" i="9"/>
  <c r="J662" i="9"/>
  <c r="B663" i="9"/>
  <c r="C663" i="9"/>
  <c r="D663" i="9"/>
  <c r="E663" i="9"/>
  <c r="G663" i="9"/>
  <c r="J663" i="9"/>
  <c r="B664" i="9"/>
  <c r="C664" i="9"/>
  <c r="D664" i="9"/>
  <c r="E664" i="9"/>
  <c r="G664" i="9"/>
  <c r="J664" i="9"/>
  <c r="B665" i="9"/>
  <c r="C665" i="9"/>
  <c r="D665" i="9"/>
  <c r="E665" i="9"/>
  <c r="G665" i="9"/>
  <c r="J665" i="9"/>
  <c r="B666" i="9"/>
  <c r="C666" i="9"/>
  <c r="D666" i="9"/>
  <c r="E666" i="9"/>
  <c r="G666" i="9"/>
  <c r="J666" i="9"/>
  <c r="B667" i="9"/>
  <c r="C667" i="9"/>
  <c r="D667" i="9"/>
  <c r="E667" i="9"/>
  <c r="G667" i="9"/>
  <c r="J667" i="9"/>
  <c r="B668" i="9"/>
  <c r="C668" i="9"/>
  <c r="D668" i="9"/>
  <c r="E668" i="9"/>
  <c r="G668" i="9"/>
  <c r="J668" i="9"/>
  <c r="B669" i="9"/>
  <c r="C669" i="9"/>
  <c r="D669" i="9"/>
  <c r="E669" i="9"/>
  <c r="G669" i="9"/>
  <c r="J669" i="9"/>
  <c r="B670" i="9"/>
  <c r="C670" i="9"/>
  <c r="D670" i="9"/>
  <c r="E670" i="9"/>
  <c r="G670" i="9"/>
  <c r="J670" i="9"/>
  <c r="B671" i="9"/>
  <c r="C671" i="9"/>
  <c r="D671" i="9"/>
  <c r="E671" i="9"/>
  <c r="G671" i="9"/>
  <c r="J671" i="9"/>
  <c r="B672" i="9"/>
  <c r="C672" i="9"/>
  <c r="D672" i="9"/>
  <c r="E672" i="9"/>
  <c r="G672" i="9"/>
  <c r="J672" i="9"/>
  <c r="B673" i="9"/>
  <c r="C673" i="9"/>
  <c r="D673" i="9"/>
  <c r="E673" i="9"/>
  <c r="G673" i="9"/>
  <c r="J673" i="9"/>
  <c r="B674" i="9"/>
  <c r="C674" i="9"/>
  <c r="D674" i="9"/>
  <c r="E674" i="9"/>
  <c r="G674" i="9"/>
  <c r="J674" i="9"/>
  <c r="B675" i="9"/>
  <c r="C675" i="9"/>
  <c r="D675" i="9"/>
  <c r="E675" i="9"/>
  <c r="G675" i="9"/>
  <c r="J675" i="9"/>
  <c r="B676" i="9"/>
  <c r="C676" i="9"/>
  <c r="D676" i="9"/>
  <c r="E676" i="9"/>
  <c r="G676" i="9"/>
  <c r="J676" i="9"/>
  <c r="B677" i="9"/>
  <c r="C677" i="9"/>
  <c r="D677" i="9"/>
  <c r="E677" i="9"/>
  <c r="G677" i="9"/>
  <c r="J677" i="9"/>
  <c r="B678" i="9"/>
  <c r="C678" i="9"/>
  <c r="D678" i="9"/>
  <c r="E678" i="9"/>
  <c r="G678" i="9"/>
  <c r="J678" i="9"/>
  <c r="B679" i="9"/>
  <c r="C679" i="9"/>
  <c r="D679" i="9"/>
  <c r="E679" i="9"/>
  <c r="G679" i="9"/>
  <c r="J679" i="9"/>
  <c r="B680" i="9"/>
  <c r="C680" i="9"/>
  <c r="D680" i="9"/>
  <c r="E680" i="9"/>
  <c r="G680" i="9"/>
  <c r="J680" i="9"/>
  <c r="B681" i="9"/>
  <c r="C681" i="9"/>
  <c r="D681" i="9"/>
  <c r="E681" i="9"/>
  <c r="G681" i="9"/>
  <c r="J681" i="9"/>
  <c r="B682" i="9"/>
  <c r="C682" i="9"/>
  <c r="D682" i="9"/>
  <c r="E682" i="9"/>
  <c r="G682" i="9"/>
  <c r="J682" i="9"/>
  <c r="B683" i="9"/>
  <c r="C683" i="9"/>
  <c r="D683" i="9"/>
  <c r="E683" i="9"/>
  <c r="G683" i="9"/>
  <c r="J683" i="9"/>
  <c r="B684" i="9"/>
  <c r="C684" i="9"/>
  <c r="D684" i="9"/>
  <c r="E684" i="9"/>
  <c r="G684" i="9"/>
  <c r="J684" i="9"/>
  <c r="B685" i="9"/>
  <c r="C685" i="9"/>
  <c r="D685" i="9"/>
  <c r="E685" i="9"/>
  <c r="G685" i="9"/>
  <c r="J685" i="9"/>
  <c r="B686" i="9"/>
  <c r="C686" i="9"/>
  <c r="D686" i="9"/>
  <c r="E686" i="9"/>
  <c r="G686" i="9"/>
  <c r="J686" i="9"/>
  <c r="B687" i="9"/>
  <c r="C687" i="9"/>
  <c r="D687" i="9"/>
  <c r="E687" i="9"/>
  <c r="G687" i="9"/>
  <c r="J687" i="9"/>
  <c r="B688" i="9"/>
  <c r="C688" i="9"/>
  <c r="D688" i="9"/>
  <c r="E688" i="9"/>
  <c r="G688" i="9"/>
  <c r="J688" i="9"/>
  <c r="B689" i="9"/>
  <c r="C689" i="9"/>
  <c r="D689" i="9"/>
  <c r="E689" i="9"/>
  <c r="G689" i="9"/>
  <c r="J689" i="9"/>
  <c r="B690" i="9"/>
  <c r="C690" i="9"/>
  <c r="D690" i="9"/>
  <c r="E690" i="9"/>
  <c r="G690" i="9"/>
  <c r="J690" i="9"/>
  <c r="B691" i="9"/>
  <c r="C691" i="9"/>
  <c r="D691" i="9"/>
  <c r="E691" i="9"/>
  <c r="G691" i="9"/>
  <c r="J691" i="9"/>
  <c r="B692" i="9"/>
  <c r="C692" i="9"/>
  <c r="D692" i="9"/>
  <c r="E692" i="9"/>
  <c r="G692" i="9"/>
  <c r="J692" i="9"/>
  <c r="B693" i="9"/>
  <c r="C693" i="9"/>
  <c r="D693" i="9"/>
  <c r="E693" i="9"/>
  <c r="G693" i="9"/>
  <c r="J693" i="9"/>
  <c r="B694" i="9"/>
  <c r="C694" i="9"/>
  <c r="D694" i="9"/>
  <c r="E694" i="9"/>
  <c r="G694" i="9"/>
  <c r="J694" i="9"/>
  <c r="B695" i="9"/>
  <c r="C695" i="9"/>
  <c r="D695" i="9"/>
  <c r="E695" i="9"/>
  <c r="G695" i="9"/>
  <c r="J695" i="9"/>
  <c r="B696" i="9"/>
  <c r="C696" i="9"/>
  <c r="D696" i="9"/>
  <c r="E696" i="9"/>
  <c r="G696" i="9"/>
  <c r="J696" i="9"/>
  <c r="B697" i="9"/>
  <c r="C697" i="9"/>
  <c r="D697" i="9"/>
  <c r="E697" i="9"/>
  <c r="G697" i="9"/>
  <c r="J697" i="9"/>
  <c r="B698" i="9"/>
  <c r="C698" i="9"/>
  <c r="D698" i="9"/>
  <c r="E698" i="9"/>
  <c r="G698" i="9"/>
  <c r="J698" i="9"/>
  <c r="B699" i="9"/>
  <c r="C699" i="9"/>
  <c r="D699" i="9"/>
  <c r="E699" i="9"/>
  <c r="G699" i="9"/>
  <c r="J699" i="9"/>
  <c r="B700" i="9"/>
  <c r="C700" i="9"/>
  <c r="D700" i="9"/>
  <c r="E700" i="9"/>
  <c r="G700" i="9"/>
  <c r="J700" i="9"/>
  <c r="B701" i="9"/>
  <c r="C701" i="9"/>
  <c r="D701" i="9"/>
  <c r="E701" i="9"/>
  <c r="G701" i="9"/>
  <c r="J701" i="9"/>
  <c r="B702" i="9"/>
  <c r="C702" i="9"/>
  <c r="D702" i="9"/>
  <c r="E702" i="9"/>
  <c r="G702" i="9"/>
  <c r="J702" i="9"/>
  <c r="B703" i="9"/>
  <c r="C703" i="9"/>
  <c r="D703" i="9"/>
  <c r="E703" i="9"/>
  <c r="G703" i="9"/>
  <c r="J703" i="9"/>
  <c r="B704" i="9"/>
  <c r="C704" i="9"/>
  <c r="D704" i="9"/>
  <c r="E704" i="9"/>
  <c r="G704" i="9"/>
  <c r="J704" i="9"/>
  <c r="B705" i="9"/>
  <c r="C705" i="9"/>
  <c r="D705" i="9"/>
  <c r="E705" i="9"/>
  <c r="G705" i="9"/>
  <c r="J705" i="9"/>
  <c r="B706" i="9"/>
  <c r="C706" i="9"/>
  <c r="D706" i="9"/>
  <c r="E706" i="9"/>
  <c r="G706" i="9"/>
  <c r="J706" i="9"/>
  <c r="B707" i="9"/>
  <c r="C707" i="9"/>
  <c r="D707" i="9"/>
  <c r="E707" i="9"/>
  <c r="G707" i="9"/>
  <c r="J707" i="9"/>
  <c r="B708" i="9"/>
  <c r="C708" i="9"/>
  <c r="D708" i="9"/>
  <c r="E708" i="9"/>
  <c r="G708" i="9"/>
  <c r="J708" i="9"/>
  <c r="B709" i="9"/>
  <c r="C709" i="9"/>
  <c r="D709" i="9"/>
  <c r="E709" i="9"/>
  <c r="G709" i="9"/>
  <c r="J709" i="9"/>
  <c r="B710" i="9"/>
  <c r="C710" i="9"/>
  <c r="D710" i="9"/>
  <c r="E710" i="9"/>
  <c r="G710" i="9"/>
  <c r="J710" i="9"/>
  <c r="B711" i="9"/>
  <c r="C711" i="9"/>
  <c r="D711" i="9"/>
  <c r="E711" i="9"/>
  <c r="G711" i="9"/>
  <c r="J711" i="9"/>
  <c r="B712" i="9"/>
  <c r="C712" i="9"/>
  <c r="D712" i="9"/>
  <c r="E712" i="9"/>
  <c r="G712" i="9"/>
  <c r="J712" i="9"/>
  <c r="B713" i="9"/>
  <c r="C713" i="9"/>
  <c r="D713" i="9"/>
  <c r="E713" i="9"/>
  <c r="G713" i="9"/>
  <c r="J713" i="9"/>
  <c r="B714" i="9"/>
  <c r="C714" i="9"/>
  <c r="D714" i="9"/>
  <c r="E714" i="9"/>
  <c r="G714" i="9"/>
  <c r="J714" i="9"/>
  <c r="B715" i="9"/>
  <c r="C715" i="9"/>
  <c r="D715" i="9"/>
  <c r="E715" i="9"/>
  <c r="G715" i="9"/>
  <c r="J715" i="9"/>
  <c r="B716" i="9"/>
  <c r="C716" i="9"/>
  <c r="D716" i="9"/>
  <c r="E716" i="9"/>
  <c r="G716" i="9"/>
  <c r="J716" i="9"/>
  <c r="B717" i="9"/>
  <c r="C717" i="9"/>
  <c r="D717" i="9"/>
  <c r="E717" i="9"/>
  <c r="G717" i="9"/>
  <c r="J717" i="9"/>
  <c r="B718" i="9"/>
  <c r="C718" i="9"/>
  <c r="D718" i="9"/>
  <c r="E718" i="9"/>
  <c r="G718" i="9"/>
  <c r="J718" i="9"/>
  <c r="B719" i="9"/>
  <c r="C719" i="9"/>
  <c r="D719" i="9"/>
  <c r="E719" i="9"/>
  <c r="G719" i="9"/>
  <c r="J719" i="9"/>
  <c r="B720" i="9"/>
  <c r="C720" i="9"/>
  <c r="D720" i="9"/>
  <c r="E720" i="9"/>
  <c r="G720" i="9"/>
  <c r="J720" i="9"/>
  <c r="B721" i="9"/>
  <c r="C721" i="9"/>
  <c r="D721" i="9"/>
  <c r="E721" i="9"/>
  <c r="G721" i="9"/>
  <c r="J721" i="9"/>
  <c r="B722" i="9"/>
  <c r="C722" i="9"/>
  <c r="D722" i="9"/>
  <c r="E722" i="9"/>
  <c r="G722" i="9"/>
  <c r="J722" i="9"/>
  <c r="B723" i="9"/>
  <c r="C723" i="9"/>
  <c r="D723" i="9"/>
  <c r="E723" i="9"/>
  <c r="G723" i="9"/>
  <c r="J723" i="9"/>
  <c r="B724" i="9"/>
  <c r="C724" i="9"/>
  <c r="D724" i="9"/>
  <c r="E724" i="9"/>
  <c r="G724" i="9"/>
  <c r="J724" i="9"/>
  <c r="B725" i="9"/>
  <c r="C725" i="9"/>
  <c r="D725" i="9"/>
  <c r="E725" i="9"/>
  <c r="G725" i="9"/>
  <c r="J725" i="9"/>
  <c r="B726" i="9"/>
  <c r="C726" i="9"/>
  <c r="D726" i="9"/>
  <c r="E726" i="9"/>
  <c r="G726" i="9"/>
  <c r="J726" i="9"/>
  <c r="B727" i="9"/>
  <c r="C727" i="9"/>
  <c r="D727" i="9"/>
  <c r="E727" i="9"/>
  <c r="G727" i="9"/>
  <c r="J727" i="9"/>
  <c r="B728" i="9"/>
  <c r="C728" i="9"/>
  <c r="D728" i="9"/>
  <c r="E728" i="9"/>
  <c r="G728" i="9"/>
  <c r="J728" i="9"/>
  <c r="B729" i="9"/>
  <c r="C729" i="9"/>
  <c r="D729" i="9"/>
  <c r="E729" i="9"/>
  <c r="G729" i="9"/>
  <c r="J729" i="9"/>
  <c r="B730" i="9"/>
  <c r="C730" i="9"/>
  <c r="D730" i="9"/>
  <c r="E730" i="9"/>
  <c r="G730" i="9"/>
  <c r="J730" i="9"/>
  <c r="B731" i="9"/>
  <c r="C731" i="9"/>
  <c r="D731" i="9"/>
  <c r="E731" i="9"/>
  <c r="G731" i="9"/>
  <c r="J731" i="9"/>
  <c r="B732" i="9"/>
  <c r="C732" i="9"/>
  <c r="D732" i="9"/>
  <c r="E732" i="9"/>
  <c r="G732" i="9"/>
  <c r="J732" i="9"/>
  <c r="B733" i="9"/>
  <c r="C733" i="9"/>
  <c r="D733" i="9"/>
  <c r="E733" i="9"/>
  <c r="G733" i="9"/>
  <c r="J733" i="9"/>
  <c r="B734" i="9"/>
  <c r="C734" i="9"/>
  <c r="D734" i="9"/>
  <c r="E734" i="9"/>
  <c r="G734" i="9"/>
  <c r="J734" i="9"/>
  <c r="B735" i="9"/>
  <c r="C735" i="9"/>
  <c r="D735" i="9"/>
  <c r="E735" i="9"/>
  <c r="G735" i="9"/>
  <c r="J735" i="9"/>
  <c r="B736" i="9"/>
  <c r="C736" i="9"/>
  <c r="D736" i="9"/>
  <c r="E736" i="9"/>
  <c r="G736" i="9"/>
  <c r="J736" i="9"/>
  <c r="B737" i="9"/>
  <c r="C737" i="9"/>
  <c r="D737" i="9"/>
  <c r="E737" i="9"/>
  <c r="G737" i="9"/>
  <c r="J737" i="9"/>
  <c r="B738" i="9"/>
  <c r="C738" i="9"/>
  <c r="D738" i="9"/>
  <c r="E738" i="9"/>
  <c r="G738" i="9"/>
  <c r="J738" i="9"/>
  <c r="B739" i="9"/>
  <c r="C739" i="9"/>
  <c r="D739" i="9"/>
  <c r="E739" i="9"/>
  <c r="G739" i="9"/>
  <c r="J739" i="9"/>
  <c r="B740" i="9"/>
  <c r="C740" i="9"/>
  <c r="D740" i="9"/>
  <c r="E740" i="9"/>
  <c r="G740" i="9"/>
  <c r="J740" i="9"/>
  <c r="B741" i="9"/>
  <c r="C741" i="9"/>
  <c r="D741" i="9"/>
  <c r="E741" i="9"/>
  <c r="G741" i="9"/>
  <c r="J741" i="9"/>
  <c r="B742" i="9"/>
  <c r="C742" i="9"/>
  <c r="D742" i="9"/>
  <c r="E742" i="9"/>
  <c r="G742" i="9"/>
  <c r="J742" i="9"/>
  <c r="B743" i="9"/>
  <c r="C743" i="9"/>
  <c r="D743" i="9"/>
  <c r="E743" i="9"/>
  <c r="G743" i="9"/>
  <c r="J743" i="9"/>
  <c r="B744" i="9"/>
  <c r="C744" i="9"/>
  <c r="D744" i="9"/>
  <c r="E744" i="9"/>
  <c r="G744" i="9"/>
  <c r="J744" i="9"/>
  <c r="B745" i="9"/>
  <c r="C745" i="9"/>
  <c r="D745" i="9"/>
  <c r="E745" i="9"/>
  <c r="G745" i="9"/>
  <c r="J745" i="9"/>
  <c r="B746" i="9"/>
  <c r="C746" i="9"/>
  <c r="D746" i="9"/>
  <c r="E746" i="9"/>
  <c r="G746" i="9"/>
  <c r="J746" i="9"/>
  <c r="B747" i="9"/>
  <c r="C747" i="9"/>
  <c r="D747" i="9"/>
  <c r="E747" i="9"/>
  <c r="G747" i="9"/>
  <c r="J747" i="9"/>
  <c r="B748" i="9"/>
  <c r="C748" i="9"/>
  <c r="D748" i="9"/>
  <c r="E748" i="9"/>
  <c r="G748" i="9"/>
  <c r="J748" i="9"/>
  <c r="B749" i="9"/>
  <c r="C749" i="9"/>
  <c r="D749" i="9"/>
  <c r="E749" i="9"/>
  <c r="G749" i="9"/>
  <c r="J749" i="9"/>
  <c r="B750" i="9"/>
  <c r="C750" i="9"/>
  <c r="D750" i="9"/>
  <c r="E750" i="9"/>
  <c r="G750" i="9"/>
  <c r="J750" i="9"/>
  <c r="B751" i="9"/>
  <c r="C751" i="9"/>
  <c r="D751" i="9"/>
  <c r="E751" i="9"/>
  <c r="G751" i="9"/>
  <c r="J751" i="9"/>
  <c r="B752" i="9"/>
  <c r="C752" i="9"/>
  <c r="D752" i="9"/>
  <c r="E752" i="9"/>
  <c r="G752" i="9"/>
  <c r="J752" i="9"/>
  <c r="B753" i="9"/>
  <c r="C753" i="9"/>
  <c r="D753" i="9"/>
  <c r="E753" i="9"/>
  <c r="G753" i="9"/>
  <c r="J753" i="9"/>
  <c r="B754" i="9"/>
  <c r="C754" i="9"/>
  <c r="D754" i="9"/>
  <c r="E754" i="9"/>
  <c r="G754" i="9"/>
  <c r="J754" i="9"/>
  <c r="B755" i="9"/>
  <c r="C755" i="9"/>
  <c r="D755" i="9"/>
  <c r="E755" i="9"/>
  <c r="G755" i="9"/>
  <c r="J755" i="9"/>
  <c r="B756" i="9"/>
  <c r="C756" i="9"/>
  <c r="D756" i="9"/>
  <c r="E756" i="9"/>
  <c r="G756" i="9"/>
  <c r="J756" i="9"/>
  <c r="B757" i="9"/>
  <c r="C757" i="9"/>
  <c r="D757" i="9"/>
  <c r="E757" i="9"/>
  <c r="G757" i="9"/>
  <c r="J757" i="9"/>
  <c r="B758" i="9"/>
  <c r="C758" i="9"/>
  <c r="D758" i="9"/>
  <c r="E758" i="9"/>
  <c r="G758" i="9"/>
  <c r="J758" i="9"/>
  <c r="B759" i="9"/>
  <c r="C759" i="9"/>
  <c r="D759" i="9"/>
  <c r="E759" i="9"/>
  <c r="G759" i="9"/>
  <c r="J759" i="9"/>
  <c r="B760" i="9"/>
  <c r="C760" i="9"/>
  <c r="D760" i="9"/>
  <c r="E760" i="9"/>
  <c r="G760" i="9"/>
  <c r="J760" i="9"/>
  <c r="B761" i="9"/>
  <c r="C761" i="9"/>
  <c r="D761" i="9"/>
  <c r="E761" i="9"/>
  <c r="G761" i="9"/>
  <c r="J761" i="9"/>
  <c r="B762" i="9"/>
  <c r="C762" i="9"/>
  <c r="D762" i="9"/>
  <c r="E762" i="9"/>
  <c r="G762" i="9"/>
  <c r="J762" i="9"/>
  <c r="B763" i="9"/>
  <c r="C763" i="9"/>
  <c r="D763" i="9"/>
  <c r="E763" i="9"/>
  <c r="G763" i="9"/>
  <c r="J763" i="9"/>
  <c r="B764" i="9"/>
  <c r="C764" i="9"/>
  <c r="D764" i="9"/>
  <c r="E764" i="9"/>
  <c r="G764" i="9"/>
  <c r="J764" i="9"/>
  <c r="B765" i="9"/>
  <c r="C765" i="9"/>
  <c r="D765" i="9"/>
  <c r="E765" i="9"/>
  <c r="G765" i="9"/>
  <c r="J765" i="9"/>
  <c r="B766" i="9"/>
  <c r="C766" i="9"/>
  <c r="D766" i="9"/>
  <c r="E766" i="9"/>
  <c r="G766" i="9"/>
  <c r="J766" i="9"/>
  <c r="B767" i="9"/>
  <c r="C767" i="9"/>
  <c r="D767" i="9"/>
  <c r="E767" i="9"/>
  <c r="G767" i="9"/>
  <c r="J767" i="9"/>
  <c r="B768" i="9"/>
  <c r="C768" i="9"/>
  <c r="D768" i="9"/>
  <c r="E768" i="9"/>
  <c r="G768" i="9"/>
  <c r="J768" i="9"/>
  <c r="B769" i="9"/>
  <c r="C769" i="9"/>
  <c r="D769" i="9"/>
  <c r="E769" i="9"/>
  <c r="G769" i="9"/>
  <c r="J769" i="9"/>
  <c r="B770" i="9"/>
  <c r="C770" i="9"/>
  <c r="D770" i="9"/>
  <c r="E770" i="9"/>
  <c r="G770" i="9"/>
  <c r="J770" i="9"/>
  <c r="B771" i="9"/>
  <c r="C771" i="9"/>
  <c r="D771" i="9"/>
  <c r="E771" i="9"/>
  <c r="G771" i="9"/>
  <c r="J771" i="9"/>
  <c r="B772" i="9"/>
  <c r="C772" i="9"/>
  <c r="D772" i="9"/>
  <c r="E772" i="9"/>
  <c r="G772" i="9"/>
  <c r="J772" i="9"/>
  <c r="B773" i="9"/>
  <c r="C773" i="9"/>
  <c r="D773" i="9"/>
  <c r="E773" i="9"/>
  <c r="G773" i="9"/>
  <c r="J773" i="9"/>
  <c r="B774" i="9"/>
  <c r="C774" i="9"/>
  <c r="D774" i="9"/>
  <c r="E774" i="9"/>
  <c r="G774" i="9"/>
  <c r="J774" i="9"/>
  <c r="B775" i="9"/>
  <c r="C775" i="9"/>
  <c r="D775" i="9"/>
  <c r="E775" i="9"/>
  <c r="G775" i="9"/>
  <c r="J775" i="9"/>
  <c r="B776" i="9"/>
  <c r="C776" i="9"/>
  <c r="D776" i="9"/>
  <c r="E776" i="9"/>
  <c r="G776" i="9"/>
  <c r="J776" i="9"/>
  <c r="B777" i="9"/>
  <c r="C777" i="9"/>
  <c r="D777" i="9"/>
  <c r="E777" i="9"/>
  <c r="G777" i="9"/>
  <c r="J777" i="9"/>
  <c r="B778" i="9"/>
  <c r="C778" i="9"/>
  <c r="D778" i="9"/>
  <c r="E778" i="9"/>
  <c r="G778" i="9"/>
  <c r="J778" i="9"/>
  <c r="B779" i="9"/>
  <c r="C779" i="9"/>
  <c r="D779" i="9"/>
  <c r="E779" i="9"/>
  <c r="G779" i="9"/>
  <c r="J779" i="9"/>
  <c r="B780" i="9"/>
  <c r="C780" i="9"/>
  <c r="D780" i="9"/>
  <c r="E780" i="9"/>
  <c r="G780" i="9"/>
  <c r="J780" i="9"/>
  <c r="B781" i="9"/>
  <c r="C781" i="9"/>
  <c r="D781" i="9"/>
  <c r="E781" i="9"/>
  <c r="G781" i="9"/>
  <c r="J781" i="9"/>
  <c r="B782" i="9"/>
  <c r="C782" i="9"/>
  <c r="D782" i="9"/>
  <c r="E782" i="9"/>
  <c r="G782" i="9"/>
  <c r="J782" i="9"/>
  <c r="B783" i="9"/>
  <c r="C783" i="9"/>
  <c r="D783" i="9"/>
  <c r="E783" i="9"/>
  <c r="G783" i="9"/>
  <c r="J783" i="9"/>
  <c r="B784" i="9"/>
  <c r="C784" i="9"/>
  <c r="D784" i="9"/>
  <c r="E784" i="9"/>
  <c r="G784" i="9"/>
  <c r="J784" i="9"/>
  <c r="B785" i="9"/>
  <c r="C785" i="9"/>
  <c r="D785" i="9"/>
  <c r="E785" i="9"/>
  <c r="G785" i="9"/>
  <c r="J785" i="9"/>
  <c r="B786" i="9"/>
  <c r="C786" i="9"/>
  <c r="D786" i="9"/>
  <c r="E786" i="9"/>
  <c r="G786" i="9"/>
  <c r="J786" i="9"/>
  <c r="B787" i="9"/>
  <c r="C787" i="9"/>
  <c r="D787" i="9"/>
  <c r="E787" i="9"/>
  <c r="G787" i="9"/>
  <c r="J787" i="9"/>
  <c r="B788" i="9"/>
  <c r="C788" i="9"/>
  <c r="D788" i="9"/>
  <c r="E788" i="9"/>
  <c r="G788" i="9"/>
  <c r="J788" i="9"/>
  <c r="B789" i="9"/>
  <c r="C789" i="9"/>
  <c r="D789" i="9"/>
  <c r="E789" i="9"/>
  <c r="G789" i="9"/>
  <c r="J789" i="9"/>
  <c r="B790" i="9"/>
  <c r="C790" i="9"/>
  <c r="D790" i="9"/>
  <c r="E790" i="9"/>
  <c r="G790" i="9"/>
  <c r="J790" i="9"/>
  <c r="B791" i="9"/>
  <c r="C791" i="9"/>
  <c r="D791" i="9"/>
  <c r="E791" i="9"/>
  <c r="G791" i="9"/>
  <c r="J791" i="9"/>
  <c r="B792" i="9"/>
  <c r="C792" i="9"/>
  <c r="D792" i="9"/>
  <c r="E792" i="9"/>
  <c r="G792" i="9"/>
  <c r="J792" i="9"/>
  <c r="B793" i="9"/>
  <c r="C793" i="9"/>
  <c r="D793" i="9"/>
  <c r="E793" i="9"/>
  <c r="G793" i="9"/>
  <c r="J793" i="9"/>
  <c r="B794" i="9"/>
  <c r="C794" i="9"/>
  <c r="D794" i="9"/>
  <c r="E794" i="9"/>
  <c r="G794" i="9"/>
  <c r="J794" i="9"/>
  <c r="B795" i="9"/>
  <c r="C795" i="9"/>
  <c r="D795" i="9"/>
  <c r="E795" i="9"/>
  <c r="G795" i="9"/>
  <c r="J795" i="9"/>
  <c r="B796" i="9"/>
  <c r="C796" i="9"/>
  <c r="D796" i="9"/>
  <c r="E796" i="9"/>
  <c r="G796" i="9"/>
  <c r="J796" i="9"/>
  <c r="B797" i="9"/>
  <c r="C797" i="9"/>
  <c r="D797" i="9"/>
  <c r="E797" i="9"/>
  <c r="G797" i="9"/>
  <c r="J797" i="9"/>
  <c r="B798" i="9"/>
  <c r="C798" i="9"/>
  <c r="D798" i="9"/>
  <c r="E798" i="9"/>
  <c r="G798" i="9"/>
  <c r="J798" i="9"/>
  <c r="B799" i="9"/>
  <c r="C799" i="9"/>
  <c r="D799" i="9"/>
  <c r="E799" i="9"/>
  <c r="G799" i="9"/>
  <c r="J799" i="9"/>
  <c r="B800" i="9"/>
  <c r="C800" i="9"/>
  <c r="D800" i="9"/>
  <c r="E800" i="9"/>
  <c r="G800" i="9"/>
  <c r="J800" i="9"/>
  <c r="B801" i="9"/>
  <c r="C801" i="9"/>
  <c r="D801" i="9"/>
  <c r="E801" i="9"/>
  <c r="G801" i="9"/>
  <c r="J801" i="9"/>
  <c r="B802" i="9"/>
  <c r="C802" i="9"/>
  <c r="D802" i="9"/>
  <c r="E802" i="9"/>
  <c r="G802" i="9"/>
  <c r="J802" i="9"/>
  <c r="B803" i="9"/>
  <c r="C803" i="9"/>
  <c r="D803" i="9"/>
  <c r="E803" i="9"/>
  <c r="G803" i="9"/>
  <c r="J803" i="9"/>
  <c r="B804" i="9"/>
  <c r="C804" i="9"/>
  <c r="D804" i="9"/>
  <c r="E804" i="9"/>
  <c r="G804" i="9"/>
  <c r="J804" i="9"/>
  <c r="B805" i="9"/>
  <c r="C805" i="9"/>
  <c r="D805" i="9"/>
  <c r="E805" i="9"/>
  <c r="G805" i="9"/>
  <c r="J805" i="9"/>
  <c r="B806" i="9"/>
  <c r="C806" i="9"/>
  <c r="D806" i="9"/>
  <c r="E806" i="9"/>
  <c r="G806" i="9"/>
  <c r="J806" i="9"/>
  <c r="B807" i="9"/>
  <c r="C807" i="9"/>
  <c r="D807" i="9"/>
  <c r="E807" i="9"/>
  <c r="G807" i="9"/>
  <c r="J807" i="9"/>
  <c r="B808" i="9"/>
  <c r="C808" i="9"/>
  <c r="D808" i="9"/>
  <c r="E808" i="9"/>
  <c r="G808" i="9"/>
  <c r="J808" i="9"/>
  <c r="B809" i="9"/>
  <c r="C809" i="9"/>
  <c r="D809" i="9"/>
  <c r="E809" i="9"/>
  <c r="G809" i="9"/>
  <c r="J809" i="9"/>
  <c r="B810" i="9"/>
  <c r="C810" i="9"/>
  <c r="D810" i="9"/>
  <c r="E810" i="9"/>
  <c r="G810" i="9"/>
  <c r="J810" i="9"/>
  <c r="B811" i="9"/>
  <c r="C811" i="9"/>
  <c r="D811" i="9"/>
  <c r="E811" i="9"/>
  <c r="G811" i="9"/>
  <c r="J811" i="9"/>
  <c r="B812" i="9"/>
  <c r="C812" i="9"/>
  <c r="D812" i="9"/>
  <c r="E812" i="9"/>
  <c r="G812" i="9"/>
  <c r="J812" i="9"/>
  <c r="B813" i="9"/>
  <c r="C813" i="9"/>
  <c r="D813" i="9"/>
  <c r="E813" i="9"/>
  <c r="G813" i="9"/>
  <c r="J813" i="9"/>
  <c r="B814" i="9"/>
  <c r="C814" i="9"/>
  <c r="D814" i="9"/>
  <c r="E814" i="9"/>
  <c r="G814" i="9"/>
  <c r="J814" i="9"/>
  <c r="B815" i="9"/>
  <c r="C815" i="9"/>
  <c r="D815" i="9"/>
  <c r="E815" i="9"/>
  <c r="G815" i="9"/>
  <c r="J815" i="9"/>
  <c r="B816" i="9"/>
  <c r="C816" i="9"/>
  <c r="D816" i="9"/>
  <c r="E816" i="9"/>
  <c r="G816" i="9"/>
  <c r="J816" i="9"/>
  <c r="B817" i="9"/>
  <c r="C817" i="9"/>
  <c r="D817" i="9"/>
  <c r="E817" i="9"/>
  <c r="G817" i="9"/>
  <c r="J817" i="9"/>
  <c r="B818" i="9"/>
  <c r="C818" i="9"/>
  <c r="D818" i="9"/>
  <c r="E818" i="9"/>
  <c r="G818" i="9"/>
  <c r="J818" i="9"/>
  <c r="B819" i="9"/>
  <c r="C819" i="9"/>
  <c r="D819" i="9"/>
  <c r="E819" i="9"/>
  <c r="G819" i="9"/>
  <c r="J819" i="9"/>
  <c r="B820" i="9"/>
  <c r="C820" i="9"/>
  <c r="D820" i="9"/>
  <c r="E820" i="9"/>
  <c r="G820" i="9"/>
  <c r="J820" i="9"/>
  <c r="B821" i="9"/>
  <c r="C821" i="9"/>
  <c r="D821" i="9"/>
  <c r="E821" i="9"/>
  <c r="G821" i="9"/>
  <c r="J821" i="9"/>
  <c r="B822" i="9"/>
  <c r="C822" i="9"/>
  <c r="D822" i="9"/>
  <c r="E822" i="9"/>
  <c r="G822" i="9"/>
  <c r="J822" i="9"/>
  <c r="B823" i="9"/>
  <c r="C823" i="9"/>
  <c r="D823" i="9"/>
  <c r="E823" i="9"/>
  <c r="G823" i="9"/>
  <c r="J823" i="9"/>
  <c r="B824" i="9"/>
  <c r="C824" i="9"/>
  <c r="D824" i="9"/>
  <c r="E824" i="9"/>
  <c r="G824" i="9"/>
  <c r="J824" i="9"/>
  <c r="B825" i="9"/>
  <c r="C825" i="9"/>
  <c r="D825" i="9"/>
  <c r="E825" i="9"/>
  <c r="G825" i="9"/>
  <c r="J825" i="9"/>
  <c r="B826" i="9"/>
  <c r="C826" i="9"/>
  <c r="D826" i="9"/>
  <c r="E826" i="9"/>
  <c r="G826" i="9"/>
  <c r="J826" i="9"/>
  <c r="B827" i="9"/>
  <c r="C827" i="9"/>
  <c r="D827" i="9"/>
  <c r="E827" i="9"/>
  <c r="G827" i="9"/>
  <c r="J827" i="9"/>
  <c r="B828" i="9"/>
  <c r="C828" i="9"/>
  <c r="D828" i="9"/>
  <c r="E828" i="9"/>
  <c r="G828" i="9"/>
  <c r="J828" i="9"/>
  <c r="B829" i="9"/>
  <c r="C829" i="9"/>
  <c r="D829" i="9"/>
  <c r="E829" i="9"/>
  <c r="G829" i="9"/>
  <c r="J829" i="9"/>
  <c r="B830" i="9"/>
  <c r="C830" i="9"/>
  <c r="D830" i="9"/>
  <c r="E830" i="9"/>
  <c r="G830" i="9"/>
  <c r="J830" i="9"/>
  <c r="B831" i="9"/>
  <c r="C831" i="9"/>
  <c r="D831" i="9"/>
  <c r="E831" i="9"/>
  <c r="G831" i="9"/>
  <c r="J831" i="9"/>
  <c r="B832" i="9"/>
  <c r="C832" i="9"/>
  <c r="D832" i="9"/>
  <c r="E832" i="9"/>
  <c r="G832" i="9"/>
  <c r="J832" i="9"/>
  <c r="B833" i="9"/>
  <c r="C833" i="9"/>
  <c r="D833" i="9"/>
  <c r="E833" i="9"/>
  <c r="G833" i="9"/>
  <c r="J833" i="9"/>
  <c r="B834" i="9"/>
  <c r="C834" i="9"/>
  <c r="D834" i="9"/>
  <c r="E834" i="9"/>
  <c r="G834" i="9"/>
  <c r="J834" i="9"/>
  <c r="B835" i="9"/>
  <c r="C835" i="9"/>
  <c r="D835" i="9"/>
  <c r="E835" i="9"/>
  <c r="G835" i="9"/>
  <c r="J835" i="9"/>
  <c r="B836" i="9"/>
  <c r="C836" i="9"/>
  <c r="D836" i="9"/>
  <c r="E836" i="9"/>
  <c r="G836" i="9"/>
  <c r="J836" i="9"/>
  <c r="B837" i="9"/>
  <c r="C837" i="9"/>
  <c r="D837" i="9"/>
  <c r="E837" i="9"/>
  <c r="G837" i="9"/>
  <c r="J837" i="9"/>
  <c r="B838" i="9"/>
  <c r="C838" i="9"/>
  <c r="D838" i="9"/>
  <c r="E838" i="9"/>
  <c r="G838" i="9"/>
  <c r="J838" i="9"/>
  <c r="B839" i="9"/>
  <c r="C839" i="9"/>
  <c r="D839" i="9"/>
  <c r="E839" i="9"/>
  <c r="G839" i="9"/>
  <c r="J839" i="9"/>
  <c r="B840" i="9"/>
  <c r="C840" i="9"/>
  <c r="D840" i="9"/>
  <c r="E840" i="9"/>
  <c r="G840" i="9"/>
  <c r="J840" i="9"/>
  <c r="B841" i="9"/>
  <c r="C841" i="9"/>
  <c r="D841" i="9"/>
  <c r="E841" i="9"/>
  <c r="G841" i="9"/>
  <c r="J841" i="9"/>
  <c r="B842" i="9"/>
  <c r="C842" i="9"/>
  <c r="D842" i="9"/>
  <c r="E842" i="9"/>
  <c r="G842" i="9"/>
  <c r="J842" i="9"/>
  <c r="B843" i="9"/>
  <c r="C843" i="9"/>
  <c r="D843" i="9"/>
  <c r="E843" i="9"/>
  <c r="G843" i="9"/>
  <c r="J843" i="9"/>
  <c r="B844" i="9"/>
  <c r="C844" i="9"/>
  <c r="D844" i="9"/>
  <c r="E844" i="9"/>
  <c r="G844" i="9"/>
  <c r="J844" i="9"/>
  <c r="B845" i="9"/>
  <c r="C845" i="9"/>
  <c r="D845" i="9"/>
  <c r="E845" i="9"/>
  <c r="G845" i="9"/>
  <c r="J845" i="9"/>
  <c r="B846" i="9"/>
  <c r="C846" i="9"/>
  <c r="D846" i="9"/>
  <c r="E846" i="9"/>
  <c r="G846" i="9"/>
  <c r="J846" i="9"/>
  <c r="B847" i="9"/>
  <c r="C847" i="9"/>
  <c r="D847" i="9"/>
  <c r="E847" i="9"/>
  <c r="G847" i="9"/>
  <c r="J847" i="9"/>
  <c r="B848" i="9"/>
  <c r="C848" i="9"/>
  <c r="D848" i="9"/>
  <c r="E848" i="9"/>
  <c r="G848" i="9"/>
  <c r="J848" i="9"/>
  <c r="B849" i="9"/>
  <c r="C849" i="9"/>
  <c r="D849" i="9"/>
  <c r="E849" i="9"/>
  <c r="G849" i="9"/>
  <c r="J849" i="9"/>
  <c r="B850" i="9"/>
  <c r="C850" i="9"/>
  <c r="D850" i="9"/>
  <c r="E850" i="9"/>
  <c r="G850" i="9"/>
  <c r="J850" i="9"/>
  <c r="B851" i="9"/>
  <c r="C851" i="9"/>
  <c r="D851" i="9"/>
  <c r="E851" i="9"/>
  <c r="G851" i="9"/>
  <c r="J851" i="9"/>
  <c r="B852" i="9"/>
  <c r="C852" i="9"/>
  <c r="D852" i="9"/>
  <c r="E852" i="9"/>
  <c r="G852" i="9"/>
  <c r="J852" i="9"/>
  <c r="B853" i="9"/>
  <c r="C853" i="9"/>
  <c r="D853" i="9"/>
  <c r="E853" i="9"/>
  <c r="G853" i="9"/>
  <c r="J853" i="9"/>
  <c r="B854" i="9"/>
  <c r="C854" i="9"/>
  <c r="D854" i="9"/>
  <c r="E854" i="9"/>
  <c r="G854" i="9"/>
  <c r="J854" i="9"/>
  <c r="B855" i="9"/>
  <c r="C855" i="9"/>
  <c r="D855" i="9"/>
  <c r="E855" i="9"/>
  <c r="G855" i="9"/>
  <c r="J855" i="9"/>
  <c r="B856" i="9"/>
  <c r="C856" i="9"/>
  <c r="D856" i="9"/>
  <c r="E856" i="9"/>
  <c r="G856" i="9"/>
  <c r="J856" i="9"/>
  <c r="B857" i="9"/>
  <c r="C857" i="9"/>
  <c r="D857" i="9"/>
  <c r="E857" i="9"/>
  <c r="G857" i="9"/>
  <c r="J857" i="9"/>
  <c r="B858" i="9"/>
  <c r="C858" i="9"/>
  <c r="D858" i="9"/>
  <c r="E858" i="9"/>
  <c r="G858" i="9"/>
  <c r="J858" i="9"/>
  <c r="B859" i="9"/>
  <c r="C859" i="9"/>
  <c r="D859" i="9"/>
  <c r="E859" i="9"/>
  <c r="G859" i="9"/>
  <c r="J859" i="9"/>
  <c r="B860" i="9"/>
  <c r="C860" i="9"/>
  <c r="D860" i="9"/>
  <c r="E860" i="9"/>
  <c r="G860" i="9"/>
  <c r="J860" i="9"/>
  <c r="B861" i="9"/>
  <c r="C861" i="9"/>
  <c r="D861" i="9"/>
  <c r="E861" i="9"/>
  <c r="G861" i="9"/>
  <c r="J861" i="9"/>
  <c r="B862" i="9"/>
  <c r="C862" i="9"/>
  <c r="D862" i="9"/>
  <c r="E862" i="9"/>
  <c r="G862" i="9"/>
  <c r="J862" i="9"/>
  <c r="B863" i="9"/>
  <c r="C863" i="9"/>
  <c r="D863" i="9"/>
  <c r="E863" i="9"/>
  <c r="G863" i="9"/>
  <c r="J863" i="9"/>
  <c r="B864" i="9"/>
  <c r="C864" i="9"/>
  <c r="D864" i="9"/>
  <c r="E864" i="9"/>
  <c r="G864" i="9"/>
  <c r="J864" i="9"/>
  <c r="B865" i="9"/>
  <c r="C865" i="9"/>
  <c r="D865" i="9"/>
  <c r="E865" i="9"/>
  <c r="G865" i="9"/>
  <c r="J865" i="9"/>
  <c r="B866" i="9"/>
  <c r="C866" i="9"/>
  <c r="D866" i="9"/>
  <c r="E866" i="9"/>
  <c r="G866" i="9"/>
  <c r="J866" i="9"/>
  <c r="B867" i="9"/>
  <c r="C867" i="9"/>
  <c r="D867" i="9"/>
  <c r="E867" i="9"/>
  <c r="G867" i="9"/>
  <c r="J867" i="9"/>
  <c r="B868" i="9"/>
  <c r="C868" i="9"/>
  <c r="D868" i="9"/>
  <c r="E868" i="9"/>
  <c r="G868" i="9"/>
  <c r="J868" i="9"/>
  <c r="B869" i="9"/>
  <c r="C869" i="9"/>
  <c r="D869" i="9"/>
  <c r="E869" i="9"/>
  <c r="G869" i="9"/>
  <c r="J869" i="9"/>
  <c r="B870" i="9"/>
  <c r="C870" i="9"/>
  <c r="D870" i="9"/>
  <c r="E870" i="9"/>
  <c r="G870" i="9"/>
  <c r="J870" i="9"/>
  <c r="B871" i="9"/>
  <c r="C871" i="9"/>
  <c r="D871" i="9"/>
  <c r="E871" i="9"/>
  <c r="G871" i="9"/>
  <c r="J871" i="9"/>
  <c r="B872" i="9"/>
  <c r="C872" i="9"/>
  <c r="D872" i="9"/>
  <c r="E872" i="9"/>
  <c r="G872" i="9"/>
  <c r="J872" i="9"/>
  <c r="B873" i="9"/>
  <c r="C873" i="9"/>
  <c r="D873" i="9"/>
  <c r="E873" i="9"/>
  <c r="G873" i="9"/>
  <c r="J873" i="9"/>
  <c r="B874" i="9"/>
  <c r="C874" i="9"/>
  <c r="D874" i="9"/>
  <c r="E874" i="9"/>
  <c r="G874" i="9"/>
  <c r="J874" i="9"/>
  <c r="B875" i="9"/>
  <c r="C875" i="9"/>
  <c r="D875" i="9"/>
  <c r="E875" i="9"/>
  <c r="G875" i="9"/>
  <c r="J875" i="9"/>
  <c r="B876" i="9"/>
  <c r="C876" i="9"/>
  <c r="D876" i="9"/>
  <c r="E876" i="9"/>
  <c r="G876" i="9"/>
  <c r="J876" i="9"/>
  <c r="B877" i="9"/>
  <c r="C877" i="9"/>
  <c r="D877" i="9"/>
  <c r="E877" i="9"/>
  <c r="G877" i="9"/>
  <c r="J877" i="9"/>
  <c r="B878" i="9"/>
  <c r="C878" i="9"/>
  <c r="D878" i="9"/>
  <c r="E878" i="9"/>
  <c r="G878" i="9"/>
  <c r="J878" i="9"/>
  <c r="B879" i="9"/>
  <c r="C879" i="9"/>
  <c r="D879" i="9"/>
  <c r="E879" i="9"/>
  <c r="G879" i="9"/>
  <c r="J879" i="9"/>
  <c r="B880" i="9"/>
  <c r="C880" i="9"/>
  <c r="D880" i="9"/>
  <c r="E880" i="9"/>
  <c r="G880" i="9"/>
  <c r="J880" i="9"/>
  <c r="B881" i="9"/>
  <c r="C881" i="9"/>
  <c r="D881" i="9"/>
  <c r="E881" i="9"/>
  <c r="G881" i="9"/>
  <c r="J881" i="9"/>
  <c r="B882" i="9"/>
  <c r="C882" i="9"/>
  <c r="D882" i="9"/>
  <c r="E882" i="9"/>
  <c r="G882" i="9"/>
  <c r="J882" i="9"/>
  <c r="B883" i="9"/>
  <c r="C883" i="9"/>
  <c r="D883" i="9"/>
  <c r="E883" i="9"/>
  <c r="G883" i="9"/>
  <c r="J883" i="9"/>
  <c r="B884" i="9"/>
  <c r="C884" i="9"/>
  <c r="D884" i="9"/>
  <c r="E884" i="9"/>
  <c r="G884" i="9"/>
  <c r="J884" i="9"/>
  <c r="B885" i="9"/>
  <c r="C885" i="9"/>
  <c r="D885" i="9"/>
  <c r="E885" i="9"/>
  <c r="G885" i="9"/>
  <c r="J885" i="9"/>
  <c r="B886" i="9"/>
  <c r="C886" i="9"/>
  <c r="D886" i="9"/>
  <c r="E886" i="9"/>
  <c r="G886" i="9"/>
  <c r="J886" i="9"/>
  <c r="B887" i="9"/>
  <c r="C887" i="9"/>
  <c r="D887" i="9"/>
  <c r="E887" i="9"/>
  <c r="G887" i="9"/>
  <c r="J887" i="9"/>
  <c r="B888" i="9"/>
  <c r="C888" i="9"/>
  <c r="D888" i="9"/>
  <c r="E888" i="9"/>
  <c r="G888" i="9"/>
  <c r="J888" i="9"/>
  <c r="B889" i="9"/>
  <c r="C889" i="9"/>
  <c r="D889" i="9"/>
  <c r="E889" i="9"/>
  <c r="G889" i="9"/>
  <c r="J889" i="9"/>
  <c r="B890" i="9"/>
  <c r="C890" i="9"/>
  <c r="D890" i="9"/>
  <c r="E890" i="9"/>
  <c r="G890" i="9"/>
  <c r="J890" i="9"/>
  <c r="B891" i="9"/>
  <c r="C891" i="9"/>
  <c r="D891" i="9"/>
  <c r="E891" i="9"/>
  <c r="G891" i="9"/>
  <c r="J891" i="9"/>
  <c r="B892" i="9"/>
  <c r="C892" i="9"/>
  <c r="D892" i="9"/>
  <c r="E892" i="9"/>
  <c r="G892" i="9"/>
  <c r="J892" i="9"/>
  <c r="B893" i="9"/>
  <c r="C893" i="9"/>
  <c r="D893" i="9"/>
  <c r="E893" i="9"/>
  <c r="G893" i="9"/>
  <c r="J893" i="9"/>
  <c r="B894" i="9"/>
  <c r="C894" i="9"/>
  <c r="D894" i="9"/>
  <c r="E894" i="9"/>
  <c r="G894" i="9"/>
  <c r="J894" i="9"/>
  <c r="B895" i="9"/>
  <c r="C895" i="9"/>
  <c r="D895" i="9"/>
  <c r="E895" i="9"/>
  <c r="G895" i="9"/>
  <c r="J895" i="9"/>
  <c r="B896" i="9"/>
  <c r="C896" i="9"/>
  <c r="D896" i="9"/>
  <c r="E896" i="9"/>
  <c r="G896" i="9"/>
  <c r="J896" i="9"/>
  <c r="B897" i="9"/>
  <c r="C897" i="9"/>
  <c r="D897" i="9"/>
  <c r="E897" i="9"/>
  <c r="G897" i="9"/>
  <c r="J897" i="9"/>
  <c r="B898" i="9"/>
  <c r="C898" i="9"/>
  <c r="D898" i="9"/>
  <c r="E898" i="9"/>
  <c r="G898" i="9"/>
  <c r="J898" i="9"/>
  <c r="B899" i="9"/>
  <c r="C899" i="9"/>
  <c r="D899" i="9"/>
  <c r="E899" i="9"/>
  <c r="G899" i="9"/>
  <c r="J899" i="9"/>
  <c r="B900" i="9"/>
  <c r="C900" i="9"/>
  <c r="D900" i="9"/>
  <c r="E900" i="9"/>
  <c r="G900" i="9"/>
  <c r="J900" i="9"/>
  <c r="B901" i="9"/>
  <c r="C901" i="9"/>
  <c r="D901" i="9"/>
  <c r="E901" i="9"/>
  <c r="G901" i="9"/>
  <c r="J901" i="9"/>
  <c r="B902" i="9"/>
  <c r="C902" i="9"/>
  <c r="D902" i="9"/>
  <c r="E902" i="9"/>
  <c r="G902" i="9"/>
  <c r="J902" i="9"/>
  <c r="B903" i="9"/>
  <c r="C903" i="9"/>
  <c r="D903" i="9"/>
  <c r="E903" i="9"/>
  <c r="G903" i="9"/>
  <c r="J903" i="9"/>
  <c r="B904" i="9"/>
  <c r="C904" i="9"/>
  <c r="D904" i="9"/>
  <c r="E904" i="9"/>
  <c r="G904" i="9"/>
  <c r="J904" i="9"/>
  <c r="B905" i="9"/>
  <c r="C905" i="9"/>
  <c r="D905" i="9"/>
  <c r="E905" i="9"/>
  <c r="G905" i="9"/>
  <c r="J905" i="9"/>
  <c r="B906" i="9"/>
  <c r="C906" i="9"/>
  <c r="D906" i="9"/>
  <c r="E906" i="9"/>
  <c r="G906" i="9"/>
  <c r="J906" i="9"/>
  <c r="B907" i="9"/>
  <c r="C907" i="9"/>
  <c r="D907" i="9"/>
  <c r="E907" i="9"/>
  <c r="G907" i="9"/>
  <c r="J907" i="9"/>
  <c r="B908" i="9"/>
  <c r="C908" i="9"/>
  <c r="D908" i="9"/>
  <c r="E908" i="9"/>
  <c r="G908" i="9"/>
  <c r="J908" i="9"/>
  <c r="B909" i="9"/>
  <c r="C909" i="9"/>
  <c r="D909" i="9"/>
  <c r="E909" i="9"/>
  <c r="G909" i="9"/>
  <c r="J909" i="9"/>
  <c r="B910" i="9"/>
  <c r="C910" i="9"/>
  <c r="D910" i="9"/>
  <c r="E910" i="9"/>
  <c r="G910" i="9"/>
  <c r="J910" i="9"/>
  <c r="B911" i="9"/>
  <c r="C911" i="9"/>
  <c r="D911" i="9"/>
  <c r="E911" i="9"/>
  <c r="G911" i="9"/>
  <c r="J911" i="9"/>
  <c r="B912" i="9"/>
  <c r="C912" i="9"/>
  <c r="D912" i="9"/>
  <c r="E912" i="9"/>
  <c r="G912" i="9"/>
  <c r="J912" i="9"/>
  <c r="B913" i="9"/>
  <c r="C913" i="9"/>
  <c r="D913" i="9"/>
  <c r="E913" i="9"/>
  <c r="G913" i="9"/>
  <c r="J913" i="9"/>
  <c r="B914" i="9"/>
  <c r="C914" i="9"/>
  <c r="D914" i="9"/>
  <c r="E914" i="9"/>
  <c r="G914" i="9"/>
  <c r="J914" i="9"/>
  <c r="B915" i="9"/>
  <c r="C915" i="9"/>
  <c r="D915" i="9"/>
  <c r="E915" i="9"/>
  <c r="G915" i="9"/>
  <c r="J915" i="9"/>
  <c r="B916" i="9"/>
  <c r="C916" i="9"/>
  <c r="D916" i="9"/>
  <c r="E916" i="9"/>
  <c r="G916" i="9"/>
  <c r="J916" i="9"/>
  <c r="B917" i="9"/>
  <c r="C917" i="9"/>
  <c r="D917" i="9"/>
  <c r="E917" i="9"/>
  <c r="G917" i="9"/>
  <c r="J917" i="9"/>
  <c r="B918" i="9"/>
  <c r="C918" i="9"/>
  <c r="D918" i="9"/>
  <c r="E918" i="9"/>
  <c r="G918" i="9"/>
  <c r="J918" i="9"/>
  <c r="B919" i="9"/>
  <c r="C919" i="9"/>
  <c r="D919" i="9"/>
  <c r="E919" i="9"/>
  <c r="G919" i="9"/>
  <c r="J919" i="9"/>
  <c r="B920" i="9"/>
  <c r="C920" i="9"/>
  <c r="D920" i="9"/>
  <c r="E920" i="9"/>
  <c r="G920" i="9"/>
  <c r="J920" i="9"/>
  <c r="B921" i="9"/>
  <c r="C921" i="9"/>
  <c r="D921" i="9"/>
  <c r="E921" i="9"/>
  <c r="G921" i="9"/>
  <c r="J921" i="9"/>
  <c r="B922" i="9"/>
  <c r="C922" i="9"/>
  <c r="D922" i="9"/>
  <c r="E922" i="9"/>
  <c r="G922" i="9"/>
  <c r="J922" i="9"/>
  <c r="B923" i="9"/>
  <c r="C923" i="9"/>
  <c r="D923" i="9"/>
  <c r="E923" i="9"/>
  <c r="G923" i="9"/>
  <c r="J923" i="9"/>
  <c r="B924" i="9"/>
  <c r="C924" i="9"/>
  <c r="D924" i="9"/>
  <c r="E924" i="9"/>
  <c r="G924" i="9"/>
  <c r="J924" i="9"/>
  <c r="B925" i="9"/>
  <c r="C925" i="9"/>
  <c r="D925" i="9"/>
  <c r="E925" i="9"/>
  <c r="G925" i="9"/>
  <c r="J925" i="9"/>
  <c r="B926" i="9"/>
  <c r="C926" i="9"/>
  <c r="D926" i="9"/>
  <c r="E926" i="9"/>
  <c r="G926" i="9"/>
  <c r="J926" i="9"/>
  <c r="B927" i="9"/>
  <c r="C927" i="9"/>
  <c r="D927" i="9"/>
  <c r="E927" i="9"/>
  <c r="G927" i="9"/>
  <c r="J927" i="9"/>
  <c r="B928" i="9"/>
  <c r="C928" i="9"/>
  <c r="D928" i="9"/>
  <c r="E928" i="9"/>
  <c r="G928" i="9"/>
  <c r="J928" i="9"/>
  <c r="B929" i="9"/>
  <c r="C929" i="9"/>
  <c r="D929" i="9"/>
  <c r="E929" i="9"/>
  <c r="G929" i="9"/>
  <c r="J929" i="9"/>
  <c r="B930" i="9"/>
  <c r="C930" i="9"/>
  <c r="D930" i="9"/>
  <c r="E930" i="9"/>
  <c r="G930" i="9"/>
  <c r="J930" i="9"/>
  <c r="B931" i="9"/>
  <c r="C931" i="9"/>
  <c r="D931" i="9"/>
  <c r="E931" i="9"/>
  <c r="G931" i="9"/>
  <c r="J931" i="9"/>
  <c r="B932" i="9"/>
  <c r="C932" i="9"/>
  <c r="D932" i="9"/>
  <c r="E932" i="9"/>
  <c r="G932" i="9"/>
  <c r="J932" i="9"/>
  <c r="B933" i="9"/>
  <c r="C933" i="9"/>
  <c r="D933" i="9"/>
  <c r="E933" i="9"/>
  <c r="G933" i="9"/>
  <c r="J933" i="9"/>
  <c r="B934" i="9"/>
  <c r="C934" i="9"/>
  <c r="D934" i="9"/>
  <c r="E934" i="9"/>
  <c r="G934" i="9"/>
  <c r="J934" i="9"/>
  <c r="B935" i="9"/>
  <c r="C935" i="9"/>
  <c r="D935" i="9"/>
  <c r="E935" i="9"/>
  <c r="G935" i="9"/>
  <c r="J935" i="9"/>
  <c r="B936" i="9"/>
  <c r="C936" i="9"/>
  <c r="D936" i="9"/>
  <c r="E936" i="9"/>
  <c r="G936" i="9"/>
  <c r="J936" i="9"/>
  <c r="B937" i="9"/>
  <c r="C937" i="9"/>
  <c r="D937" i="9"/>
  <c r="E937" i="9"/>
  <c r="G937" i="9"/>
  <c r="J937" i="9"/>
  <c r="B938" i="9"/>
  <c r="C938" i="9"/>
  <c r="D938" i="9"/>
  <c r="E938" i="9"/>
  <c r="G938" i="9"/>
  <c r="J938" i="9"/>
  <c r="B939" i="9"/>
  <c r="C939" i="9"/>
  <c r="D939" i="9"/>
  <c r="E939" i="9"/>
  <c r="G939" i="9"/>
  <c r="J939" i="9"/>
  <c r="B940" i="9"/>
  <c r="C940" i="9"/>
  <c r="D940" i="9"/>
  <c r="E940" i="9"/>
  <c r="G940" i="9"/>
  <c r="J940" i="9"/>
  <c r="B941" i="9"/>
  <c r="C941" i="9"/>
  <c r="D941" i="9"/>
  <c r="E941" i="9"/>
  <c r="G941" i="9"/>
  <c r="J941" i="9"/>
  <c r="B942" i="9"/>
  <c r="C942" i="9"/>
  <c r="D942" i="9"/>
  <c r="E942" i="9"/>
  <c r="G942" i="9"/>
  <c r="J942" i="9"/>
  <c r="B943" i="9"/>
  <c r="C943" i="9"/>
  <c r="D943" i="9"/>
  <c r="E943" i="9"/>
  <c r="G943" i="9"/>
  <c r="J943" i="9"/>
  <c r="B944" i="9"/>
  <c r="C944" i="9"/>
  <c r="D944" i="9"/>
  <c r="E944" i="9"/>
  <c r="G944" i="9"/>
  <c r="J944" i="9"/>
  <c r="B945" i="9"/>
  <c r="C945" i="9"/>
  <c r="D945" i="9"/>
  <c r="E945" i="9"/>
  <c r="G945" i="9"/>
  <c r="J945" i="9"/>
  <c r="B946" i="9"/>
  <c r="C946" i="9"/>
  <c r="D946" i="9"/>
  <c r="E946" i="9"/>
  <c r="G946" i="9"/>
  <c r="J946" i="9"/>
  <c r="B947" i="9"/>
  <c r="C947" i="9"/>
  <c r="D947" i="9"/>
  <c r="E947" i="9"/>
  <c r="G947" i="9"/>
  <c r="J947" i="9"/>
  <c r="B948" i="9"/>
  <c r="C948" i="9"/>
  <c r="D948" i="9"/>
  <c r="E948" i="9"/>
  <c r="G948" i="9"/>
  <c r="J948" i="9"/>
  <c r="B949" i="9"/>
  <c r="C949" i="9"/>
  <c r="D949" i="9"/>
  <c r="E949" i="9"/>
  <c r="G949" i="9"/>
  <c r="J949" i="9"/>
  <c r="B950" i="9"/>
  <c r="C950" i="9"/>
  <c r="D950" i="9"/>
  <c r="E950" i="9"/>
  <c r="G950" i="9"/>
  <c r="J950" i="9"/>
  <c r="B951" i="9"/>
  <c r="C951" i="9"/>
  <c r="D951" i="9"/>
  <c r="E951" i="9"/>
  <c r="G951" i="9"/>
  <c r="J951" i="9"/>
  <c r="B952" i="9"/>
  <c r="C952" i="9"/>
  <c r="D952" i="9"/>
  <c r="E952" i="9"/>
  <c r="G952" i="9"/>
  <c r="J952" i="9"/>
  <c r="B953" i="9"/>
  <c r="C953" i="9"/>
  <c r="D953" i="9"/>
  <c r="E953" i="9"/>
  <c r="G953" i="9"/>
  <c r="J953" i="9"/>
  <c r="B954" i="9"/>
  <c r="C954" i="9"/>
  <c r="D954" i="9"/>
  <c r="E954" i="9"/>
  <c r="G954" i="9"/>
  <c r="J954" i="9"/>
  <c r="B955" i="9"/>
  <c r="C955" i="9"/>
  <c r="D955" i="9"/>
  <c r="E955" i="9"/>
  <c r="G955" i="9"/>
  <c r="J955" i="9"/>
  <c r="B956" i="9"/>
  <c r="C956" i="9"/>
  <c r="D956" i="9"/>
  <c r="E956" i="9"/>
  <c r="G956" i="9"/>
  <c r="J956" i="9"/>
  <c r="B957" i="9"/>
  <c r="C957" i="9"/>
  <c r="D957" i="9"/>
  <c r="E957" i="9"/>
  <c r="G957" i="9"/>
  <c r="J957" i="9"/>
  <c r="B958" i="9"/>
  <c r="C958" i="9"/>
  <c r="D958" i="9"/>
  <c r="E958" i="9"/>
  <c r="G958" i="9"/>
  <c r="J958" i="9"/>
  <c r="B959" i="9"/>
  <c r="C959" i="9"/>
  <c r="D959" i="9"/>
  <c r="E959" i="9"/>
  <c r="G959" i="9"/>
  <c r="J959" i="9"/>
  <c r="B960" i="9"/>
  <c r="C960" i="9"/>
  <c r="D960" i="9"/>
  <c r="E960" i="9"/>
  <c r="G960" i="9"/>
  <c r="J960" i="9"/>
  <c r="B961" i="9"/>
  <c r="C961" i="9"/>
  <c r="D961" i="9"/>
  <c r="E961" i="9"/>
  <c r="G961" i="9"/>
  <c r="J961" i="9"/>
  <c r="B962" i="9"/>
  <c r="C962" i="9"/>
  <c r="D962" i="9"/>
  <c r="E962" i="9"/>
  <c r="G962" i="9"/>
  <c r="J962" i="9"/>
  <c r="B963" i="9"/>
  <c r="C963" i="9"/>
  <c r="D963" i="9"/>
  <c r="E963" i="9"/>
  <c r="G963" i="9"/>
  <c r="J963" i="9"/>
  <c r="B964" i="9"/>
  <c r="C964" i="9"/>
  <c r="D964" i="9"/>
  <c r="E964" i="9"/>
  <c r="G964" i="9"/>
  <c r="J964" i="9"/>
  <c r="B965" i="9"/>
  <c r="C965" i="9"/>
  <c r="D965" i="9"/>
  <c r="E965" i="9"/>
  <c r="G965" i="9"/>
  <c r="J965" i="9"/>
  <c r="B966" i="9"/>
  <c r="C966" i="9"/>
  <c r="D966" i="9"/>
  <c r="E966" i="9"/>
  <c r="G966" i="9"/>
  <c r="J966" i="9"/>
  <c r="B967" i="9"/>
  <c r="C967" i="9"/>
  <c r="D967" i="9"/>
  <c r="E967" i="9"/>
  <c r="G967" i="9"/>
  <c r="J967" i="9"/>
  <c r="B968" i="9"/>
  <c r="C968" i="9"/>
  <c r="D968" i="9"/>
  <c r="E968" i="9"/>
  <c r="G968" i="9"/>
  <c r="J968" i="9"/>
  <c r="B969" i="9"/>
  <c r="C969" i="9"/>
  <c r="D969" i="9"/>
  <c r="E969" i="9"/>
  <c r="G969" i="9"/>
  <c r="J969" i="9"/>
  <c r="B970" i="9"/>
  <c r="C970" i="9"/>
  <c r="D970" i="9"/>
  <c r="E970" i="9"/>
  <c r="G970" i="9"/>
  <c r="J970" i="9"/>
  <c r="B971" i="9"/>
  <c r="C971" i="9"/>
  <c r="D971" i="9"/>
  <c r="E971" i="9"/>
  <c r="G971" i="9"/>
  <c r="J971" i="9"/>
  <c r="B972" i="9"/>
  <c r="C972" i="9"/>
  <c r="D972" i="9"/>
  <c r="E972" i="9"/>
  <c r="G972" i="9"/>
  <c r="J972" i="9"/>
  <c r="B973" i="9"/>
  <c r="C973" i="9"/>
  <c r="D973" i="9"/>
  <c r="E973" i="9"/>
  <c r="G973" i="9"/>
  <c r="J973" i="9"/>
  <c r="B974" i="9"/>
  <c r="C974" i="9"/>
  <c r="D974" i="9"/>
  <c r="E974" i="9"/>
  <c r="G974" i="9"/>
  <c r="J974" i="9"/>
  <c r="B975" i="9"/>
  <c r="C975" i="9"/>
  <c r="D975" i="9"/>
  <c r="E975" i="9"/>
  <c r="G975" i="9"/>
  <c r="J975" i="9"/>
  <c r="B976" i="9"/>
  <c r="C976" i="9"/>
  <c r="D976" i="9"/>
  <c r="E976" i="9"/>
  <c r="G976" i="9"/>
  <c r="J976" i="9"/>
  <c r="B977" i="9"/>
  <c r="C977" i="9"/>
  <c r="D977" i="9"/>
  <c r="E977" i="9"/>
  <c r="G977" i="9"/>
  <c r="J977" i="9"/>
  <c r="B978" i="9"/>
  <c r="C978" i="9"/>
  <c r="D978" i="9"/>
  <c r="E978" i="9"/>
  <c r="G978" i="9"/>
  <c r="J978" i="9"/>
  <c r="B979" i="9"/>
  <c r="C979" i="9"/>
  <c r="D979" i="9"/>
  <c r="E979" i="9"/>
  <c r="G979" i="9"/>
  <c r="J979" i="9"/>
  <c r="B980" i="9"/>
  <c r="C980" i="9"/>
  <c r="D980" i="9"/>
  <c r="E980" i="9"/>
  <c r="G980" i="9"/>
  <c r="J980" i="9"/>
  <c r="B981" i="9"/>
  <c r="C981" i="9"/>
  <c r="D981" i="9"/>
  <c r="E981" i="9"/>
  <c r="G981" i="9"/>
  <c r="J981" i="9"/>
  <c r="B982" i="9"/>
  <c r="C982" i="9"/>
  <c r="D982" i="9"/>
  <c r="E982" i="9"/>
  <c r="G982" i="9"/>
  <c r="J982" i="9"/>
  <c r="B983" i="9"/>
  <c r="C983" i="9"/>
  <c r="D983" i="9"/>
  <c r="E983" i="9"/>
  <c r="G983" i="9"/>
  <c r="J983" i="9"/>
  <c r="B984" i="9"/>
  <c r="C984" i="9"/>
  <c r="D984" i="9"/>
  <c r="E984" i="9"/>
  <c r="G984" i="9"/>
  <c r="J984" i="9"/>
  <c r="B985" i="9"/>
  <c r="C985" i="9"/>
  <c r="D985" i="9"/>
  <c r="E985" i="9"/>
  <c r="G985" i="9"/>
  <c r="J985" i="9"/>
  <c r="B986" i="9"/>
  <c r="C986" i="9"/>
  <c r="D986" i="9"/>
  <c r="E986" i="9"/>
  <c r="G986" i="9"/>
  <c r="J986" i="9"/>
  <c r="B987" i="9"/>
  <c r="C987" i="9"/>
  <c r="D987" i="9"/>
  <c r="E987" i="9"/>
  <c r="G987" i="9"/>
  <c r="J987" i="9"/>
  <c r="B988" i="9"/>
  <c r="C988" i="9"/>
  <c r="D988" i="9"/>
  <c r="E988" i="9"/>
  <c r="G988" i="9"/>
  <c r="J988" i="9"/>
  <c r="B989" i="9"/>
  <c r="C989" i="9"/>
  <c r="D989" i="9"/>
  <c r="E989" i="9"/>
  <c r="G989" i="9"/>
  <c r="J989" i="9"/>
  <c r="B990" i="9"/>
  <c r="C990" i="9"/>
  <c r="D990" i="9"/>
  <c r="E990" i="9"/>
  <c r="G990" i="9"/>
  <c r="J990" i="9"/>
  <c r="B991" i="9"/>
  <c r="C991" i="9"/>
  <c r="D991" i="9"/>
  <c r="E991" i="9"/>
  <c r="G991" i="9"/>
  <c r="J991" i="9"/>
  <c r="B992" i="9"/>
  <c r="C992" i="9"/>
  <c r="D992" i="9"/>
  <c r="E992" i="9"/>
  <c r="G992" i="9"/>
  <c r="J992" i="9"/>
  <c r="B993" i="9"/>
  <c r="C993" i="9"/>
  <c r="D993" i="9"/>
  <c r="E993" i="9"/>
  <c r="G993" i="9"/>
  <c r="J993" i="9"/>
  <c r="B994" i="9"/>
  <c r="C994" i="9"/>
  <c r="D994" i="9"/>
  <c r="E994" i="9"/>
  <c r="G994" i="9"/>
  <c r="J994" i="9"/>
  <c r="B995" i="9"/>
  <c r="C995" i="9"/>
  <c r="D995" i="9"/>
  <c r="E995" i="9"/>
  <c r="G995" i="9"/>
  <c r="J995" i="9"/>
  <c r="B996" i="9"/>
  <c r="C996" i="9"/>
  <c r="D996" i="9"/>
  <c r="E996" i="9"/>
  <c r="G996" i="9"/>
  <c r="J996" i="9"/>
  <c r="B997" i="9"/>
  <c r="C997" i="9"/>
  <c r="D997" i="9"/>
  <c r="E997" i="9"/>
  <c r="G997" i="9"/>
  <c r="J997" i="9"/>
  <c r="B998" i="9"/>
  <c r="C998" i="9"/>
  <c r="D998" i="9"/>
  <c r="E998" i="9"/>
  <c r="G998" i="9"/>
  <c r="J998" i="9"/>
  <c r="B999" i="9"/>
  <c r="C999" i="9"/>
  <c r="D999" i="9"/>
  <c r="E999" i="9"/>
  <c r="G999" i="9"/>
  <c r="J999" i="9"/>
  <c r="B1000" i="9"/>
  <c r="C1000" i="9"/>
  <c r="D1000" i="9"/>
  <c r="E1000" i="9"/>
  <c r="G1000" i="9"/>
  <c r="J1000" i="9"/>
  <c r="B1001" i="9"/>
  <c r="C1001" i="9"/>
  <c r="D1001" i="9"/>
  <c r="E1001" i="9"/>
  <c r="G1001" i="9"/>
  <c r="J1001" i="9"/>
  <c r="B1002" i="9"/>
  <c r="C1002" i="9"/>
  <c r="D1002" i="9"/>
  <c r="E1002" i="9"/>
  <c r="G1002" i="9"/>
  <c r="J1002" i="9"/>
  <c r="B1003" i="9"/>
  <c r="C1003" i="9"/>
  <c r="D1003" i="9"/>
  <c r="E1003" i="9"/>
  <c r="G1003" i="9"/>
  <c r="J1003" i="9"/>
  <c r="B1004" i="9"/>
  <c r="C1004" i="9"/>
  <c r="D1004" i="9"/>
  <c r="E1004" i="9"/>
  <c r="G1004" i="9"/>
  <c r="J1004" i="9"/>
  <c r="B1005" i="9"/>
  <c r="C1005" i="9"/>
  <c r="D1005" i="9"/>
  <c r="E1005" i="9"/>
  <c r="G1005" i="9"/>
  <c r="J1005" i="9"/>
  <c r="B1006" i="9"/>
  <c r="C1006" i="9"/>
  <c r="D1006" i="9"/>
  <c r="E1006" i="9"/>
  <c r="G1006" i="9"/>
  <c r="J1006" i="9"/>
  <c r="B1007" i="9"/>
  <c r="C1007" i="9"/>
  <c r="D1007" i="9"/>
  <c r="E1007" i="9"/>
  <c r="G1007" i="9"/>
  <c r="J1007" i="9"/>
  <c r="B1008" i="9"/>
  <c r="C1008" i="9"/>
  <c r="D1008" i="9"/>
  <c r="E1008" i="9"/>
  <c r="G1008" i="9"/>
  <c r="J1008" i="9"/>
  <c r="B1009" i="9"/>
  <c r="C1009" i="9"/>
  <c r="D1009" i="9"/>
  <c r="E1009" i="9"/>
  <c r="G1009" i="9"/>
  <c r="J1009" i="9"/>
  <c r="B1010" i="9"/>
  <c r="C1010" i="9"/>
  <c r="D1010" i="9"/>
  <c r="E1010" i="9"/>
  <c r="G1010" i="9"/>
  <c r="J1010" i="9"/>
  <c r="B1011" i="9"/>
  <c r="C1011" i="9"/>
  <c r="D1011" i="9"/>
  <c r="E1011" i="9"/>
  <c r="G1011" i="9"/>
  <c r="J1011" i="9"/>
  <c r="B1012" i="9"/>
  <c r="C1012" i="9"/>
  <c r="D1012" i="9"/>
  <c r="E1012" i="9"/>
  <c r="G1012" i="9"/>
  <c r="J1012" i="9"/>
  <c r="B1013" i="9"/>
  <c r="C1013" i="9"/>
  <c r="D1013" i="9"/>
  <c r="E1013" i="9"/>
  <c r="G1013" i="9"/>
  <c r="J1013" i="9"/>
  <c r="B1014" i="9"/>
  <c r="C1014" i="9"/>
  <c r="D1014" i="9"/>
  <c r="E1014" i="9"/>
  <c r="G1014" i="9"/>
  <c r="J1014" i="9"/>
  <c r="B1015" i="9"/>
  <c r="C1015" i="9"/>
  <c r="D1015" i="9"/>
  <c r="E1015" i="9"/>
  <c r="G1015" i="9"/>
  <c r="J1015" i="9"/>
  <c r="B1016" i="9"/>
  <c r="C1016" i="9"/>
  <c r="D1016" i="9"/>
  <c r="E1016" i="9"/>
  <c r="G1016" i="9"/>
  <c r="J1016" i="9"/>
  <c r="B1017" i="9"/>
  <c r="C1017" i="9"/>
  <c r="D1017" i="9"/>
  <c r="E1017" i="9"/>
  <c r="G1017" i="9"/>
  <c r="J1017" i="9"/>
  <c r="B1018" i="9"/>
  <c r="C1018" i="9"/>
  <c r="D1018" i="9"/>
  <c r="E1018" i="9"/>
  <c r="G1018" i="9"/>
  <c r="J1018" i="9"/>
  <c r="B1019" i="9"/>
  <c r="C1019" i="9"/>
  <c r="D1019" i="9"/>
  <c r="E1019" i="9"/>
  <c r="G1019" i="9"/>
  <c r="J1019" i="9"/>
  <c r="B1020" i="9"/>
  <c r="C1020" i="9"/>
  <c r="D1020" i="9"/>
  <c r="E1020" i="9"/>
  <c r="G1020" i="9"/>
  <c r="J1020" i="9"/>
  <c r="B1021" i="9"/>
  <c r="C1021" i="9"/>
  <c r="D1021" i="9"/>
  <c r="E1021" i="9"/>
  <c r="G1021" i="9"/>
  <c r="J1021" i="9"/>
  <c r="B1022" i="9"/>
  <c r="C1022" i="9"/>
  <c r="D1022" i="9"/>
  <c r="E1022" i="9"/>
  <c r="G1022" i="9"/>
  <c r="J1022" i="9"/>
  <c r="B1023" i="9"/>
  <c r="C1023" i="9"/>
  <c r="D1023" i="9"/>
  <c r="E1023" i="9"/>
  <c r="G1023" i="9"/>
  <c r="J1023" i="9"/>
  <c r="B1024" i="9"/>
  <c r="C1024" i="9"/>
  <c r="D1024" i="9"/>
  <c r="E1024" i="9"/>
  <c r="G1024" i="9"/>
  <c r="J1024" i="9"/>
  <c r="B1025" i="9"/>
  <c r="C1025" i="9"/>
  <c r="D1025" i="9"/>
  <c r="E1025" i="9"/>
  <c r="G1025" i="9"/>
  <c r="J1025" i="9"/>
  <c r="B1026" i="9"/>
  <c r="C1026" i="9"/>
  <c r="D1026" i="9"/>
  <c r="E1026" i="9"/>
  <c r="G1026" i="9"/>
  <c r="J1026" i="9"/>
  <c r="B1027" i="9"/>
  <c r="C1027" i="9"/>
  <c r="D1027" i="9"/>
  <c r="E1027" i="9"/>
  <c r="G1027" i="9"/>
  <c r="J1027" i="9"/>
  <c r="B1028" i="9"/>
  <c r="C1028" i="9"/>
  <c r="D1028" i="9"/>
  <c r="E1028" i="9"/>
  <c r="G1028" i="9"/>
  <c r="J1028" i="9"/>
  <c r="B1029" i="9"/>
  <c r="C1029" i="9"/>
  <c r="D1029" i="9"/>
  <c r="E1029" i="9"/>
  <c r="G1029" i="9"/>
  <c r="J1029" i="9"/>
  <c r="B1030" i="9"/>
  <c r="C1030" i="9"/>
  <c r="D1030" i="9"/>
  <c r="E1030" i="9"/>
  <c r="G1030" i="9"/>
  <c r="J1030" i="9"/>
  <c r="B1031" i="9"/>
  <c r="C1031" i="9"/>
  <c r="D1031" i="9"/>
  <c r="E1031" i="9"/>
  <c r="G1031" i="9"/>
  <c r="J1031" i="9"/>
  <c r="B1032" i="9"/>
  <c r="C1032" i="9"/>
  <c r="D1032" i="9"/>
  <c r="E1032" i="9"/>
  <c r="G1032" i="9"/>
  <c r="J1032" i="9"/>
  <c r="B1033" i="9"/>
  <c r="C1033" i="9"/>
  <c r="D1033" i="9"/>
  <c r="E1033" i="9"/>
  <c r="G1033" i="9"/>
  <c r="J1033" i="9"/>
  <c r="B1034" i="9"/>
  <c r="C1034" i="9"/>
  <c r="D1034" i="9"/>
  <c r="E1034" i="9"/>
  <c r="G1034" i="9"/>
  <c r="J1034" i="9"/>
  <c r="B1035" i="9"/>
  <c r="C1035" i="9"/>
  <c r="D1035" i="9"/>
  <c r="E1035" i="9"/>
  <c r="G1035" i="9"/>
  <c r="J1035" i="9"/>
  <c r="B1036" i="9"/>
  <c r="C1036" i="9"/>
  <c r="D1036" i="9"/>
  <c r="E1036" i="9"/>
  <c r="G1036" i="9"/>
  <c r="J1036" i="9"/>
  <c r="B1037" i="9"/>
  <c r="C1037" i="9"/>
  <c r="D1037" i="9"/>
  <c r="E1037" i="9"/>
  <c r="G1037" i="9"/>
  <c r="J1037" i="9"/>
  <c r="B1038" i="9"/>
  <c r="C1038" i="9"/>
  <c r="D1038" i="9"/>
  <c r="E1038" i="9"/>
  <c r="G1038" i="9"/>
  <c r="J1038" i="9"/>
  <c r="B1039" i="9"/>
  <c r="C1039" i="9"/>
  <c r="D1039" i="9"/>
  <c r="E1039" i="9"/>
  <c r="G1039" i="9"/>
  <c r="J1039" i="9"/>
  <c r="B1040" i="9"/>
  <c r="C1040" i="9"/>
  <c r="D1040" i="9"/>
  <c r="E1040" i="9"/>
  <c r="G1040" i="9"/>
  <c r="J1040" i="9"/>
  <c r="B1041" i="9"/>
  <c r="C1041" i="9"/>
  <c r="D1041" i="9"/>
  <c r="E1041" i="9"/>
  <c r="G1041" i="9"/>
  <c r="J1041" i="9"/>
  <c r="B1042" i="9"/>
  <c r="C1042" i="9"/>
  <c r="D1042" i="9"/>
  <c r="E1042" i="9"/>
  <c r="G1042" i="9"/>
  <c r="J1042" i="9"/>
  <c r="B1043" i="9"/>
  <c r="C1043" i="9"/>
  <c r="D1043" i="9"/>
  <c r="E1043" i="9"/>
  <c r="G1043" i="9"/>
  <c r="J1043" i="9"/>
  <c r="B1044" i="9"/>
  <c r="C1044" i="9"/>
  <c r="D1044" i="9"/>
  <c r="E1044" i="9"/>
  <c r="G1044" i="9"/>
  <c r="J1044" i="9"/>
  <c r="B1045" i="9"/>
  <c r="C1045" i="9"/>
  <c r="D1045" i="9"/>
  <c r="E1045" i="9"/>
  <c r="G1045" i="9"/>
  <c r="J1045" i="9"/>
  <c r="B1046" i="9"/>
  <c r="C1046" i="9"/>
  <c r="D1046" i="9"/>
  <c r="E1046" i="9"/>
  <c r="G1046" i="9"/>
  <c r="J1046" i="9"/>
  <c r="B1047" i="9"/>
  <c r="C1047" i="9"/>
  <c r="D1047" i="9"/>
  <c r="E1047" i="9"/>
  <c r="G1047" i="9"/>
  <c r="J1047" i="9"/>
  <c r="B1048" i="9"/>
  <c r="C1048" i="9"/>
  <c r="D1048" i="9"/>
  <c r="E1048" i="9"/>
  <c r="G1048" i="9"/>
  <c r="J1048" i="9"/>
  <c r="B1049" i="9"/>
  <c r="C1049" i="9"/>
  <c r="D1049" i="9"/>
  <c r="E1049" i="9"/>
  <c r="G1049" i="9"/>
  <c r="J1049" i="9"/>
  <c r="B1050" i="9"/>
  <c r="C1050" i="9"/>
  <c r="D1050" i="9"/>
  <c r="E1050" i="9"/>
  <c r="G1050" i="9"/>
  <c r="J1050" i="9"/>
  <c r="B1051" i="9"/>
  <c r="C1051" i="9"/>
  <c r="D1051" i="9"/>
  <c r="E1051" i="9"/>
  <c r="G1051" i="9"/>
  <c r="J1051" i="9"/>
  <c r="B1052" i="9"/>
  <c r="C1052" i="9"/>
  <c r="D1052" i="9"/>
  <c r="E1052" i="9"/>
  <c r="G1052" i="9"/>
  <c r="J1052" i="9"/>
  <c r="B1053" i="9"/>
  <c r="C1053" i="9"/>
  <c r="D1053" i="9"/>
  <c r="E1053" i="9"/>
  <c r="G1053" i="9"/>
  <c r="J1053" i="9"/>
  <c r="B1054" i="9"/>
  <c r="C1054" i="9"/>
  <c r="D1054" i="9"/>
  <c r="E1054" i="9"/>
  <c r="G1054" i="9"/>
  <c r="J1054" i="9"/>
  <c r="B1055" i="9"/>
  <c r="C1055" i="9"/>
  <c r="D1055" i="9"/>
  <c r="E1055" i="9"/>
  <c r="G1055" i="9"/>
  <c r="J1055" i="9"/>
  <c r="B1056" i="9"/>
  <c r="C1056" i="9"/>
  <c r="D1056" i="9"/>
  <c r="E1056" i="9"/>
  <c r="G1056" i="9"/>
  <c r="J1056" i="9"/>
  <c r="B1057" i="9"/>
  <c r="C1057" i="9"/>
  <c r="D1057" i="9"/>
  <c r="E1057" i="9"/>
  <c r="G1057" i="9"/>
  <c r="J1057" i="9"/>
  <c r="B1058" i="9"/>
  <c r="C1058" i="9"/>
  <c r="D1058" i="9"/>
  <c r="E1058" i="9"/>
  <c r="G1058" i="9"/>
  <c r="J1058" i="9"/>
  <c r="B1059" i="9"/>
  <c r="C1059" i="9"/>
  <c r="D1059" i="9"/>
  <c r="E1059" i="9"/>
  <c r="G1059" i="9"/>
  <c r="J1059" i="9"/>
  <c r="B1060" i="9"/>
  <c r="C1060" i="9"/>
  <c r="D1060" i="9"/>
  <c r="E1060" i="9"/>
  <c r="G1060" i="9"/>
  <c r="J1060" i="9"/>
  <c r="B1061" i="9"/>
  <c r="C1061" i="9"/>
  <c r="D1061" i="9"/>
  <c r="E1061" i="9"/>
  <c r="G1061" i="9"/>
  <c r="J1061" i="9"/>
  <c r="B1062" i="9"/>
  <c r="C1062" i="9"/>
  <c r="D1062" i="9"/>
  <c r="E1062" i="9"/>
  <c r="G1062" i="9"/>
  <c r="J1062" i="9"/>
  <c r="B1063" i="9"/>
  <c r="C1063" i="9"/>
  <c r="D1063" i="9"/>
  <c r="E1063" i="9"/>
  <c r="G1063" i="9"/>
  <c r="J1063" i="9"/>
  <c r="B1064" i="9"/>
  <c r="C1064" i="9"/>
  <c r="D1064" i="9"/>
  <c r="E1064" i="9"/>
  <c r="G1064" i="9"/>
  <c r="J1064" i="9"/>
  <c r="B1065" i="9"/>
  <c r="C1065" i="9"/>
  <c r="D1065" i="9"/>
  <c r="E1065" i="9"/>
  <c r="G1065" i="9"/>
  <c r="J1065" i="9"/>
  <c r="B1066" i="9"/>
  <c r="C1066" i="9"/>
  <c r="D1066" i="9"/>
  <c r="E1066" i="9"/>
  <c r="G1066" i="9"/>
  <c r="J1066" i="9"/>
  <c r="B1067" i="9"/>
  <c r="C1067" i="9"/>
  <c r="D1067" i="9"/>
  <c r="E1067" i="9"/>
  <c r="G1067" i="9"/>
  <c r="J1067" i="9"/>
  <c r="B1068" i="9"/>
  <c r="C1068" i="9"/>
  <c r="D1068" i="9"/>
  <c r="E1068" i="9"/>
  <c r="G1068" i="9"/>
  <c r="J1068" i="9"/>
  <c r="B1069" i="9"/>
  <c r="C1069" i="9"/>
  <c r="D1069" i="9"/>
  <c r="E1069" i="9"/>
  <c r="G1069" i="9"/>
  <c r="J1069" i="9"/>
  <c r="B1070" i="9"/>
  <c r="C1070" i="9"/>
  <c r="D1070" i="9"/>
  <c r="E1070" i="9"/>
  <c r="G1070" i="9"/>
  <c r="J1070" i="9"/>
  <c r="B1071" i="9"/>
  <c r="C1071" i="9"/>
  <c r="D1071" i="9"/>
  <c r="E1071" i="9"/>
  <c r="G1071" i="9"/>
  <c r="J1071" i="9"/>
  <c r="B1072" i="9"/>
  <c r="C1072" i="9"/>
  <c r="D1072" i="9"/>
  <c r="E1072" i="9"/>
  <c r="G1072" i="9"/>
  <c r="J1072" i="9"/>
  <c r="B1073" i="9"/>
  <c r="C1073" i="9"/>
  <c r="D1073" i="9"/>
  <c r="E1073" i="9"/>
  <c r="G1073" i="9"/>
  <c r="J1073" i="9"/>
  <c r="B1074" i="9"/>
  <c r="C1074" i="9"/>
  <c r="D1074" i="9"/>
  <c r="E1074" i="9"/>
  <c r="G1074" i="9"/>
  <c r="J1074" i="9"/>
  <c r="B1075" i="9"/>
  <c r="C1075" i="9"/>
  <c r="D1075" i="9"/>
  <c r="E1075" i="9"/>
  <c r="G1075" i="9"/>
  <c r="J1075" i="9"/>
  <c r="B1076" i="9"/>
  <c r="C1076" i="9"/>
  <c r="D1076" i="9"/>
  <c r="E1076" i="9"/>
  <c r="G1076" i="9"/>
  <c r="J1076" i="9"/>
  <c r="B1077" i="9"/>
  <c r="C1077" i="9"/>
  <c r="D1077" i="9"/>
  <c r="E1077" i="9"/>
  <c r="G1077" i="9"/>
  <c r="J1077" i="9"/>
  <c r="B1078" i="9"/>
  <c r="C1078" i="9"/>
  <c r="D1078" i="9"/>
  <c r="E1078" i="9"/>
  <c r="G1078" i="9"/>
  <c r="J1078" i="9"/>
  <c r="B1079" i="9"/>
  <c r="C1079" i="9"/>
  <c r="D1079" i="9"/>
  <c r="E1079" i="9"/>
  <c r="G1079" i="9"/>
  <c r="J1079" i="9"/>
  <c r="B1080" i="9"/>
  <c r="C1080" i="9"/>
  <c r="D1080" i="9"/>
  <c r="E1080" i="9"/>
  <c r="G1080" i="9"/>
  <c r="J1080" i="9"/>
  <c r="B1081" i="9"/>
  <c r="C1081" i="9"/>
  <c r="D1081" i="9"/>
  <c r="E1081" i="9"/>
  <c r="G1081" i="9"/>
  <c r="J1081" i="9"/>
  <c r="B1082" i="9"/>
  <c r="C1082" i="9"/>
  <c r="D1082" i="9"/>
  <c r="E1082" i="9"/>
  <c r="G1082" i="9"/>
  <c r="J1082" i="9"/>
  <c r="B1083" i="9"/>
  <c r="C1083" i="9"/>
  <c r="D1083" i="9"/>
  <c r="E1083" i="9"/>
  <c r="G1083" i="9"/>
  <c r="J1083" i="9"/>
  <c r="B1084" i="9"/>
  <c r="C1084" i="9"/>
  <c r="D1084" i="9"/>
  <c r="E1084" i="9"/>
  <c r="G1084" i="9"/>
  <c r="J1084" i="9"/>
  <c r="B1085" i="9"/>
  <c r="C1085" i="9"/>
  <c r="D1085" i="9"/>
  <c r="E1085" i="9"/>
  <c r="G1085" i="9"/>
  <c r="J1085" i="9"/>
  <c r="B1086" i="9"/>
  <c r="C1086" i="9"/>
  <c r="D1086" i="9"/>
  <c r="E1086" i="9"/>
  <c r="G1086" i="9"/>
  <c r="J1086" i="9"/>
  <c r="B1087" i="9"/>
  <c r="C1087" i="9"/>
  <c r="D1087" i="9"/>
  <c r="E1087" i="9"/>
  <c r="G1087" i="9"/>
  <c r="J1087" i="9"/>
  <c r="B1088" i="9"/>
  <c r="C1088" i="9"/>
  <c r="D1088" i="9"/>
  <c r="E1088" i="9"/>
  <c r="G1088" i="9"/>
  <c r="J1088" i="9"/>
  <c r="B1089" i="9"/>
  <c r="C1089" i="9"/>
  <c r="D1089" i="9"/>
  <c r="E1089" i="9"/>
  <c r="G1089" i="9"/>
  <c r="J1089" i="9"/>
  <c r="B1090" i="9"/>
  <c r="C1090" i="9"/>
  <c r="D1090" i="9"/>
  <c r="E1090" i="9"/>
  <c r="G1090" i="9"/>
  <c r="J1090" i="9"/>
  <c r="B1091" i="9"/>
  <c r="C1091" i="9"/>
  <c r="D1091" i="9"/>
  <c r="E1091" i="9"/>
  <c r="G1091" i="9"/>
  <c r="J1091" i="9"/>
  <c r="B1092" i="9"/>
  <c r="C1092" i="9"/>
  <c r="D1092" i="9"/>
  <c r="E1092" i="9"/>
  <c r="G1092" i="9"/>
  <c r="J1092" i="9"/>
  <c r="B1093" i="9"/>
  <c r="C1093" i="9"/>
  <c r="D1093" i="9"/>
  <c r="E1093" i="9"/>
  <c r="G1093" i="9"/>
  <c r="J1093" i="9"/>
  <c r="B1094" i="9"/>
  <c r="C1094" i="9"/>
  <c r="D1094" i="9"/>
  <c r="E1094" i="9"/>
  <c r="G1094" i="9"/>
  <c r="J1094" i="9"/>
  <c r="B1095" i="9"/>
  <c r="C1095" i="9"/>
  <c r="D1095" i="9"/>
  <c r="E1095" i="9"/>
  <c r="G1095" i="9"/>
  <c r="J1095" i="9"/>
  <c r="B1096" i="9"/>
  <c r="C1096" i="9"/>
  <c r="D1096" i="9"/>
  <c r="E1096" i="9"/>
  <c r="G1096" i="9"/>
  <c r="J1096" i="9"/>
  <c r="B1097" i="9"/>
  <c r="C1097" i="9"/>
  <c r="D1097" i="9"/>
  <c r="E1097" i="9"/>
  <c r="G1097" i="9"/>
  <c r="J1097" i="9"/>
  <c r="B1098" i="9"/>
  <c r="C1098" i="9"/>
  <c r="D1098" i="9"/>
  <c r="E1098" i="9"/>
  <c r="G1098" i="9"/>
  <c r="J1098" i="9"/>
  <c r="B1099" i="9"/>
  <c r="C1099" i="9"/>
  <c r="D1099" i="9"/>
  <c r="E1099" i="9"/>
  <c r="G1099" i="9"/>
  <c r="J1099" i="9"/>
  <c r="B1100" i="9"/>
  <c r="C1100" i="9"/>
  <c r="D1100" i="9"/>
  <c r="E1100" i="9"/>
  <c r="G1100" i="9"/>
  <c r="J1100" i="9"/>
  <c r="B1101" i="9"/>
  <c r="C1101" i="9"/>
  <c r="D1101" i="9"/>
  <c r="E1101" i="9"/>
  <c r="G1101" i="9"/>
  <c r="J1101" i="9"/>
  <c r="B1102" i="9"/>
  <c r="C1102" i="9"/>
  <c r="D1102" i="9"/>
  <c r="E1102" i="9"/>
  <c r="G1102" i="9"/>
  <c r="J1102" i="9"/>
  <c r="B1103" i="9"/>
  <c r="C1103" i="9"/>
  <c r="D1103" i="9"/>
  <c r="E1103" i="9"/>
  <c r="G1103" i="9"/>
  <c r="J1103" i="9"/>
  <c r="B1104" i="9"/>
  <c r="C1104" i="9"/>
  <c r="D1104" i="9"/>
  <c r="E1104" i="9"/>
  <c r="G1104" i="9"/>
  <c r="J1104" i="9"/>
  <c r="B1105" i="9"/>
  <c r="C1105" i="9"/>
  <c r="D1105" i="9"/>
  <c r="E1105" i="9"/>
  <c r="G1105" i="9"/>
  <c r="J1105" i="9"/>
  <c r="B1106" i="9"/>
  <c r="C1106" i="9"/>
  <c r="D1106" i="9"/>
  <c r="E1106" i="9"/>
  <c r="G1106" i="9"/>
  <c r="J1106" i="9"/>
  <c r="B1107" i="9"/>
  <c r="C1107" i="9"/>
  <c r="D1107" i="9"/>
  <c r="E1107" i="9"/>
  <c r="G1107" i="9"/>
  <c r="J1107" i="9"/>
  <c r="B1108" i="9"/>
  <c r="C1108" i="9"/>
  <c r="D1108" i="9"/>
  <c r="E1108" i="9"/>
  <c r="G1108" i="9"/>
  <c r="J1108" i="9"/>
  <c r="B1109" i="9"/>
  <c r="C1109" i="9"/>
  <c r="D1109" i="9"/>
  <c r="E1109" i="9"/>
  <c r="G1109" i="9"/>
  <c r="J1109" i="9"/>
  <c r="B1110" i="9"/>
  <c r="C1110" i="9"/>
  <c r="D1110" i="9"/>
  <c r="E1110" i="9"/>
  <c r="G1110" i="9"/>
  <c r="J1110" i="9"/>
  <c r="B1111" i="9"/>
  <c r="C1111" i="9"/>
  <c r="D1111" i="9"/>
  <c r="E1111" i="9"/>
  <c r="G1111" i="9"/>
  <c r="J1111" i="9"/>
  <c r="B1112" i="9"/>
  <c r="C1112" i="9"/>
  <c r="D1112" i="9"/>
  <c r="E1112" i="9"/>
  <c r="G1112" i="9"/>
  <c r="J1112" i="9"/>
  <c r="B1113" i="9"/>
  <c r="C1113" i="9"/>
  <c r="D1113" i="9"/>
  <c r="E1113" i="9"/>
  <c r="G1113" i="9"/>
  <c r="J1113" i="9"/>
  <c r="B1114" i="9"/>
  <c r="C1114" i="9"/>
  <c r="D1114" i="9"/>
  <c r="E1114" i="9"/>
  <c r="G1114" i="9"/>
  <c r="J1114" i="9"/>
  <c r="B1115" i="9"/>
  <c r="C1115" i="9"/>
  <c r="D1115" i="9"/>
  <c r="E1115" i="9"/>
  <c r="G1115" i="9"/>
  <c r="J1115" i="9"/>
  <c r="B1116" i="9"/>
  <c r="C1116" i="9"/>
  <c r="D1116" i="9"/>
  <c r="E1116" i="9"/>
  <c r="G1116" i="9"/>
  <c r="J1116" i="9"/>
  <c r="B1117" i="9"/>
  <c r="C1117" i="9"/>
  <c r="D1117" i="9"/>
  <c r="E1117" i="9"/>
  <c r="G1117" i="9"/>
  <c r="J1117" i="9"/>
  <c r="B1118" i="9"/>
  <c r="C1118" i="9"/>
  <c r="D1118" i="9"/>
  <c r="E1118" i="9"/>
  <c r="G1118" i="9"/>
  <c r="J1118" i="9"/>
  <c r="B1119" i="9"/>
  <c r="C1119" i="9"/>
  <c r="D1119" i="9"/>
  <c r="E1119" i="9"/>
  <c r="G1119" i="9"/>
  <c r="J1119" i="9"/>
  <c r="B1120" i="9"/>
  <c r="C1120" i="9"/>
  <c r="D1120" i="9"/>
  <c r="E1120" i="9"/>
  <c r="G1120" i="9"/>
  <c r="J1120" i="9"/>
  <c r="B1121" i="9"/>
  <c r="C1121" i="9"/>
  <c r="D1121" i="9"/>
  <c r="E1121" i="9"/>
  <c r="G1121" i="9"/>
  <c r="J1121" i="9"/>
  <c r="B1122" i="9"/>
  <c r="C1122" i="9"/>
  <c r="D1122" i="9"/>
  <c r="E1122" i="9"/>
  <c r="G1122" i="9"/>
  <c r="J1122" i="9"/>
  <c r="B1123" i="9"/>
  <c r="C1123" i="9"/>
  <c r="D1123" i="9"/>
  <c r="E1123" i="9"/>
  <c r="G1123" i="9"/>
  <c r="J1123" i="9"/>
  <c r="B1124" i="9"/>
  <c r="C1124" i="9"/>
  <c r="D1124" i="9"/>
  <c r="E1124" i="9"/>
  <c r="G1124" i="9"/>
  <c r="J1124" i="9"/>
  <c r="B1125" i="9"/>
  <c r="C1125" i="9"/>
  <c r="D1125" i="9"/>
  <c r="E1125" i="9"/>
  <c r="G1125" i="9"/>
  <c r="J1125" i="9"/>
  <c r="B1126" i="9"/>
  <c r="C1126" i="9"/>
  <c r="D1126" i="9"/>
  <c r="E1126" i="9"/>
  <c r="G1126" i="9"/>
  <c r="J1126" i="9"/>
  <c r="B1127" i="9"/>
  <c r="C1127" i="9"/>
  <c r="D1127" i="9"/>
  <c r="E1127" i="9"/>
  <c r="G1127" i="9"/>
  <c r="J1127" i="9"/>
  <c r="B1128" i="9"/>
  <c r="C1128" i="9"/>
  <c r="D1128" i="9"/>
  <c r="E1128" i="9"/>
  <c r="G1128" i="9"/>
  <c r="J1128" i="9"/>
  <c r="B1129" i="9"/>
  <c r="C1129" i="9"/>
  <c r="D1129" i="9"/>
  <c r="E1129" i="9"/>
  <c r="G1129" i="9"/>
  <c r="J1129" i="9"/>
  <c r="B1130" i="9"/>
  <c r="C1130" i="9"/>
  <c r="D1130" i="9"/>
  <c r="E1130" i="9"/>
  <c r="G1130" i="9"/>
  <c r="J1130" i="9"/>
  <c r="B1131" i="9"/>
  <c r="C1131" i="9"/>
  <c r="D1131" i="9"/>
  <c r="E1131" i="9"/>
  <c r="G1131" i="9"/>
  <c r="J1131" i="9"/>
  <c r="B1132" i="9"/>
  <c r="C1132" i="9"/>
  <c r="D1132" i="9"/>
  <c r="E1132" i="9"/>
  <c r="G1132" i="9"/>
  <c r="J1132" i="9"/>
  <c r="B1133" i="9"/>
  <c r="C1133" i="9"/>
  <c r="D1133" i="9"/>
  <c r="E1133" i="9"/>
  <c r="G1133" i="9"/>
  <c r="J1133" i="9"/>
  <c r="B1134" i="9"/>
  <c r="C1134" i="9"/>
  <c r="D1134" i="9"/>
  <c r="E1134" i="9"/>
  <c r="G1134" i="9"/>
  <c r="J1134" i="9"/>
  <c r="B1135" i="9"/>
  <c r="C1135" i="9"/>
  <c r="D1135" i="9"/>
  <c r="E1135" i="9"/>
  <c r="G1135" i="9"/>
  <c r="J1135" i="9"/>
  <c r="B1136" i="9"/>
  <c r="C1136" i="9"/>
  <c r="D1136" i="9"/>
  <c r="E1136" i="9"/>
  <c r="G1136" i="9"/>
  <c r="J1136" i="9"/>
  <c r="B1137" i="9"/>
  <c r="C1137" i="9"/>
  <c r="D1137" i="9"/>
  <c r="E1137" i="9"/>
  <c r="G1137" i="9"/>
  <c r="J1137" i="9"/>
  <c r="B1138" i="9"/>
  <c r="C1138" i="9"/>
  <c r="D1138" i="9"/>
  <c r="E1138" i="9"/>
  <c r="G1138" i="9"/>
  <c r="J1138" i="9"/>
  <c r="B1139" i="9"/>
  <c r="C1139" i="9"/>
  <c r="D1139" i="9"/>
  <c r="E1139" i="9"/>
  <c r="G1139" i="9"/>
  <c r="J1139" i="9"/>
  <c r="B1140" i="9"/>
  <c r="C1140" i="9"/>
  <c r="D1140" i="9"/>
  <c r="E1140" i="9"/>
  <c r="G1140" i="9"/>
  <c r="J1140" i="9"/>
  <c r="B1141" i="9"/>
  <c r="C1141" i="9"/>
  <c r="D1141" i="9"/>
  <c r="E1141" i="9"/>
  <c r="G1141" i="9"/>
  <c r="J1141" i="9"/>
  <c r="B1142" i="9"/>
  <c r="C1142" i="9"/>
  <c r="D1142" i="9"/>
  <c r="E1142" i="9"/>
  <c r="G1142" i="9"/>
  <c r="J1142" i="9"/>
  <c r="B1143" i="9"/>
  <c r="C1143" i="9"/>
  <c r="D1143" i="9"/>
  <c r="E1143" i="9"/>
  <c r="G1143" i="9"/>
  <c r="J1143" i="9"/>
  <c r="B1144" i="9"/>
  <c r="C1144" i="9"/>
  <c r="D1144" i="9"/>
  <c r="E1144" i="9"/>
  <c r="G1144" i="9"/>
  <c r="J1144" i="9"/>
  <c r="B1145" i="9"/>
  <c r="C1145" i="9"/>
  <c r="D1145" i="9"/>
  <c r="E1145" i="9"/>
  <c r="G1145" i="9"/>
  <c r="J1145" i="9"/>
  <c r="B1146" i="9"/>
  <c r="C1146" i="9"/>
  <c r="D1146" i="9"/>
  <c r="E1146" i="9"/>
  <c r="G1146" i="9"/>
  <c r="J1146" i="9"/>
  <c r="B1147" i="9"/>
  <c r="C1147" i="9"/>
  <c r="D1147" i="9"/>
  <c r="E1147" i="9"/>
  <c r="G1147" i="9"/>
  <c r="J1147" i="9"/>
  <c r="B1148" i="9"/>
  <c r="C1148" i="9"/>
  <c r="D1148" i="9"/>
  <c r="E1148" i="9"/>
  <c r="G1148" i="9"/>
  <c r="J1148" i="9"/>
  <c r="B1149" i="9"/>
  <c r="C1149" i="9"/>
  <c r="D1149" i="9"/>
  <c r="E1149" i="9"/>
  <c r="G1149" i="9"/>
  <c r="J1149" i="9"/>
  <c r="B1150" i="9"/>
  <c r="C1150" i="9"/>
  <c r="D1150" i="9"/>
  <c r="E1150" i="9"/>
  <c r="G1150" i="9"/>
  <c r="J1150" i="9"/>
  <c r="B1151" i="9"/>
  <c r="C1151" i="9"/>
  <c r="D1151" i="9"/>
  <c r="E1151" i="9"/>
  <c r="G1151" i="9"/>
  <c r="J1151" i="9"/>
  <c r="B1152" i="9"/>
  <c r="C1152" i="9"/>
  <c r="D1152" i="9"/>
  <c r="E1152" i="9"/>
  <c r="G1152" i="9"/>
  <c r="J1152" i="9"/>
  <c r="B1153" i="9"/>
  <c r="C1153" i="9"/>
  <c r="D1153" i="9"/>
  <c r="E1153" i="9"/>
  <c r="G1153" i="9"/>
  <c r="J1153" i="9"/>
  <c r="B1154" i="9"/>
  <c r="C1154" i="9"/>
  <c r="D1154" i="9"/>
  <c r="E1154" i="9"/>
  <c r="G1154" i="9"/>
  <c r="J1154" i="9"/>
  <c r="B1155" i="9"/>
  <c r="C1155" i="9"/>
  <c r="D1155" i="9"/>
  <c r="E1155" i="9"/>
  <c r="G1155" i="9"/>
  <c r="J1155" i="9"/>
  <c r="B1156" i="9"/>
  <c r="C1156" i="9"/>
  <c r="D1156" i="9"/>
  <c r="E1156" i="9"/>
  <c r="G1156" i="9"/>
  <c r="J1156" i="9"/>
  <c r="B1157" i="9"/>
  <c r="C1157" i="9"/>
  <c r="D1157" i="9"/>
  <c r="E1157" i="9"/>
  <c r="G1157" i="9"/>
  <c r="J1157" i="9"/>
  <c r="B1158" i="9"/>
  <c r="C1158" i="9"/>
  <c r="D1158" i="9"/>
  <c r="E1158" i="9"/>
  <c r="G1158" i="9"/>
  <c r="J1158" i="9"/>
  <c r="B1159" i="9"/>
  <c r="C1159" i="9"/>
  <c r="D1159" i="9"/>
  <c r="E1159" i="9"/>
  <c r="G1159" i="9"/>
  <c r="J1159" i="9"/>
  <c r="B1160" i="9"/>
  <c r="C1160" i="9"/>
  <c r="D1160" i="9"/>
  <c r="E1160" i="9"/>
  <c r="G1160" i="9"/>
  <c r="J1160" i="9"/>
  <c r="B1161" i="9"/>
  <c r="C1161" i="9"/>
  <c r="D1161" i="9"/>
  <c r="E1161" i="9"/>
  <c r="G1161" i="9"/>
  <c r="J1161" i="9"/>
  <c r="B1162" i="9"/>
  <c r="C1162" i="9"/>
  <c r="D1162" i="9"/>
  <c r="E1162" i="9"/>
  <c r="G1162" i="9"/>
  <c r="J1162" i="9"/>
  <c r="B1163" i="9"/>
  <c r="C1163" i="9"/>
  <c r="D1163" i="9"/>
  <c r="E1163" i="9"/>
  <c r="G1163" i="9"/>
  <c r="J1163" i="9"/>
  <c r="B1164" i="9"/>
  <c r="C1164" i="9"/>
  <c r="D1164" i="9"/>
  <c r="E1164" i="9"/>
  <c r="G1164" i="9"/>
  <c r="J1164" i="9"/>
  <c r="B1165" i="9"/>
  <c r="C1165" i="9"/>
  <c r="D1165" i="9"/>
  <c r="E1165" i="9"/>
  <c r="G1165" i="9"/>
  <c r="J1165" i="9"/>
  <c r="B1166" i="9"/>
  <c r="C1166" i="9"/>
  <c r="D1166" i="9"/>
  <c r="E1166" i="9"/>
  <c r="G1166" i="9"/>
  <c r="J1166" i="9"/>
  <c r="B1167" i="9"/>
  <c r="C1167" i="9"/>
  <c r="D1167" i="9"/>
  <c r="E1167" i="9"/>
  <c r="G1167" i="9"/>
  <c r="J1167" i="9"/>
  <c r="B1168" i="9"/>
  <c r="C1168" i="9"/>
  <c r="D1168" i="9"/>
  <c r="E1168" i="9"/>
  <c r="G1168" i="9"/>
  <c r="J1168" i="9"/>
  <c r="B1169" i="9"/>
  <c r="C1169" i="9"/>
  <c r="D1169" i="9"/>
  <c r="E1169" i="9"/>
  <c r="G1169" i="9"/>
  <c r="J1169" i="9"/>
  <c r="B1170" i="9"/>
  <c r="C1170" i="9"/>
  <c r="D1170" i="9"/>
  <c r="E1170" i="9"/>
  <c r="G1170" i="9"/>
  <c r="J1170" i="9"/>
  <c r="B1171" i="9"/>
  <c r="C1171" i="9"/>
  <c r="D1171" i="9"/>
  <c r="E1171" i="9"/>
  <c r="G1171" i="9"/>
  <c r="J1171" i="9"/>
  <c r="B1172" i="9"/>
  <c r="C1172" i="9"/>
  <c r="D1172" i="9"/>
  <c r="E1172" i="9"/>
  <c r="G1172" i="9"/>
  <c r="J1172" i="9"/>
  <c r="B1173" i="9"/>
  <c r="C1173" i="9"/>
  <c r="D1173" i="9"/>
  <c r="E1173" i="9"/>
  <c r="G1173" i="9"/>
  <c r="J1173" i="9"/>
  <c r="B1174" i="9"/>
  <c r="C1174" i="9"/>
  <c r="D1174" i="9"/>
  <c r="E1174" i="9"/>
  <c r="G1174" i="9"/>
  <c r="J1174" i="9"/>
  <c r="B1175" i="9"/>
  <c r="C1175" i="9"/>
  <c r="D1175" i="9"/>
  <c r="E1175" i="9"/>
  <c r="G1175" i="9"/>
  <c r="J1175" i="9"/>
  <c r="B1176" i="9"/>
  <c r="C1176" i="9"/>
  <c r="D1176" i="9"/>
  <c r="E1176" i="9"/>
  <c r="G1176" i="9"/>
  <c r="J1176" i="9"/>
  <c r="B1177" i="9"/>
  <c r="C1177" i="9"/>
  <c r="D1177" i="9"/>
  <c r="E1177" i="9"/>
  <c r="G1177" i="9"/>
  <c r="J1177" i="9"/>
  <c r="B1178" i="9"/>
  <c r="C1178" i="9"/>
  <c r="D1178" i="9"/>
  <c r="E1178" i="9"/>
  <c r="G1178" i="9"/>
  <c r="J1178" i="9"/>
  <c r="B1179" i="9"/>
  <c r="C1179" i="9"/>
  <c r="D1179" i="9"/>
  <c r="E1179" i="9"/>
  <c r="G1179" i="9"/>
  <c r="J1179" i="9"/>
  <c r="B1180" i="9"/>
  <c r="C1180" i="9"/>
  <c r="D1180" i="9"/>
  <c r="E1180" i="9"/>
  <c r="G1180" i="9"/>
  <c r="J1180" i="9"/>
  <c r="B1181" i="9"/>
  <c r="C1181" i="9"/>
  <c r="D1181" i="9"/>
  <c r="E1181" i="9"/>
  <c r="G1181" i="9"/>
  <c r="J1181" i="9"/>
  <c r="B1182" i="9"/>
  <c r="C1182" i="9"/>
  <c r="D1182" i="9"/>
  <c r="E1182" i="9"/>
  <c r="G1182" i="9"/>
  <c r="J1182" i="9"/>
  <c r="B1183" i="9"/>
  <c r="C1183" i="9"/>
  <c r="D1183" i="9"/>
  <c r="E1183" i="9"/>
  <c r="G1183" i="9"/>
  <c r="J1183" i="9"/>
  <c r="B1184" i="9"/>
  <c r="C1184" i="9"/>
  <c r="D1184" i="9"/>
  <c r="E1184" i="9"/>
  <c r="G1184" i="9"/>
  <c r="J1184" i="9"/>
  <c r="B1185" i="9"/>
  <c r="C1185" i="9"/>
  <c r="D1185" i="9"/>
  <c r="E1185" i="9"/>
  <c r="G1185" i="9"/>
  <c r="J1185" i="9"/>
  <c r="B1186" i="9"/>
  <c r="C1186" i="9"/>
  <c r="D1186" i="9"/>
  <c r="E1186" i="9"/>
  <c r="G1186" i="9"/>
  <c r="J1186" i="9"/>
  <c r="B1187" i="9"/>
  <c r="C1187" i="9"/>
  <c r="D1187" i="9"/>
  <c r="E1187" i="9"/>
  <c r="G1187" i="9"/>
  <c r="J1187" i="9"/>
  <c r="B1188" i="9"/>
  <c r="C1188" i="9"/>
  <c r="D1188" i="9"/>
  <c r="E1188" i="9"/>
  <c r="G1188" i="9"/>
  <c r="J1188" i="9"/>
  <c r="B1189" i="9"/>
  <c r="C1189" i="9"/>
  <c r="D1189" i="9"/>
  <c r="E1189" i="9"/>
  <c r="G1189" i="9"/>
  <c r="J1189" i="9"/>
  <c r="B1190" i="9"/>
  <c r="C1190" i="9"/>
  <c r="D1190" i="9"/>
  <c r="E1190" i="9"/>
  <c r="G1190" i="9"/>
  <c r="J1190" i="9"/>
  <c r="B1191" i="9"/>
  <c r="C1191" i="9"/>
  <c r="D1191" i="9"/>
  <c r="E1191" i="9"/>
  <c r="G1191" i="9"/>
  <c r="J1191" i="9"/>
  <c r="B1192" i="9"/>
  <c r="C1192" i="9"/>
  <c r="D1192" i="9"/>
  <c r="E1192" i="9"/>
  <c r="G1192" i="9"/>
  <c r="J1192" i="9"/>
  <c r="B1193" i="9"/>
  <c r="C1193" i="9"/>
  <c r="D1193" i="9"/>
  <c r="E1193" i="9"/>
  <c r="G1193" i="9"/>
  <c r="J1193" i="9"/>
  <c r="B1194" i="9"/>
  <c r="C1194" i="9"/>
  <c r="D1194" i="9"/>
  <c r="E1194" i="9"/>
  <c r="G1194" i="9"/>
  <c r="J1194" i="9"/>
  <c r="B1195" i="9"/>
  <c r="C1195" i="9"/>
  <c r="D1195" i="9"/>
  <c r="E1195" i="9"/>
  <c r="G1195" i="9"/>
  <c r="J1195" i="9"/>
  <c r="B1196" i="9"/>
  <c r="C1196" i="9"/>
  <c r="D1196" i="9"/>
  <c r="E1196" i="9"/>
  <c r="G1196" i="9"/>
  <c r="J1196" i="9"/>
  <c r="B1197" i="9"/>
  <c r="C1197" i="9"/>
  <c r="D1197" i="9"/>
  <c r="E1197" i="9"/>
  <c r="G1197" i="9"/>
  <c r="J1197" i="9"/>
  <c r="B1198" i="9"/>
  <c r="C1198" i="9"/>
  <c r="D1198" i="9"/>
  <c r="E1198" i="9"/>
  <c r="G1198" i="9"/>
  <c r="J1198" i="9"/>
  <c r="B1199" i="9"/>
  <c r="C1199" i="9"/>
  <c r="D1199" i="9"/>
  <c r="E1199" i="9"/>
  <c r="G1199" i="9"/>
  <c r="J1199" i="9"/>
  <c r="B1200" i="9"/>
  <c r="C1200" i="9"/>
  <c r="D1200" i="9"/>
  <c r="E1200" i="9"/>
  <c r="G1200" i="9"/>
  <c r="J1200" i="9"/>
  <c r="B1201" i="9"/>
  <c r="C1201" i="9"/>
  <c r="D1201" i="9"/>
  <c r="E1201" i="9"/>
  <c r="G1201" i="9"/>
  <c r="J1201" i="9"/>
  <c r="B1202" i="9"/>
  <c r="C1202" i="9"/>
  <c r="D1202" i="9"/>
  <c r="E1202" i="9"/>
  <c r="G1202" i="9"/>
  <c r="J1202" i="9"/>
  <c r="B1203" i="9"/>
  <c r="C1203" i="9"/>
  <c r="D1203" i="9"/>
  <c r="E1203" i="9"/>
  <c r="G1203" i="9"/>
  <c r="J1203" i="9"/>
  <c r="B1204" i="9"/>
  <c r="C1204" i="9"/>
  <c r="D1204" i="9"/>
  <c r="E1204" i="9"/>
  <c r="G1204" i="9"/>
  <c r="J1204" i="9"/>
  <c r="B1205" i="9"/>
  <c r="C1205" i="9"/>
  <c r="D1205" i="9"/>
  <c r="E1205" i="9"/>
  <c r="G1205" i="9"/>
  <c r="J1205" i="9"/>
  <c r="B1206" i="9"/>
  <c r="C1206" i="9"/>
  <c r="D1206" i="9"/>
  <c r="E1206" i="9"/>
  <c r="G1206" i="9"/>
  <c r="J1206" i="9"/>
  <c r="B1207" i="9"/>
  <c r="C1207" i="9"/>
  <c r="D1207" i="9"/>
  <c r="E1207" i="9"/>
  <c r="G1207" i="9"/>
  <c r="J1207" i="9"/>
  <c r="B1208" i="9"/>
  <c r="C1208" i="9"/>
  <c r="D1208" i="9"/>
  <c r="E1208" i="9"/>
  <c r="G1208" i="9"/>
  <c r="J1208" i="9"/>
  <c r="B1209" i="9"/>
  <c r="C1209" i="9"/>
  <c r="D1209" i="9"/>
  <c r="E1209" i="9"/>
  <c r="G1209" i="9"/>
  <c r="J1209" i="9"/>
  <c r="B1210" i="9"/>
  <c r="C1210" i="9"/>
  <c r="D1210" i="9"/>
  <c r="E1210" i="9"/>
  <c r="G1210" i="9"/>
  <c r="J1210" i="9"/>
  <c r="B1211" i="9"/>
  <c r="C1211" i="9"/>
  <c r="D1211" i="9"/>
  <c r="E1211" i="9"/>
  <c r="G1211" i="9"/>
  <c r="J1211" i="9"/>
  <c r="B1212" i="9"/>
  <c r="C1212" i="9"/>
  <c r="D1212" i="9"/>
  <c r="E1212" i="9"/>
  <c r="G1212" i="9"/>
  <c r="J1212" i="9"/>
  <c r="B1213" i="9"/>
  <c r="C1213" i="9"/>
  <c r="D1213" i="9"/>
  <c r="E1213" i="9"/>
  <c r="G1213" i="9"/>
  <c r="J1213" i="9"/>
  <c r="B1214" i="9"/>
  <c r="C1214" i="9"/>
  <c r="D1214" i="9"/>
  <c r="E1214" i="9"/>
  <c r="G1214" i="9"/>
  <c r="J1214" i="9"/>
  <c r="B1215" i="9"/>
  <c r="C1215" i="9"/>
  <c r="D1215" i="9"/>
  <c r="E1215" i="9"/>
  <c r="G1215" i="9"/>
  <c r="J1215" i="9"/>
  <c r="B1216" i="9"/>
  <c r="C1216" i="9"/>
  <c r="D1216" i="9"/>
  <c r="E1216" i="9"/>
  <c r="G1216" i="9"/>
  <c r="J1216" i="9"/>
  <c r="B1217" i="9"/>
  <c r="C1217" i="9"/>
  <c r="D1217" i="9"/>
  <c r="E1217" i="9"/>
  <c r="G1217" i="9"/>
  <c r="J1217" i="9"/>
  <c r="B1218" i="9"/>
  <c r="C1218" i="9"/>
  <c r="D1218" i="9"/>
  <c r="E1218" i="9"/>
  <c r="G1218" i="9"/>
  <c r="J1218" i="9"/>
  <c r="B1219" i="9"/>
  <c r="C1219" i="9"/>
  <c r="D1219" i="9"/>
  <c r="E1219" i="9"/>
  <c r="G1219" i="9"/>
  <c r="J1219" i="9"/>
  <c r="B1220" i="9"/>
  <c r="C1220" i="9"/>
  <c r="D1220" i="9"/>
  <c r="E1220" i="9"/>
  <c r="G1220" i="9"/>
  <c r="J1220" i="9"/>
  <c r="B1221" i="9"/>
  <c r="C1221" i="9"/>
  <c r="D1221" i="9"/>
  <c r="E1221" i="9"/>
  <c r="G1221" i="9"/>
  <c r="J1221" i="9"/>
  <c r="B1222" i="9"/>
  <c r="C1222" i="9"/>
  <c r="D1222" i="9"/>
  <c r="E1222" i="9"/>
  <c r="G1222" i="9"/>
  <c r="J1222" i="9"/>
  <c r="B1223" i="9"/>
  <c r="C1223" i="9"/>
  <c r="D1223" i="9"/>
  <c r="E1223" i="9"/>
  <c r="G1223" i="9"/>
  <c r="J1223" i="9"/>
  <c r="B1224" i="9"/>
  <c r="C1224" i="9"/>
  <c r="D1224" i="9"/>
  <c r="E1224" i="9"/>
  <c r="G1224" i="9"/>
  <c r="J1224" i="9"/>
  <c r="B1225" i="9"/>
  <c r="C1225" i="9"/>
  <c r="D1225" i="9"/>
  <c r="E1225" i="9"/>
  <c r="G1225" i="9"/>
  <c r="J1225" i="9"/>
  <c r="B1226" i="9"/>
  <c r="C1226" i="9"/>
  <c r="D1226" i="9"/>
  <c r="E1226" i="9"/>
  <c r="G1226" i="9"/>
  <c r="J1226" i="9"/>
  <c r="B1227" i="9"/>
  <c r="C1227" i="9"/>
  <c r="D1227" i="9"/>
  <c r="E1227" i="9"/>
  <c r="G1227" i="9"/>
  <c r="J1227" i="9"/>
  <c r="B1228" i="9"/>
  <c r="C1228" i="9"/>
  <c r="D1228" i="9"/>
  <c r="E1228" i="9"/>
  <c r="G1228" i="9"/>
  <c r="J1228" i="9"/>
  <c r="B1229" i="9"/>
  <c r="C1229" i="9"/>
  <c r="D1229" i="9"/>
  <c r="E1229" i="9"/>
  <c r="G1229" i="9"/>
  <c r="J1229" i="9"/>
  <c r="B1230" i="9"/>
  <c r="C1230" i="9"/>
  <c r="D1230" i="9"/>
  <c r="E1230" i="9"/>
  <c r="G1230" i="9"/>
  <c r="J1230" i="9"/>
  <c r="B1231" i="9"/>
  <c r="C1231" i="9"/>
  <c r="D1231" i="9"/>
  <c r="E1231" i="9"/>
  <c r="G1231" i="9"/>
  <c r="J1231" i="9"/>
  <c r="B1232" i="9"/>
  <c r="C1232" i="9"/>
  <c r="D1232" i="9"/>
  <c r="E1232" i="9"/>
  <c r="G1232" i="9"/>
  <c r="J1232" i="9"/>
  <c r="B1233" i="9"/>
  <c r="C1233" i="9"/>
  <c r="D1233" i="9"/>
  <c r="E1233" i="9"/>
  <c r="G1233" i="9"/>
  <c r="J1233" i="9"/>
  <c r="B1234" i="9"/>
  <c r="C1234" i="9"/>
  <c r="D1234" i="9"/>
  <c r="E1234" i="9"/>
  <c r="G1234" i="9"/>
  <c r="J1234" i="9"/>
  <c r="B1235" i="9"/>
  <c r="C1235" i="9"/>
  <c r="D1235" i="9"/>
  <c r="E1235" i="9"/>
  <c r="G1235" i="9"/>
  <c r="J1235" i="9"/>
  <c r="B1236" i="9"/>
  <c r="C1236" i="9"/>
  <c r="D1236" i="9"/>
  <c r="E1236" i="9"/>
  <c r="G1236" i="9"/>
  <c r="J1236" i="9"/>
  <c r="B1237" i="9"/>
  <c r="C1237" i="9"/>
  <c r="D1237" i="9"/>
  <c r="E1237" i="9"/>
  <c r="G1237" i="9"/>
  <c r="J1237" i="9"/>
  <c r="B1238" i="9"/>
  <c r="C1238" i="9"/>
  <c r="D1238" i="9"/>
  <c r="E1238" i="9"/>
  <c r="G1238" i="9"/>
  <c r="J1238" i="9"/>
  <c r="B1239" i="9"/>
  <c r="C1239" i="9"/>
  <c r="D1239" i="9"/>
  <c r="E1239" i="9"/>
  <c r="G1239" i="9"/>
  <c r="J1239" i="9"/>
  <c r="B1240" i="9"/>
  <c r="C1240" i="9"/>
  <c r="D1240" i="9"/>
  <c r="E1240" i="9"/>
  <c r="G1240" i="9"/>
  <c r="J1240" i="9"/>
  <c r="B1241" i="9"/>
  <c r="C1241" i="9"/>
  <c r="D1241" i="9"/>
  <c r="E1241" i="9"/>
  <c r="G1241" i="9"/>
  <c r="J1241" i="9"/>
  <c r="B1242" i="9"/>
  <c r="C1242" i="9"/>
  <c r="D1242" i="9"/>
  <c r="E1242" i="9"/>
  <c r="G1242" i="9"/>
  <c r="J1242" i="9"/>
  <c r="B1243" i="9"/>
  <c r="C1243" i="9"/>
  <c r="D1243" i="9"/>
  <c r="E1243" i="9"/>
  <c r="G1243" i="9"/>
  <c r="J1243" i="9"/>
  <c r="B1244" i="9"/>
  <c r="C1244" i="9"/>
  <c r="D1244" i="9"/>
  <c r="E1244" i="9"/>
  <c r="G1244" i="9"/>
  <c r="J1244" i="9"/>
  <c r="B1245" i="9"/>
  <c r="C1245" i="9"/>
  <c r="D1245" i="9"/>
  <c r="E1245" i="9"/>
  <c r="G1245" i="9"/>
  <c r="J1245" i="9"/>
  <c r="B1246" i="9"/>
  <c r="C1246" i="9"/>
  <c r="D1246" i="9"/>
  <c r="E1246" i="9"/>
  <c r="G1246" i="9"/>
  <c r="J1246" i="9"/>
  <c r="B1247" i="9"/>
  <c r="C1247" i="9"/>
  <c r="D1247" i="9"/>
  <c r="E1247" i="9"/>
  <c r="G1247" i="9"/>
  <c r="J1247" i="9"/>
  <c r="B1248" i="9"/>
  <c r="C1248" i="9"/>
  <c r="D1248" i="9"/>
  <c r="E1248" i="9"/>
  <c r="G1248" i="9"/>
  <c r="J1248" i="9"/>
  <c r="B1249" i="9"/>
  <c r="C1249" i="9"/>
  <c r="D1249" i="9"/>
  <c r="E1249" i="9"/>
  <c r="G1249" i="9"/>
  <c r="J1249" i="9"/>
  <c r="B1250" i="9"/>
  <c r="C1250" i="9"/>
  <c r="D1250" i="9"/>
  <c r="E1250" i="9"/>
  <c r="G1250" i="9"/>
  <c r="J1250" i="9"/>
  <c r="B1251" i="9"/>
  <c r="C1251" i="9"/>
  <c r="D1251" i="9"/>
  <c r="E1251" i="9"/>
  <c r="G1251" i="9"/>
  <c r="J1251" i="9"/>
  <c r="B1252" i="9"/>
  <c r="C1252" i="9"/>
  <c r="D1252" i="9"/>
  <c r="E1252" i="9"/>
  <c r="G1252" i="9"/>
  <c r="J1252" i="9"/>
  <c r="B1253" i="9"/>
  <c r="C1253" i="9"/>
  <c r="D1253" i="9"/>
  <c r="E1253" i="9"/>
  <c r="G1253" i="9"/>
  <c r="J1253" i="9"/>
  <c r="B1254" i="9"/>
  <c r="C1254" i="9"/>
  <c r="D1254" i="9"/>
  <c r="E1254" i="9"/>
  <c r="G1254" i="9"/>
  <c r="J1254" i="9"/>
  <c r="B1255" i="9"/>
  <c r="C1255" i="9"/>
  <c r="D1255" i="9"/>
  <c r="E1255" i="9"/>
  <c r="G1255" i="9"/>
  <c r="J1255" i="9"/>
  <c r="B1256" i="9"/>
  <c r="C1256" i="9"/>
  <c r="D1256" i="9"/>
  <c r="E1256" i="9"/>
  <c r="G1256" i="9"/>
  <c r="J1256" i="9"/>
  <c r="B1257" i="9"/>
  <c r="C1257" i="9"/>
  <c r="D1257" i="9"/>
  <c r="E1257" i="9"/>
  <c r="G1257" i="9"/>
  <c r="J1257" i="9"/>
  <c r="B1258" i="9"/>
  <c r="C1258" i="9"/>
  <c r="D1258" i="9"/>
  <c r="E1258" i="9"/>
  <c r="G1258" i="9"/>
  <c r="J1258" i="9"/>
  <c r="B1259" i="9"/>
  <c r="C1259" i="9"/>
  <c r="D1259" i="9"/>
  <c r="E1259" i="9"/>
  <c r="G1259" i="9"/>
  <c r="J1259" i="9"/>
  <c r="B1260" i="9"/>
  <c r="C1260" i="9"/>
  <c r="D1260" i="9"/>
  <c r="E1260" i="9"/>
  <c r="G1260" i="9"/>
  <c r="J1260" i="9"/>
  <c r="B1261" i="9"/>
  <c r="C1261" i="9"/>
  <c r="D1261" i="9"/>
  <c r="E1261" i="9"/>
  <c r="G1261" i="9"/>
  <c r="J1261" i="9"/>
  <c r="B1262" i="9"/>
  <c r="C1262" i="9"/>
  <c r="D1262" i="9"/>
  <c r="E1262" i="9"/>
  <c r="G1262" i="9"/>
  <c r="J1262" i="9"/>
  <c r="B1263" i="9"/>
  <c r="C1263" i="9"/>
  <c r="D1263" i="9"/>
  <c r="E1263" i="9"/>
  <c r="G1263" i="9"/>
  <c r="J1263" i="9"/>
  <c r="B1264" i="9"/>
  <c r="C1264" i="9"/>
  <c r="D1264" i="9"/>
  <c r="E1264" i="9"/>
  <c r="G1264" i="9"/>
  <c r="J1264" i="9"/>
  <c r="B1265" i="9"/>
  <c r="C1265" i="9"/>
  <c r="D1265" i="9"/>
  <c r="E1265" i="9"/>
  <c r="G1265" i="9"/>
  <c r="J1265" i="9"/>
  <c r="B1266" i="9"/>
  <c r="C1266" i="9"/>
  <c r="D1266" i="9"/>
  <c r="E1266" i="9"/>
  <c r="G1266" i="9"/>
  <c r="J1266" i="9"/>
  <c r="B1267" i="9"/>
  <c r="C1267" i="9"/>
  <c r="D1267" i="9"/>
  <c r="E1267" i="9"/>
  <c r="G1267" i="9"/>
  <c r="J1267" i="9"/>
  <c r="B1268" i="9"/>
  <c r="C1268" i="9"/>
  <c r="D1268" i="9"/>
  <c r="E1268" i="9"/>
  <c r="G1268" i="9"/>
  <c r="J1268" i="9"/>
  <c r="B1269" i="9"/>
  <c r="C1269" i="9"/>
  <c r="D1269" i="9"/>
  <c r="E1269" i="9"/>
  <c r="G1269" i="9"/>
  <c r="J1269" i="9"/>
  <c r="B1270" i="9"/>
  <c r="C1270" i="9"/>
  <c r="D1270" i="9"/>
  <c r="E1270" i="9"/>
  <c r="G1270" i="9"/>
  <c r="J1270" i="9"/>
  <c r="B1271" i="9"/>
  <c r="C1271" i="9"/>
  <c r="D1271" i="9"/>
  <c r="E1271" i="9"/>
  <c r="G1271" i="9"/>
  <c r="J1271" i="9"/>
  <c r="B1272" i="9"/>
  <c r="C1272" i="9"/>
  <c r="D1272" i="9"/>
  <c r="E1272" i="9"/>
  <c r="G1272" i="9"/>
  <c r="J1272" i="9"/>
  <c r="B1273" i="9"/>
  <c r="C1273" i="9"/>
  <c r="D1273" i="9"/>
  <c r="E1273" i="9"/>
  <c r="G1273" i="9"/>
  <c r="J1273" i="9"/>
  <c r="B1274" i="9"/>
  <c r="C1274" i="9"/>
  <c r="D1274" i="9"/>
  <c r="E1274" i="9"/>
  <c r="G1274" i="9"/>
  <c r="J1274" i="9"/>
  <c r="B1275" i="9"/>
  <c r="C1275" i="9"/>
  <c r="D1275" i="9"/>
  <c r="E1275" i="9"/>
  <c r="G1275" i="9"/>
  <c r="J1275" i="9"/>
  <c r="B1276" i="9"/>
  <c r="C1276" i="9"/>
  <c r="D1276" i="9"/>
  <c r="E1276" i="9"/>
  <c r="G1276" i="9"/>
  <c r="J1276" i="9"/>
  <c r="B1277" i="9"/>
  <c r="C1277" i="9"/>
  <c r="D1277" i="9"/>
  <c r="E1277" i="9"/>
  <c r="G1277" i="9"/>
  <c r="J1277" i="9"/>
  <c r="B1278" i="9"/>
  <c r="C1278" i="9"/>
  <c r="D1278" i="9"/>
  <c r="E1278" i="9"/>
  <c r="G1278" i="9"/>
  <c r="J1278" i="9"/>
  <c r="B1279" i="9"/>
  <c r="C1279" i="9"/>
  <c r="D1279" i="9"/>
  <c r="E1279" i="9"/>
  <c r="G1279" i="9"/>
  <c r="J1279" i="9"/>
  <c r="B1280" i="9"/>
  <c r="C1280" i="9"/>
  <c r="D1280" i="9"/>
  <c r="E1280" i="9"/>
  <c r="G1280" i="9"/>
  <c r="J1280" i="9"/>
  <c r="B1281" i="9"/>
  <c r="C1281" i="9"/>
  <c r="D1281" i="9"/>
  <c r="E1281" i="9"/>
  <c r="G1281" i="9"/>
  <c r="J1281" i="9"/>
  <c r="B1282" i="9"/>
  <c r="C1282" i="9"/>
  <c r="D1282" i="9"/>
  <c r="E1282" i="9"/>
  <c r="G1282" i="9"/>
  <c r="J1282" i="9"/>
  <c r="B1283" i="9"/>
  <c r="C1283" i="9"/>
  <c r="D1283" i="9"/>
  <c r="E1283" i="9"/>
  <c r="G1283" i="9"/>
  <c r="J1283" i="9"/>
  <c r="B1284" i="9"/>
  <c r="C1284" i="9"/>
  <c r="D1284" i="9"/>
  <c r="E1284" i="9"/>
  <c r="G1284" i="9"/>
  <c r="J1284" i="9"/>
  <c r="B1285" i="9"/>
  <c r="C1285" i="9"/>
  <c r="D1285" i="9"/>
  <c r="E1285" i="9"/>
  <c r="G1285" i="9"/>
  <c r="J1285" i="9"/>
  <c r="B1286" i="9"/>
  <c r="C1286" i="9"/>
  <c r="D1286" i="9"/>
  <c r="E1286" i="9"/>
  <c r="G1286" i="9"/>
  <c r="J1286" i="9"/>
  <c r="B1287" i="9"/>
  <c r="C1287" i="9"/>
  <c r="D1287" i="9"/>
  <c r="E1287" i="9"/>
  <c r="G1287" i="9"/>
  <c r="J1287" i="9"/>
  <c r="B1288" i="9"/>
  <c r="C1288" i="9"/>
  <c r="D1288" i="9"/>
  <c r="E1288" i="9"/>
  <c r="G1288" i="9"/>
  <c r="J1288" i="9"/>
  <c r="B1289" i="9"/>
  <c r="C1289" i="9"/>
  <c r="D1289" i="9"/>
  <c r="E1289" i="9"/>
  <c r="G1289" i="9"/>
  <c r="J1289" i="9"/>
  <c r="B1290" i="9"/>
  <c r="C1290" i="9"/>
  <c r="D1290" i="9"/>
  <c r="E1290" i="9"/>
  <c r="G1290" i="9"/>
  <c r="J1290" i="9"/>
  <c r="B1291" i="9"/>
  <c r="C1291" i="9"/>
  <c r="D1291" i="9"/>
  <c r="E1291" i="9"/>
  <c r="G1291" i="9"/>
  <c r="J1291" i="9"/>
  <c r="B1292" i="9"/>
  <c r="C1292" i="9"/>
  <c r="D1292" i="9"/>
  <c r="E1292" i="9"/>
  <c r="G1292" i="9"/>
  <c r="J1292" i="9"/>
  <c r="B1293" i="9"/>
  <c r="C1293" i="9"/>
  <c r="D1293" i="9"/>
  <c r="E1293" i="9"/>
  <c r="G1293" i="9"/>
  <c r="J1293" i="9"/>
  <c r="B1294" i="9"/>
  <c r="C1294" i="9"/>
  <c r="D1294" i="9"/>
  <c r="E1294" i="9"/>
  <c r="G1294" i="9"/>
  <c r="J1294" i="9"/>
  <c r="B1295" i="9"/>
  <c r="C1295" i="9"/>
  <c r="D1295" i="9"/>
  <c r="E1295" i="9"/>
  <c r="G1295" i="9"/>
  <c r="J1295" i="9"/>
  <c r="B1296" i="9"/>
  <c r="C1296" i="9"/>
  <c r="D1296" i="9"/>
  <c r="E1296" i="9"/>
  <c r="G1296" i="9"/>
  <c r="J1296" i="9"/>
  <c r="B1297" i="9"/>
  <c r="C1297" i="9"/>
  <c r="D1297" i="9"/>
  <c r="E1297" i="9"/>
  <c r="G1297" i="9"/>
  <c r="J1297" i="9"/>
  <c r="B1298" i="9"/>
  <c r="C1298" i="9"/>
  <c r="D1298" i="9"/>
  <c r="E1298" i="9"/>
  <c r="G1298" i="9"/>
  <c r="J1298" i="9"/>
  <c r="B1299" i="9"/>
  <c r="C1299" i="9"/>
  <c r="D1299" i="9"/>
  <c r="E1299" i="9"/>
  <c r="G1299" i="9"/>
  <c r="J1299" i="9"/>
  <c r="B1300" i="9"/>
  <c r="C1300" i="9"/>
  <c r="D1300" i="9"/>
  <c r="E1300" i="9"/>
  <c r="G1300" i="9"/>
  <c r="J1300" i="9"/>
  <c r="B1301" i="9"/>
  <c r="C1301" i="9"/>
  <c r="D1301" i="9"/>
  <c r="E1301" i="9"/>
  <c r="G1301" i="9"/>
  <c r="J1301" i="9"/>
  <c r="B1302" i="9"/>
  <c r="C1302" i="9"/>
  <c r="D1302" i="9"/>
  <c r="E1302" i="9"/>
  <c r="G1302" i="9"/>
  <c r="J1302" i="9"/>
  <c r="B1303" i="9"/>
  <c r="C1303" i="9"/>
  <c r="D1303" i="9"/>
  <c r="E1303" i="9"/>
  <c r="G1303" i="9"/>
  <c r="J1303" i="9"/>
  <c r="B1304" i="9"/>
  <c r="C1304" i="9"/>
  <c r="D1304" i="9"/>
  <c r="E1304" i="9"/>
  <c r="G1304" i="9"/>
  <c r="J1304" i="9"/>
  <c r="B1305" i="9"/>
  <c r="C1305" i="9"/>
  <c r="D1305" i="9"/>
  <c r="E1305" i="9"/>
  <c r="G1305" i="9"/>
  <c r="J1305" i="9"/>
  <c r="B1306" i="9"/>
  <c r="C1306" i="9"/>
  <c r="D1306" i="9"/>
  <c r="E1306" i="9"/>
  <c r="G1306" i="9"/>
  <c r="J1306" i="9"/>
  <c r="B1307" i="9"/>
  <c r="C1307" i="9"/>
  <c r="D1307" i="9"/>
  <c r="E1307" i="9"/>
  <c r="G1307" i="9"/>
  <c r="J1307" i="9"/>
  <c r="B1308" i="9"/>
  <c r="C1308" i="9"/>
  <c r="D1308" i="9"/>
  <c r="E1308" i="9"/>
  <c r="G1308" i="9"/>
  <c r="J1308" i="9"/>
  <c r="B1309" i="9"/>
  <c r="C1309" i="9"/>
  <c r="D1309" i="9"/>
  <c r="E1309" i="9"/>
  <c r="G1309" i="9"/>
  <c r="J1309" i="9"/>
  <c r="B1310" i="9"/>
  <c r="C1310" i="9"/>
  <c r="D1310" i="9"/>
  <c r="E1310" i="9"/>
  <c r="G1310" i="9"/>
  <c r="J1310" i="9"/>
  <c r="B1311" i="9"/>
  <c r="C1311" i="9"/>
  <c r="D1311" i="9"/>
  <c r="E1311" i="9"/>
  <c r="G1311" i="9"/>
  <c r="J1311" i="9"/>
  <c r="B1312" i="9"/>
  <c r="C1312" i="9"/>
  <c r="D1312" i="9"/>
  <c r="E1312" i="9"/>
  <c r="G1312" i="9"/>
  <c r="J1312" i="9"/>
  <c r="B1313" i="9"/>
  <c r="C1313" i="9"/>
  <c r="D1313" i="9"/>
  <c r="E1313" i="9"/>
  <c r="G1313" i="9"/>
  <c r="J1313" i="9"/>
  <c r="B1314" i="9"/>
  <c r="C1314" i="9"/>
  <c r="D1314" i="9"/>
  <c r="E1314" i="9"/>
  <c r="G1314" i="9"/>
  <c r="J1314" i="9"/>
  <c r="B1315" i="9"/>
  <c r="C1315" i="9"/>
  <c r="D1315" i="9"/>
  <c r="E1315" i="9"/>
  <c r="G1315" i="9"/>
  <c r="J1315" i="9"/>
  <c r="B1316" i="9"/>
  <c r="C1316" i="9"/>
  <c r="D1316" i="9"/>
  <c r="E1316" i="9"/>
  <c r="G1316" i="9"/>
  <c r="J1316" i="9"/>
  <c r="B1317" i="9"/>
  <c r="C1317" i="9"/>
  <c r="D1317" i="9"/>
  <c r="E1317" i="9"/>
  <c r="G1317" i="9"/>
  <c r="J1317" i="9"/>
  <c r="B1318" i="9"/>
  <c r="C1318" i="9"/>
  <c r="D1318" i="9"/>
  <c r="E1318" i="9"/>
  <c r="G1318" i="9"/>
  <c r="J1318" i="9"/>
  <c r="B1319" i="9"/>
  <c r="C1319" i="9"/>
  <c r="D1319" i="9"/>
  <c r="E1319" i="9"/>
  <c r="G1319" i="9"/>
  <c r="J1319" i="9"/>
  <c r="B1320" i="9"/>
  <c r="C1320" i="9"/>
  <c r="D1320" i="9"/>
  <c r="E1320" i="9"/>
  <c r="G1320" i="9"/>
  <c r="J1320" i="9"/>
  <c r="B1321" i="9"/>
  <c r="C1321" i="9"/>
  <c r="D1321" i="9"/>
  <c r="E1321" i="9"/>
  <c r="G1321" i="9"/>
  <c r="J1321" i="9"/>
  <c r="B1322" i="9"/>
  <c r="C1322" i="9"/>
  <c r="D1322" i="9"/>
  <c r="E1322" i="9"/>
  <c r="G1322" i="9"/>
  <c r="J1322" i="9"/>
  <c r="B1323" i="9"/>
  <c r="C1323" i="9"/>
  <c r="D1323" i="9"/>
  <c r="E1323" i="9"/>
  <c r="G1323" i="9"/>
  <c r="J1323" i="9"/>
  <c r="B1324" i="9"/>
  <c r="C1324" i="9"/>
  <c r="D1324" i="9"/>
  <c r="E1324" i="9"/>
  <c r="G1324" i="9"/>
  <c r="J1324" i="9"/>
  <c r="B1325" i="9"/>
  <c r="C1325" i="9"/>
  <c r="D1325" i="9"/>
  <c r="E1325" i="9"/>
  <c r="G1325" i="9"/>
  <c r="J1325" i="9"/>
  <c r="B1326" i="9"/>
  <c r="C1326" i="9"/>
  <c r="D1326" i="9"/>
  <c r="E1326" i="9"/>
  <c r="G1326" i="9"/>
  <c r="J1326" i="9"/>
  <c r="B1327" i="9"/>
  <c r="C1327" i="9"/>
  <c r="D1327" i="9"/>
  <c r="E1327" i="9"/>
  <c r="G1327" i="9"/>
  <c r="J1327" i="9"/>
  <c r="B1328" i="9"/>
  <c r="C1328" i="9"/>
  <c r="D1328" i="9"/>
  <c r="E1328" i="9"/>
  <c r="G1328" i="9"/>
  <c r="J1328" i="9"/>
  <c r="B1329" i="9"/>
  <c r="C1329" i="9"/>
  <c r="D1329" i="9"/>
  <c r="E1329" i="9"/>
  <c r="G1329" i="9"/>
  <c r="J1329" i="9"/>
  <c r="B1330" i="9"/>
  <c r="C1330" i="9"/>
  <c r="D1330" i="9"/>
  <c r="E1330" i="9"/>
  <c r="G1330" i="9"/>
  <c r="J1330" i="9"/>
  <c r="B1331" i="9"/>
  <c r="C1331" i="9"/>
  <c r="D1331" i="9"/>
  <c r="E1331" i="9"/>
  <c r="G1331" i="9"/>
  <c r="J1331" i="9"/>
  <c r="B1332" i="9"/>
  <c r="C1332" i="9"/>
  <c r="D1332" i="9"/>
  <c r="E1332" i="9"/>
  <c r="G1332" i="9"/>
  <c r="J1332" i="9"/>
  <c r="B1333" i="9"/>
  <c r="C1333" i="9"/>
  <c r="D1333" i="9"/>
  <c r="E1333" i="9"/>
  <c r="G1333" i="9"/>
  <c r="J1333" i="9"/>
  <c r="B1334" i="9"/>
  <c r="C1334" i="9"/>
  <c r="D1334" i="9"/>
  <c r="E1334" i="9"/>
  <c r="G1334" i="9"/>
  <c r="J1334" i="9"/>
  <c r="B1335" i="9"/>
  <c r="C1335" i="9"/>
  <c r="D1335" i="9"/>
  <c r="E1335" i="9"/>
  <c r="G1335" i="9"/>
  <c r="J1335" i="9"/>
  <c r="B1336" i="9"/>
  <c r="C1336" i="9"/>
  <c r="D1336" i="9"/>
  <c r="E1336" i="9"/>
  <c r="G1336" i="9"/>
  <c r="J1336" i="9"/>
  <c r="B1337" i="9"/>
  <c r="C1337" i="9"/>
  <c r="D1337" i="9"/>
  <c r="E1337" i="9"/>
  <c r="G1337" i="9"/>
  <c r="J1337" i="9"/>
  <c r="B1338" i="9"/>
  <c r="C1338" i="9"/>
  <c r="D1338" i="9"/>
  <c r="E1338" i="9"/>
  <c r="G1338" i="9"/>
  <c r="J1338" i="9"/>
  <c r="B1339" i="9"/>
  <c r="C1339" i="9"/>
  <c r="D1339" i="9"/>
  <c r="E1339" i="9"/>
  <c r="G1339" i="9"/>
  <c r="J1339" i="9"/>
  <c r="B1340" i="9"/>
  <c r="C1340" i="9"/>
  <c r="D1340" i="9"/>
  <c r="E1340" i="9"/>
  <c r="G1340" i="9"/>
  <c r="J1340" i="9"/>
  <c r="B1341" i="9"/>
  <c r="C1341" i="9"/>
  <c r="D1341" i="9"/>
  <c r="E1341" i="9"/>
  <c r="G1341" i="9"/>
  <c r="J1341" i="9"/>
  <c r="B1342" i="9"/>
  <c r="C1342" i="9"/>
  <c r="D1342" i="9"/>
  <c r="E1342" i="9"/>
  <c r="G1342" i="9"/>
  <c r="J1342" i="9"/>
  <c r="B1343" i="9"/>
  <c r="C1343" i="9"/>
  <c r="D1343" i="9"/>
  <c r="E1343" i="9"/>
  <c r="G1343" i="9"/>
  <c r="J1343" i="9"/>
  <c r="B1344" i="9"/>
  <c r="C1344" i="9"/>
  <c r="D1344" i="9"/>
  <c r="E1344" i="9"/>
  <c r="G1344" i="9"/>
  <c r="J1344" i="9"/>
  <c r="B1345" i="9"/>
  <c r="C1345" i="9"/>
  <c r="D1345" i="9"/>
  <c r="E1345" i="9"/>
  <c r="G1345" i="9"/>
  <c r="J1345" i="9"/>
  <c r="B1346" i="9"/>
  <c r="C1346" i="9"/>
  <c r="D1346" i="9"/>
  <c r="E1346" i="9"/>
  <c r="G1346" i="9"/>
  <c r="J1346" i="9"/>
  <c r="B1347" i="9"/>
  <c r="C1347" i="9"/>
  <c r="D1347" i="9"/>
  <c r="E1347" i="9"/>
  <c r="G1347" i="9"/>
  <c r="J1347" i="9"/>
  <c r="B1348" i="9"/>
  <c r="C1348" i="9"/>
  <c r="D1348" i="9"/>
  <c r="E1348" i="9"/>
  <c r="G1348" i="9"/>
  <c r="J1348" i="9"/>
  <c r="B1349" i="9"/>
  <c r="C1349" i="9"/>
  <c r="D1349" i="9"/>
  <c r="E1349" i="9"/>
  <c r="G1349" i="9"/>
  <c r="J1349" i="9"/>
  <c r="B1350" i="9"/>
  <c r="C1350" i="9"/>
  <c r="D1350" i="9"/>
  <c r="E1350" i="9"/>
  <c r="G1350" i="9"/>
  <c r="J1350" i="9"/>
  <c r="B1351" i="9"/>
  <c r="C1351" i="9"/>
  <c r="D1351" i="9"/>
  <c r="E1351" i="9"/>
  <c r="G1351" i="9"/>
  <c r="J1351" i="9"/>
  <c r="B1352" i="9"/>
  <c r="C1352" i="9"/>
  <c r="D1352" i="9"/>
  <c r="E1352" i="9"/>
  <c r="G1352" i="9"/>
  <c r="J1352" i="9"/>
  <c r="B1353" i="9"/>
  <c r="C1353" i="9"/>
  <c r="D1353" i="9"/>
  <c r="E1353" i="9"/>
  <c r="G1353" i="9"/>
  <c r="J1353" i="9"/>
  <c r="B1354" i="9"/>
  <c r="C1354" i="9"/>
  <c r="D1354" i="9"/>
  <c r="E1354" i="9"/>
  <c r="G1354" i="9"/>
  <c r="J1354" i="9"/>
  <c r="B1355" i="9"/>
  <c r="C1355" i="9"/>
  <c r="D1355" i="9"/>
  <c r="E1355" i="9"/>
  <c r="G1355" i="9"/>
  <c r="J1355" i="9"/>
  <c r="B1356" i="9"/>
  <c r="C1356" i="9"/>
  <c r="D1356" i="9"/>
  <c r="E1356" i="9"/>
  <c r="G1356" i="9"/>
  <c r="J1356" i="9"/>
  <c r="B1357" i="9"/>
  <c r="C1357" i="9"/>
  <c r="D1357" i="9"/>
  <c r="E1357" i="9"/>
  <c r="G1357" i="9"/>
  <c r="J1357" i="9"/>
  <c r="B1358" i="9"/>
  <c r="C1358" i="9"/>
  <c r="D1358" i="9"/>
  <c r="E1358" i="9"/>
  <c r="G1358" i="9"/>
  <c r="J1358" i="9"/>
  <c r="B1359" i="9"/>
  <c r="C1359" i="9"/>
  <c r="D1359" i="9"/>
  <c r="E1359" i="9"/>
  <c r="G1359" i="9"/>
  <c r="J1359" i="9"/>
  <c r="B1360" i="9"/>
  <c r="C1360" i="9"/>
  <c r="D1360" i="9"/>
  <c r="E1360" i="9"/>
  <c r="G1360" i="9"/>
  <c r="J1360" i="9"/>
  <c r="B1361" i="9"/>
  <c r="C1361" i="9"/>
  <c r="D1361" i="9"/>
  <c r="E1361" i="9"/>
  <c r="G1361" i="9"/>
  <c r="J1361" i="9"/>
  <c r="B1362" i="9"/>
  <c r="C1362" i="9"/>
  <c r="D1362" i="9"/>
  <c r="E1362" i="9"/>
  <c r="G1362" i="9"/>
  <c r="J1362" i="9"/>
  <c r="B1363" i="9"/>
  <c r="C1363" i="9"/>
  <c r="D1363" i="9"/>
  <c r="E1363" i="9"/>
  <c r="G1363" i="9"/>
  <c r="J1363" i="9"/>
  <c r="B1364" i="9"/>
  <c r="C1364" i="9"/>
  <c r="D1364" i="9"/>
  <c r="E1364" i="9"/>
  <c r="G1364" i="9"/>
  <c r="J1364" i="9"/>
  <c r="B1365" i="9"/>
  <c r="C1365" i="9"/>
  <c r="D1365" i="9"/>
  <c r="E1365" i="9"/>
  <c r="G1365" i="9"/>
  <c r="J1365" i="9"/>
  <c r="B1366" i="9"/>
  <c r="C1366" i="9"/>
  <c r="D1366" i="9"/>
  <c r="E1366" i="9"/>
  <c r="G1366" i="9"/>
  <c r="J1366" i="9"/>
  <c r="B1367" i="9"/>
  <c r="C1367" i="9"/>
  <c r="D1367" i="9"/>
  <c r="E1367" i="9"/>
  <c r="G1367" i="9"/>
  <c r="J1367" i="9"/>
  <c r="B1368" i="9"/>
  <c r="C1368" i="9"/>
  <c r="D1368" i="9"/>
  <c r="E1368" i="9"/>
  <c r="G1368" i="9"/>
  <c r="J1368" i="9"/>
  <c r="B1369" i="9"/>
  <c r="C1369" i="9"/>
  <c r="D1369" i="9"/>
  <c r="E1369" i="9"/>
  <c r="G1369" i="9"/>
  <c r="J1369" i="9"/>
  <c r="B1370" i="9"/>
  <c r="C1370" i="9"/>
  <c r="D1370" i="9"/>
  <c r="E1370" i="9"/>
  <c r="G1370" i="9"/>
  <c r="J1370" i="9"/>
  <c r="B1371" i="9"/>
  <c r="C1371" i="9"/>
  <c r="D1371" i="9"/>
  <c r="E1371" i="9"/>
  <c r="G1371" i="9"/>
  <c r="J1371" i="9"/>
  <c r="B1372" i="9"/>
  <c r="C1372" i="9"/>
  <c r="D1372" i="9"/>
  <c r="E1372" i="9"/>
  <c r="G1372" i="9"/>
  <c r="J1372" i="9"/>
  <c r="B1373" i="9"/>
  <c r="C1373" i="9"/>
  <c r="D1373" i="9"/>
  <c r="E1373" i="9"/>
  <c r="G1373" i="9"/>
  <c r="J1373" i="9"/>
  <c r="B1374" i="9"/>
  <c r="C1374" i="9"/>
  <c r="D1374" i="9"/>
  <c r="E1374" i="9"/>
  <c r="G1374" i="9"/>
  <c r="J1374" i="9"/>
  <c r="B1375" i="9"/>
  <c r="C1375" i="9"/>
  <c r="D1375" i="9"/>
  <c r="E1375" i="9"/>
  <c r="G1375" i="9"/>
  <c r="J1375" i="9"/>
  <c r="B1376" i="9"/>
  <c r="C1376" i="9"/>
  <c r="D1376" i="9"/>
  <c r="E1376" i="9"/>
  <c r="G1376" i="9"/>
  <c r="J1376" i="9"/>
  <c r="B1377" i="9"/>
  <c r="C1377" i="9"/>
  <c r="D1377" i="9"/>
  <c r="E1377" i="9"/>
  <c r="G1377" i="9"/>
  <c r="J1377" i="9"/>
  <c r="B1378" i="9"/>
  <c r="C1378" i="9"/>
  <c r="D1378" i="9"/>
  <c r="E1378" i="9"/>
  <c r="G1378" i="9"/>
  <c r="J1378" i="9"/>
  <c r="B1379" i="9"/>
  <c r="C1379" i="9"/>
  <c r="D1379" i="9"/>
  <c r="E1379" i="9"/>
  <c r="G1379" i="9"/>
  <c r="J1379" i="9"/>
  <c r="B1380" i="9"/>
  <c r="C1380" i="9"/>
  <c r="D1380" i="9"/>
  <c r="E1380" i="9"/>
  <c r="G1380" i="9"/>
  <c r="J1380" i="9"/>
  <c r="B1381" i="9"/>
  <c r="C1381" i="9"/>
  <c r="D1381" i="9"/>
  <c r="E1381" i="9"/>
  <c r="G1381" i="9"/>
  <c r="J1381" i="9"/>
  <c r="B1382" i="9"/>
  <c r="C1382" i="9"/>
  <c r="D1382" i="9"/>
  <c r="E1382" i="9"/>
  <c r="G1382" i="9"/>
  <c r="J1382" i="9"/>
  <c r="B1383" i="9"/>
  <c r="C1383" i="9"/>
  <c r="D1383" i="9"/>
  <c r="E1383" i="9"/>
  <c r="G1383" i="9"/>
  <c r="J1383" i="9"/>
  <c r="B1384" i="9"/>
  <c r="C1384" i="9"/>
  <c r="D1384" i="9"/>
  <c r="E1384" i="9"/>
  <c r="G1384" i="9"/>
  <c r="J1384" i="9"/>
  <c r="B1385" i="9"/>
  <c r="C1385" i="9"/>
  <c r="D1385" i="9"/>
  <c r="E1385" i="9"/>
  <c r="G1385" i="9"/>
  <c r="J1385" i="9"/>
  <c r="B1386" i="9"/>
  <c r="C1386" i="9"/>
  <c r="D1386" i="9"/>
  <c r="E1386" i="9"/>
  <c r="G1386" i="9"/>
  <c r="J1386" i="9"/>
  <c r="B1387" i="9"/>
  <c r="C1387" i="9"/>
  <c r="D1387" i="9"/>
  <c r="E1387" i="9"/>
  <c r="G1387" i="9"/>
  <c r="J1387" i="9"/>
  <c r="B1388" i="9"/>
  <c r="C1388" i="9"/>
  <c r="D1388" i="9"/>
  <c r="E1388" i="9"/>
  <c r="G1388" i="9"/>
  <c r="J1388" i="9"/>
  <c r="B1389" i="9"/>
  <c r="C1389" i="9"/>
  <c r="D1389" i="9"/>
  <c r="E1389" i="9"/>
  <c r="G1389" i="9"/>
  <c r="J1389" i="9"/>
  <c r="B1390" i="9"/>
  <c r="C1390" i="9"/>
  <c r="D1390" i="9"/>
  <c r="E1390" i="9"/>
  <c r="G1390" i="9"/>
  <c r="J1390" i="9"/>
  <c r="B1391" i="9"/>
  <c r="C1391" i="9"/>
  <c r="D1391" i="9"/>
  <c r="E1391" i="9"/>
  <c r="G1391" i="9"/>
  <c r="J1391" i="9"/>
  <c r="B1392" i="9"/>
  <c r="C1392" i="9"/>
  <c r="D1392" i="9"/>
  <c r="E1392" i="9"/>
  <c r="G1392" i="9"/>
  <c r="J1392" i="9"/>
  <c r="B1393" i="9"/>
  <c r="C1393" i="9"/>
  <c r="D1393" i="9"/>
  <c r="E1393" i="9"/>
  <c r="G1393" i="9"/>
  <c r="J1393" i="9"/>
  <c r="B1394" i="9"/>
  <c r="C1394" i="9"/>
  <c r="D1394" i="9"/>
  <c r="E1394" i="9"/>
  <c r="G1394" i="9"/>
  <c r="J1394" i="9"/>
  <c r="B1395" i="9"/>
  <c r="C1395" i="9"/>
  <c r="D1395" i="9"/>
  <c r="E1395" i="9"/>
  <c r="G1395" i="9"/>
  <c r="J1395" i="9"/>
  <c r="B1396" i="9"/>
  <c r="C1396" i="9"/>
  <c r="D1396" i="9"/>
  <c r="E1396" i="9"/>
  <c r="G1396" i="9"/>
  <c r="J1396" i="9"/>
  <c r="B1397" i="9"/>
  <c r="C1397" i="9"/>
  <c r="D1397" i="9"/>
  <c r="E1397" i="9"/>
  <c r="G1397" i="9"/>
  <c r="J1397" i="9"/>
  <c r="B1398" i="9"/>
  <c r="C1398" i="9"/>
  <c r="D1398" i="9"/>
  <c r="E1398" i="9"/>
  <c r="G1398" i="9"/>
  <c r="J1398" i="9"/>
  <c r="B1399" i="9"/>
  <c r="C1399" i="9"/>
  <c r="D1399" i="9"/>
  <c r="E1399" i="9"/>
  <c r="G1399" i="9"/>
  <c r="J1399" i="9"/>
  <c r="B1400" i="9"/>
  <c r="C1400" i="9"/>
  <c r="D1400" i="9"/>
  <c r="E1400" i="9"/>
  <c r="G1400" i="9"/>
  <c r="J1400" i="9"/>
  <c r="B1401" i="9"/>
  <c r="C1401" i="9"/>
  <c r="D1401" i="9"/>
  <c r="E1401" i="9"/>
  <c r="G1401" i="9"/>
  <c r="J1401" i="9"/>
  <c r="B1402" i="9"/>
  <c r="C1402" i="9"/>
  <c r="D1402" i="9"/>
  <c r="E1402" i="9"/>
  <c r="G1402" i="9"/>
  <c r="J1402" i="9"/>
  <c r="B1403" i="9"/>
  <c r="C1403" i="9"/>
  <c r="D1403" i="9"/>
  <c r="E1403" i="9"/>
  <c r="G1403" i="9"/>
  <c r="J1403" i="9"/>
  <c r="B1404" i="9"/>
  <c r="C1404" i="9"/>
  <c r="D1404" i="9"/>
  <c r="E1404" i="9"/>
  <c r="G1404" i="9"/>
  <c r="J1404" i="9"/>
  <c r="B1405" i="9"/>
  <c r="C1405" i="9"/>
  <c r="D1405" i="9"/>
  <c r="E1405" i="9"/>
  <c r="G1405" i="9"/>
  <c r="J1405" i="9"/>
  <c r="B1406" i="9"/>
  <c r="C1406" i="9"/>
  <c r="D1406" i="9"/>
  <c r="E1406" i="9"/>
  <c r="G1406" i="9"/>
  <c r="J1406" i="9"/>
  <c r="B1407" i="9"/>
  <c r="C1407" i="9"/>
  <c r="D1407" i="9"/>
  <c r="E1407" i="9"/>
  <c r="G1407" i="9"/>
  <c r="J1407" i="9"/>
  <c r="B1408" i="9"/>
  <c r="C1408" i="9"/>
  <c r="D1408" i="9"/>
  <c r="E1408" i="9"/>
  <c r="G1408" i="9"/>
  <c r="J1408" i="9"/>
  <c r="B1409" i="9"/>
  <c r="C1409" i="9"/>
  <c r="D1409" i="9"/>
  <c r="E1409" i="9"/>
  <c r="G1409" i="9"/>
  <c r="J1409" i="9"/>
  <c r="B1410" i="9"/>
  <c r="C1410" i="9"/>
  <c r="D1410" i="9"/>
  <c r="E1410" i="9"/>
  <c r="G1410" i="9"/>
  <c r="J1410" i="9"/>
  <c r="B1411" i="9"/>
  <c r="C1411" i="9"/>
  <c r="D1411" i="9"/>
  <c r="E1411" i="9"/>
  <c r="G1411" i="9"/>
  <c r="J1411" i="9"/>
  <c r="B1412" i="9"/>
  <c r="C1412" i="9"/>
  <c r="D1412" i="9"/>
  <c r="E1412" i="9"/>
  <c r="G1412" i="9"/>
  <c r="J1412" i="9"/>
  <c r="B1413" i="9"/>
  <c r="C1413" i="9"/>
  <c r="D1413" i="9"/>
  <c r="E1413" i="9"/>
  <c r="G1413" i="9"/>
  <c r="J1413" i="9"/>
  <c r="B1414" i="9"/>
  <c r="C1414" i="9"/>
  <c r="D1414" i="9"/>
  <c r="E1414" i="9"/>
  <c r="G1414" i="9"/>
  <c r="J1414" i="9"/>
  <c r="B1415" i="9"/>
  <c r="C1415" i="9"/>
  <c r="D1415" i="9"/>
  <c r="E1415" i="9"/>
  <c r="G1415" i="9"/>
  <c r="J1415" i="9"/>
  <c r="B1416" i="9"/>
  <c r="C1416" i="9"/>
  <c r="D1416" i="9"/>
  <c r="E1416" i="9"/>
  <c r="G1416" i="9"/>
  <c r="J1416" i="9"/>
  <c r="B1417" i="9"/>
  <c r="C1417" i="9"/>
  <c r="D1417" i="9"/>
  <c r="E1417" i="9"/>
  <c r="G1417" i="9"/>
  <c r="J1417" i="9"/>
  <c r="B1418" i="9"/>
  <c r="C1418" i="9"/>
  <c r="D1418" i="9"/>
  <c r="E1418" i="9"/>
  <c r="G1418" i="9"/>
  <c r="J1418" i="9"/>
  <c r="B1419" i="9"/>
  <c r="C1419" i="9"/>
  <c r="D1419" i="9"/>
  <c r="E1419" i="9"/>
  <c r="G1419" i="9"/>
  <c r="J1419" i="9"/>
  <c r="B1420" i="9"/>
  <c r="C1420" i="9"/>
  <c r="D1420" i="9"/>
  <c r="E1420" i="9"/>
  <c r="G1420" i="9"/>
  <c r="J1420" i="9"/>
  <c r="B1421" i="9"/>
  <c r="C1421" i="9"/>
  <c r="D1421" i="9"/>
  <c r="E1421" i="9"/>
  <c r="G1421" i="9"/>
  <c r="J1421" i="9"/>
  <c r="B1422" i="9"/>
  <c r="C1422" i="9"/>
  <c r="D1422" i="9"/>
  <c r="E1422" i="9"/>
  <c r="G1422" i="9"/>
  <c r="J1422" i="9"/>
  <c r="B1423" i="9"/>
  <c r="C1423" i="9"/>
  <c r="D1423" i="9"/>
  <c r="E1423" i="9"/>
  <c r="G1423" i="9"/>
  <c r="J1423" i="9"/>
  <c r="B1424" i="9"/>
  <c r="C1424" i="9"/>
  <c r="D1424" i="9"/>
  <c r="E1424" i="9"/>
  <c r="G1424" i="9"/>
  <c r="J1424" i="9"/>
  <c r="B1425" i="9"/>
  <c r="C1425" i="9"/>
  <c r="D1425" i="9"/>
  <c r="E1425" i="9"/>
  <c r="G1425" i="9"/>
  <c r="J1425" i="9"/>
  <c r="B1426" i="9"/>
  <c r="C1426" i="9"/>
  <c r="D1426" i="9"/>
  <c r="E1426" i="9"/>
  <c r="G1426" i="9"/>
  <c r="J1426" i="9"/>
  <c r="B1427" i="9"/>
  <c r="C1427" i="9"/>
  <c r="D1427" i="9"/>
  <c r="E1427" i="9"/>
  <c r="G1427" i="9"/>
  <c r="J1427" i="9"/>
  <c r="B1428" i="9"/>
  <c r="C1428" i="9"/>
  <c r="D1428" i="9"/>
  <c r="E1428" i="9"/>
  <c r="G1428" i="9"/>
  <c r="J1428" i="9"/>
  <c r="B1429" i="9"/>
  <c r="C1429" i="9"/>
  <c r="D1429" i="9"/>
  <c r="E1429" i="9"/>
  <c r="G1429" i="9"/>
  <c r="J1429" i="9"/>
  <c r="B1430" i="9"/>
  <c r="C1430" i="9"/>
  <c r="D1430" i="9"/>
  <c r="E1430" i="9"/>
  <c r="G1430" i="9"/>
  <c r="J1430" i="9"/>
  <c r="B1431" i="9"/>
  <c r="C1431" i="9"/>
  <c r="D1431" i="9"/>
  <c r="E1431" i="9"/>
  <c r="G1431" i="9"/>
  <c r="J1431" i="9"/>
  <c r="B1432" i="9"/>
  <c r="C1432" i="9"/>
  <c r="D1432" i="9"/>
  <c r="E1432" i="9"/>
  <c r="G1432" i="9"/>
  <c r="J1432" i="9"/>
  <c r="B1433" i="9"/>
  <c r="C1433" i="9"/>
  <c r="D1433" i="9"/>
  <c r="E1433" i="9"/>
  <c r="G1433" i="9"/>
  <c r="J1433" i="9"/>
  <c r="B1434" i="9"/>
  <c r="C1434" i="9"/>
  <c r="D1434" i="9"/>
  <c r="E1434" i="9"/>
  <c r="G1434" i="9"/>
  <c r="J1434" i="9"/>
  <c r="B1435" i="9"/>
  <c r="C1435" i="9"/>
  <c r="D1435" i="9"/>
  <c r="E1435" i="9"/>
  <c r="G1435" i="9"/>
  <c r="J1435" i="9"/>
  <c r="B1436" i="9"/>
  <c r="C1436" i="9"/>
  <c r="D1436" i="9"/>
  <c r="E1436" i="9"/>
  <c r="G1436" i="9"/>
  <c r="J1436" i="9"/>
  <c r="B1437" i="9"/>
  <c r="C1437" i="9"/>
  <c r="D1437" i="9"/>
  <c r="E1437" i="9"/>
  <c r="G1437" i="9"/>
  <c r="J1437" i="9"/>
  <c r="B1438" i="9"/>
  <c r="C1438" i="9"/>
  <c r="D1438" i="9"/>
  <c r="E1438" i="9"/>
  <c r="G1438" i="9"/>
  <c r="J1438" i="9"/>
  <c r="B1439" i="9"/>
  <c r="C1439" i="9"/>
  <c r="D1439" i="9"/>
  <c r="E1439" i="9"/>
  <c r="G1439" i="9"/>
  <c r="J1439" i="9"/>
  <c r="B1440" i="9"/>
  <c r="C1440" i="9"/>
  <c r="D1440" i="9"/>
  <c r="E1440" i="9"/>
  <c r="G1440" i="9"/>
  <c r="J1440" i="9"/>
  <c r="B1441" i="9"/>
  <c r="C1441" i="9"/>
  <c r="D1441" i="9"/>
  <c r="E1441" i="9"/>
  <c r="G1441" i="9"/>
  <c r="J1441" i="9"/>
  <c r="B1442" i="9"/>
  <c r="C1442" i="9"/>
  <c r="D1442" i="9"/>
  <c r="E1442" i="9"/>
  <c r="G1442" i="9"/>
  <c r="J1442" i="9"/>
  <c r="B1443" i="9"/>
  <c r="C1443" i="9"/>
  <c r="D1443" i="9"/>
  <c r="E1443" i="9"/>
  <c r="G1443" i="9"/>
  <c r="J1443" i="9"/>
  <c r="B1444" i="9"/>
  <c r="C1444" i="9"/>
  <c r="D1444" i="9"/>
  <c r="E1444" i="9"/>
  <c r="G1444" i="9"/>
  <c r="J1444" i="9"/>
  <c r="B1445" i="9"/>
  <c r="C1445" i="9"/>
  <c r="D1445" i="9"/>
  <c r="E1445" i="9"/>
  <c r="G1445" i="9"/>
  <c r="J1445" i="9"/>
  <c r="B1446" i="9"/>
  <c r="C1446" i="9"/>
  <c r="D1446" i="9"/>
  <c r="E1446" i="9"/>
  <c r="G1446" i="9"/>
  <c r="J1446" i="9"/>
  <c r="B1447" i="9"/>
  <c r="C1447" i="9"/>
  <c r="D1447" i="9"/>
  <c r="E1447" i="9"/>
  <c r="G1447" i="9"/>
  <c r="J1447" i="9"/>
  <c r="B1448" i="9"/>
  <c r="C1448" i="9"/>
  <c r="D1448" i="9"/>
  <c r="E1448" i="9"/>
  <c r="G1448" i="9"/>
  <c r="J1448" i="9"/>
  <c r="B1449" i="9"/>
  <c r="C1449" i="9"/>
  <c r="D1449" i="9"/>
  <c r="E1449" i="9"/>
  <c r="G1449" i="9"/>
  <c r="J1449" i="9"/>
  <c r="B1450" i="9"/>
  <c r="C1450" i="9"/>
  <c r="D1450" i="9"/>
  <c r="E1450" i="9"/>
  <c r="G1450" i="9"/>
  <c r="J1450" i="9"/>
  <c r="B1451" i="9"/>
  <c r="C1451" i="9"/>
  <c r="D1451" i="9"/>
  <c r="E1451" i="9"/>
  <c r="G1451" i="9"/>
  <c r="J1451" i="9"/>
  <c r="B1452" i="9"/>
  <c r="C1452" i="9"/>
  <c r="D1452" i="9"/>
  <c r="E1452" i="9"/>
  <c r="G1452" i="9"/>
  <c r="J1452" i="9"/>
  <c r="B1453" i="9"/>
  <c r="C1453" i="9"/>
  <c r="D1453" i="9"/>
  <c r="E1453" i="9"/>
  <c r="G1453" i="9"/>
  <c r="J1453" i="9"/>
  <c r="B1454" i="9"/>
  <c r="C1454" i="9"/>
  <c r="D1454" i="9"/>
  <c r="E1454" i="9"/>
  <c r="G1454" i="9"/>
  <c r="J1454" i="9"/>
  <c r="B1455" i="9"/>
  <c r="C1455" i="9"/>
  <c r="D1455" i="9"/>
  <c r="E1455" i="9"/>
  <c r="G1455" i="9"/>
  <c r="J1455" i="9"/>
  <c r="B1456" i="9"/>
  <c r="C1456" i="9"/>
  <c r="D1456" i="9"/>
  <c r="E1456" i="9"/>
  <c r="G1456" i="9"/>
  <c r="J1456" i="9"/>
  <c r="B1457" i="9"/>
  <c r="C1457" i="9"/>
  <c r="D1457" i="9"/>
  <c r="E1457" i="9"/>
  <c r="G1457" i="9"/>
  <c r="J1457" i="9"/>
  <c r="B1458" i="9"/>
  <c r="C1458" i="9"/>
  <c r="D1458" i="9"/>
  <c r="E1458" i="9"/>
  <c r="G1458" i="9"/>
  <c r="J1458" i="9"/>
  <c r="B1459" i="9"/>
  <c r="C1459" i="9"/>
  <c r="D1459" i="9"/>
  <c r="E1459" i="9"/>
  <c r="G1459" i="9"/>
  <c r="J1459" i="9"/>
  <c r="B1460" i="9"/>
  <c r="C1460" i="9"/>
  <c r="D1460" i="9"/>
  <c r="E1460" i="9"/>
  <c r="G1460" i="9"/>
  <c r="J1460" i="9"/>
  <c r="B1461" i="9"/>
  <c r="C1461" i="9"/>
  <c r="D1461" i="9"/>
  <c r="E1461" i="9"/>
  <c r="G1461" i="9"/>
  <c r="J1461" i="9"/>
  <c r="B1462" i="9"/>
  <c r="C1462" i="9"/>
  <c r="D1462" i="9"/>
  <c r="E1462" i="9"/>
  <c r="G1462" i="9"/>
  <c r="J1462" i="9"/>
  <c r="B1463" i="9"/>
  <c r="C1463" i="9"/>
  <c r="D1463" i="9"/>
  <c r="E1463" i="9"/>
  <c r="G1463" i="9"/>
  <c r="J1463" i="9"/>
  <c r="B1464" i="9"/>
  <c r="C1464" i="9"/>
  <c r="D1464" i="9"/>
  <c r="E1464" i="9"/>
  <c r="G1464" i="9"/>
  <c r="J1464" i="9"/>
  <c r="B1465" i="9"/>
  <c r="C1465" i="9"/>
  <c r="D1465" i="9"/>
  <c r="E1465" i="9"/>
  <c r="G1465" i="9"/>
  <c r="J1465" i="9"/>
  <c r="B1466" i="9"/>
  <c r="C1466" i="9"/>
  <c r="D1466" i="9"/>
  <c r="E1466" i="9"/>
  <c r="G1466" i="9"/>
  <c r="J1466" i="9"/>
  <c r="B1467" i="9"/>
  <c r="C1467" i="9"/>
  <c r="D1467" i="9"/>
  <c r="E1467" i="9"/>
  <c r="G1467" i="9"/>
  <c r="J1467" i="9"/>
  <c r="B1468" i="9"/>
  <c r="C1468" i="9"/>
  <c r="D1468" i="9"/>
  <c r="E1468" i="9"/>
  <c r="G1468" i="9"/>
  <c r="J1468" i="9"/>
  <c r="B1469" i="9"/>
  <c r="C1469" i="9"/>
  <c r="D1469" i="9"/>
  <c r="E1469" i="9"/>
  <c r="G1469" i="9"/>
  <c r="J1469" i="9"/>
  <c r="B1470" i="9"/>
  <c r="C1470" i="9"/>
  <c r="D1470" i="9"/>
  <c r="E1470" i="9"/>
  <c r="G1470" i="9"/>
  <c r="J1470" i="9"/>
  <c r="B1471" i="9"/>
  <c r="C1471" i="9"/>
  <c r="D1471" i="9"/>
  <c r="E1471" i="9"/>
  <c r="G1471" i="9"/>
  <c r="J1471" i="9"/>
  <c r="B1472" i="9"/>
  <c r="C1472" i="9"/>
  <c r="D1472" i="9"/>
  <c r="E1472" i="9"/>
  <c r="G1472" i="9"/>
  <c r="J1472" i="9"/>
  <c r="B1473" i="9"/>
  <c r="C1473" i="9"/>
  <c r="D1473" i="9"/>
  <c r="E1473" i="9"/>
  <c r="G1473" i="9"/>
  <c r="J1473" i="9"/>
  <c r="B1474" i="9"/>
  <c r="C1474" i="9"/>
  <c r="D1474" i="9"/>
  <c r="E1474" i="9"/>
  <c r="G1474" i="9"/>
  <c r="J1474" i="9"/>
  <c r="B1475" i="9"/>
  <c r="C1475" i="9"/>
  <c r="D1475" i="9"/>
  <c r="E1475" i="9"/>
  <c r="G1475" i="9"/>
  <c r="J1475" i="9"/>
  <c r="B1476" i="9"/>
  <c r="C1476" i="9"/>
  <c r="D1476" i="9"/>
  <c r="E1476" i="9"/>
  <c r="G1476" i="9"/>
  <c r="J1476" i="9"/>
  <c r="B1477" i="9"/>
  <c r="C1477" i="9"/>
  <c r="D1477" i="9"/>
  <c r="E1477" i="9"/>
  <c r="G1477" i="9"/>
  <c r="J1477" i="9"/>
  <c r="B1478" i="9"/>
  <c r="C1478" i="9"/>
  <c r="D1478" i="9"/>
  <c r="E1478" i="9"/>
  <c r="G1478" i="9"/>
  <c r="J1478" i="9"/>
  <c r="B1479" i="9"/>
  <c r="C1479" i="9"/>
  <c r="D1479" i="9"/>
  <c r="E1479" i="9"/>
  <c r="G1479" i="9"/>
  <c r="J1479" i="9"/>
  <c r="B1480" i="9"/>
  <c r="C1480" i="9"/>
  <c r="D1480" i="9"/>
  <c r="E1480" i="9"/>
  <c r="G1480" i="9"/>
  <c r="J1480" i="9"/>
  <c r="B1481" i="9"/>
  <c r="C1481" i="9"/>
  <c r="D1481" i="9"/>
  <c r="E1481" i="9"/>
  <c r="G1481" i="9"/>
  <c r="J1481" i="9"/>
  <c r="B1482" i="9"/>
  <c r="C1482" i="9"/>
  <c r="D1482" i="9"/>
  <c r="E1482" i="9"/>
  <c r="G1482" i="9"/>
  <c r="J1482" i="9"/>
  <c r="B1483" i="9"/>
  <c r="C1483" i="9"/>
  <c r="D1483" i="9"/>
  <c r="E1483" i="9"/>
  <c r="G1483" i="9"/>
  <c r="J1483" i="9"/>
  <c r="B1484" i="9"/>
  <c r="C1484" i="9"/>
  <c r="D1484" i="9"/>
  <c r="E1484" i="9"/>
  <c r="G1484" i="9"/>
  <c r="J1484" i="9"/>
  <c r="B1485" i="9"/>
  <c r="C1485" i="9"/>
  <c r="D1485" i="9"/>
  <c r="E1485" i="9"/>
  <c r="G1485" i="9"/>
  <c r="J1485" i="9"/>
  <c r="B1486" i="9"/>
  <c r="C1486" i="9"/>
  <c r="D1486" i="9"/>
  <c r="E1486" i="9"/>
  <c r="G1486" i="9"/>
  <c r="J1486" i="9"/>
  <c r="B1487" i="9"/>
  <c r="C1487" i="9"/>
  <c r="D1487" i="9"/>
  <c r="E1487" i="9"/>
  <c r="G1487" i="9"/>
  <c r="J1487" i="9"/>
  <c r="B1488" i="9"/>
  <c r="C1488" i="9"/>
  <c r="D1488" i="9"/>
  <c r="E1488" i="9"/>
  <c r="G1488" i="9"/>
  <c r="J1488" i="9"/>
  <c r="B1489" i="9"/>
  <c r="C1489" i="9"/>
  <c r="D1489" i="9"/>
  <c r="E1489" i="9"/>
  <c r="G1489" i="9"/>
  <c r="J1489" i="9"/>
  <c r="B1490" i="9"/>
  <c r="C1490" i="9"/>
  <c r="D1490" i="9"/>
  <c r="E1490" i="9"/>
  <c r="G1490" i="9"/>
  <c r="J1490" i="9"/>
  <c r="B1491" i="9"/>
  <c r="C1491" i="9"/>
  <c r="D1491" i="9"/>
  <c r="E1491" i="9"/>
  <c r="G1491" i="9"/>
  <c r="J1491" i="9"/>
  <c r="B1492" i="9"/>
  <c r="C1492" i="9"/>
  <c r="D1492" i="9"/>
  <c r="E1492" i="9"/>
  <c r="G1492" i="9"/>
  <c r="J1492" i="9"/>
  <c r="B1493" i="9"/>
  <c r="C1493" i="9"/>
  <c r="D1493" i="9"/>
  <c r="E1493" i="9"/>
  <c r="G1493" i="9"/>
  <c r="J1493" i="9"/>
  <c r="B1494" i="9"/>
  <c r="C1494" i="9"/>
  <c r="D1494" i="9"/>
  <c r="E1494" i="9"/>
  <c r="G1494" i="9"/>
  <c r="J1494" i="9"/>
  <c r="B1495" i="9"/>
  <c r="C1495" i="9"/>
  <c r="D1495" i="9"/>
  <c r="E1495" i="9"/>
  <c r="G1495" i="9"/>
  <c r="J1495" i="9"/>
  <c r="B1496" i="9"/>
  <c r="C1496" i="9"/>
  <c r="D1496" i="9"/>
  <c r="E1496" i="9"/>
  <c r="G1496" i="9"/>
  <c r="J1496" i="9"/>
  <c r="B1497" i="9"/>
  <c r="C1497" i="9"/>
  <c r="D1497" i="9"/>
  <c r="E1497" i="9"/>
  <c r="G1497" i="9"/>
  <c r="J1497" i="9"/>
  <c r="B1498" i="9"/>
  <c r="C1498" i="9"/>
  <c r="D1498" i="9"/>
  <c r="E1498" i="9"/>
  <c r="G1498" i="9"/>
  <c r="J1498" i="9"/>
  <c r="B1499" i="9"/>
  <c r="C1499" i="9"/>
  <c r="D1499" i="9"/>
  <c r="E1499" i="9"/>
  <c r="G1499" i="9"/>
  <c r="J1499" i="9"/>
  <c r="B1500" i="9"/>
  <c r="C1500" i="9"/>
  <c r="D1500" i="9"/>
  <c r="E1500" i="9"/>
  <c r="G1500" i="9"/>
  <c r="J1500" i="9"/>
  <c r="B1501" i="9"/>
  <c r="C1501" i="9"/>
  <c r="D1501" i="9"/>
  <c r="E1501" i="9"/>
  <c r="G1501" i="9"/>
  <c r="J1501" i="9"/>
  <c r="B1502" i="9"/>
  <c r="C1502" i="9"/>
  <c r="D1502" i="9"/>
  <c r="E1502" i="9"/>
  <c r="G1502" i="9"/>
  <c r="J1502" i="9"/>
  <c r="B1503" i="9"/>
  <c r="C1503" i="9"/>
  <c r="D1503" i="9"/>
  <c r="E1503" i="9"/>
  <c r="G1503" i="9"/>
  <c r="J1503" i="9"/>
  <c r="B1504" i="9"/>
  <c r="C1504" i="9"/>
  <c r="D1504" i="9"/>
  <c r="E1504" i="9"/>
  <c r="G1504" i="9"/>
  <c r="J1504" i="9"/>
  <c r="B1505" i="9"/>
  <c r="C1505" i="9"/>
  <c r="D1505" i="9"/>
  <c r="E1505" i="9"/>
  <c r="G1505" i="9"/>
  <c r="J1505" i="9"/>
  <c r="B1506" i="9"/>
  <c r="C1506" i="9"/>
  <c r="D1506" i="9"/>
  <c r="E1506" i="9"/>
  <c r="G1506" i="9"/>
  <c r="J1506" i="9"/>
  <c r="B1507" i="9"/>
  <c r="C1507" i="9"/>
  <c r="D1507" i="9"/>
  <c r="E1507" i="9"/>
  <c r="G1507" i="9"/>
  <c r="J1507" i="9"/>
  <c r="B1508" i="9"/>
  <c r="C1508" i="9"/>
  <c r="D1508" i="9"/>
  <c r="E1508" i="9"/>
  <c r="G1508" i="9"/>
  <c r="J1508" i="9"/>
  <c r="B1509" i="9"/>
  <c r="C1509" i="9"/>
  <c r="D1509" i="9"/>
  <c r="E1509" i="9"/>
  <c r="G1509" i="9"/>
  <c r="J1509" i="9"/>
  <c r="B1510" i="9"/>
  <c r="C1510" i="9"/>
  <c r="D1510" i="9"/>
  <c r="E1510" i="9"/>
  <c r="G1510" i="9"/>
  <c r="J1510" i="9"/>
  <c r="B1511" i="9"/>
  <c r="C1511" i="9"/>
  <c r="D1511" i="9"/>
  <c r="E1511" i="9"/>
  <c r="G1511" i="9"/>
  <c r="J1511" i="9"/>
  <c r="B1512" i="9"/>
  <c r="C1512" i="9"/>
  <c r="D1512" i="9"/>
  <c r="E1512" i="9"/>
  <c r="G1512" i="9"/>
  <c r="J1512" i="9"/>
  <c r="B1513" i="9"/>
  <c r="C1513" i="9"/>
  <c r="D1513" i="9"/>
  <c r="E1513" i="9"/>
  <c r="G1513" i="9"/>
  <c r="J1513" i="9"/>
  <c r="B1514" i="9"/>
  <c r="C1514" i="9"/>
  <c r="D1514" i="9"/>
  <c r="E1514" i="9"/>
  <c r="G1514" i="9"/>
  <c r="J1514" i="9"/>
  <c r="B1515" i="9"/>
  <c r="C1515" i="9"/>
  <c r="D1515" i="9"/>
  <c r="E1515" i="9"/>
  <c r="G1515" i="9"/>
  <c r="J1515" i="9"/>
  <c r="B1516" i="9"/>
  <c r="C1516" i="9"/>
  <c r="D1516" i="9"/>
  <c r="E1516" i="9"/>
  <c r="G1516" i="9"/>
  <c r="J1516" i="9"/>
  <c r="B1517" i="9"/>
  <c r="C1517" i="9"/>
  <c r="D1517" i="9"/>
  <c r="E1517" i="9"/>
  <c r="G1517" i="9"/>
  <c r="J1517" i="9"/>
  <c r="B1518" i="9"/>
  <c r="C1518" i="9"/>
  <c r="D1518" i="9"/>
  <c r="E1518" i="9"/>
  <c r="G1518" i="9"/>
  <c r="J1518" i="9"/>
  <c r="B1519" i="9"/>
  <c r="C1519" i="9"/>
  <c r="D1519" i="9"/>
  <c r="E1519" i="9"/>
  <c r="G1519" i="9"/>
  <c r="J1519" i="9"/>
  <c r="B1520" i="9"/>
  <c r="C1520" i="9"/>
  <c r="D1520" i="9"/>
  <c r="E1520" i="9"/>
  <c r="G1520" i="9"/>
  <c r="J1520" i="9"/>
  <c r="B1521" i="9"/>
  <c r="C1521" i="9"/>
  <c r="D1521" i="9"/>
  <c r="E1521" i="9"/>
  <c r="G1521" i="9"/>
  <c r="J1521" i="9"/>
  <c r="B1522" i="9"/>
  <c r="C1522" i="9"/>
  <c r="D1522" i="9"/>
  <c r="E1522" i="9"/>
  <c r="G1522" i="9"/>
  <c r="J1522" i="9"/>
  <c r="B1523" i="9"/>
  <c r="C1523" i="9"/>
  <c r="D1523" i="9"/>
  <c r="E1523" i="9"/>
  <c r="G1523" i="9"/>
  <c r="J1523" i="9"/>
  <c r="B1524" i="9"/>
  <c r="C1524" i="9"/>
  <c r="D1524" i="9"/>
  <c r="E1524" i="9"/>
  <c r="G1524" i="9"/>
  <c r="J1524" i="9"/>
  <c r="B1525" i="9"/>
  <c r="C1525" i="9"/>
  <c r="D1525" i="9"/>
  <c r="E1525" i="9"/>
  <c r="G1525" i="9"/>
  <c r="J1525" i="9"/>
  <c r="B1526" i="9"/>
  <c r="C1526" i="9"/>
  <c r="D1526" i="9"/>
  <c r="E1526" i="9"/>
  <c r="G1526" i="9"/>
  <c r="J1526" i="9"/>
  <c r="B1527" i="9"/>
  <c r="C1527" i="9"/>
  <c r="D1527" i="9"/>
  <c r="E1527" i="9"/>
  <c r="G1527" i="9"/>
  <c r="J1527" i="9"/>
  <c r="B1528" i="9"/>
  <c r="C1528" i="9"/>
  <c r="D1528" i="9"/>
  <c r="E1528" i="9"/>
  <c r="G1528" i="9"/>
  <c r="J1528" i="9"/>
  <c r="B1529" i="9"/>
  <c r="C1529" i="9"/>
  <c r="D1529" i="9"/>
  <c r="E1529" i="9"/>
  <c r="G1529" i="9"/>
  <c r="J1529" i="9"/>
  <c r="B1530" i="9"/>
  <c r="C1530" i="9"/>
  <c r="D1530" i="9"/>
  <c r="E1530" i="9"/>
  <c r="G1530" i="9"/>
  <c r="J1530" i="9"/>
  <c r="B1531" i="9"/>
  <c r="C1531" i="9"/>
  <c r="D1531" i="9"/>
  <c r="E1531" i="9"/>
  <c r="G1531" i="9"/>
  <c r="J1531" i="9"/>
  <c r="B1532" i="9"/>
  <c r="C1532" i="9"/>
  <c r="D1532" i="9"/>
  <c r="E1532" i="9"/>
  <c r="G1532" i="9"/>
  <c r="J1532" i="9"/>
  <c r="B1533" i="9"/>
  <c r="C1533" i="9"/>
  <c r="D1533" i="9"/>
  <c r="E1533" i="9"/>
  <c r="G1533" i="9"/>
  <c r="J1533" i="9"/>
  <c r="B1534" i="9"/>
  <c r="C1534" i="9"/>
  <c r="D1534" i="9"/>
  <c r="E1534" i="9"/>
  <c r="G1534" i="9"/>
  <c r="J1534" i="9"/>
  <c r="B1535" i="9"/>
  <c r="C1535" i="9"/>
  <c r="D1535" i="9"/>
  <c r="E1535" i="9"/>
  <c r="G1535" i="9"/>
  <c r="J1535" i="9"/>
  <c r="B1536" i="9"/>
  <c r="C1536" i="9"/>
  <c r="D1536" i="9"/>
  <c r="E1536" i="9"/>
  <c r="G1536" i="9"/>
  <c r="J1536" i="9"/>
  <c r="B1537" i="9"/>
  <c r="C1537" i="9"/>
  <c r="D1537" i="9"/>
  <c r="E1537" i="9"/>
  <c r="G1537" i="9"/>
  <c r="J1537" i="9"/>
  <c r="B1538" i="9"/>
  <c r="C1538" i="9"/>
  <c r="D1538" i="9"/>
  <c r="E1538" i="9"/>
  <c r="G1538" i="9"/>
  <c r="J1538" i="9"/>
  <c r="B1539" i="9"/>
  <c r="C1539" i="9"/>
  <c r="D1539" i="9"/>
  <c r="E1539" i="9"/>
  <c r="G1539" i="9"/>
  <c r="J1539" i="9"/>
  <c r="B1540" i="9"/>
  <c r="C1540" i="9"/>
  <c r="D1540" i="9"/>
  <c r="E1540" i="9"/>
  <c r="G1540" i="9"/>
  <c r="J1540" i="9"/>
  <c r="B1541" i="9"/>
  <c r="C1541" i="9"/>
  <c r="D1541" i="9"/>
  <c r="E1541" i="9"/>
  <c r="G1541" i="9"/>
  <c r="J1541" i="9"/>
  <c r="B1542" i="9"/>
  <c r="C1542" i="9"/>
  <c r="D1542" i="9"/>
  <c r="E1542" i="9"/>
  <c r="G1542" i="9"/>
  <c r="J1542" i="9"/>
  <c r="B1543" i="9"/>
  <c r="C1543" i="9"/>
  <c r="D1543" i="9"/>
  <c r="E1543" i="9"/>
  <c r="G1543" i="9"/>
  <c r="J1543" i="9"/>
  <c r="B1544" i="9"/>
  <c r="C1544" i="9"/>
  <c r="D1544" i="9"/>
  <c r="E1544" i="9"/>
  <c r="G1544" i="9"/>
  <c r="J1544" i="9"/>
  <c r="B1545" i="9"/>
  <c r="C1545" i="9"/>
  <c r="D1545" i="9"/>
  <c r="E1545" i="9"/>
  <c r="G1545" i="9"/>
  <c r="J1545" i="9"/>
  <c r="B1546" i="9"/>
  <c r="C1546" i="9"/>
  <c r="D1546" i="9"/>
  <c r="E1546" i="9"/>
  <c r="G1546" i="9"/>
  <c r="J1546" i="9"/>
  <c r="B1547" i="9"/>
  <c r="C1547" i="9"/>
  <c r="D1547" i="9"/>
  <c r="E1547" i="9"/>
  <c r="G1547" i="9"/>
  <c r="J1547" i="9"/>
  <c r="B1548" i="9"/>
  <c r="C1548" i="9"/>
  <c r="D1548" i="9"/>
  <c r="E1548" i="9"/>
  <c r="G1548" i="9"/>
  <c r="J1548" i="9"/>
  <c r="B1549" i="9"/>
  <c r="C1549" i="9"/>
  <c r="D1549" i="9"/>
  <c r="E1549" i="9"/>
  <c r="G1549" i="9"/>
  <c r="J1549" i="9"/>
  <c r="B1550" i="9"/>
  <c r="C1550" i="9"/>
  <c r="D1550" i="9"/>
  <c r="E1550" i="9"/>
  <c r="G1550" i="9"/>
  <c r="J1550" i="9"/>
  <c r="B1551" i="9"/>
  <c r="C1551" i="9"/>
  <c r="D1551" i="9"/>
  <c r="E1551" i="9"/>
  <c r="G1551" i="9"/>
  <c r="J1551" i="9"/>
  <c r="B1552" i="9"/>
  <c r="C1552" i="9"/>
  <c r="D1552" i="9"/>
  <c r="E1552" i="9"/>
  <c r="G1552" i="9"/>
  <c r="J1552" i="9"/>
  <c r="B1553" i="9"/>
  <c r="C1553" i="9"/>
  <c r="D1553" i="9"/>
  <c r="E1553" i="9"/>
  <c r="G1553" i="9"/>
  <c r="J1553" i="9"/>
  <c r="B1554" i="9"/>
  <c r="C1554" i="9"/>
  <c r="D1554" i="9"/>
  <c r="E1554" i="9"/>
  <c r="G1554" i="9"/>
  <c r="J1554" i="9"/>
  <c r="B1555" i="9"/>
  <c r="C1555" i="9"/>
  <c r="D1555" i="9"/>
  <c r="E1555" i="9"/>
  <c r="G1555" i="9"/>
  <c r="J1555" i="9"/>
  <c r="B1556" i="9"/>
  <c r="C1556" i="9"/>
  <c r="D1556" i="9"/>
  <c r="E1556" i="9"/>
  <c r="G1556" i="9"/>
  <c r="J1556" i="9"/>
  <c r="B1557" i="9"/>
  <c r="C1557" i="9"/>
  <c r="D1557" i="9"/>
  <c r="E1557" i="9"/>
  <c r="G1557" i="9"/>
  <c r="J1557" i="9"/>
  <c r="B1558" i="9"/>
  <c r="C1558" i="9"/>
  <c r="D1558" i="9"/>
  <c r="E1558" i="9"/>
  <c r="G1558" i="9"/>
  <c r="J1558" i="9"/>
  <c r="B1559" i="9"/>
  <c r="C1559" i="9"/>
  <c r="D1559" i="9"/>
  <c r="E1559" i="9"/>
  <c r="G1559" i="9"/>
  <c r="J1559" i="9"/>
  <c r="B1560" i="9"/>
  <c r="C1560" i="9"/>
  <c r="D1560" i="9"/>
  <c r="E1560" i="9"/>
  <c r="G1560" i="9"/>
  <c r="J1560" i="9"/>
  <c r="B1561" i="9"/>
  <c r="C1561" i="9"/>
  <c r="D1561" i="9"/>
  <c r="E1561" i="9"/>
  <c r="G1561" i="9"/>
  <c r="J1561" i="9"/>
  <c r="B1562" i="9"/>
  <c r="C1562" i="9"/>
  <c r="D1562" i="9"/>
  <c r="E1562" i="9"/>
  <c r="G1562" i="9"/>
  <c r="J1562" i="9"/>
  <c r="B1563" i="9"/>
  <c r="C1563" i="9"/>
  <c r="D1563" i="9"/>
  <c r="E1563" i="9"/>
  <c r="G1563" i="9"/>
  <c r="J1563" i="9"/>
  <c r="B1564" i="9"/>
  <c r="C1564" i="9"/>
  <c r="D1564" i="9"/>
  <c r="E1564" i="9"/>
  <c r="G1564" i="9"/>
  <c r="J1564" i="9"/>
  <c r="B1565" i="9"/>
  <c r="C1565" i="9"/>
  <c r="D1565" i="9"/>
  <c r="E1565" i="9"/>
  <c r="G1565" i="9"/>
  <c r="J1565" i="9"/>
  <c r="B1566" i="9"/>
  <c r="C1566" i="9"/>
  <c r="D1566" i="9"/>
  <c r="E1566" i="9"/>
  <c r="G1566" i="9"/>
  <c r="J1566" i="9"/>
  <c r="B1567" i="9"/>
  <c r="C1567" i="9"/>
  <c r="D1567" i="9"/>
  <c r="E1567" i="9"/>
  <c r="G1567" i="9"/>
  <c r="J1567" i="9"/>
  <c r="B1568" i="9"/>
  <c r="C1568" i="9"/>
  <c r="D1568" i="9"/>
  <c r="E1568" i="9"/>
  <c r="G1568" i="9"/>
  <c r="J1568" i="9"/>
  <c r="B1569" i="9"/>
  <c r="C1569" i="9"/>
  <c r="D1569" i="9"/>
  <c r="E1569" i="9"/>
  <c r="G1569" i="9"/>
  <c r="J1569" i="9"/>
  <c r="B1570" i="9"/>
  <c r="C1570" i="9"/>
  <c r="D1570" i="9"/>
  <c r="E1570" i="9"/>
  <c r="G1570" i="9"/>
  <c r="J1570" i="9"/>
  <c r="B1571" i="9"/>
  <c r="C1571" i="9"/>
  <c r="D1571" i="9"/>
  <c r="E1571" i="9"/>
  <c r="G1571" i="9"/>
  <c r="J1571" i="9"/>
  <c r="B1572" i="9"/>
  <c r="C1572" i="9"/>
  <c r="D1572" i="9"/>
  <c r="E1572" i="9"/>
  <c r="G1572" i="9"/>
  <c r="J1572" i="9"/>
  <c r="B1573" i="9"/>
  <c r="C1573" i="9"/>
  <c r="D1573" i="9"/>
  <c r="E1573" i="9"/>
  <c r="G1573" i="9"/>
  <c r="J1573" i="9"/>
  <c r="B1574" i="9"/>
  <c r="C1574" i="9"/>
  <c r="D1574" i="9"/>
  <c r="E1574" i="9"/>
  <c r="G1574" i="9"/>
  <c r="J1574" i="9"/>
  <c r="B1575" i="9"/>
  <c r="C1575" i="9"/>
  <c r="D1575" i="9"/>
  <c r="E1575" i="9"/>
  <c r="G1575" i="9"/>
  <c r="J1575" i="9"/>
  <c r="B1576" i="9"/>
  <c r="C1576" i="9"/>
  <c r="D1576" i="9"/>
  <c r="E1576" i="9"/>
  <c r="G1576" i="9"/>
  <c r="J1576" i="9"/>
  <c r="B1577" i="9"/>
  <c r="C1577" i="9"/>
  <c r="D1577" i="9"/>
  <c r="E1577" i="9"/>
  <c r="G1577" i="9"/>
  <c r="J1577" i="9"/>
  <c r="B1578" i="9"/>
  <c r="C1578" i="9"/>
  <c r="D1578" i="9"/>
  <c r="E1578" i="9"/>
  <c r="G1578" i="9"/>
  <c r="J1578" i="9"/>
  <c r="B1579" i="9"/>
  <c r="C1579" i="9"/>
  <c r="D1579" i="9"/>
  <c r="E1579" i="9"/>
  <c r="G1579" i="9"/>
  <c r="J1579" i="9"/>
  <c r="B1580" i="9"/>
  <c r="C1580" i="9"/>
  <c r="D1580" i="9"/>
  <c r="E1580" i="9"/>
  <c r="G1580" i="9"/>
  <c r="J1580" i="9"/>
  <c r="B1581" i="9"/>
  <c r="C1581" i="9"/>
  <c r="D1581" i="9"/>
  <c r="E1581" i="9"/>
  <c r="G1581" i="9"/>
  <c r="J1581" i="9"/>
  <c r="B1582" i="9"/>
  <c r="C1582" i="9"/>
  <c r="D1582" i="9"/>
  <c r="E1582" i="9"/>
  <c r="G1582" i="9"/>
  <c r="J1582" i="9"/>
  <c r="B1583" i="9"/>
  <c r="C1583" i="9"/>
  <c r="D1583" i="9"/>
  <c r="E1583" i="9"/>
  <c r="G1583" i="9"/>
  <c r="J1583" i="9"/>
  <c r="B1584" i="9"/>
  <c r="C1584" i="9"/>
  <c r="D1584" i="9"/>
  <c r="E1584" i="9"/>
  <c r="G1584" i="9"/>
  <c r="J1584" i="9"/>
  <c r="B1585" i="9"/>
  <c r="C1585" i="9"/>
  <c r="D1585" i="9"/>
  <c r="E1585" i="9"/>
  <c r="G1585" i="9"/>
  <c r="J1585" i="9"/>
  <c r="B1586" i="9"/>
  <c r="C1586" i="9"/>
  <c r="D1586" i="9"/>
  <c r="E1586" i="9"/>
  <c r="G1586" i="9"/>
  <c r="J1586" i="9"/>
  <c r="B1587" i="9"/>
  <c r="C1587" i="9"/>
  <c r="D1587" i="9"/>
  <c r="E1587" i="9"/>
  <c r="G1587" i="9"/>
  <c r="J1587" i="9"/>
  <c r="B1588" i="9"/>
  <c r="C1588" i="9"/>
  <c r="D1588" i="9"/>
  <c r="E1588" i="9"/>
  <c r="G1588" i="9"/>
  <c r="J1588" i="9"/>
  <c r="B1589" i="9"/>
  <c r="C1589" i="9"/>
  <c r="D1589" i="9"/>
  <c r="E1589" i="9"/>
  <c r="G1589" i="9"/>
  <c r="J1589" i="9"/>
  <c r="B1590" i="9"/>
  <c r="C1590" i="9"/>
  <c r="D1590" i="9"/>
  <c r="E1590" i="9"/>
  <c r="G1590" i="9"/>
  <c r="J1590" i="9"/>
  <c r="B1591" i="9"/>
  <c r="C1591" i="9"/>
  <c r="D1591" i="9"/>
  <c r="E1591" i="9"/>
  <c r="G1591" i="9"/>
  <c r="J1591" i="9"/>
  <c r="B1592" i="9"/>
  <c r="C1592" i="9"/>
  <c r="D1592" i="9"/>
  <c r="E1592" i="9"/>
  <c r="G1592" i="9"/>
  <c r="J1592" i="9"/>
  <c r="B1593" i="9"/>
  <c r="C1593" i="9"/>
  <c r="D1593" i="9"/>
  <c r="E1593" i="9"/>
  <c r="G1593" i="9"/>
  <c r="J1593" i="9"/>
  <c r="B1594" i="9"/>
  <c r="C1594" i="9"/>
  <c r="D1594" i="9"/>
  <c r="E1594" i="9"/>
  <c r="G1594" i="9"/>
  <c r="J1594" i="9"/>
  <c r="B1595" i="9"/>
  <c r="C1595" i="9"/>
  <c r="D1595" i="9"/>
  <c r="E1595" i="9"/>
  <c r="G1595" i="9"/>
  <c r="J1595" i="9"/>
  <c r="B1596" i="9"/>
  <c r="C1596" i="9"/>
  <c r="D1596" i="9"/>
  <c r="E1596" i="9"/>
  <c r="G1596" i="9"/>
  <c r="J1596" i="9"/>
  <c r="B1597" i="9"/>
  <c r="C1597" i="9"/>
  <c r="D1597" i="9"/>
  <c r="E1597" i="9"/>
  <c r="G1597" i="9"/>
  <c r="J1597" i="9"/>
  <c r="B1598" i="9"/>
  <c r="C1598" i="9"/>
  <c r="D1598" i="9"/>
  <c r="E1598" i="9"/>
  <c r="G1598" i="9"/>
  <c r="J1598" i="9"/>
  <c r="B1599" i="9"/>
  <c r="C1599" i="9"/>
  <c r="D1599" i="9"/>
  <c r="E1599" i="9"/>
  <c r="G1599" i="9"/>
  <c r="J1599" i="9"/>
  <c r="B1600" i="9"/>
  <c r="C1600" i="9"/>
  <c r="D1600" i="9"/>
  <c r="E1600" i="9"/>
  <c r="G1600" i="9"/>
  <c r="J1600" i="9"/>
  <c r="B1601" i="9"/>
  <c r="C1601" i="9"/>
  <c r="D1601" i="9"/>
  <c r="E1601" i="9"/>
  <c r="G1601" i="9"/>
  <c r="J1601" i="9"/>
  <c r="B1602" i="9"/>
  <c r="C1602" i="9"/>
  <c r="D1602" i="9"/>
  <c r="E1602" i="9"/>
  <c r="G1602" i="9"/>
  <c r="J1602" i="9"/>
  <c r="B1603" i="9"/>
  <c r="C1603" i="9"/>
  <c r="D1603" i="9"/>
  <c r="E1603" i="9"/>
  <c r="G1603" i="9"/>
  <c r="J1603" i="9"/>
  <c r="B1604" i="9"/>
  <c r="C1604" i="9"/>
  <c r="D1604" i="9"/>
  <c r="E1604" i="9"/>
  <c r="G1604" i="9"/>
  <c r="J1604" i="9"/>
  <c r="B1605" i="9"/>
  <c r="C1605" i="9"/>
  <c r="D1605" i="9"/>
  <c r="E1605" i="9"/>
  <c r="G1605" i="9"/>
  <c r="J1605" i="9"/>
  <c r="B1606" i="9"/>
  <c r="C1606" i="9"/>
  <c r="D1606" i="9"/>
  <c r="E1606" i="9"/>
  <c r="G1606" i="9"/>
  <c r="J1606" i="9"/>
  <c r="B1607" i="9"/>
  <c r="C1607" i="9"/>
  <c r="D1607" i="9"/>
  <c r="E1607" i="9"/>
  <c r="G1607" i="9"/>
  <c r="J1607" i="9"/>
  <c r="B1608" i="9"/>
  <c r="C1608" i="9"/>
  <c r="D1608" i="9"/>
  <c r="E1608" i="9"/>
  <c r="G1608" i="9"/>
  <c r="J1608" i="9"/>
  <c r="B1609" i="9"/>
  <c r="C1609" i="9"/>
  <c r="D1609" i="9"/>
  <c r="E1609" i="9"/>
  <c r="G1609" i="9"/>
  <c r="J1609" i="9"/>
  <c r="B1610" i="9"/>
  <c r="C1610" i="9"/>
  <c r="D1610" i="9"/>
  <c r="E1610" i="9"/>
  <c r="G1610" i="9"/>
  <c r="J1610" i="9"/>
  <c r="B1611" i="9"/>
  <c r="C1611" i="9"/>
  <c r="D1611" i="9"/>
  <c r="E1611" i="9"/>
  <c r="G1611" i="9"/>
  <c r="J1611" i="9"/>
  <c r="B1612" i="9"/>
  <c r="C1612" i="9"/>
  <c r="D1612" i="9"/>
  <c r="E1612" i="9"/>
  <c r="G1612" i="9"/>
  <c r="J1612" i="9"/>
  <c r="B1613" i="9"/>
  <c r="C1613" i="9"/>
  <c r="D1613" i="9"/>
  <c r="E1613" i="9"/>
  <c r="G1613" i="9"/>
  <c r="J1613" i="9"/>
  <c r="B1614" i="9"/>
  <c r="C1614" i="9"/>
  <c r="D1614" i="9"/>
  <c r="E1614" i="9"/>
  <c r="G1614" i="9"/>
  <c r="J1614" i="9"/>
  <c r="B1615" i="9"/>
  <c r="C1615" i="9"/>
  <c r="D1615" i="9"/>
  <c r="E1615" i="9"/>
  <c r="G1615" i="9"/>
  <c r="J1615" i="9"/>
  <c r="B1616" i="9"/>
  <c r="C1616" i="9"/>
  <c r="D1616" i="9"/>
  <c r="E1616" i="9"/>
  <c r="G1616" i="9"/>
  <c r="J1616" i="9"/>
  <c r="B1617" i="9"/>
  <c r="C1617" i="9"/>
  <c r="D1617" i="9"/>
  <c r="E1617" i="9"/>
  <c r="G1617" i="9"/>
  <c r="J1617" i="9"/>
  <c r="B1618" i="9"/>
  <c r="C1618" i="9"/>
  <c r="D1618" i="9"/>
  <c r="E1618" i="9"/>
  <c r="G1618" i="9"/>
  <c r="J1618" i="9"/>
  <c r="B1619" i="9"/>
  <c r="C1619" i="9"/>
  <c r="D1619" i="9"/>
  <c r="E1619" i="9"/>
  <c r="G1619" i="9"/>
  <c r="J1619" i="9"/>
  <c r="B1620" i="9"/>
  <c r="C1620" i="9"/>
  <c r="D1620" i="9"/>
  <c r="E1620" i="9"/>
  <c r="G1620" i="9"/>
  <c r="J1620" i="9"/>
  <c r="B1621" i="9"/>
  <c r="C1621" i="9"/>
  <c r="D1621" i="9"/>
  <c r="E1621" i="9"/>
  <c r="G1621" i="9"/>
  <c r="J1621" i="9"/>
  <c r="B1622" i="9"/>
  <c r="C1622" i="9"/>
  <c r="D1622" i="9"/>
  <c r="E1622" i="9"/>
  <c r="G1622" i="9"/>
  <c r="J1622" i="9"/>
  <c r="B1623" i="9"/>
  <c r="C1623" i="9"/>
  <c r="D1623" i="9"/>
  <c r="E1623" i="9"/>
  <c r="G1623" i="9"/>
  <c r="J1623" i="9"/>
  <c r="B1624" i="9"/>
  <c r="C1624" i="9"/>
  <c r="D1624" i="9"/>
  <c r="E1624" i="9"/>
  <c r="G1624" i="9"/>
  <c r="J1624" i="9"/>
  <c r="B1625" i="9"/>
  <c r="C1625" i="9"/>
  <c r="D1625" i="9"/>
  <c r="E1625" i="9"/>
  <c r="G1625" i="9"/>
  <c r="J1625" i="9"/>
  <c r="B1626" i="9"/>
  <c r="C1626" i="9"/>
  <c r="D1626" i="9"/>
  <c r="E1626" i="9"/>
  <c r="G1626" i="9"/>
  <c r="J1626" i="9"/>
  <c r="B1627" i="9"/>
  <c r="C1627" i="9"/>
  <c r="D1627" i="9"/>
  <c r="E1627" i="9"/>
  <c r="G1627" i="9"/>
  <c r="J1627" i="9"/>
  <c r="B1628" i="9"/>
  <c r="C1628" i="9"/>
  <c r="D1628" i="9"/>
  <c r="E1628" i="9"/>
  <c r="G1628" i="9"/>
  <c r="J1628" i="9"/>
  <c r="B1629" i="9"/>
  <c r="C1629" i="9"/>
  <c r="D1629" i="9"/>
  <c r="E1629" i="9"/>
  <c r="G1629" i="9"/>
  <c r="J1629" i="9"/>
  <c r="B1630" i="9"/>
  <c r="C1630" i="9"/>
  <c r="D1630" i="9"/>
  <c r="E1630" i="9"/>
  <c r="G1630" i="9"/>
  <c r="J1630" i="9"/>
  <c r="B1631" i="9"/>
  <c r="C1631" i="9"/>
  <c r="D1631" i="9"/>
  <c r="E1631" i="9"/>
  <c r="G1631" i="9"/>
  <c r="J1631" i="9"/>
  <c r="B1632" i="9"/>
  <c r="C1632" i="9"/>
  <c r="D1632" i="9"/>
  <c r="E1632" i="9"/>
  <c r="G1632" i="9"/>
  <c r="J1632" i="9"/>
  <c r="B1633" i="9"/>
  <c r="C1633" i="9"/>
  <c r="D1633" i="9"/>
  <c r="E1633" i="9"/>
  <c r="G1633" i="9"/>
  <c r="J1633" i="9"/>
  <c r="B1634" i="9"/>
  <c r="C1634" i="9"/>
  <c r="D1634" i="9"/>
  <c r="E1634" i="9"/>
  <c r="G1634" i="9"/>
  <c r="J1634" i="9"/>
  <c r="B1635" i="9"/>
  <c r="C1635" i="9"/>
  <c r="D1635" i="9"/>
  <c r="E1635" i="9"/>
  <c r="G1635" i="9"/>
  <c r="J1635" i="9"/>
  <c r="B1636" i="9"/>
  <c r="C1636" i="9"/>
  <c r="D1636" i="9"/>
  <c r="E1636" i="9"/>
  <c r="G1636" i="9"/>
  <c r="J1636" i="9"/>
  <c r="B1637" i="9"/>
  <c r="C1637" i="9"/>
  <c r="D1637" i="9"/>
  <c r="E1637" i="9"/>
  <c r="G1637" i="9"/>
  <c r="J1637" i="9"/>
  <c r="B1638" i="9"/>
  <c r="C1638" i="9"/>
  <c r="D1638" i="9"/>
  <c r="E1638" i="9"/>
  <c r="G1638" i="9"/>
  <c r="J1638" i="9"/>
  <c r="B1639" i="9"/>
  <c r="C1639" i="9"/>
  <c r="D1639" i="9"/>
  <c r="E1639" i="9"/>
  <c r="G1639" i="9"/>
  <c r="J1639" i="9"/>
  <c r="B1640" i="9"/>
  <c r="C1640" i="9"/>
  <c r="D1640" i="9"/>
  <c r="E1640" i="9"/>
  <c r="G1640" i="9"/>
  <c r="J1640" i="9"/>
  <c r="B1641" i="9"/>
  <c r="C1641" i="9"/>
  <c r="D1641" i="9"/>
  <c r="E1641" i="9"/>
  <c r="G1641" i="9"/>
  <c r="J1641" i="9"/>
  <c r="B1642" i="9"/>
  <c r="C1642" i="9"/>
  <c r="D1642" i="9"/>
  <c r="E1642" i="9"/>
  <c r="G1642" i="9"/>
  <c r="J1642" i="9"/>
  <c r="B1643" i="9"/>
  <c r="C1643" i="9"/>
  <c r="D1643" i="9"/>
  <c r="E1643" i="9"/>
  <c r="G1643" i="9"/>
  <c r="J1643" i="9"/>
  <c r="B1644" i="9"/>
  <c r="C1644" i="9"/>
  <c r="D1644" i="9"/>
  <c r="E1644" i="9"/>
  <c r="G1644" i="9"/>
  <c r="J1644" i="9"/>
  <c r="B1645" i="9"/>
  <c r="C1645" i="9"/>
  <c r="D1645" i="9"/>
  <c r="E1645" i="9"/>
  <c r="G1645" i="9"/>
  <c r="J1645" i="9"/>
  <c r="B1646" i="9"/>
  <c r="C1646" i="9"/>
  <c r="D1646" i="9"/>
  <c r="E1646" i="9"/>
  <c r="G1646" i="9"/>
  <c r="J1646" i="9"/>
  <c r="B1647" i="9"/>
  <c r="C1647" i="9"/>
  <c r="D1647" i="9"/>
  <c r="E1647" i="9"/>
  <c r="G1647" i="9"/>
  <c r="J1647" i="9"/>
  <c r="B1648" i="9"/>
  <c r="C1648" i="9"/>
  <c r="D1648" i="9"/>
  <c r="E1648" i="9"/>
  <c r="G1648" i="9"/>
  <c r="J1648" i="9"/>
  <c r="B1649" i="9"/>
  <c r="C1649" i="9"/>
  <c r="D1649" i="9"/>
  <c r="E1649" i="9"/>
  <c r="G1649" i="9"/>
  <c r="J1649" i="9"/>
  <c r="B1650" i="9"/>
  <c r="C1650" i="9"/>
  <c r="D1650" i="9"/>
  <c r="E1650" i="9"/>
  <c r="G1650" i="9"/>
  <c r="J1650" i="9"/>
  <c r="B1651" i="9"/>
  <c r="C1651" i="9"/>
  <c r="D1651" i="9"/>
  <c r="E1651" i="9"/>
  <c r="G1651" i="9"/>
  <c r="J1651" i="9"/>
  <c r="B1652" i="9"/>
  <c r="C1652" i="9"/>
  <c r="D1652" i="9"/>
  <c r="E1652" i="9"/>
  <c r="G1652" i="9"/>
  <c r="J1652" i="9"/>
  <c r="B1653" i="9"/>
  <c r="C1653" i="9"/>
  <c r="D1653" i="9"/>
  <c r="E1653" i="9"/>
  <c r="G1653" i="9"/>
  <c r="J1653" i="9"/>
  <c r="B1654" i="9"/>
  <c r="C1654" i="9"/>
  <c r="D1654" i="9"/>
  <c r="E1654" i="9"/>
  <c r="G1654" i="9"/>
  <c r="J1654" i="9"/>
  <c r="B1655" i="9"/>
  <c r="C1655" i="9"/>
  <c r="D1655" i="9"/>
  <c r="E1655" i="9"/>
  <c r="G1655" i="9"/>
  <c r="J1655" i="9"/>
  <c r="B1656" i="9"/>
  <c r="C1656" i="9"/>
  <c r="D1656" i="9"/>
  <c r="E1656" i="9"/>
  <c r="G1656" i="9"/>
  <c r="J1656" i="9"/>
  <c r="B1657" i="9"/>
  <c r="C1657" i="9"/>
  <c r="D1657" i="9"/>
  <c r="E1657" i="9"/>
  <c r="G1657" i="9"/>
  <c r="J1657" i="9"/>
  <c r="B1658" i="9"/>
  <c r="C1658" i="9"/>
  <c r="D1658" i="9"/>
  <c r="E1658" i="9"/>
  <c r="G1658" i="9"/>
  <c r="J1658" i="9"/>
  <c r="B1659" i="9"/>
  <c r="C1659" i="9"/>
  <c r="D1659" i="9"/>
  <c r="E1659" i="9"/>
  <c r="G1659" i="9"/>
  <c r="J1659" i="9"/>
  <c r="B1660" i="9"/>
  <c r="C1660" i="9"/>
  <c r="D1660" i="9"/>
  <c r="E1660" i="9"/>
  <c r="G1660" i="9"/>
  <c r="J1660" i="9"/>
  <c r="B1661" i="9"/>
  <c r="C1661" i="9"/>
  <c r="D1661" i="9"/>
  <c r="E1661" i="9"/>
  <c r="G1661" i="9"/>
  <c r="J1661" i="9"/>
  <c r="B1662" i="9"/>
  <c r="C1662" i="9"/>
  <c r="D1662" i="9"/>
  <c r="E1662" i="9"/>
  <c r="G1662" i="9"/>
  <c r="J1662" i="9"/>
  <c r="B1663" i="9"/>
  <c r="C1663" i="9"/>
  <c r="D1663" i="9"/>
  <c r="E1663" i="9"/>
  <c r="G1663" i="9"/>
  <c r="J1663" i="9"/>
  <c r="B1664" i="9"/>
  <c r="C1664" i="9"/>
  <c r="D1664" i="9"/>
  <c r="E1664" i="9"/>
  <c r="G1664" i="9"/>
  <c r="J1664" i="9"/>
  <c r="B1665" i="9"/>
  <c r="C1665" i="9"/>
  <c r="D1665" i="9"/>
  <c r="E1665" i="9"/>
  <c r="G1665" i="9"/>
  <c r="J1665" i="9"/>
  <c r="B1666" i="9"/>
  <c r="C1666" i="9"/>
  <c r="D1666" i="9"/>
  <c r="E1666" i="9"/>
  <c r="G1666" i="9"/>
  <c r="J1666" i="9"/>
  <c r="B1667" i="9"/>
  <c r="C1667" i="9"/>
  <c r="D1667" i="9"/>
  <c r="E1667" i="9"/>
  <c r="G1667" i="9"/>
  <c r="J1667" i="9"/>
  <c r="B1668" i="9"/>
  <c r="C1668" i="9"/>
  <c r="D1668" i="9"/>
  <c r="E1668" i="9"/>
  <c r="G1668" i="9"/>
  <c r="J1668" i="9"/>
  <c r="B1669" i="9"/>
  <c r="C1669" i="9"/>
  <c r="D1669" i="9"/>
  <c r="E1669" i="9"/>
  <c r="G1669" i="9"/>
  <c r="J1669" i="9"/>
  <c r="B1670" i="9"/>
  <c r="C1670" i="9"/>
  <c r="D1670" i="9"/>
  <c r="E1670" i="9"/>
  <c r="G1670" i="9"/>
  <c r="J1670" i="9"/>
  <c r="B1671" i="9"/>
  <c r="C1671" i="9"/>
  <c r="D1671" i="9"/>
  <c r="E1671" i="9"/>
  <c r="G1671" i="9"/>
  <c r="J1671" i="9"/>
  <c r="B1672" i="9"/>
  <c r="C1672" i="9"/>
  <c r="D1672" i="9"/>
  <c r="E1672" i="9"/>
  <c r="G1672" i="9"/>
  <c r="J1672" i="9"/>
  <c r="B1673" i="9"/>
  <c r="C1673" i="9"/>
  <c r="D1673" i="9"/>
  <c r="E1673" i="9"/>
  <c r="G1673" i="9"/>
  <c r="J1673" i="9"/>
  <c r="B1674" i="9"/>
  <c r="C1674" i="9"/>
  <c r="D1674" i="9"/>
  <c r="E1674" i="9"/>
  <c r="G1674" i="9"/>
  <c r="J1674" i="9"/>
  <c r="B1675" i="9"/>
  <c r="C1675" i="9"/>
  <c r="D1675" i="9"/>
  <c r="E1675" i="9"/>
  <c r="G1675" i="9"/>
  <c r="J1675" i="9"/>
  <c r="B1676" i="9"/>
  <c r="C1676" i="9"/>
  <c r="D1676" i="9"/>
  <c r="E1676" i="9"/>
  <c r="G1676" i="9"/>
  <c r="J1676" i="9"/>
  <c r="B1677" i="9"/>
  <c r="C1677" i="9"/>
  <c r="D1677" i="9"/>
  <c r="E1677" i="9"/>
  <c r="G1677" i="9"/>
  <c r="J1677" i="9"/>
  <c r="B1678" i="9"/>
  <c r="C1678" i="9"/>
  <c r="D1678" i="9"/>
  <c r="E1678" i="9"/>
  <c r="G1678" i="9"/>
  <c r="J1678" i="9"/>
  <c r="B1679" i="9"/>
  <c r="C1679" i="9"/>
  <c r="D1679" i="9"/>
  <c r="E1679" i="9"/>
  <c r="G1679" i="9"/>
  <c r="J1679" i="9"/>
  <c r="B1680" i="9"/>
  <c r="C1680" i="9"/>
  <c r="D1680" i="9"/>
  <c r="E1680" i="9"/>
  <c r="G1680" i="9"/>
  <c r="J1680" i="9"/>
  <c r="B1681" i="9"/>
  <c r="C1681" i="9"/>
  <c r="D1681" i="9"/>
  <c r="E1681" i="9"/>
  <c r="G1681" i="9"/>
  <c r="J1681" i="9"/>
  <c r="B1682" i="9"/>
  <c r="C1682" i="9"/>
  <c r="D1682" i="9"/>
  <c r="E1682" i="9"/>
  <c r="G1682" i="9"/>
  <c r="J1682" i="9"/>
  <c r="B1683" i="9"/>
  <c r="C1683" i="9"/>
  <c r="D1683" i="9"/>
  <c r="E1683" i="9"/>
  <c r="G1683" i="9"/>
  <c r="J1683" i="9"/>
  <c r="B1684" i="9"/>
  <c r="C1684" i="9"/>
  <c r="D1684" i="9"/>
  <c r="E1684" i="9"/>
  <c r="G1684" i="9"/>
  <c r="J1684" i="9"/>
  <c r="B1685" i="9"/>
  <c r="C1685" i="9"/>
  <c r="D1685" i="9"/>
  <c r="E1685" i="9"/>
  <c r="G1685" i="9"/>
  <c r="J1685" i="9"/>
  <c r="B1686" i="9"/>
  <c r="C1686" i="9"/>
  <c r="D1686" i="9"/>
  <c r="E1686" i="9"/>
  <c r="G1686" i="9"/>
  <c r="J1686" i="9"/>
  <c r="B1687" i="9"/>
  <c r="C1687" i="9"/>
  <c r="D1687" i="9"/>
  <c r="E1687" i="9"/>
  <c r="G1687" i="9"/>
  <c r="J1687" i="9"/>
  <c r="B1688" i="9"/>
  <c r="C1688" i="9"/>
  <c r="D1688" i="9"/>
  <c r="E1688" i="9"/>
  <c r="G1688" i="9"/>
  <c r="J1688" i="9"/>
  <c r="B1689" i="9"/>
  <c r="C1689" i="9"/>
  <c r="D1689" i="9"/>
  <c r="E1689" i="9"/>
  <c r="G1689" i="9"/>
  <c r="J1689" i="9"/>
  <c r="B1690" i="9"/>
  <c r="C1690" i="9"/>
  <c r="D1690" i="9"/>
  <c r="E1690" i="9"/>
  <c r="G1690" i="9"/>
  <c r="J1690" i="9"/>
  <c r="B1691" i="9"/>
  <c r="C1691" i="9"/>
  <c r="D1691" i="9"/>
  <c r="E1691" i="9"/>
  <c r="G1691" i="9"/>
  <c r="J1691" i="9"/>
  <c r="B1692" i="9"/>
  <c r="C1692" i="9"/>
  <c r="D1692" i="9"/>
  <c r="E1692" i="9"/>
  <c r="G1692" i="9"/>
  <c r="J1692" i="9"/>
  <c r="B1693" i="9"/>
  <c r="C1693" i="9"/>
  <c r="D1693" i="9"/>
  <c r="E1693" i="9"/>
  <c r="G1693" i="9"/>
  <c r="J1693" i="9"/>
  <c r="B1694" i="9"/>
  <c r="C1694" i="9"/>
  <c r="D1694" i="9"/>
  <c r="E1694" i="9"/>
  <c r="G1694" i="9"/>
  <c r="J1694" i="9"/>
  <c r="B1695" i="9"/>
  <c r="C1695" i="9"/>
  <c r="D1695" i="9"/>
  <c r="E1695" i="9"/>
  <c r="G1695" i="9"/>
  <c r="J1695" i="9"/>
  <c r="B1696" i="9"/>
  <c r="C1696" i="9"/>
  <c r="D1696" i="9"/>
  <c r="E1696" i="9"/>
  <c r="G1696" i="9"/>
  <c r="J1696" i="9"/>
  <c r="B1697" i="9"/>
  <c r="C1697" i="9"/>
  <c r="D1697" i="9"/>
  <c r="E1697" i="9"/>
  <c r="G1697" i="9"/>
  <c r="J1697" i="9"/>
  <c r="B1698" i="9"/>
  <c r="C1698" i="9"/>
  <c r="D1698" i="9"/>
  <c r="E1698" i="9"/>
  <c r="G1698" i="9"/>
  <c r="J1698" i="9"/>
  <c r="B1699" i="9"/>
  <c r="C1699" i="9"/>
  <c r="D1699" i="9"/>
  <c r="E1699" i="9"/>
  <c r="G1699" i="9"/>
  <c r="J1699" i="9"/>
  <c r="B1700" i="9"/>
  <c r="C1700" i="9"/>
  <c r="D1700" i="9"/>
  <c r="E1700" i="9"/>
  <c r="G1700" i="9"/>
  <c r="J1700" i="9"/>
  <c r="B1701" i="9"/>
  <c r="C1701" i="9"/>
  <c r="D1701" i="9"/>
  <c r="E1701" i="9"/>
  <c r="G1701" i="9"/>
  <c r="J1701" i="9"/>
  <c r="B1702" i="9"/>
  <c r="C1702" i="9"/>
  <c r="D1702" i="9"/>
  <c r="E1702" i="9"/>
  <c r="G1702" i="9"/>
  <c r="J1702" i="9"/>
  <c r="B1703" i="9"/>
  <c r="C1703" i="9"/>
  <c r="D1703" i="9"/>
  <c r="E1703" i="9"/>
  <c r="G1703" i="9"/>
  <c r="J1703" i="9"/>
  <c r="B1704" i="9"/>
  <c r="C1704" i="9"/>
  <c r="D1704" i="9"/>
  <c r="E1704" i="9"/>
  <c r="G1704" i="9"/>
  <c r="J1704" i="9"/>
  <c r="B1705" i="9"/>
  <c r="C1705" i="9"/>
  <c r="D1705" i="9"/>
  <c r="E1705" i="9"/>
  <c r="G1705" i="9"/>
  <c r="J1705" i="9"/>
  <c r="B1706" i="9"/>
  <c r="C1706" i="9"/>
  <c r="D1706" i="9"/>
  <c r="E1706" i="9"/>
  <c r="G1706" i="9"/>
  <c r="J1706" i="9"/>
  <c r="B1707" i="9"/>
  <c r="C1707" i="9"/>
  <c r="D1707" i="9"/>
  <c r="E1707" i="9"/>
  <c r="G1707" i="9"/>
  <c r="J1707" i="9"/>
  <c r="B1708" i="9"/>
  <c r="C1708" i="9"/>
  <c r="D1708" i="9"/>
  <c r="E1708" i="9"/>
  <c r="G1708" i="9"/>
  <c r="J1708" i="9"/>
  <c r="B1709" i="9"/>
  <c r="C1709" i="9"/>
  <c r="D1709" i="9"/>
  <c r="E1709" i="9"/>
  <c r="G1709" i="9"/>
  <c r="J1709" i="9"/>
  <c r="B1710" i="9"/>
  <c r="C1710" i="9"/>
  <c r="D1710" i="9"/>
  <c r="E1710" i="9"/>
  <c r="G1710" i="9"/>
  <c r="J1710" i="9"/>
  <c r="B1711" i="9"/>
  <c r="C1711" i="9"/>
  <c r="D1711" i="9"/>
  <c r="E1711" i="9"/>
  <c r="G1711" i="9"/>
  <c r="J1711" i="9"/>
  <c r="B1712" i="9"/>
  <c r="C1712" i="9"/>
  <c r="D1712" i="9"/>
  <c r="E1712" i="9"/>
  <c r="G1712" i="9"/>
  <c r="J1712" i="9"/>
  <c r="B1713" i="9"/>
  <c r="C1713" i="9"/>
  <c r="D1713" i="9"/>
  <c r="E1713" i="9"/>
  <c r="G1713" i="9"/>
  <c r="J1713" i="9"/>
  <c r="B1714" i="9"/>
  <c r="C1714" i="9"/>
  <c r="D1714" i="9"/>
  <c r="E1714" i="9"/>
  <c r="G1714" i="9"/>
  <c r="J1714" i="9"/>
  <c r="B1715" i="9"/>
  <c r="C1715" i="9"/>
  <c r="D1715" i="9"/>
  <c r="E1715" i="9"/>
  <c r="G1715" i="9"/>
  <c r="J1715" i="9"/>
  <c r="B1716" i="9"/>
  <c r="C1716" i="9"/>
  <c r="D1716" i="9"/>
  <c r="E1716" i="9"/>
  <c r="G1716" i="9"/>
  <c r="J1716" i="9"/>
  <c r="B1717" i="9"/>
  <c r="C1717" i="9"/>
  <c r="D1717" i="9"/>
  <c r="E1717" i="9"/>
  <c r="G1717" i="9"/>
  <c r="J1717" i="9"/>
  <c r="B1718" i="9"/>
  <c r="C1718" i="9"/>
  <c r="D1718" i="9"/>
  <c r="E1718" i="9"/>
  <c r="G1718" i="9"/>
  <c r="J1718" i="9"/>
  <c r="B1719" i="9"/>
  <c r="C1719" i="9"/>
  <c r="D1719" i="9"/>
  <c r="E1719" i="9"/>
  <c r="G1719" i="9"/>
  <c r="J1719" i="9"/>
  <c r="B1720" i="9"/>
  <c r="C1720" i="9"/>
  <c r="D1720" i="9"/>
  <c r="E1720" i="9"/>
  <c r="G1720" i="9"/>
  <c r="J1720" i="9"/>
  <c r="B1721" i="9"/>
  <c r="C1721" i="9"/>
  <c r="D1721" i="9"/>
  <c r="E1721" i="9"/>
  <c r="G1721" i="9"/>
  <c r="J1721" i="9"/>
  <c r="B1722" i="9"/>
  <c r="C1722" i="9"/>
  <c r="D1722" i="9"/>
  <c r="E1722" i="9"/>
  <c r="G1722" i="9"/>
  <c r="J1722" i="9"/>
  <c r="B1723" i="9"/>
  <c r="C1723" i="9"/>
  <c r="D1723" i="9"/>
  <c r="E1723" i="9"/>
  <c r="G1723" i="9"/>
  <c r="J1723" i="9"/>
  <c r="B1724" i="9"/>
  <c r="C1724" i="9"/>
  <c r="D1724" i="9"/>
  <c r="E1724" i="9"/>
  <c r="G1724" i="9"/>
  <c r="J1724" i="9"/>
  <c r="B1725" i="9"/>
  <c r="C1725" i="9"/>
  <c r="D1725" i="9"/>
  <c r="E1725" i="9"/>
  <c r="G1725" i="9"/>
  <c r="J1725" i="9"/>
  <c r="B1726" i="9"/>
  <c r="C1726" i="9"/>
  <c r="D1726" i="9"/>
  <c r="E1726" i="9"/>
  <c r="G1726" i="9"/>
  <c r="J1726" i="9"/>
  <c r="B1727" i="9"/>
  <c r="C1727" i="9"/>
  <c r="D1727" i="9"/>
  <c r="E1727" i="9"/>
  <c r="G1727" i="9"/>
  <c r="J1727" i="9"/>
  <c r="B1728" i="9"/>
  <c r="C1728" i="9"/>
  <c r="D1728" i="9"/>
  <c r="E1728" i="9"/>
  <c r="G1728" i="9"/>
  <c r="J1728" i="9"/>
  <c r="B1729" i="9"/>
  <c r="C1729" i="9"/>
  <c r="D1729" i="9"/>
  <c r="E1729" i="9"/>
  <c r="G1729" i="9"/>
  <c r="J1729" i="9"/>
  <c r="B1730" i="9"/>
  <c r="C1730" i="9"/>
  <c r="D1730" i="9"/>
  <c r="E1730" i="9"/>
  <c r="G1730" i="9"/>
  <c r="J1730" i="9"/>
  <c r="B1731" i="9"/>
  <c r="C1731" i="9"/>
  <c r="D1731" i="9"/>
  <c r="E1731" i="9"/>
  <c r="G1731" i="9"/>
  <c r="J1731" i="9"/>
  <c r="B1732" i="9"/>
  <c r="C1732" i="9"/>
  <c r="D1732" i="9"/>
  <c r="E1732" i="9"/>
  <c r="G1732" i="9"/>
  <c r="J1732" i="9"/>
  <c r="B1733" i="9"/>
  <c r="C1733" i="9"/>
  <c r="D1733" i="9"/>
  <c r="E1733" i="9"/>
  <c r="G1733" i="9"/>
  <c r="J1733" i="9"/>
  <c r="B1734" i="9"/>
  <c r="C1734" i="9"/>
  <c r="D1734" i="9"/>
  <c r="E1734" i="9"/>
  <c r="G1734" i="9"/>
  <c r="J1734" i="9"/>
  <c r="B1735" i="9"/>
  <c r="C1735" i="9"/>
  <c r="D1735" i="9"/>
  <c r="E1735" i="9"/>
  <c r="G1735" i="9"/>
  <c r="J1735" i="9"/>
  <c r="B1736" i="9"/>
  <c r="C1736" i="9"/>
  <c r="D1736" i="9"/>
  <c r="E1736" i="9"/>
  <c r="G1736" i="9"/>
  <c r="J1736" i="9"/>
  <c r="B1737" i="9"/>
  <c r="C1737" i="9"/>
  <c r="D1737" i="9"/>
  <c r="E1737" i="9"/>
  <c r="G1737" i="9"/>
  <c r="J1737" i="9"/>
  <c r="B1738" i="9"/>
  <c r="C1738" i="9"/>
  <c r="D1738" i="9"/>
  <c r="E1738" i="9"/>
  <c r="G1738" i="9"/>
  <c r="J1738" i="9"/>
  <c r="B1739" i="9"/>
  <c r="C1739" i="9"/>
  <c r="D1739" i="9"/>
  <c r="E1739" i="9"/>
  <c r="G1739" i="9"/>
  <c r="J1739" i="9"/>
  <c r="B1740" i="9"/>
  <c r="C1740" i="9"/>
  <c r="D1740" i="9"/>
  <c r="E1740" i="9"/>
  <c r="G1740" i="9"/>
  <c r="J1740" i="9"/>
  <c r="B1741" i="9"/>
  <c r="C1741" i="9"/>
  <c r="D1741" i="9"/>
  <c r="E1741" i="9"/>
  <c r="G1741" i="9"/>
  <c r="J1741" i="9"/>
  <c r="B1742" i="9"/>
  <c r="C1742" i="9"/>
  <c r="D1742" i="9"/>
  <c r="E1742" i="9"/>
  <c r="G1742" i="9"/>
  <c r="J1742" i="9"/>
  <c r="B1743" i="9"/>
  <c r="C1743" i="9"/>
  <c r="D1743" i="9"/>
  <c r="E1743" i="9"/>
  <c r="G1743" i="9"/>
  <c r="J1743" i="9"/>
  <c r="B1744" i="9"/>
  <c r="C1744" i="9"/>
  <c r="D1744" i="9"/>
  <c r="E1744" i="9"/>
  <c r="G1744" i="9"/>
  <c r="J1744" i="9"/>
  <c r="B1745" i="9"/>
  <c r="C1745" i="9"/>
  <c r="D1745" i="9"/>
  <c r="E1745" i="9"/>
  <c r="G1745" i="9"/>
  <c r="J1745" i="9"/>
  <c r="B1746" i="9"/>
  <c r="C1746" i="9"/>
  <c r="D1746" i="9"/>
  <c r="E1746" i="9"/>
  <c r="G1746" i="9"/>
  <c r="J1746" i="9"/>
  <c r="B1747" i="9"/>
  <c r="C1747" i="9"/>
  <c r="D1747" i="9"/>
  <c r="E1747" i="9"/>
  <c r="G1747" i="9"/>
  <c r="J1747" i="9"/>
  <c r="B1748" i="9"/>
  <c r="C1748" i="9"/>
  <c r="D1748" i="9"/>
  <c r="E1748" i="9"/>
  <c r="G1748" i="9"/>
  <c r="J1748" i="9"/>
  <c r="B1749" i="9"/>
  <c r="C1749" i="9"/>
  <c r="D1749" i="9"/>
  <c r="E1749" i="9"/>
  <c r="G1749" i="9"/>
  <c r="J1749" i="9"/>
  <c r="B1750" i="9"/>
  <c r="C1750" i="9"/>
  <c r="D1750" i="9"/>
  <c r="E1750" i="9"/>
  <c r="G1750" i="9"/>
  <c r="J1750" i="9"/>
  <c r="B1751" i="9"/>
  <c r="C1751" i="9"/>
  <c r="D1751" i="9"/>
  <c r="E1751" i="9"/>
  <c r="G1751" i="9"/>
  <c r="J1751" i="9"/>
  <c r="B1752" i="9"/>
  <c r="C1752" i="9"/>
  <c r="D1752" i="9"/>
  <c r="E1752" i="9"/>
  <c r="G1752" i="9"/>
  <c r="J1752" i="9"/>
  <c r="B1753" i="9"/>
  <c r="C1753" i="9"/>
  <c r="D1753" i="9"/>
  <c r="E1753" i="9"/>
  <c r="G1753" i="9"/>
  <c r="J1753" i="9"/>
  <c r="B1754" i="9"/>
  <c r="C1754" i="9"/>
  <c r="D1754" i="9"/>
  <c r="E1754" i="9"/>
  <c r="G1754" i="9"/>
  <c r="J1754" i="9"/>
  <c r="B1755" i="9"/>
  <c r="C1755" i="9"/>
  <c r="D1755" i="9"/>
  <c r="E1755" i="9"/>
  <c r="G1755" i="9"/>
  <c r="J1755" i="9"/>
  <c r="B1756" i="9"/>
  <c r="C1756" i="9"/>
  <c r="D1756" i="9"/>
  <c r="E1756" i="9"/>
  <c r="G1756" i="9"/>
  <c r="J1756" i="9"/>
  <c r="B1757" i="9"/>
  <c r="C1757" i="9"/>
  <c r="D1757" i="9"/>
  <c r="E1757" i="9"/>
  <c r="G1757" i="9"/>
  <c r="J1757" i="9"/>
  <c r="B1758" i="9"/>
  <c r="C1758" i="9"/>
  <c r="D1758" i="9"/>
  <c r="E1758" i="9"/>
  <c r="G1758" i="9"/>
  <c r="J1758" i="9"/>
  <c r="B1759" i="9"/>
  <c r="C1759" i="9"/>
  <c r="D1759" i="9"/>
  <c r="E1759" i="9"/>
  <c r="G1759" i="9"/>
  <c r="J1759" i="9"/>
  <c r="B1760" i="9"/>
  <c r="C1760" i="9"/>
  <c r="D1760" i="9"/>
  <c r="E1760" i="9"/>
  <c r="G1760" i="9"/>
  <c r="J1760" i="9"/>
  <c r="B1761" i="9"/>
  <c r="C1761" i="9"/>
  <c r="D1761" i="9"/>
  <c r="E1761" i="9"/>
  <c r="G1761" i="9"/>
  <c r="J1761" i="9"/>
  <c r="B1762" i="9"/>
  <c r="C1762" i="9"/>
  <c r="D1762" i="9"/>
  <c r="E1762" i="9"/>
  <c r="G1762" i="9"/>
  <c r="J1762" i="9"/>
  <c r="B1763" i="9"/>
  <c r="C1763" i="9"/>
  <c r="D1763" i="9"/>
  <c r="E1763" i="9"/>
  <c r="G1763" i="9"/>
  <c r="J1763" i="9"/>
  <c r="B1764" i="9"/>
  <c r="C1764" i="9"/>
  <c r="D1764" i="9"/>
  <c r="E1764" i="9"/>
  <c r="G1764" i="9"/>
  <c r="J1764" i="9"/>
  <c r="B1765" i="9"/>
  <c r="C1765" i="9"/>
  <c r="D1765" i="9"/>
  <c r="E1765" i="9"/>
  <c r="G1765" i="9"/>
  <c r="J1765" i="9"/>
  <c r="B1766" i="9"/>
  <c r="C1766" i="9"/>
  <c r="D1766" i="9"/>
  <c r="E1766" i="9"/>
  <c r="G1766" i="9"/>
  <c r="J1766" i="9"/>
  <c r="B1767" i="9"/>
  <c r="C1767" i="9"/>
  <c r="D1767" i="9"/>
  <c r="E1767" i="9"/>
  <c r="G1767" i="9"/>
  <c r="J1767" i="9"/>
  <c r="B1768" i="9"/>
  <c r="C1768" i="9"/>
  <c r="D1768" i="9"/>
  <c r="E1768" i="9"/>
  <c r="G1768" i="9"/>
  <c r="J1768" i="9"/>
  <c r="B1769" i="9"/>
  <c r="C1769" i="9"/>
  <c r="D1769" i="9"/>
  <c r="E1769" i="9"/>
  <c r="G1769" i="9"/>
  <c r="J1769" i="9"/>
  <c r="B1770" i="9"/>
  <c r="C1770" i="9"/>
  <c r="D1770" i="9"/>
  <c r="E1770" i="9"/>
  <c r="G1770" i="9"/>
  <c r="J1770" i="9"/>
  <c r="B1771" i="9"/>
  <c r="C1771" i="9"/>
  <c r="D1771" i="9"/>
  <c r="E1771" i="9"/>
  <c r="G1771" i="9"/>
  <c r="J1771" i="9"/>
  <c r="B1772" i="9"/>
  <c r="C1772" i="9"/>
  <c r="D1772" i="9"/>
  <c r="E1772" i="9"/>
  <c r="G1772" i="9"/>
  <c r="J1772" i="9"/>
  <c r="B1773" i="9"/>
  <c r="C1773" i="9"/>
  <c r="D1773" i="9"/>
  <c r="E1773" i="9"/>
  <c r="G1773" i="9"/>
  <c r="J1773" i="9"/>
  <c r="B1774" i="9"/>
  <c r="C1774" i="9"/>
  <c r="D1774" i="9"/>
  <c r="E1774" i="9"/>
  <c r="G1774" i="9"/>
  <c r="J1774" i="9"/>
  <c r="B1775" i="9"/>
  <c r="C1775" i="9"/>
  <c r="D1775" i="9"/>
  <c r="E1775" i="9"/>
  <c r="G1775" i="9"/>
  <c r="J1775" i="9"/>
  <c r="B1776" i="9"/>
  <c r="C1776" i="9"/>
  <c r="D1776" i="9"/>
  <c r="E1776" i="9"/>
  <c r="G1776" i="9"/>
  <c r="J1776" i="9"/>
  <c r="B1777" i="9"/>
  <c r="C1777" i="9"/>
  <c r="D1777" i="9"/>
  <c r="E1777" i="9"/>
  <c r="G1777" i="9"/>
  <c r="J1777" i="9"/>
  <c r="B1778" i="9"/>
  <c r="C1778" i="9"/>
  <c r="D1778" i="9"/>
  <c r="E1778" i="9"/>
  <c r="G1778" i="9"/>
  <c r="J1778" i="9"/>
  <c r="B1779" i="9"/>
  <c r="C1779" i="9"/>
  <c r="D1779" i="9"/>
  <c r="E1779" i="9"/>
  <c r="G1779" i="9"/>
  <c r="J1779" i="9"/>
  <c r="B1780" i="9"/>
  <c r="C1780" i="9"/>
  <c r="D1780" i="9"/>
  <c r="E1780" i="9"/>
  <c r="G1780" i="9"/>
  <c r="J1780" i="9"/>
  <c r="B1781" i="9"/>
  <c r="C1781" i="9"/>
  <c r="D1781" i="9"/>
  <c r="E1781" i="9"/>
  <c r="G1781" i="9"/>
  <c r="J1781" i="9"/>
  <c r="B1782" i="9"/>
  <c r="C1782" i="9"/>
  <c r="D1782" i="9"/>
  <c r="E1782" i="9"/>
  <c r="G1782" i="9"/>
  <c r="J1782" i="9"/>
  <c r="B1783" i="9"/>
  <c r="C1783" i="9"/>
  <c r="D1783" i="9"/>
  <c r="E1783" i="9"/>
  <c r="G1783" i="9"/>
  <c r="J1783" i="9"/>
  <c r="B1784" i="9"/>
  <c r="C1784" i="9"/>
  <c r="D1784" i="9"/>
  <c r="E1784" i="9"/>
  <c r="G1784" i="9"/>
  <c r="J1784" i="9"/>
  <c r="B1785" i="9"/>
  <c r="C1785" i="9"/>
  <c r="D1785" i="9"/>
  <c r="E1785" i="9"/>
  <c r="G1785" i="9"/>
  <c r="J1785" i="9"/>
  <c r="B1786" i="9"/>
  <c r="C1786" i="9"/>
  <c r="D1786" i="9"/>
  <c r="E1786" i="9"/>
  <c r="G1786" i="9"/>
  <c r="J1786" i="9"/>
  <c r="B1787" i="9"/>
  <c r="C1787" i="9"/>
  <c r="D1787" i="9"/>
  <c r="E1787" i="9"/>
  <c r="G1787" i="9"/>
  <c r="J1787" i="9"/>
  <c r="B1788" i="9"/>
  <c r="C1788" i="9"/>
  <c r="D1788" i="9"/>
  <c r="E1788" i="9"/>
  <c r="G1788" i="9"/>
  <c r="J1788" i="9"/>
  <c r="B1789" i="9"/>
  <c r="C1789" i="9"/>
  <c r="D1789" i="9"/>
  <c r="E1789" i="9"/>
  <c r="G1789" i="9"/>
  <c r="J1789" i="9"/>
  <c r="B1790" i="9"/>
  <c r="C1790" i="9"/>
  <c r="D1790" i="9"/>
  <c r="E1790" i="9"/>
  <c r="G1790" i="9"/>
  <c r="J1790" i="9"/>
  <c r="B1791" i="9"/>
  <c r="C1791" i="9"/>
  <c r="D1791" i="9"/>
  <c r="E1791" i="9"/>
  <c r="G1791" i="9"/>
  <c r="J1791" i="9"/>
  <c r="B1792" i="9"/>
  <c r="C1792" i="9"/>
  <c r="D1792" i="9"/>
  <c r="E1792" i="9"/>
  <c r="G1792" i="9"/>
  <c r="J1792" i="9"/>
  <c r="B1793" i="9"/>
  <c r="C1793" i="9"/>
  <c r="D1793" i="9"/>
  <c r="E1793" i="9"/>
  <c r="G1793" i="9"/>
  <c r="J1793" i="9"/>
  <c r="B1794" i="9"/>
  <c r="C1794" i="9"/>
  <c r="D1794" i="9"/>
  <c r="E1794" i="9"/>
  <c r="G1794" i="9"/>
  <c r="J1794" i="9"/>
  <c r="B1795" i="9"/>
  <c r="C1795" i="9"/>
  <c r="D1795" i="9"/>
  <c r="E1795" i="9"/>
  <c r="G1795" i="9"/>
  <c r="J1795" i="9"/>
  <c r="B1796" i="9"/>
  <c r="C1796" i="9"/>
  <c r="D1796" i="9"/>
  <c r="E1796" i="9"/>
  <c r="G1796" i="9"/>
  <c r="J1796" i="9"/>
  <c r="B1797" i="9"/>
  <c r="C1797" i="9"/>
  <c r="D1797" i="9"/>
  <c r="E1797" i="9"/>
  <c r="G1797" i="9"/>
  <c r="J1797" i="9"/>
  <c r="B1798" i="9"/>
  <c r="C1798" i="9"/>
  <c r="D1798" i="9"/>
  <c r="E1798" i="9"/>
  <c r="G1798" i="9"/>
  <c r="J1798" i="9"/>
  <c r="B1799" i="9"/>
  <c r="C1799" i="9"/>
  <c r="D1799" i="9"/>
  <c r="E1799" i="9"/>
  <c r="G1799" i="9"/>
  <c r="J1799" i="9"/>
  <c r="B1800" i="9"/>
  <c r="C1800" i="9"/>
  <c r="D1800" i="9"/>
  <c r="E1800" i="9"/>
  <c r="G1800" i="9"/>
  <c r="J1800" i="9"/>
  <c r="B1801" i="9"/>
  <c r="C1801" i="9"/>
  <c r="D1801" i="9"/>
  <c r="E1801" i="9"/>
  <c r="G1801" i="9"/>
  <c r="J1801" i="9"/>
  <c r="B1802" i="9"/>
  <c r="C1802" i="9"/>
  <c r="D1802" i="9"/>
  <c r="E1802" i="9"/>
  <c r="G1802" i="9"/>
  <c r="J1802" i="9"/>
  <c r="B1803" i="9"/>
  <c r="C1803" i="9"/>
  <c r="D1803" i="9"/>
  <c r="E1803" i="9"/>
  <c r="G1803" i="9"/>
  <c r="J1803" i="9"/>
  <c r="B1804" i="9"/>
  <c r="C1804" i="9"/>
  <c r="D1804" i="9"/>
  <c r="E1804" i="9"/>
  <c r="G1804" i="9"/>
  <c r="J1804" i="9"/>
  <c r="B1805" i="9"/>
  <c r="C1805" i="9"/>
  <c r="D1805" i="9"/>
  <c r="E1805" i="9"/>
  <c r="G1805" i="9"/>
  <c r="J1805" i="9"/>
  <c r="B1806" i="9"/>
  <c r="C1806" i="9"/>
  <c r="D1806" i="9"/>
  <c r="E1806" i="9"/>
  <c r="G1806" i="9"/>
  <c r="J1806" i="9"/>
  <c r="B1807" i="9"/>
  <c r="C1807" i="9"/>
  <c r="D1807" i="9"/>
  <c r="E1807" i="9"/>
  <c r="G1807" i="9"/>
  <c r="J1807" i="9"/>
  <c r="B1808" i="9"/>
  <c r="C1808" i="9"/>
  <c r="D1808" i="9"/>
  <c r="E1808" i="9"/>
  <c r="G1808" i="9"/>
  <c r="J1808" i="9"/>
  <c r="B1809" i="9"/>
  <c r="C1809" i="9"/>
  <c r="D1809" i="9"/>
  <c r="E1809" i="9"/>
  <c r="G1809" i="9"/>
  <c r="J1809" i="9"/>
  <c r="B1810" i="9"/>
  <c r="C1810" i="9"/>
  <c r="D1810" i="9"/>
  <c r="E1810" i="9"/>
  <c r="G1810" i="9"/>
  <c r="J1810" i="9"/>
  <c r="B1811" i="9"/>
  <c r="C1811" i="9"/>
  <c r="D1811" i="9"/>
  <c r="E1811" i="9"/>
  <c r="G1811" i="9"/>
  <c r="J1811" i="9"/>
  <c r="B1812" i="9"/>
  <c r="C1812" i="9"/>
  <c r="D1812" i="9"/>
  <c r="E1812" i="9"/>
  <c r="G1812" i="9"/>
  <c r="J1812" i="9"/>
  <c r="B1813" i="9"/>
  <c r="C1813" i="9"/>
  <c r="D1813" i="9"/>
  <c r="E1813" i="9"/>
  <c r="G1813" i="9"/>
  <c r="J1813" i="9"/>
  <c r="B1814" i="9"/>
  <c r="C1814" i="9"/>
  <c r="D1814" i="9"/>
  <c r="E1814" i="9"/>
  <c r="G1814" i="9"/>
  <c r="J1814" i="9"/>
  <c r="B1815" i="9"/>
  <c r="C1815" i="9"/>
  <c r="D1815" i="9"/>
  <c r="E1815" i="9"/>
  <c r="G1815" i="9"/>
  <c r="J1815" i="9"/>
  <c r="B1816" i="9"/>
  <c r="C1816" i="9"/>
  <c r="D1816" i="9"/>
  <c r="E1816" i="9"/>
  <c r="G1816" i="9"/>
  <c r="J1816" i="9"/>
  <c r="B1817" i="9"/>
  <c r="C1817" i="9"/>
  <c r="D1817" i="9"/>
  <c r="E1817" i="9"/>
  <c r="G1817" i="9"/>
  <c r="J1817" i="9"/>
  <c r="B1818" i="9"/>
  <c r="C1818" i="9"/>
  <c r="D1818" i="9"/>
  <c r="E1818" i="9"/>
  <c r="G1818" i="9"/>
  <c r="J1818" i="9"/>
  <c r="B1819" i="9"/>
  <c r="C1819" i="9"/>
  <c r="D1819" i="9"/>
  <c r="E1819" i="9"/>
  <c r="G1819" i="9"/>
  <c r="J1819" i="9"/>
  <c r="B1820" i="9"/>
  <c r="C1820" i="9"/>
  <c r="D1820" i="9"/>
  <c r="E1820" i="9"/>
  <c r="G1820" i="9"/>
  <c r="J1820" i="9"/>
  <c r="B1821" i="9"/>
  <c r="C1821" i="9"/>
  <c r="D1821" i="9"/>
  <c r="E1821" i="9"/>
  <c r="G1821" i="9"/>
  <c r="J1821" i="9"/>
  <c r="B1822" i="9"/>
  <c r="C1822" i="9"/>
  <c r="D1822" i="9"/>
  <c r="E1822" i="9"/>
  <c r="G1822" i="9"/>
  <c r="J1822" i="9"/>
  <c r="B1823" i="9"/>
  <c r="C1823" i="9"/>
  <c r="D1823" i="9"/>
  <c r="E1823" i="9"/>
  <c r="G1823" i="9"/>
  <c r="J1823" i="9"/>
  <c r="B1824" i="9"/>
  <c r="C1824" i="9"/>
  <c r="D1824" i="9"/>
  <c r="E1824" i="9"/>
  <c r="G1824" i="9"/>
  <c r="J1824" i="9"/>
  <c r="B1825" i="9"/>
  <c r="C1825" i="9"/>
  <c r="D1825" i="9"/>
  <c r="E1825" i="9"/>
  <c r="G1825" i="9"/>
  <c r="J1825" i="9"/>
  <c r="B1826" i="9"/>
  <c r="C1826" i="9"/>
  <c r="D1826" i="9"/>
  <c r="E1826" i="9"/>
  <c r="G1826" i="9"/>
  <c r="J1826" i="9"/>
  <c r="B1827" i="9"/>
  <c r="C1827" i="9"/>
  <c r="D1827" i="9"/>
  <c r="E1827" i="9"/>
  <c r="G1827" i="9"/>
  <c r="J1827" i="9"/>
  <c r="B1828" i="9"/>
  <c r="C1828" i="9"/>
  <c r="D1828" i="9"/>
  <c r="E1828" i="9"/>
  <c r="G1828" i="9"/>
  <c r="J1828" i="9"/>
  <c r="B1829" i="9"/>
  <c r="C1829" i="9"/>
  <c r="D1829" i="9"/>
  <c r="E1829" i="9"/>
  <c r="G1829" i="9"/>
  <c r="J1829" i="9"/>
  <c r="B1830" i="9"/>
  <c r="C1830" i="9"/>
  <c r="D1830" i="9"/>
  <c r="E1830" i="9"/>
  <c r="G1830" i="9"/>
  <c r="J1830" i="9"/>
  <c r="B1831" i="9"/>
  <c r="C1831" i="9"/>
  <c r="D1831" i="9"/>
  <c r="E1831" i="9"/>
  <c r="G1831" i="9"/>
  <c r="J1831" i="9"/>
  <c r="B1832" i="9"/>
  <c r="C1832" i="9"/>
  <c r="D1832" i="9"/>
  <c r="E1832" i="9"/>
  <c r="G1832" i="9"/>
  <c r="J1832" i="9"/>
  <c r="B1833" i="9"/>
  <c r="C1833" i="9"/>
  <c r="D1833" i="9"/>
  <c r="E1833" i="9"/>
  <c r="G1833" i="9"/>
  <c r="J1833" i="9"/>
  <c r="B1834" i="9"/>
  <c r="C1834" i="9"/>
  <c r="D1834" i="9"/>
  <c r="E1834" i="9"/>
  <c r="G1834" i="9"/>
  <c r="J1834" i="9"/>
  <c r="B1835" i="9"/>
  <c r="C1835" i="9"/>
  <c r="D1835" i="9"/>
  <c r="E1835" i="9"/>
  <c r="G1835" i="9"/>
  <c r="J1835" i="9"/>
  <c r="B1836" i="9"/>
  <c r="C1836" i="9"/>
  <c r="D1836" i="9"/>
  <c r="E1836" i="9"/>
  <c r="G1836" i="9"/>
  <c r="J1836" i="9"/>
  <c r="B1837" i="9"/>
  <c r="C1837" i="9"/>
  <c r="D1837" i="9"/>
  <c r="E1837" i="9"/>
  <c r="G1837" i="9"/>
  <c r="J1837" i="9"/>
  <c r="B1838" i="9"/>
  <c r="C1838" i="9"/>
  <c r="D1838" i="9"/>
  <c r="E1838" i="9"/>
  <c r="G1838" i="9"/>
  <c r="J1838" i="9"/>
  <c r="B1839" i="9"/>
  <c r="C1839" i="9"/>
  <c r="D1839" i="9"/>
  <c r="E1839" i="9"/>
  <c r="G1839" i="9"/>
  <c r="J1839" i="9"/>
  <c r="B1840" i="9"/>
  <c r="C1840" i="9"/>
  <c r="D1840" i="9"/>
  <c r="E1840" i="9"/>
  <c r="G1840" i="9"/>
  <c r="J1840" i="9"/>
  <c r="B1841" i="9"/>
  <c r="C1841" i="9"/>
  <c r="D1841" i="9"/>
  <c r="E1841" i="9"/>
  <c r="G1841" i="9"/>
  <c r="J1841" i="9"/>
  <c r="B1842" i="9"/>
  <c r="C1842" i="9"/>
  <c r="D1842" i="9"/>
  <c r="E1842" i="9"/>
  <c r="G1842" i="9"/>
  <c r="J1842" i="9"/>
  <c r="B1843" i="9"/>
  <c r="C1843" i="9"/>
  <c r="D1843" i="9"/>
  <c r="E1843" i="9"/>
  <c r="G1843" i="9"/>
  <c r="J1843" i="9"/>
  <c r="B1844" i="9"/>
  <c r="C1844" i="9"/>
  <c r="D1844" i="9"/>
  <c r="E1844" i="9"/>
  <c r="G1844" i="9"/>
  <c r="J1844" i="9"/>
  <c r="B1845" i="9"/>
  <c r="C1845" i="9"/>
  <c r="D1845" i="9"/>
  <c r="E1845" i="9"/>
  <c r="G1845" i="9"/>
  <c r="J1845" i="9"/>
  <c r="B1846" i="9"/>
  <c r="C1846" i="9"/>
  <c r="D1846" i="9"/>
  <c r="E1846" i="9"/>
  <c r="G1846" i="9"/>
  <c r="J1846" i="9"/>
  <c r="B1847" i="9"/>
  <c r="C1847" i="9"/>
  <c r="D1847" i="9"/>
  <c r="E1847" i="9"/>
  <c r="G1847" i="9"/>
  <c r="J1847" i="9"/>
  <c r="B1848" i="9"/>
  <c r="C1848" i="9"/>
  <c r="D1848" i="9"/>
  <c r="E1848" i="9"/>
  <c r="G1848" i="9"/>
  <c r="J1848" i="9"/>
  <c r="B1849" i="9"/>
  <c r="C1849" i="9"/>
  <c r="D1849" i="9"/>
  <c r="E1849" i="9"/>
  <c r="G1849" i="9"/>
  <c r="J1849" i="9"/>
  <c r="B1850" i="9"/>
  <c r="C1850" i="9"/>
  <c r="D1850" i="9"/>
  <c r="E1850" i="9"/>
  <c r="G1850" i="9"/>
  <c r="J1850" i="9"/>
  <c r="B1851" i="9"/>
  <c r="C1851" i="9"/>
  <c r="D1851" i="9"/>
  <c r="E1851" i="9"/>
  <c r="G1851" i="9"/>
  <c r="J1851" i="9"/>
  <c r="B1852" i="9"/>
  <c r="C1852" i="9"/>
  <c r="D1852" i="9"/>
  <c r="E1852" i="9"/>
  <c r="G1852" i="9"/>
  <c r="J1852" i="9"/>
  <c r="B1853" i="9"/>
  <c r="C1853" i="9"/>
  <c r="D1853" i="9"/>
  <c r="E1853" i="9"/>
  <c r="G1853" i="9"/>
  <c r="J1853" i="9"/>
  <c r="B1854" i="9"/>
  <c r="C1854" i="9"/>
  <c r="D1854" i="9"/>
  <c r="E1854" i="9"/>
  <c r="G1854" i="9"/>
  <c r="J1854" i="9"/>
  <c r="B1855" i="9"/>
  <c r="C1855" i="9"/>
  <c r="D1855" i="9"/>
  <c r="E1855" i="9"/>
  <c r="G1855" i="9"/>
  <c r="J1855" i="9"/>
  <c r="B1856" i="9"/>
  <c r="C1856" i="9"/>
  <c r="D1856" i="9"/>
  <c r="E1856" i="9"/>
  <c r="G1856" i="9"/>
  <c r="J1856" i="9"/>
  <c r="B1857" i="9"/>
  <c r="C1857" i="9"/>
  <c r="D1857" i="9"/>
  <c r="E1857" i="9"/>
  <c r="G1857" i="9"/>
  <c r="J1857" i="9"/>
  <c r="B1858" i="9"/>
  <c r="C1858" i="9"/>
  <c r="D1858" i="9"/>
  <c r="E1858" i="9"/>
  <c r="G1858" i="9"/>
  <c r="J1858" i="9"/>
  <c r="B1859" i="9"/>
  <c r="C1859" i="9"/>
  <c r="D1859" i="9"/>
  <c r="E1859" i="9"/>
  <c r="G1859" i="9"/>
  <c r="J1859" i="9"/>
  <c r="B1860" i="9"/>
  <c r="C1860" i="9"/>
  <c r="D1860" i="9"/>
  <c r="E1860" i="9"/>
  <c r="G1860" i="9"/>
  <c r="J1860" i="9"/>
  <c r="B1861" i="9"/>
  <c r="C1861" i="9"/>
  <c r="D1861" i="9"/>
  <c r="E1861" i="9"/>
  <c r="G1861" i="9"/>
  <c r="J1861" i="9"/>
  <c r="B1862" i="9"/>
  <c r="C1862" i="9"/>
  <c r="D1862" i="9"/>
  <c r="E1862" i="9"/>
  <c r="G1862" i="9"/>
  <c r="J1862" i="9"/>
  <c r="B1863" i="9"/>
  <c r="C1863" i="9"/>
  <c r="D1863" i="9"/>
  <c r="E1863" i="9"/>
  <c r="G1863" i="9"/>
  <c r="J1863" i="9"/>
  <c r="B1864" i="9"/>
  <c r="C1864" i="9"/>
  <c r="D1864" i="9"/>
  <c r="E1864" i="9"/>
  <c r="G1864" i="9"/>
  <c r="J1864" i="9"/>
  <c r="B1865" i="9"/>
  <c r="C1865" i="9"/>
  <c r="D1865" i="9"/>
  <c r="E1865" i="9"/>
  <c r="G1865" i="9"/>
  <c r="J1865" i="9"/>
  <c r="B1866" i="9"/>
  <c r="C1866" i="9"/>
  <c r="D1866" i="9"/>
  <c r="E1866" i="9"/>
  <c r="G1866" i="9"/>
  <c r="J1866" i="9"/>
  <c r="B1867" i="9"/>
  <c r="C1867" i="9"/>
  <c r="D1867" i="9"/>
  <c r="E1867" i="9"/>
  <c r="G1867" i="9"/>
  <c r="J1867" i="9"/>
  <c r="B1868" i="9"/>
  <c r="C1868" i="9"/>
  <c r="D1868" i="9"/>
  <c r="E1868" i="9"/>
  <c r="G1868" i="9"/>
  <c r="J1868" i="9"/>
  <c r="B1869" i="9"/>
  <c r="C1869" i="9"/>
  <c r="D1869" i="9"/>
  <c r="E1869" i="9"/>
  <c r="G1869" i="9"/>
  <c r="J1869" i="9"/>
  <c r="B1870" i="9"/>
  <c r="C1870" i="9"/>
  <c r="D1870" i="9"/>
  <c r="E1870" i="9"/>
  <c r="G1870" i="9"/>
  <c r="J1870" i="9"/>
  <c r="B1871" i="9"/>
  <c r="C1871" i="9"/>
  <c r="D1871" i="9"/>
  <c r="E1871" i="9"/>
  <c r="G1871" i="9"/>
  <c r="J1871" i="9"/>
  <c r="B1872" i="9"/>
  <c r="C1872" i="9"/>
  <c r="D1872" i="9"/>
  <c r="E1872" i="9"/>
  <c r="G1872" i="9"/>
  <c r="J1872" i="9"/>
  <c r="B1873" i="9"/>
  <c r="C1873" i="9"/>
  <c r="D1873" i="9"/>
  <c r="E1873" i="9"/>
  <c r="G1873" i="9"/>
  <c r="J1873" i="9"/>
  <c r="B1874" i="9"/>
  <c r="C1874" i="9"/>
  <c r="D1874" i="9"/>
  <c r="E1874" i="9"/>
  <c r="G1874" i="9"/>
  <c r="J1874" i="9"/>
  <c r="B1875" i="9"/>
  <c r="C1875" i="9"/>
  <c r="D1875" i="9"/>
  <c r="E1875" i="9"/>
  <c r="G1875" i="9"/>
  <c r="J1875" i="9"/>
  <c r="B1876" i="9"/>
  <c r="C1876" i="9"/>
  <c r="D1876" i="9"/>
  <c r="E1876" i="9"/>
  <c r="G1876" i="9"/>
  <c r="J1876" i="9"/>
  <c r="B1877" i="9"/>
  <c r="C1877" i="9"/>
  <c r="D1877" i="9"/>
  <c r="E1877" i="9"/>
  <c r="G1877" i="9"/>
  <c r="J1877" i="9"/>
  <c r="B1878" i="9"/>
  <c r="C1878" i="9"/>
  <c r="D1878" i="9"/>
  <c r="E1878" i="9"/>
  <c r="G1878" i="9"/>
  <c r="J1878" i="9"/>
  <c r="B1879" i="9"/>
  <c r="C1879" i="9"/>
  <c r="D1879" i="9"/>
  <c r="E1879" i="9"/>
  <c r="G1879" i="9"/>
  <c r="J1879" i="9"/>
  <c r="B1880" i="9"/>
  <c r="C1880" i="9"/>
  <c r="D1880" i="9"/>
  <c r="E1880" i="9"/>
  <c r="G1880" i="9"/>
  <c r="J1880" i="9"/>
  <c r="B1881" i="9"/>
  <c r="C1881" i="9"/>
  <c r="D1881" i="9"/>
  <c r="E1881" i="9"/>
  <c r="G1881" i="9"/>
  <c r="J1881" i="9"/>
  <c r="B1882" i="9"/>
  <c r="C1882" i="9"/>
  <c r="D1882" i="9"/>
  <c r="E1882" i="9"/>
  <c r="G1882" i="9"/>
  <c r="J1882" i="9"/>
  <c r="B1883" i="9"/>
  <c r="C1883" i="9"/>
  <c r="D1883" i="9"/>
  <c r="E1883" i="9"/>
  <c r="G1883" i="9"/>
  <c r="J1883" i="9"/>
  <c r="B1884" i="9"/>
  <c r="C1884" i="9"/>
  <c r="D1884" i="9"/>
  <c r="E1884" i="9"/>
  <c r="G1884" i="9"/>
  <c r="J1884" i="9"/>
  <c r="B1885" i="9"/>
  <c r="C1885" i="9"/>
  <c r="D1885" i="9"/>
  <c r="E1885" i="9"/>
  <c r="G1885" i="9"/>
  <c r="J1885" i="9"/>
  <c r="B1886" i="9"/>
  <c r="C1886" i="9"/>
  <c r="D1886" i="9"/>
  <c r="E1886" i="9"/>
  <c r="G1886" i="9"/>
  <c r="J1886" i="9"/>
  <c r="B1887" i="9"/>
  <c r="C1887" i="9"/>
  <c r="D1887" i="9"/>
  <c r="E1887" i="9"/>
  <c r="G1887" i="9"/>
  <c r="J1887" i="9"/>
  <c r="B1888" i="9"/>
  <c r="C1888" i="9"/>
  <c r="D1888" i="9"/>
  <c r="E1888" i="9"/>
  <c r="G1888" i="9"/>
  <c r="J1888" i="9"/>
  <c r="B1889" i="9"/>
  <c r="C1889" i="9"/>
  <c r="D1889" i="9"/>
  <c r="E1889" i="9"/>
  <c r="G1889" i="9"/>
  <c r="J1889" i="9"/>
  <c r="B1890" i="9"/>
  <c r="C1890" i="9"/>
  <c r="D1890" i="9"/>
  <c r="E1890" i="9"/>
  <c r="G1890" i="9"/>
  <c r="J1890" i="9"/>
  <c r="B1891" i="9"/>
  <c r="C1891" i="9"/>
  <c r="D1891" i="9"/>
  <c r="E1891" i="9"/>
  <c r="G1891" i="9"/>
  <c r="J1891" i="9"/>
  <c r="B1892" i="9"/>
  <c r="C1892" i="9"/>
  <c r="D1892" i="9"/>
  <c r="E1892" i="9"/>
  <c r="G1892" i="9"/>
  <c r="J1892" i="9"/>
  <c r="B1893" i="9"/>
  <c r="C1893" i="9"/>
  <c r="D1893" i="9"/>
  <c r="E1893" i="9"/>
  <c r="G1893" i="9"/>
  <c r="J1893" i="9"/>
  <c r="B1894" i="9"/>
  <c r="C1894" i="9"/>
  <c r="D1894" i="9"/>
  <c r="E1894" i="9"/>
  <c r="G1894" i="9"/>
  <c r="J1894" i="9"/>
  <c r="B1895" i="9"/>
  <c r="C1895" i="9"/>
  <c r="D1895" i="9"/>
  <c r="E1895" i="9"/>
  <c r="G1895" i="9"/>
  <c r="J1895" i="9"/>
  <c r="B1896" i="9"/>
  <c r="C1896" i="9"/>
  <c r="D1896" i="9"/>
  <c r="E1896" i="9"/>
  <c r="G1896" i="9"/>
  <c r="J1896" i="9"/>
  <c r="B1897" i="9"/>
  <c r="C1897" i="9"/>
  <c r="D1897" i="9"/>
  <c r="E1897" i="9"/>
  <c r="G1897" i="9"/>
  <c r="J1897" i="9"/>
  <c r="B1898" i="9"/>
  <c r="C1898" i="9"/>
  <c r="D1898" i="9"/>
  <c r="E1898" i="9"/>
  <c r="G1898" i="9"/>
  <c r="J1898" i="9"/>
  <c r="B1899" i="9"/>
  <c r="C1899" i="9"/>
  <c r="D1899" i="9"/>
  <c r="E1899" i="9"/>
  <c r="G1899" i="9"/>
  <c r="J1899" i="9"/>
  <c r="B1900" i="9"/>
  <c r="C1900" i="9"/>
  <c r="D1900" i="9"/>
  <c r="E1900" i="9"/>
  <c r="G1900" i="9"/>
  <c r="J1900" i="9"/>
  <c r="B1901" i="9"/>
  <c r="C1901" i="9"/>
  <c r="D1901" i="9"/>
  <c r="E1901" i="9"/>
  <c r="G1901" i="9"/>
  <c r="J1901" i="9"/>
  <c r="B1902" i="9"/>
  <c r="C1902" i="9"/>
  <c r="D1902" i="9"/>
  <c r="E1902" i="9"/>
  <c r="G1902" i="9"/>
  <c r="J1902" i="9"/>
  <c r="B1903" i="9"/>
  <c r="C1903" i="9"/>
  <c r="D1903" i="9"/>
  <c r="E1903" i="9"/>
  <c r="G1903" i="9"/>
  <c r="J1903" i="9"/>
  <c r="B1904" i="9"/>
  <c r="C1904" i="9"/>
  <c r="D1904" i="9"/>
  <c r="E1904" i="9"/>
  <c r="G1904" i="9"/>
  <c r="J1904" i="9"/>
  <c r="B1905" i="9"/>
  <c r="C1905" i="9"/>
  <c r="D1905" i="9"/>
  <c r="E1905" i="9"/>
  <c r="G1905" i="9"/>
  <c r="J1905" i="9"/>
  <c r="B1906" i="9"/>
  <c r="C1906" i="9"/>
  <c r="D1906" i="9"/>
  <c r="E1906" i="9"/>
  <c r="G1906" i="9"/>
  <c r="J1906" i="9"/>
  <c r="B1907" i="9"/>
  <c r="C1907" i="9"/>
  <c r="D1907" i="9"/>
  <c r="E1907" i="9"/>
  <c r="G1907" i="9"/>
  <c r="J1907" i="9"/>
  <c r="B1908" i="9"/>
  <c r="C1908" i="9"/>
  <c r="D1908" i="9"/>
  <c r="E1908" i="9"/>
  <c r="G1908" i="9"/>
  <c r="J1908" i="9"/>
  <c r="B1909" i="9"/>
  <c r="C1909" i="9"/>
  <c r="D1909" i="9"/>
  <c r="E1909" i="9"/>
  <c r="G1909" i="9"/>
  <c r="J1909" i="9"/>
  <c r="B1910" i="9"/>
  <c r="C1910" i="9"/>
  <c r="D1910" i="9"/>
  <c r="E1910" i="9"/>
  <c r="G1910" i="9"/>
  <c r="J1910" i="9"/>
  <c r="B1911" i="9"/>
  <c r="C1911" i="9"/>
  <c r="D1911" i="9"/>
  <c r="E1911" i="9"/>
  <c r="G1911" i="9"/>
  <c r="J1911" i="9"/>
  <c r="B1912" i="9"/>
  <c r="C1912" i="9"/>
  <c r="D1912" i="9"/>
  <c r="E1912" i="9"/>
  <c r="G1912" i="9"/>
  <c r="J1912" i="9"/>
  <c r="B1913" i="9"/>
  <c r="C1913" i="9"/>
  <c r="D1913" i="9"/>
  <c r="E1913" i="9"/>
  <c r="G1913" i="9"/>
  <c r="J1913" i="9"/>
  <c r="B1914" i="9"/>
  <c r="C1914" i="9"/>
  <c r="D1914" i="9"/>
  <c r="E1914" i="9"/>
  <c r="G1914" i="9"/>
  <c r="J1914" i="9"/>
  <c r="B1915" i="9"/>
  <c r="C1915" i="9"/>
  <c r="D1915" i="9"/>
  <c r="E1915" i="9"/>
  <c r="G1915" i="9"/>
  <c r="J1915" i="9"/>
  <c r="B1916" i="9"/>
  <c r="C1916" i="9"/>
  <c r="D1916" i="9"/>
  <c r="E1916" i="9"/>
  <c r="G1916" i="9"/>
  <c r="J1916" i="9"/>
  <c r="B1917" i="9"/>
  <c r="C1917" i="9"/>
  <c r="D1917" i="9"/>
  <c r="E1917" i="9"/>
  <c r="G1917" i="9"/>
  <c r="J1917" i="9"/>
  <c r="B1918" i="9"/>
  <c r="C1918" i="9"/>
  <c r="D1918" i="9"/>
  <c r="E1918" i="9"/>
  <c r="G1918" i="9"/>
  <c r="J1918" i="9"/>
  <c r="B1919" i="9"/>
  <c r="C1919" i="9"/>
  <c r="D1919" i="9"/>
  <c r="E1919" i="9"/>
  <c r="G1919" i="9"/>
  <c r="J1919" i="9"/>
  <c r="B1920" i="9"/>
  <c r="C1920" i="9"/>
  <c r="D1920" i="9"/>
  <c r="E1920" i="9"/>
  <c r="G1920" i="9"/>
  <c r="J1920" i="9"/>
  <c r="B1921" i="9"/>
  <c r="C1921" i="9"/>
  <c r="D1921" i="9"/>
  <c r="E1921" i="9"/>
  <c r="G1921" i="9"/>
  <c r="J1921" i="9"/>
  <c r="B1922" i="9"/>
  <c r="C1922" i="9"/>
  <c r="D1922" i="9"/>
  <c r="E1922" i="9"/>
  <c r="G1922" i="9"/>
  <c r="J1922" i="9"/>
  <c r="B1923" i="9"/>
  <c r="C1923" i="9"/>
  <c r="D1923" i="9"/>
  <c r="E1923" i="9"/>
  <c r="G1923" i="9"/>
  <c r="J1923" i="9"/>
  <c r="B1924" i="9"/>
  <c r="C1924" i="9"/>
  <c r="D1924" i="9"/>
  <c r="E1924" i="9"/>
  <c r="G1924" i="9"/>
  <c r="J1924" i="9"/>
  <c r="B1925" i="9"/>
  <c r="C1925" i="9"/>
  <c r="D1925" i="9"/>
  <c r="E1925" i="9"/>
  <c r="G1925" i="9"/>
  <c r="J1925" i="9"/>
  <c r="B1926" i="9"/>
  <c r="C1926" i="9"/>
  <c r="D1926" i="9"/>
  <c r="E1926" i="9"/>
  <c r="G1926" i="9"/>
  <c r="J1926" i="9"/>
  <c r="B1927" i="9"/>
  <c r="C1927" i="9"/>
  <c r="D1927" i="9"/>
  <c r="E1927" i="9"/>
  <c r="G1927" i="9"/>
  <c r="J1927" i="9"/>
  <c r="B1928" i="9"/>
  <c r="C1928" i="9"/>
  <c r="D1928" i="9"/>
  <c r="E1928" i="9"/>
  <c r="G1928" i="9"/>
  <c r="J1928" i="9"/>
  <c r="B1929" i="9"/>
  <c r="C1929" i="9"/>
  <c r="D1929" i="9"/>
  <c r="E1929" i="9"/>
  <c r="G1929" i="9"/>
  <c r="J1929" i="9"/>
  <c r="B1930" i="9"/>
  <c r="C1930" i="9"/>
  <c r="D1930" i="9"/>
  <c r="E1930" i="9"/>
  <c r="G1930" i="9"/>
  <c r="J1930" i="9"/>
  <c r="B1931" i="9"/>
  <c r="C1931" i="9"/>
  <c r="D1931" i="9"/>
  <c r="E1931" i="9"/>
  <c r="G1931" i="9"/>
  <c r="J1931" i="9"/>
  <c r="B1932" i="9"/>
  <c r="C1932" i="9"/>
  <c r="D1932" i="9"/>
  <c r="E1932" i="9"/>
  <c r="G1932" i="9"/>
  <c r="J1932" i="9"/>
  <c r="B1933" i="9"/>
  <c r="C1933" i="9"/>
  <c r="D1933" i="9"/>
  <c r="E1933" i="9"/>
  <c r="G1933" i="9"/>
  <c r="J1933" i="9"/>
  <c r="B1934" i="9"/>
  <c r="C1934" i="9"/>
  <c r="D1934" i="9"/>
  <c r="E1934" i="9"/>
  <c r="G1934" i="9"/>
  <c r="J1934" i="9"/>
  <c r="B1935" i="9"/>
  <c r="C1935" i="9"/>
  <c r="D1935" i="9"/>
  <c r="E1935" i="9"/>
  <c r="G1935" i="9"/>
  <c r="J1935" i="9"/>
  <c r="B1936" i="9"/>
  <c r="C1936" i="9"/>
  <c r="D1936" i="9"/>
  <c r="E1936" i="9"/>
  <c r="G1936" i="9"/>
  <c r="J1936" i="9"/>
  <c r="B1937" i="9"/>
  <c r="C1937" i="9"/>
  <c r="D1937" i="9"/>
  <c r="E1937" i="9"/>
  <c r="G1937" i="9"/>
  <c r="J1937" i="9"/>
  <c r="B1938" i="9"/>
  <c r="C1938" i="9"/>
  <c r="D1938" i="9"/>
  <c r="E1938" i="9"/>
  <c r="G1938" i="9"/>
  <c r="J1938" i="9"/>
  <c r="B1939" i="9"/>
  <c r="C1939" i="9"/>
  <c r="D1939" i="9"/>
  <c r="E1939" i="9"/>
  <c r="G1939" i="9"/>
  <c r="J1939" i="9"/>
  <c r="B1940" i="9"/>
  <c r="C1940" i="9"/>
  <c r="D1940" i="9"/>
  <c r="E1940" i="9"/>
  <c r="G1940" i="9"/>
  <c r="J1940" i="9"/>
  <c r="B1941" i="9"/>
  <c r="C1941" i="9"/>
  <c r="D1941" i="9"/>
  <c r="E1941" i="9"/>
  <c r="G1941" i="9"/>
  <c r="J1941" i="9"/>
  <c r="B1942" i="9"/>
  <c r="C1942" i="9"/>
  <c r="D1942" i="9"/>
  <c r="E1942" i="9"/>
  <c r="G1942" i="9"/>
  <c r="J1942" i="9"/>
  <c r="B1943" i="9"/>
  <c r="C1943" i="9"/>
  <c r="D1943" i="9"/>
  <c r="E1943" i="9"/>
  <c r="G1943" i="9"/>
  <c r="J1943" i="9"/>
  <c r="B1944" i="9"/>
  <c r="C1944" i="9"/>
  <c r="D1944" i="9"/>
  <c r="E1944" i="9"/>
  <c r="G1944" i="9"/>
  <c r="J1944" i="9"/>
  <c r="B1945" i="9"/>
  <c r="C1945" i="9"/>
  <c r="D1945" i="9"/>
  <c r="E1945" i="9"/>
  <c r="G1945" i="9"/>
  <c r="J1945" i="9"/>
  <c r="B1946" i="9"/>
  <c r="C1946" i="9"/>
  <c r="D1946" i="9"/>
  <c r="E1946" i="9"/>
  <c r="G1946" i="9"/>
  <c r="J1946" i="9"/>
  <c r="B1947" i="9"/>
  <c r="C1947" i="9"/>
  <c r="D1947" i="9"/>
  <c r="E1947" i="9"/>
  <c r="G1947" i="9"/>
  <c r="J1947" i="9"/>
  <c r="B1948" i="9"/>
  <c r="C1948" i="9"/>
  <c r="D1948" i="9"/>
  <c r="E1948" i="9"/>
  <c r="G1948" i="9"/>
  <c r="J1948" i="9"/>
  <c r="B1949" i="9"/>
  <c r="C1949" i="9"/>
  <c r="D1949" i="9"/>
  <c r="E1949" i="9"/>
  <c r="G1949" i="9"/>
  <c r="J1949" i="9"/>
  <c r="B1950" i="9"/>
  <c r="C1950" i="9"/>
  <c r="D1950" i="9"/>
  <c r="E1950" i="9"/>
  <c r="G1950" i="9"/>
  <c r="J1950" i="9"/>
  <c r="B1951" i="9"/>
  <c r="C1951" i="9"/>
  <c r="D1951" i="9"/>
  <c r="E1951" i="9"/>
  <c r="G1951" i="9"/>
  <c r="J1951" i="9"/>
  <c r="B1952" i="9"/>
  <c r="C1952" i="9"/>
  <c r="D1952" i="9"/>
  <c r="E1952" i="9"/>
  <c r="G1952" i="9"/>
  <c r="J1952" i="9"/>
  <c r="B1953" i="9"/>
  <c r="C1953" i="9"/>
  <c r="D1953" i="9"/>
  <c r="E1953" i="9"/>
  <c r="G1953" i="9"/>
  <c r="J1953" i="9"/>
  <c r="B1954" i="9"/>
  <c r="C1954" i="9"/>
  <c r="D1954" i="9"/>
  <c r="E1954" i="9"/>
  <c r="G1954" i="9"/>
  <c r="J1954" i="9"/>
  <c r="B1955" i="9"/>
  <c r="C1955" i="9"/>
  <c r="D1955" i="9"/>
  <c r="E1955" i="9"/>
  <c r="G1955" i="9"/>
  <c r="J1955" i="9"/>
  <c r="B1956" i="9"/>
  <c r="C1956" i="9"/>
  <c r="D1956" i="9"/>
  <c r="E1956" i="9"/>
  <c r="G1956" i="9"/>
  <c r="J1956" i="9"/>
  <c r="B1957" i="9"/>
  <c r="C1957" i="9"/>
  <c r="D1957" i="9"/>
  <c r="E1957" i="9"/>
  <c r="G1957" i="9"/>
  <c r="J1957" i="9"/>
  <c r="B1958" i="9"/>
  <c r="C1958" i="9"/>
  <c r="D1958" i="9"/>
  <c r="E1958" i="9"/>
  <c r="G1958" i="9"/>
  <c r="J1958" i="9"/>
  <c r="B1959" i="9"/>
  <c r="C1959" i="9"/>
  <c r="D1959" i="9"/>
  <c r="E1959" i="9"/>
  <c r="G1959" i="9"/>
  <c r="J1959" i="9"/>
  <c r="B1960" i="9"/>
  <c r="C1960" i="9"/>
  <c r="D1960" i="9"/>
  <c r="E1960" i="9"/>
  <c r="G1960" i="9"/>
  <c r="J1960" i="9"/>
  <c r="B1961" i="9"/>
  <c r="C1961" i="9"/>
  <c r="D1961" i="9"/>
  <c r="E1961" i="9"/>
  <c r="G1961" i="9"/>
  <c r="J1961" i="9"/>
  <c r="B1962" i="9"/>
  <c r="C1962" i="9"/>
  <c r="D1962" i="9"/>
  <c r="E1962" i="9"/>
  <c r="G1962" i="9"/>
  <c r="J1962" i="9"/>
  <c r="B1963" i="9"/>
  <c r="C1963" i="9"/>
  <c r="D1963" i="9"/>
  <c r="E1963" i="9"/>
  <c r="G1963" i="9"/>
  <c r="J1963" i="9"/>
  <c r="B1964" i="9"/>
  <c r="C1964" i="9"/>
  <c r="D1964" i="9"/>
  <c r="E1964" i="9"/>
  <c r="G1964" i="9"/>
  <c r="J1964" i="9"/>
  <c r="B1965" i="9"/>
  <c r="C1965" i="9"/>
  <c r="D1965" i="9"/>
  <c r="E1965" i="9"/>
  <c r="G1965" i="9"/>
  <c r="J1965" i="9"/>
  <c r="B1966" i="9"/>
  <c r="C1966" i="9"/>
  <c r="D1966" i="9"/>
  <c r="E1966" i="9"/>
  <c r="G1966" i="9"/>
  <c r="J1966" i="9"/>
  <c r="B1967" i="9"/>
  <c r="C1967" i="9"/>
  <c r="D1967" i="9"/>
  <c r="E1967" i="9"/>
  <c r="G1967" i="9"/>
  <c r="J1967" i="9"/>
  <c r="B1968" i="9"/>
  <c r="C1968" i="9"/>
  <c r="D1968" i="9"/>
  <c r="E1968" i="9"/>
  <c r="G1968" i="9"/>
  <c r="J1968" i="9"/>
  <c r="B1969" i="9"/>
  <c r="C1969" i="9"/>
  <c r="D1969" i="9"/>
  <c r="E1969" i="9"/>
  <c r="G1969" i="9"/>
  <c r="J1969" i="9"/>
  <c r="B1970" i="9"/>
  <c r="C1970" i="9"/>
  <c r="D1970" i="9"/>
  <c r="E1970" i="9"/>
  <c r="G1970" i="9"/>
  <c r="J1970" i="9"/>
  <c r="B1971" i="9"/>
  <c r="C1971" i="9"/>
  <c r="D1971" i="9"/>
  <c r="E1971" i="9"/>
  <c r="G1971" i="9"/>
  <c r="J1971" i="9"/>
  <c r="B1972" i="9"/>
  <c r="C1972" i="9"/>
  <c r="D1972" i="9"/>
  <c r="E1972" i="9"/>
  <c r="G1972" i="9"/>
  <c r="J1972" i="9"/>
  <c r="B1973" i="9"/>
  <c r="C1973" i="9"/>
  <c r="D1973" i="9"/>
  <c r="E1973" i="9"/>
  <c r="G1973" i="9"/>
  <c r="J1973" i="9"/>
  <c r="B1974" i="9"/>
  <c r="C1974" i="9"/>
  <c r="D1974" i="9"/>
  <c r="E1974" i="9"/>
  <c r="G1974" i="9"/>
  <c r="J1974" i="9"/>
  <c r="B1975" i="9"/>
  <c r="C1975" i="9"/>
  <c r="D1975" i="9"/>
  <c r="E1975" i="9"/>
  <c r="G1975" i="9"/>
  <c r="J1975" i="9"/>
  <c r="B1976" i="9"/>
  <c r="C1976" i="9"/>
  <c r="D1976" i="9"/>
  <c r="E1976" i="9"/>
  <c r="G1976" i="9"/>
  <c r="J1976" i="9"/>
  <c r="B1977" i="9"/>
  <c r="C1977" i="9"/>
  <c r="D1977" i="9"/>
  <c r="E1977" i="9"/>
  <c r="G1977" i="9"/>
  <c r="J1977" i="9"/>
  <c r="B1978" i="9"/>
  <c r="C1978" i="9"/>
  <c r="D1978" i="9"/>
  <c r="E1978" i="9"/>
  <c r="G1978" i="9"/>
  <c r="J1978" i="9"/>
  <c r="B1979" i="9"/>
  <c r="C1979" i="9"/>
  <c r="D1979" i="9"/>
  <c r="E1979" i="9"/>
  <c r="G1979" i="9"/>
  <c r="J1979" i="9"/>
  <c r="B1980" i="9"/>
  <c r="C1980" i="9"/>
  <c r="D1980" i="9"/>
  <c r="E1980" i="9"/>
  <c r="G1980" i="9"/>
  <c r="J1980" i="9"/>
  <c r="B1981" i="9"/>
  <c r="C1981" i="9"/>
  <c r="D1981" i="9"/>
  <c r="E1981" i="9"/>
  <c r="G1981" i="9"/>
  <c r="J1981" i="9"/>
  <c r="B1982" i="9"/>
  <c r="C1982" i="9"/>
  <c r="D1982" i="9"/>
  <c r="E1982" i="9"/>
  <c r="G1982" i="9"/>
  <c r="J1982" i="9"/>
  <c r="B1983" i="9"/>
  <c r="C1983" i="9"/>
  <c r="D1983" i="9"/>
  <c r="E1983" i="9"/>
  <c r="G1983" i="9"/>
  <c r="J1983" i="9"/>
  <c r="B1984" i="9"/>
  <c r="C1984" i="9"/>
  <c r="D1984" i="9"/>
  <c r="E1984" i="9"/>
  <c r="G1984" i="9"/>
  <c r="J1984" i="9"/>
  <c r="B1985" i="9"/>
  <c r="C1985" i="9"/>
  <c r="D1985" i="9"/>
  <c r="E1985" i="9"/>
  <c r="G1985" i="9"/>
  <c r="J1985" i="9"/>
  <c r="B1986" i="9"/>
  <c r="C1986" i="9"/>
  <c r="D1986" i="9"/>
  <c r="E1986" i="9"/>
  <c r="G1986" i="9"/>
  <c r="J1986" i="9"/>
  <c r="B1987" i="9"/>
  <c r="C1987" i="9"/>
  <c r="D1987" i="9"/>
  <c r="E1987" i="9"/>
  <c r="G1987" i="9"/>
  <c r="J1987" i="9"/>
  <c r="B1988" i="9"/>
  <c r="C1988" i="9"/>
  <c r="D1988" i="9"/>
  <c r="E1988" i="9"/>
  <c r="G1988" i="9"/>
  <c r="J1988" i="9"/>
  <c r="B1989" i="9"/>
  <c r="C1989" i="9"/>
  <c r="D1989" i="9"/>
  <c r="E1989" i="9"/>
  <c r="G1989" i="9"/>
  <c r="J1989" i="9"/>
  <c r="B1990" i="9"/>
  <c r="C1990" i="9"/>
  <c r="D1990" i="9"/>
  <c r="E1990" i="9"/>
  <c r="G1990" i="9"/>
  <c r="J1990" i="9"/>
  <c r="B1991" i="9"/>
  <c r="C1991" i="9"/>
  <c r="D1991" i="9"/>
  <c r="E1991" i="9"/>
  <c r="G1991" i="9"/>
  <c r="J1991" i="9"/>
  <c r="B1992" i="9"/>
  <c r="C1992" i="9"/>
  <c r="D1992" i="9"/>
  <c r="E1992" i="9"/>
  <c r="G1992" i="9"/>
  <c r="J1992" i="9"/>
  <c r="B1993" i="9"/>
  <c r="C1993" i="9"/>
  <c r="D1993" i="9"/>
  <c r="E1993" i="9"/>
  <c r="G1993" i="9"/>
  <c r="J1993" i="9"/>
  <c r="B1994" i="9"/>
  <c r="C1994" i="9"/>
  <c r="D1994" i="9"/>
  <c r="E1994" i="9"/>
  <c r="G1994" i="9"/>
  <c r="J1994" i="9"/>
  <c r="B1995" i="9"/>
  <c r="C1995" i="9"/>
  <c r="D1995" i="9"/>
  <c r="E1995" i="9"/>
  <c r="G1995" i="9"/>
  <c r="J1995" i="9"/>
  <c r="B1996" i="9"/>
  <c r="C1996" i="9"/>
  <c r="D1996" i="9"/>
  <c r="E1996" i="9"/>
  <c r="G1996" i="9"/>
  <c r="J1996" i="9"/>
  <c r="B1997" i="9"/>
  <c r="C1997" i="9"/>
  <c r="D1997" i="9"/>
  <c r="E1997" i="9"/>
  <c r="G1997" i="9"/>
  <c r="J1997" i="9"/>
  <c r="B1998" i="9"/>
  <c r="C1998" i="9"/>
  <c r="D1998" i="9"/>
  <c r="E1998" i="9"/>
  <c r="G1998" i="9"/>
  <c r="J1998" i="9"/>
  <c r="B1999" i="9"/>
  <c r="C1999" i="9"/>
  <c r="D1999" i="9"/>
  <c r="E1999" i="9"/>
  <c r="G1999" i="9"/>
  <c r="J1999" i="9"/>
  <c r="B2000" i="9"/>
  <c r="C2000" i="9"/>
  <c r="D2000" i="9"/>
  <c r="E2000" i="9"/>
  <c r="G2000" i="9"/>
  <c r="J2000" i="9"/>
  <c r="B2001" i="9"/>
  <c r="C2001" i="9"/>
  <c r="D2001" i="9"/>
  <c r="E2001" i="9"/>
  <c r="G2001" i="9"/>
  <c r="J2001" i="9"/>
  <c r="B2002" i="9"/>
  <c r="C2002" i="9"/>
  <c r="D2002" i="9"/>
  <c r="E2002" i="9"/>
  <c r="G2002" i="9"/>
  <c r="J2002" i="9"/>
  <c r="B2003" i="9"/>
  <c r="C2003" i="9"/>
  <c r="D2003" i="9"/>
  <c r="E2003" i="9"/>
  <c r="G2003" i="9"/>
  <c r="J2003" i="9"/>
  <c r="B2004" i="9"/>
  <c r="C2004" i="9"/>
  <c r="D2004" i="9"/>
  <c r="E2004" i="9"/>
  <c r="G2004" i="9"/>
  <c r="J2004" i="9"/>
  <c r="B2005" i="9"/>
  <c r="C2005" i="9"/>
  <c r="D2005" i="9"/>
  <c r="E2005" i="9"/>
  <c r="G2005" i="9"/>
  <c r="J2005" i="9"/>
  <c r="B2006" i="9"/>
  <c r="C2006" i="9"/>
  <c r="D2006" i="9"/>
  <c r="E2006" i="9"/>
  <c r="G2006" i="9"/>
  <c r="J2006" i="9"/>
  <c r="B2007" i="9"/>
  <c r="C2007" i="9"/>
  <c r="D2007" i="9"/>
  <c r="E2007" i="9"/>
  <c r="G2007" i="9"/>
  <c r="J2007" i="9"/>
  <c r="B2008" i="9"/>
  <c r="C2008" i="9"/>
  <c r="D2008" i="9"/>
  <c r="E2008" i="9"/>
  <c r="G2008" i="9"/>
  <c r="J2008" i="9"/>
  <c r="B2009" i="9"/>
  <c r="C2009" i="9"/>
  <c r="D2009" i="9"/>
  <c r="E2009" i="9"/>
  <c r="G2009" i="9"/>
  <c r="J2009" i="9"/>
  <c r="B2010" i="9"/>
  <c r="C2010" i="9"/>
  <c r="D2010" i="9"/>
  <c r="E2010" i="9"/>
  <c r="G2010" i="9"/>
  <c r="J2010" i="9"/>
  <c r="B2011" i="9"/>
  <c r="C2011" i="9"/>
  <c r="D2011" i="9"/>
  <c r="E2011" i="9"/>
  <c r="G2011" i="9"/>
  <c r="J2011" i="9"/>
  <c r="B2012" i="9"/>
  <c r="C2012" i="9"/>
  <c r="D2012" i="9"/>
  <c r="E2012" i="9"/>
  <c r="G2012" i="9"/>
  <c r="J2012" i="9"/>
  <c r="B2013" i="9"/>
  <c r="C2013" i="9"/>
  <c r="D2013" i="9"/>
  <c r="E2013" i="9"/>
  <c r="G2013" i="9"/>
  <c r="J2013" i="9"/>
  <c r="B2014" i="9"/>
  <c r="C2014" i="9"/>
  <c r="D2014" i="9"/>
  <c r="E2014" i="9"/>
  <c r="G2014" i="9"/>
  <c r="J2014" i="9"/>
  <c r="B2015" i="9"/>
  <c r="C2015" i="9"/>
  <c r="D2015" i="9"/>
  <c r="E2015" i="9"/>
  <c r="G2015" i="9"/>
  <c r="J2015" i="9"/>
  <c r="B2016" i="9"/>
  <c r="C2016" i="9"/>
  <c r="D2016" i="9"/>
  <c r="E2016" i="9"/>
  <c r="G2016" i="9"/>
  <c r="J2016" i="9"/>
  <c r="B2017" i="9"/>
  <c r="C2017" i="9"/>
  <c r="D2017" i="9"/>
  <c r="E2017" i="9"/>
  <c r="G2017" i="9"/>
  <c r="J2017" i="9"/>
  <c r="B2018" i="9"/>
  <c r="C2018" i="9"/>
  <c r="D2018" i="9"/>
  <c r="E2018" i="9"/>
  <c r="G2018" i="9"/>
  <c r="J2018" i="9"/>
  <c r="B2019" i="9"/>
  <c r="C2019" i="9"/>
  <c r="D2019" i="9"/>
  <c r="E2019" i="9"/>
  <c r="G2019" i="9"/>
  <c r="J2019" i="9"/>
  <c r="B2020" i="9"/>
  <c r="C2020" i="9"/>
  <c r="D2020" i="9"/>
  <c r="E2020" i="9"/>
  <c r="G2020" i="9"/>
  <c r="J2020" i="9"/>
  <c r="B2021" i="9"/>
  <c r="C2021" i="9"/>
  <c r="D2021" i="9"/>
  <c r="E2021" i="9"/>
  <c r="G2021" i="9"/>
  <c r="J2021" i="9"/>
  <c r="B2022" i="9"/>
  <c r="C2022" i="9"/>
  <c r="D2022" i="9"/>
  <c r="E2022" i="9"/>
  <c r="G2022" i="9"/>
  <c r="J2022" i="9"/>
  <c r="B2023" i="9"/>
  <c r="C2023" i="9"/>
  <c r="D2023" i="9"/>
  <c r="E2023" i="9"/>
  <c r="G2023" i="9"/>
  <c r="J2023" i="9"/>
  <c r="B2024" i="9"/>
  <c r="C2024" i="9"/>
  <c r="D2024" i="9"/>
  <c r="E2024" i="9"/>
  <c r="G2024" i="9"/>
  <c r="J2024" i="9"/>
  <c r="B2025" i="9"/>
  <c r="C2025" i="9"/>
  <c r="D2025" i="9"/>
  <c r="E2025" i="9"/>
  <c r="G2025" i="9"/>
  <c r="J2025" i="9"/>
  <c r="B2026" i="9"/>
  <c r="C2026" i="9"/>
  <c r="D2026" i="9"/>
  <c r="E2026" i="9"/>
  <c r="G2026" i="9"/>
  <c r="J2026" i="9"/>
  <c r="B2027" i="9"/>
  <c r="C2027" i="9"/>
  <c r="D2027" i="9"/>
  <c r="E2027" i="9"/>
  <c r="G2027" i="9"/>
  <c r="J2027" i="9"/>
  <c r="B2028" i="9"/>
  <c r="C2028" i="9"/>
  <c r="D2028" i="9"/>
  <c r="E2028" i="9"/>
  <c r="G2028" i="9"/>
  <c r="J2028" i="9"/>
  <c r="B2029" i="9"/>
  <c r="C2029" i="9"/>
  <c r="D2029" i="9"/>
  <c r="E2029" i="9"/>
  <c r="G2029" i="9"/>
  <c r="J2029" i="9"/>
  <c r="B2030" i="9"/>
  <c r="C2030" i="9"/>
  <c r="D2030" i="9"/>
  <c r="E2030" i="9"/>
  <c r="G2030" i="9"/>
  <c r="J2030" i="9"/>
  <c r="B2031" i="9"/>
  <c r="C2031" i="9"/>
  <c r="D2031" i="9"/>
  <c r="E2031" i="9"/>
  <c r="G2031" i="9"/>
  <c r="J2031" i="9"/>
  <c r="B2032" i="9"/>
  <c r="C2032" i="9"/>
  <c r="D2032" i="9"/>
  <c r="E2032" i="9"/>
  <c r="G2032" i="9"/>
  <c r="J2032" i="9"/>
  <c r="B2033" i="9"/>
  <c r="C2033" i="9"/>
  <c r="D2033" i="9"/>
  <c r="E2033" i="9"/>
  <c r="G2033" i="9"/>
  <c r="J2033" i="9"/>
  <c r="B2034" i="9"/>
  <c r="C2034" i="9"/>
  <c r="D2034" i="9"/>
  <c r="E2034" i="9"/>
  <c r="G2034" i="9"/>
  <c r="J2034" i="9"/>
  <c r="B2035" i="9"/>
  <c r="C2035" i="9"/>
  <c r="D2035" i="9"/>
  <c r="E2035" i="9"/>
  <c r="G2035" i="9"/>
  <c r="J2035" i="9"/>
  <c r="B2036" i="9"/>
  <c r="C2036" i="9"/>
  <c r="D2036" i="9"/>
  <c r="E2036" i="9"/>
  <c r="G2036" i="9"/>
  <c r="J2036" i="9"/>
  <c r="B2037" i="9"/>
  <c r="C2037" i="9"/>
  <c r="D2037" i="9"/>
  <c r="E2037" i="9"/>
  <c r="G2037" i="9"/>
  <c r="J2037" i="9"/>
  <c r="B2038" i="9"/>
  <c r="C2038" i="9"/>
  <c r="D2038" i="9"/>
  <c r="E2038" i="9"/>
  <c r="G2038" i="9"/>
  <c r="J2038" i="9"/>
  <c r="B2039" i="9"/>
  <c r="C2039" i="9"/>
  <c r="D2039" i="9"/>
  <c r="E2039" i="9"/>
  <c r="G2039" i="9"/>
  <c r="J2039" i="9"/>
  <c r="B2040" i="9"/>
  <c r="C2040" i="9"/>
  <c r="D2040" i="9"/>
  <c r="E2040" i="9"/>
  <c r="G2040" i="9"/>
  <c r="J2040" i="9"/>
  <c r="B2041" i="9"/>
  <c r="C2041" i="9"/>
  <c r="D2041" i="9"/>
  <c r="E2041" i="9"/>
  <c r="G2041" i="9"/>
  <c r="J2041" i="9"/>
  <c r="B2042" i="9"/>
  <c r="C2042" i="9"/>
  <c r="D2042" i="9"/>
  <c r="E2042" i="9"/>
  <c r="G2042" i="9"/>
  <c r="J2042" i="9"/>
  <c r="B2043" i="9"/>
  <c r="C2043" i="9"/>
  <c r="D2043" i="9"/>
  <c r="E2043" i="9"/>
  <c r="G2043" i="9"/>
  <c r="J2043" i="9"/>
  <c r="B2044" i="9"/>
  <c r="C2044" i="9"/>
  <c r="D2044" i="9"/>
  <c r="E2044" i="9"/>
  <c r="G2044" i="9"/>
  <c r="J2044" i="9"/>
  <c r="B2045" i="9"/>
  <c r="C2045" i="9"/>
  <c r="D2045" i="9"/>
  <c r="E2045" i="9"/>
  <c r="G2045" i="9"/>
  <c r="J2045" i="9"/>
  <c r="B2046" i="9"/>
  <c r="C2046" i="9"/>
  <c r="D2046" i="9"/>
  <c r="E2046" i="9"/>
  <c r="G2046" i="9"/>
  <c r="J2046" i="9"/>
  <c r="B2047" i="9"/>
  <c r="C2047" i="9"/>
  <c r="D2047" i="9"/>
  <c r="E2047" i="9"/>
  <c r="G2047" i="9"/>
  <c r="J2047" i="9"/>
  <c r="B2048" i="9"/>
  <c r="C2048" i="9"/>
  <c r="D2048" i="9"/>
  <c r="E2048" i="9"/>
  <c r="G2048" i="9"/>
  <c r="J2048" i="9"/>
  <c r="B2049" i="9"/>
  <c r="C2049" i="9"/>
  <c r="D2049" i="9"/>
  <c r="E2049" i="9"/>
  <c r="G2049" i="9"/>
  <c r="J2049" i="9"/>
  <c r="B2050" i="9"/>
  <c r="C2050" i="9"/>
  <c r="D2050" i="9"/>
  <c r="E2050" i="9"/>
  <c r="G2050" i="9"/>
  <c r="J2050" i="9"/>
  <c r="B2051" i="9"/>
  <c r="C2051" i="9"/>
  <c r="D2051" i="9"/>
  <c r="E2051" i="9"/>
  <c r="G2051" i="9"/>
  <c r="J2051" i="9"/>
  <c r="B2052" i="9"/>
  <c r="C2052" i="9"/>
  <c r="D2052" i="9"/>
  <c r="E2052" i="9"/>
  <c r="G2052" i="9"/>
  <c r="J2052" i="9"/>
  <c r="B2053" i="9"/>
  <c r="C2053" i="9"/>
  <c r="D2053" i="9"/>
  <c r="E2053" i="9"/>
  <c r="G2053" i="9"/>
  <c r="J2053" i="9"/>
  <c r="B2054" i="9"/>
  <c r="C2054" i="9"/>
  <c r="D2054" i="9"/>
  <c r="E2054" i="9"/>
  <c r="G2054" i="9"/>
  <c r="J2054" i="9"/>
  <c r="B2055" i="9"/>
  <c r="C2055" i="9"/>
  <c r="D2055" i="9"/>
  <c r="E2055" i="9"/>
  <c r="G2055" i="9"/>
  <c r="J2055" i="9"/>
  <c r="B2056" i="9"/>
  <c r="C2056" i="9"/>
  <c r="D2056" i="9"/>
  <c r="E2056" i="9"/>
  <c r="G2056" i="9"/>
  <c r="J2056" i="9"/>
  <c r="B2057" i="9"/>
  <c r="C2057" i="9"/>
  <c r="D2057" i="9"/>
  <c r="E2057" i="9"/>
  <c r="G2057" i="9"/>
  <c r="J2057" i="9"/>
  <c r="B2058" i="9"/>
  <c r="C2058" i="9"/>
  <c r="D2058" i="9"/>
  <c r="E2058" i="9"/>
  <c r="G2058" i="9"/>
  <c r="J2058" i="9"/>
  <c r="B2059" i="9"/>
  <c r="C2059" i="9"/>
  <c r="D2059" i="9"/>
  <c r="E2059" i="9"/>
  <c r="G2059" i="9"/>
  <c r="J2059" i="9"/>
  <c r="B2060" i="9"/>
  <c r="C2060" i="9"/>
  <c r="D2060" i="9"/>
  <c r="E2060" i="9"/>
  <c r="G2060" i="9"/>
  <c r="J2060" i="9"/>
  <c r="B2061" i="9"/>
  <c r="C2061" i="9"/>
  <c r="D2061" i="9"/>
  <c r="E2061" i="9"/>
  <c r="G2061" i="9"/>
  <c r="J2061" i="9"/>
  <c r="B2062" i="9"/>
  <c r="C2062" i="9"/>
  <c r="D2062" i="9"/>
  <c r="E2062" i="9"/>
  <c r="G2062" i="9"/>
  <c r="J2062" i="9"/>
  <c r="B2063" i="9"/>
  <c r="C2063" i="9"/>
  <c r="D2063" i="9"/>
  <c r="E2063" i="9"/>
  <c r="G2063" i="9"/>
  <c r="J2063" i="9"/>
  <c r="B2064" i="9"/>
  <c r="C2064" i="9"/>
  <c r="D2064" i="9"/>
  <c r="E2064" i="9"/>
  <c r="G2064" i="9"/>
  <c r="J2064" i="9"/>
  <c r="B2065" i="9"/>
  <c r="C2065" i="9"/>
  <c r="D2065" i="9"/>
  <c r="E2065" i="9"/>
  <c r="G2065" i="9"/>
  <c r="J2065" i="9"/>
  <c r="B2066" i="9"/>
  <c r="C2066" i="9"/>
  <c r="D2066" i="9"/>
  <c r="E2066" i="9"/>
  <c r="G2066" i="9"/>
  <c r="J2066" i="9"/>
  <c r="B2067" i="9"/>
  <c r="C2067" i="9"/>
  <c r="D2067" i="9"/>
  <c r="E2067" i="9"/>
  <c r="G2067" i="9"/>
  <c r="J2067" i="9"/>
  <c r="B2068" i="9"/>
  <c r="C2068" i="9"/>
  <c r="D2068" i="9"/>
  <c r="E2068" i="9"/>
  <c r="G2068" i="9"/>
  <c r="J2068" i="9"/>
  <c r="B2069" i="9"/>
  <c r="C2069" i="9"/>
  <c r="D2069" i="9"/>
  <c r="E2069" i="9"/>
  <c r="G2069" i="9"/>
  <c r="J2069" i="9"/>
  <c r="B2070" i="9"/>
  <c r="C2070" i="9"/>
  <c r="D2070" i="9"/>
  <c r="E2070" i="9"/>
  <c r="G2070" i="9"/>
  <c r="J2070" i="9"/>
  <c r="B2071" i="9"/>
  <c r="C2071" i="9"/>
  <c r="D2071" i="9"/>
  <c r="E2071" i="9"/>
  <c r="G2071" i="9"/>
  <c r="J2071" i="9"/>
  <c r="B2072" i="9"/>
  <c r="C2072" i="9"/>
  <c r="D2072" i="9"/>
  <c r="E2072" i="9"/>
  <c r="G2072" i="9"/>
  <c r="J2072" i="9"/>
  <c r="B2073" i="9"/>
  <c r="C2073" i="9"/>
  <c r="D2073" i="9"/>
  <c r="E2073" i="9"/>
  <c r="G2073" i="9"/>
  <c r="J2073" i="9"/>
  <c r="B2074" i="9"/>
  <c r="C2074" i="9"/>
  <c r="D2074" i="9"/>
  <c r="E2074" i="9"/>
  <c r="G2074" i="9"/>
  <c r="J2074" i="9"/>
  <c r="B2075" i="9"/>
  <c r="C2075" i="9"/>
  <c r="D2075" i="9"/>
  <c r="E2075" i="9"/>
  <c r="G2075" i="9"/>
  <c r="J2075" i="9"/>
  <c r="B2076" i="9"/>
  <c r="C2076" i="9"/>
  <c r="D2076" i="9"/>
  <c r="E2076" i="9"/>
  <c r="G2076" i="9"/>
  <c r="J2076" i="9"/>
  <c r="B2077" i="9"/>
  <c r="C2077" i="9"/>
  <c r="D2077" i="9"/>
  <c r="E2077" i="9"/>
  <c r="G2077" i="9"/>
  <c r="J2077" i="9"/>
  <c r="B2078" i="9"/>
  <c r="C2078" i="9"/>
  <c r="D2078" i="9"/>
  <c r="E2078" i="9"/>
  <c r="G2078" i="9"/>
  <c r="J2078" i="9"/>
  <c r="B2079" i="9"/>
  <c r="C2079" i="9"/>
  <c r="D2079" i="9"/>
  <c r="E2079" i="9"/>
  <c r="G2079" i="9"/>
  <c r="J2079" i="9"/>
  <c r="B2080" i="9"/>
  <c r="C2080" i="9"/>
  <c r="D2080" i="9"/>
  <c r="E2080" i="9"/>
  <c r="G2080" i="9"/>
  <c r="J2080" i="9"/>
  <c r="B2081" i="9"/>
  <c r="C2081" i="9"/>
  <c r="D2081" i="9"/>
  <c r="E2081" i="9"/>
  <c r="G2081" i="9"/>
  <c r="J2081" i="9"/>
  <c r="B2082" i="9"/>
  <c r="C2082" i="9"/>
  <c r="D2082" i="9"/>
  <c r="E2082" i="9"/>
  <c r="G2082" i="9"/>
  <c r="J2082" i="9"/>
  <c r="B2083" i="9"/>
  <c r="C2083" i="9"/>
  <c r="D2083" i="9"/>
  <c r="E2083" i="9"/>
  <c r="G2083" i="9"/>
  <c r="J2083" i="9"/>
  <c r="B2084" i="9"/>
  <c r="C2084" i="9"/>
  <c r="D2084" i="9"/>
  <c r="E2084" i="9"/>
  <c r="G2084" i="9"/>
  <c r="J2084" i="9"/>
  <c r="B2085" i="9"/>
  <c r="C2085" i="9"/>
  <c r="D2085" i="9"/>
  <c r="E2085" i="9"/>
  <c r="G2085" i="9"/>
  <c r="J2085" i="9"/>
  <c r="B2086" i="9"/>
  <c r="C2086" i="9"/>
  <c r="D2086" i="9"/>
  <c r="E2086" i="9"/>
  <c r="G2086" i="9"/>
  <c r="J2086" i="9"/>
  <c r="B2087" i="9"/>
  <c r="C2087" i="9"/>
  <c r="D2087" i="9"/>
  <c r="E2087" i="9"/>
  <c r="G2087" i="9"/>
  <c r="J2087" i="9"/>
  <c r="B2088" i="9"/>
  <c r="C2088" i="9"/>
  <c r="D2088" i="9"/>
  <c r="E2088" i="9"/>
  <c r="G2088" i="9"/>
  <c r="J2088" i="9"/>
  <c r="B2089" i="9"/>
  <c r="C2089" i="9"/>
  <c r="D2089" i="9"/>
  <c r="E2089" i="9"/>
  <c r="G2089" i="9"/>
  <c r="J2089" i="9"/>
  <c r="B2090" i="9"/>
  <c r="C2090" i="9"/>
  <c r="D2090" i="9"/>
  <c r="E2090" i="9"/>
  <c r="G2090" i="9"/>
  <c r="J2090" i="9"/>
  <c r="B2091" i="9"/>
  <c r="C2091" i="9"/>
  <c r="D2091" i="9"/>
  <c r="E2091" i="9"/>
  <c r="G2091" i="9"/>
  <c r="J2091" i="9"/>
  <c r="B2092" i="9"/>
  <c r="C2092" i="9"/>
  <c r="D2092" i="9"/>
  <c r="E2092" i="9"/>
  <c r="G2092" i="9"/>
  <c r="J2092" i="9"/>
  <c r="B2093" i="9"/>
  <c r="C2093" i="9"/>
  <c r="D2093" i="9"/>
  <c r="E2093" i="9"/>
  <c r="G2093" i="9"/>
  <c r="J2093" i="9"/>
  <c r="B2094" i="9"/>
  <c r="C2094" i="9"/>
  <c r="D2094" i="9"/>
  <c r="E2094" i="9"/>
  <c r="G2094" i="9"/>
  <c r="J2094" i="9"/>
  <c r="B2095" i="9"/>
  <c r="C2095" i="9"/>
  <c r="D2095" i="9"/>
  <c r="E2095" i="9"/>
  <c r="G2095" i="9"/>
  <c r="J2095" i="9"/>
  <c r="B2096" i="9"/>
  <c r="C2096" i="9"/>
  <c r="D2096" i="9"/>
  <c r="E2096" i="9"/>
  <c r="G2096" i="9"/>
  <c r="J2096" i="9"/>
  <c r="B2097" i="9"/>
  <c r="C2097" i="9"/>
  <c r="D2097" i="9"/>
  <c r="E2097" i="9"/>
  <c r="G2097" i="9"/>
  <c r="J2097" i="9"/>
  <c r="B2098" i="9"/>
  <c r="C2098" i="9"/>
  <c r="D2098" i="9"/>
  <c r="E2098" i="9"/>
  <c r="G2098" i="9"/>
  <c r="J2098" i="9"/>
  <c r="B2099" i="9"/>
  <c r="C2099" i="9"/>
  <c r="D2099" i="9"/>
  <c r="E2099" i="9"/>
  <c r="G2099" i="9"/>
  <c r="J2099" i="9"/>
  <c r="B2100" i="9"/>
  <c r="C2100" i="9"/>
  <c r="D2100" i="9"/>
  <c r="E2100" i="9"/>
  <c r="G2100" i="9"/>
  <c r="J2100" i="9"/>
  <c r="B2101" i="9"/>
  <c r="C2101" i="9"/>
  <c r="D2101" i="9"/>
  <c r="E2101" i="9"/>
  <c r="G2101" i="9"/>
  <c r="J2101" i="9"/>
  <c r="B2102" i="9"/>
  <c r="C2102" i="9"/>
  <c r="D2102" i="9"/>
  <c r="E2102" i="9"/>
  <c r="G2102" i="9"/>
  <c r="J2102" i="9"/>
  <c r="B2103" i="9"/>
  <c r="C2103" i="9"/>
  <c r="D2103" i="9"/>
  <c r="E2103" i="9"/>
  <c r="G2103" i="9"/>
  <c r="J2103" i="9"/>
  <c r="B2104" i="9"/>
  <c r="C2104" i="9"/>
  <c r="D2104" i="9"/>
  <c r="E2104" i="9"/>
  <c r="G2104" i="9"/>
  <c r="J2104" i="9"/>
  <c r="B2105" i="9"/>
  <c r="C2105" i="9"/>
  <c r="D2105" i="9"/>
  <c r="E2105" i="9"/>
  <c r="G2105" i="9"/>
  <c r="J2105" i="9"/>
  <c r="B2106" i="9"/>
  <c r="C2106" i="9"/>
  <c r="D2106" i="9"/>
  <c r="E2106" i="9"/>
  <c r="G2106" i="9"/>
  <c r="J2106" i="9"/>
  <c r="B2107" i="9"/>
  <c r="C2107" i="9"/>
  <c r="D2107" i="9"/>
  <c r="E2107" i="9"/>
  <c r="G2107" i="9"/>
  <c r="J2107" i="9"/>
  <c r="B2108" i="9"/>
  <c r="C2108" i="9"/>
  <c r="D2108" i="9"/>
  <c r="E2108" i="9"/>
  <c r="G2108" i="9"/>
  <c r="J2108" i="9"/>
  <c r="B2109" i="9"/>
  <c r="C2109" i="9"/>
  <c r="D2109" i="9"/>
  <c r="E2109" i="9"/>
  <c r="G2109" i="9"/>
  <c r="J2109" i="9"/>
  <c r="B2110" i="9"/>
  <c r="C2110" i="9"/>
  <c r="D2110" i="9"/>
  <c r="E2110" i="9"/>
  <c r="G2110" i="9"/>
  <c r="J2110" i="9"/>
  <c r="B2111" i="9"/>
  <c r="C2111" i="9"/>
  <c r="D2111" i="9"/>
  <c r="E2111" i="9"/>
  <c r="G2111" i="9"/>
  <c r="J2111" i="9"/>
  <c r="B2112" i="9"/>
  <c r="C2112" i="9"/>
  <c r="D2112" i="9"/>
  <c r="E2112" i="9"/>
  <c r="G2112" i="9"/>
  <c r="J2112" i="9"/>
  <c r="B2113" i="9"/>
  <c r="C2113" i="9"/>
  <c r="D2113" i="9"/>
  <c r="E2113" i="9"/>
  <c r="G2113" i="9"/>
  <c r="J2113" i="9"/>
  <c r="B2114" i="9"/>
  <c r="C2114" i="9"/>
  <c r="D2114" i="9"/>
  <c r="E2114" i="9"/>
  <c r="G2114" i="9"/>
  <c r="J2114" i="9"/>
  <c r="B2115" i="9"/>
  <c r="C2115" i="9"/>
  <c r="D2115" i="9"/>
  <c r="E2115" i="9"/>
  <c r="G2115" i="9"/>
  <c r="J2115" i="9"/>
  <c r="B2116" i="9"/>
  <c r="C2116" i="9"/>
  <c r="D2116" i="9"/>
  <c r="E2116" i="9"/>
  <c r="G2116" i="9"/>
  <c r="J2116" i="9"/>
  <c r="B2117" i="9"/>
  <c r="C2117" i="9"/>
  <c r="D2117" i="9"/>
  <c r="E2117" i="9"/>
  <c r="G2117" i="9"/>
  <c r="J2117" i="9"/>
  <c r="B2118" i="9"/>
  <c r="C2118" i="9"/>
  <c r="D2118" i="9"/>
  <c r="E2118" i="9"/>
  <c r="G2118" i="9"/>
  <c r="J2118" i="9"/>
  <c r="B2119" i="9"/>
  <c r="C2119" i="9"/>
  <c r="D2119" i="9"/>
  <c r="E2119" i="9"/>
  <c r="G2119" i="9"/>
  <c r="J2119" i="9"/>
  <c r="B2120" i="9"/>
  <c r="C2120" i="9"/>
  <c r="D2120" i="9"/>
  <c r="E2120" i="9"/>
  <c r="G2120" i="9"/>
  <c r="J2120" i="9"/>
  <c r="B2121" i="9"/>
  <c r="C2121" i="9"/>
  <c r="D2121" i="9"/>
  <c r="E2121" i="9"/>
  <c r="G2121" i="9"/>
  <c r="J2121" i="9"/>
  <c r="B2122" i="9"/>
  <c r="C2122" i="9"/>
  <c r="D2122" i="9"/>
  <c r="E2122" i="9"/>
  <c r="G2122" i="9"/>
  <c r="J2122" i="9"/>
  <c r="B2123" i="9"/>
  <c r="C2123" i="9"/>
  <c r="D2123" i="9"/>
  <c r="E2123" i="9"/>
  <c r="G2123" i="9"/>
  <c r="J2123" i="9"/>
  <c r="B2124" i="9"/>
  <c r="C2124" i="9"/>
  <c r="D2124" i="9"/>
  <c r="E2124" i="9"/>
  <c r="G2124" i="9"/>
  <c r="J2124" i="9"/>
  <c r="B2125" i="9"/>
  <c r="C2125" i="9"/>
  <c r="D2125" i="9"/>
  <c r="E2125" i="9"/>
  <c r="G2125" i="9"/>
  <c r="J2125" i="9"/>
  <c r="B2126" i="9"/>
  <c r="C2126" i="9"/>
  <c r="D2126" i="9"/>
  <c r="E2126" i="9"/>
  <c r="G2126" i="9"/>
  <c r="J2126" i="9"/>
  <c r="B2127" i="9"/>
  <c r="C2127" i="9"/>
  <c r="D2127" i="9"/>
  <c r="E2127" i="9"/>
  <c r="G2127" i="9"/>
  <c r="J2127" i="9"/>
  <c r="B2128" i="9"/>
  <c r="C2128" i="9"/>
  <c r="D2128" i="9"/>
  <c r="E2128" i="9"/>
  <c r="G2128" i="9"/>
  <c r="J2128" i="9"/>
  <c r="B2129" i="9"/>
  <c r="C2129" i="9"/>
  <c r="D2129" i="9"/>
  <c r="E2129" i="9"/>
  <c r="G2129" i="9"/>
  <c r="J2129" i="9"/>
  <c r="B2130" i="9"/>
  <c r="C2130" i="9"/>
  <c r="D2130" i="9"/>
  <c r="E2130" i="9"/>
  <c r="G2130" i="9"/>
  <c r="J2130" i="9"/>
  <c r="B2131" i="9"/>
  <c r="C2131" i="9"/>
  <c r="D2131" i="9"/>
  <c r="E2131" i="9"/>
  <c r="G2131" i="9"/>
  <c r="J2131" i="9"/>
  <c r="B2132" i="9"/>
  <c r="C2132" i="9"/>
  <c r="D2132" i="9"/>
  <c r="E2132" i="9"/>
  <c r="G2132" i="9"/>
  <c r="J2132" i="9"/>
  <c r="B2133" i="9"/>
  <c r="C2133" i="9"/>
  <c r="D2133" i="9"/>
  <c r="E2133" i="9"/>
  <c r="G2133" i="9"/>
  <c r="J2133" i="9"/>
  <c r="B2134" i="9"/>
  <c r="C2134" i="9"/>
  <c r="D2134" i="9"/>
  <c r="E2134" i="9"/>
  <c r="G2134" i="9"/>
  <c r="J2134" i="9"/>
  <c r="B2135" i="9"/>
  <c r="C2135" i="9"/>
  <c r="D2135" i="9"/>
  <c r="E2135" i="9"/>
  <c r="G2135" i="9"/>
  <c r="J2135" i="9"/>
  <c r="B2136" i="9"/>
  <c r="C2136" i="9"/>
  <c r="D2136" i="9"/>
  <c r="E2136" i="9"/>
  <c r="G2136" i="9"/>
  <c r="J2136" i="9"/>
  <c r="B2137" i="9"/>
  <c r="C2137" i="9"/>
  <c r="D2137" i="9"/>
  <c r="E2137" i="9"/>
  <c r="G2137" i="9"/>
  <c r="J2137" i="9"/>
  <c r="B2138" i="9"/>
  <c r="C2138" i="9"/>
  <c r="D2138" i="9"/>
  <c r="E2138" i="9"/>
  <c r="G2138" i="9"/>
  <c r="J2138" i="9"/>
  <c r="B2139" i="9"/>
  <c r="C2139" i="9"/>
  <c r="D2139" i="9"/>
  <c r="E2139" i="9"/>
  <c r="G2139" i="9"/>
  <c r="J2139" i="9"/>
  <c r="B2140" i="9"/>
  <c r="C2140" i="9"/>
  <c r="D2140" i="9"/>
  <c r="E2140" i="9"/>
  <c r="G2140" i="9"/>
  <c r="J2140" i="9"/>
  <c r="B2141" i="9"/>
  <c r="C2141" i="9"/>
  <c r="D2141" i="9"/>
  <c r="E2141" i="9"/>
  <c r="G2141" i="9"/>
  <c r="J2141" i="9"/>
  <c r="B2142" i="9"/>
  <c r="C2142" i="9"/>
  <c r="D2142" i="9"/>
  <c r="E2142" i="9"/>
  <c r="G2142" i="9"/>
  <c r="J2142" i="9"/>
  <c r="B2143" i="9"/>
  <c r="C2143" i="9"/>
  <c r="D2143" i="9"/>
  <c r="E2143" i="9"/>
  <c r="G2143" i="9"/>
  <c r="J2143" i="9"/>
  <c r="B2144" i="9"/>
  <c r="C2144" i="9"/>
  <c r="D2144" i="9"/>
  <c r="E2144" i="9"/>
  <c r="G2144" i="9"/>
  <c r="J2144" i="9"/>
  <c r="B2145" i="9"/>
  <c r="C2145" i="9"/>
  <c r="D2145" i="9"/>
  <c r="E2145" i="9"/>
  <c r="G2145" i="9"/>
  <c r="J2145" i="9"/>
  <c r="B2146" i="9"/>
  <c r="C2146" i="9"/>
  <c r="D2146" i="9"/>
  <c r="E2146" i="9"/>
  <c r="G2146" i="9"/>
  <c r="J2146" i="9"/>
  <c r="B2147" i="9"/>
  <c r="C2147" i="9"/>
  <c r="D2147" i="9"/>
  <c r="E2147" i="9"/>
  <c r="G2147" i="9"/>
  <c r="J2147" i="9"/>
  <c r="B2148" i="9"/>
  <c r="C2148" i="9"/>
  <c r="D2148" i="9"/>
  <c r="E2148" i="9"/>
  <c r="G2148" i="9"/>
  <c r="J2148" i="9"/>
  <c r="B2149" i="9"/>
  <c r="C2149" i="9"/>
  <c r="D2149" i="9"/>
  <c r="E2149" i="9"/>
  <c r="G2149" i="9"/>
  <c r="J2149" i="9"/>
  <c r="B2150" i="9"/>
  <c r="C2150" i="9"/>
  <c r="D2150" i="9"/>
  <c r="E2150" i="9"/>
  <c r="G2150" i="9"/>
  <c r="J2150" i="9"/>
  <c r="B2151" i="9"/>
  <c r="C2151" i="9"/>
  <c r="D2151" i="9"/>
  <c r="E2151" i="9"/>
  <c r="G2151" i="9"/>
  <c r="J2151" i="9"/>
  <c r="B2152" i="9"/>
  <c r="C2152" i="9"/>
  <c r="D2152" i="9"/>
  <c r="E2152" i="9"/>
  <c r="G2152" i="9"/>
  <c r="J2152" i="9"/>
  <c r="B2153" i="9"/>
  <c r="C2153" i="9"/>
  <c r="D2153" i="9"/>
  <c r="E2153" i="9"/>
  <c r="G2153" i="9"/>
  <c r="J2153" i="9"/>
  <c r="B2154" i="9"/>
  <c r="C2154" i="9"/>
  <c r="D2154" i="9"/>
  <c r="E2154" i="9"/>
  <c r="G2154" i="9"/>
  <c r="J2154" i="9"/>
  <c r="B2155" i="9"/>
  <c r="C2155" i="9"/>
  <c r="D2155" i="9"/>
  <c r="E2155" i="9"/>
  <c r="G2155" i="9"/>
  <c r="J2155" i="9"/>
  <c r="B2156" i="9"/>
  <c r="C2156" i="9"/>
  <c r="D2156" i="9"/>
  <c r="E2156" i="9"/>
  <c r="G2156" i="9"/>
  <c r="J2156" i="9"/>
  <c r="B2157" i="9"/>
  <c r="C2157" i="9"/>
  <c r="D2157" i="9"/>
  <c r="E2157" i="9"/>
  <c r="G2157" i="9"/>
  <c r="J2157" i="9"/>
  <c r="B2158" i="9"/>
  <c r="C2158" i="9"/>
  <c r="D2158" i="9"/>
  <c r="E2158" i="9"/>
  <c r="G2158" i="9"/>
  <c r="J2158" i="9"/>
  <c r="B2159" i="9"/>
  <c r="C2159" i="9"/>
  <c r="D2159" i="9"/>
  <c r="E2159" i="9"/>
  <c r="G2159" i="9"/>
  <c r="J2159" i="9"/>
  <c r="B2160" i="9"/>
  <c r="C2160" i="9"/>
  <c r="D2160" i="9"/>
  <c r="E2160" i="9"/>
  <c r="G2160" i="9"/>
  <c r="J2160" i="9"/>
  <c r="B2161" i="9"/>
  <c r="C2161" i="9"/>
  <c r="D2161" i="9"/>
  <c r="E2161" i="9"/>
  <c r="G2161" i="9"/>
  <c r="J2161" i="9"/>
  <c r="B2162" i="9"/>
  <c r="C2162" i="9"/>
  <c r="D2162" i="9"/>
  <c r="E2162" i="9"/>
  <c r="G2162" i="9"/>
  <c r="J2162" i="9"/>
  <c r="B2163" i="9"/>
  <c r="C2163" i="9"/>
  <c r="D2163" i="9"/>
  <c r="E2163" i="9"/>
  <c r="G2163" i="9"/>
  <c r="J2163" i="9"/>
  <c r="B2164" i="9"/>
  <c r="C2164" i="9"/>
  <c r="D2164" i="9"/>
  <c r="E2164" i="9"/>
  <c r="G2164" i="9"/>
  <c r="J2164" i="9"/>
  <c r="B2165" i="9"/>
  <c r="C2165" i="9"/>
  <c r="D2165" i="9"/>
  <c r="E2165" i="9"/>
  <c r="G2165" i="9"/>
  <c r="J2165" i="9"/>
  <c r="B2166" i="9"/>
  <c r="C2166" i="9"/>
  <c r="D2166" i="9"/>
  <c r="E2166" i="9"/>
  <c r="G2166" i="9"/>
  <c r="J2166" i="9"/>
  <c r="B2167" i="9"/>
  <c r="C2167" i="9"/>
  <c r="D2167" i="9"/>
  <c r="E2167" i="9"/>
  <c r="G2167" i="9"/>
  <c r="J2167" i="9"/>
  <c r="B2168" i="9"/>
  <c r="C2168" i="9"/>
  <c r="D2168" i="9"/>
  <c r="E2168" i="9"/>
  <c r="G2168" i="9"/>
  <c r="J2168" i="9"/>
  <c r="B2169" i="9"/>
  <c r="C2169" i="9"/>
  <c r="D2169" i="9"/>
  <c r="E2169" i="9"/>
  <c r="G2169" i="9"/>
  <c r="J2169" i="9"/>
  <c r="B2170" i="9"/>
  <c r="C2170" i="9"/>
  <c r="D2170" i="9"/>
  <c r="E2170" i="9"/>
  <c r="G2170" i="9"/>
  <c r="J2170" i="9"/>
  <c r="B2171" i="9"/>
  <c r="C2171" i="9"/>
  <c r="D2171" i="9"/>
  <c r="E2171" i="9"/>
  <c r="G2171" i="9"/>
  <c r="J2171" i="9"/>
  <c r="B2172" i="9"/>
  <c r="C2172" i="9"/>
  <c r="D2172" i="9"/>
  <c r="E2172" i="9"/>
  <c r="G2172" i="9"/>
  <c r="J2172" i="9"/>
  <c r="B2173" i="9"/>
  <c r="C2173" i="9"/>
  <c r="D2173" i="9"/>
  <c r="E2173" i="9"/>
  <c r="G2173" i="9"/>
  <c r="J2173" i="9"/>
  <c r="B2174" i="9"/>
  <c r="C2174" i="9"/>
  <c r="D2174" i="9"/>
  <c r="E2174" i="9"/>
  <c r="G2174" i="9"/>
  <c r="J2174" i="9"/>
  <c r="B2175" i="9"/>
  <c r="C2175" i="9"/>
  <c r="D2175" i="9"/>
  <c r="E2175" i="9"/>
  <c r="G2175" i="9"/>
  <c r="J2175" i="9"/>
  <c r="B2176" i="9"/>
  <c r="C2176" i="9"/>
  <c r="D2176" i="9"/>
  <c r="E2176" i="9"/>
  <c r="G2176" i="9"/>
  <c r="J2176" i="9"/>
  <c r="B2177" i="9"/>
  <c r="C2177" i="9"/>
  <c r="D2177" i="9"/>
  <c r="E2177" i="9"/>
  <c r="G2177" i="9"/>
  <c r="J2177" i="9"/>
  <c r="B2178" i="9"/>
  <c r="C2178" i="9"/>
  <c r="D2178" i="9"/>
  <c r="E2178" i="9"/>
  <c r="G2178" i="9"/>
  <c r="J2178" i="9"/>
  <c r="B2179" i="9"/>
  <c r="C2179" i="9"/>
  <c r="D2179" i="9"/>
  <c r="E2179" i="9"/>
  <c r="G2179" i="9"/>
  <c r="J2179" i="9"/>
  <c r="B2180" i="9"/>
  <c r="C2180" i="9"/>
  <c r="D2180" i="9"/>
  <c r="E2180" i="9"/>
  <c r="G2180" i="9"/>
  <c r="J2180" i="9"/>
  <c r="B2181" i="9"/>
  <c r="C2181" i="9"/>
  <c r="D2181" i="9"/>
  <c r="E2181" i="9"/>
  <c r="G2181" i="9"/>
  <c r="J2181" i="9"/>
  <c r="B2182" i="9"/>
  <c r="C2182" i="9"/>
  <c r="D2182" i="9"/>
  <c r="E2182" i="9"/>
  <c r="G2182" i="9"/>
  <c r="J2182" i="9"/>
  <c r="B2183" i="9"/>
  <c r="C2183" i="9"/>
  <c r="D2183" i="9"/>
  <c r="E2183" i="9"/>
  <c r="G2183" i="9"/>
  <c r="J2183" i="9"/>
  <c r="B2184" i="9"/>
  <c r="C2184" i="9"/>
  <c r="D2184" i="9"/>
  <c r="E2184" i="9"/>
  <c r="G2184" i="9"/>
  <c r="J2184" i="9"/>
  <c r="B2185" i="9"/>
  <c r="C2185" i="9"/>
  <c r="D2185" i="9"/>
  <c r="E2185" i="9"/>
  <c r="G2185" i="9"/>
  <c r="J2185" i="9"/>
  <c r="B2186" i="9"/>
  <c r="C2186" i="9"/>
  <c r="D2186" i="9"/>
  <c r="E2186" i="9"/>
  <c r="G2186" i="9"/>
  <c r="J2186" i="9"/>
  <c r="B2187" i="9"/>
  <c r="C2187" i="9"/>
  <c r="D2187" i="9"/>
  <c r="E2187" i="9"/>
  <c r="G2187" i="9"/>
  <c r="J2187" i="9"/>
  <c r="B2188" i="9"/>
  <c r="C2188" i="9"/>
  <c r="D2188" i="9"/>
  <c r="E2188" i="9"/>
  <c r="G2188" i="9"/>
  <c r="J2188" i="9"/>
  <c r="B2189" i="9"/>
  <c r="C2189" i="9"/>
  <c r="D2189" i="9"/>
  <c r="E2189" i="9"/>
  <c r="G2189" i="9"/>
  <c r="J2189" i="9"/>
  <c r="B2190" i="9"/>
  <c r="C2190" i="9"/>
  <c r="D2190" i="9"/>
  <c r="E2190" i="9"/>
  <c r="G2190" i="9"/>
  <c r="J2190" i="9"/>
  <c r="B2191" i="9"/>
  <c r="C2191" i="9"/>
  <c r="D2191" i="9"/>
  <c r="E2191" i="9"/>
  <c r="G2191" i="9"/>
  <c r="J2191" i="9"/>
  <c r="B2192" i="9"/>
  <c r="C2192" i="9"/>
  <c r="D2192" i="9"/>
  <c r="E2192" i="9"/>
  <c r="G2192" i="9"/>
  <c r="J2192" i="9"/>
  <c r="B2193" i="9"/>
  <c r="C2193" i="9"/>
  <c r="D2193" i="9"/>
  <c r="E2193" i="9"/>
  <c r="G2193" i="9"/>
  <c r="J2193" i="9"/>
  <c r="B2194" i="9"/>
  <c r="C2194" i="9"/>
  <c r="D2194" i="9"/>
  <c r="E2194" i="9"/>
  <c r="G2194" i="9"/>
  <c r="J2194" i="9"/>
  <c r="B2195" i="9"/>
  <c r="C2195" i="9"/>
  <c r="D2195" i="9"/>
  <c r="E2195" i="9"/>
  <c r="G2195" i="9"/>
  <c r="J2195" i="9"/>
  <c r="B2196" i="9"/>
  <c r="C2196" i="9"/>
  <c r="D2196" i="9"/>
  <c r="E2196" i="9"/>
  <c r="G2196" i="9"/>
  <c r="J2196" i="9"/>
  <c r="B2197" i="9"/>
  <c r="C2197" i="9"/>
  <c r="D2197" i="9"/>
  <c r="E2197" i="9"/>
  <c r="G2197" i="9"/>
  <c r="J2197" i="9"/>
  <c r="B2198" i="9"/>
  <c r="C2198" i="9"/>
  <c r="D2198" i="9"/>
  <c r="E2198" i="9"/>
  <c r="G2198" i="9"/>
  <c r="J2198" i="9"/>
  <c r="B2199" i="9"/>
  <c r="C2199" i="9"/>
  <c r="D2199" i="9"/>
  <c r="E2199" i="9"/>
  <c r="G2199" i="9"/>
  <c r="J2199" i="9"/>
  <c r="B2200" i="9"/>
  <c r="C2200" i="9"/>
  <c r="D2200" i="9"/>
  <c r="E2200" i="9"/>
  <c r="G2200" i="9"/>
  <c r="J2200" i="9"/>
  <c r="B2201" i="9"/>
  <c r="C2201" i="9"/>
  <c r="D2201" i="9"/>
  <c r="E2201" i="9"/>
  <c r="G2201" i="9"/>
  <c r="J2201" i="9"/>
  <c r="B2202" i="9"/>
  <c r="C2202" i="9"/>
  <c r="D2202" i="9"/>
  <c r="E2202" i="9"/>
  <c r="G2202" i="9"/>
  <c r="J2202" i="9"/>
  <c r="B2203" i="9"/>
  <c r="C2203" i="9"/>
  <c r="D2203" i="9"/>
  <c r="E2203" i="9"/>
  <c r="G2203" i="9"/>
  <c r="J2203" i="9"/>
  <c r="B2204" i="9"/>
  <c r="C2204" i="9"/>
  <c r="D2204" i="9"/>
  <c r="E2204" i="9"/>
  <c r="G2204" i="9"/>
  <c r="J2204" i="9"/>
  <c r="B2205" i="9"/>
  <c r="C2205" i="9"/>
  <c r="D2205" i="9"/>
  <c r="E2205" i="9"/>
  <c r="G2205" i="9"/>
  <c r="J2205" i="9"/>
  <c r="B2206" i="9"/>
  <c r="C2206" i="9"/>
  <c r="D2206" i="9"/>
  <c r="E2206" i="9"/>
  <c r="G2206" i="9"/>
  <c r="J2206" i="9"/>
  <c r="B2207" i="9"/>
  <c r="C2207" i="9"/>
  <c r="D2207" i="9"/>
  <c r="E2207" i="9"/>
  <c r="G2207" i="9"/>
  <c r="J2207" i="9"/>
  <c r="B2208" i="9"/>
  <c r="C2208" i="9"/>
  <c r="D2208" i="9"/>
  <c r="E2208" i="9"/>
  <c r="G2208" i="9"/>
  <c r="J2208" i="9"/>
  <c r="B2209" i="9"/>
  <c r="C2209" i="9"/>
  <c r="D2209" i="9"/>
  <c r="E2209" i="9"/>
  <c r="G2209" i="9"/>
  <c r="J2209" i="9"/>
  <c r="B2210" i="9"/>
  <c r="C2210" i="9"/>
  <c r="D2210" i="9"/>
  <c r="E2210" i="9"/>
  <c r="G2210" i="9"/>
  <c r="J2210" i="9"/>
  <c r="B2211" i="9"/>
  <c r="C2211" i="9"/>
  <c r="D2211" i="9"/>
  <c r="E2211" i="9"/>
  <c r="G2211" i="9"/>
  <c r="J2211" i="9"/>
  <c r="B2212" i="9"/>
  <c r="C2212" i="9"/>
  <c r="D2212" i="9"/>
  <c r="E2212" i="9"/>
  <c r="G2212" i="9"/>
  <c r="J2212" i="9"/>
  <c r="B2213" i="9"/>
  <c r="C2213" i="9"/>
  <c r="D2213" i="9"/>
  <c r="E2213" i="9"/>
  <c r="G2213" i="9"/>
  <c r="J2213" i="9"/>
  <c r="B2214" i="9"/>
  <c r="C2214" i="9"/>
  <c r="D2214" i="9"/>
  <c r="E2214" i="9"/>
  <c r="G2214" i="9"/>
  <c r="J2214" i="9"/>
  <c r="B2215" i="9"/>
  <c r="C2215" i="9"/>
  <c r="D2215" i="9"/>
  <c r="E2215" i="9"/>
  <c r="G2215" i="9"/>
  <c r="J2215" i="9"/>
  <c r="B2216" i="9"/>
  <c r="C2216" i="9"/>
  <c r="D2216" i="9"/>
  <c r="E2216" i="9"/>
  <c r="G2216" i="9"/>
  <c r="J2216" i="9"/>
  <c r="B2217" i="9"/>
  <c r="C2217" i="9"/>
  <c r="D2217" i="9"/>
  <c r="E2217" i="9"/>
  <c r="G2217" i="9"/>
  <c r="J2217" i="9"/>
  <c r="B2218" i="9"/>
  <c r="C2218" i="9"/>
  <c r="D2218" i="9"/>
  <c r="E2218" i="9"/>
  <c r="G2218" i="9"/>
  <c r="J2218" i="9"/>
  <c r="B2219" i="9"/>
  <c r="C2219" i="9"/>
  <c r="D2219" i="9"/>
  <c r="E2219" i="9"/>
  <c r="G2219" i="9"/>
  <c r="J2219" i="9"/>
  <c r="B2220" i="9"/>
  <c r="C2220" i="9"/>
  <c r="D2220" i="9"/>
  <c r="E2220" i="9"/>
  <c r="G2220" i="9"/>
  <c r="J2220" i="9"/>
  <c r="B2221" i="9"/>
  <c r="C2221" i="9"/>
  <c r="D2221" i="9"/>
  <c r="E2221" i="9"/>
  <c r="G2221" i="9"/>
  <c r="J2221" i="9"/>
  <c r="B2222" i="9"/>
  <c r="C2222" i="9"/>
  <c r="D2222" i="9"/>
  <c r="E2222" i="9"/>
  <c r="G2222" i="9"/>
  <c r="J2222" i="9"/>
  <c r="B2223" i="9"/>
  <c r="C2223" i="9"/>
  <c r="D2223" i="9"/>
  <c r="E2223" i="9"/>
  <c r="G2223" i="9"/>
  <c r="J2223" i="9"/>
  <c r="B2224" i="9"/>
  <c r="C2224" i="9"/>
  <c r="D2224" i="9"/>
  <c r="E2224" i="9"/>
  <c r="G2224" i="9"/>
  <c r="J2224" i="9"/>
  <c r="B2225" i="9"/>
  <c r="C2225" i="9"/>
  <c r="D2225" i="9"/>
  <c r="E2225" i="9"/>
  <c r="G2225" i="9"/>
  <c r="J2225" i="9"/>
  <c r="B2226" i="9"/>
  <c r="C2226" i="9"/>
  <c r="D2226" i="9"/>
  <c r="E2226" i="9"/>
  <c r="G2226" i="9"/>
  <c r="J2226" i="9"/>
  <c r="B2227" i="9"/>
  <c r="C2227" i="9"/>
  <c r="D2227" i="9"/>
  <c r="E2227" i="9"/>
  <c r="G2227" i="9"/>
  <c r="J2227" i="9"/>
  <c r="B2228" i="9"/>
  <c r="C2228" i="9"/>
  <c r="D2228" i="9"/>
  <c r="E2228" i="9"/>
  <c r="G2228" i="9"/>
  <c r="J2228" i="9"/>
  <c r="B2229" i="9"/>
  <c r="C2229" i="9"/>
  <c r="D2229" i="9"/>
  <c r="E2229" i="9"/>
  <c r="G2229" i="9"/>
  <c r="J2229" i="9"/>
  <c r="B2230" i="9"/>
  <c r="C2230" i="9"/>
  <c r="D2230" i="9"/>
  <c r="E2230" i="9"/>
  <c r="G2230" i="9"/>
  <c r="J2230" i="9"/>
  <c r="B2231" i="9"/>
  <c r="C2231" i="9"/>
  <c r="D2231" i="9"/>
  <c r="E2231" i="9"/>
  <c r="G2231" i="9"/>
  <c r="J2231" i="9"/>
  <c r="B2232" i="9"/>
  <c r="C2232" i="9"/>
  <c r="D2232" i="9"/>
  <c r="E2232" i="9"/>
  <c r="G2232" i="9"/>
  <c r="J2232" i="9"/>
  <c r="B2233" i="9"/>
  <c r="C2233" i="9"/>
  <c r="D2233" i="9"/>
  <c r="E2233" i="9"/>
  <c r="G2233" i="9"/>
  <c r="J2233" i="9"/>
  <c r="B2234" i="9"/>
  <c r="C2234" i="9"/>
  <c r="D2234" i="9"/>
  <c r="E2234" i="9"/>
  <c r="G2234" i="9"/>
  <c r="J2234" i="9"/>
  <c r="B2235" i="9"/>
  <c r="C2235" i="9"/>
  <c r="D2235" i="9"/>
  <c r="E2235" i="9"/>
  <c r="G2235" i="9"/>
  <c r="J2235" i="9"/>
  <c r="B2236" i="9"/>
  <c r="C2236" i="9"/>
  <c r="D2236" i="9"/>
  <c r="E2236" i="9"/>
  <c r="G2236" i="9"/>
  <c r="J2236" i="9"/>
  <c r="B2237" i="9"/>
  <c r="C2237" i="9"/>
  <c r="D2237" i="9"/>
  <c r="E2237" i="9"/>
  <c r="G2237" i="9"/>
  <c r="J2237" i="9"/>
  <c r="B2238" i="9"/>
  <c r="C2238" i="9"/>
  <c r="D2238" i="9"/>
  <c r="E2238" i="9"/>
  <c r="G2238" i="9"/>
  <c r="J2238" i="9"/>
  <c r="B2239" i="9"/>
  <c r="C2239" i="9"/>
  <c r="D2239" i="9"/>
  <c r="E2239" i="9"/>
  <c r="G2239" i="9"/>
  <c r="J2239" i="9"/>
  <c r="B2240" i="9"/>
  <c r="C2240" i="9"/>
  <c r="D2240" i="9"/>
  <c r="E2240" i="9"/>
  <c r="G2240" i="9"/>
  <c r="J2240" i="9"/>
  <c r="B2241" i="9"/>
  <c r="C2241" i="9"/>
  <c r="D2241" i="9"/>
  <c r="E2241" i="9"/>
  <c r="G2241" i="9"/>
  <c r="J2241" i="9"/>
  <c r="B2242" i="9"/>
  <c r="C2242" i="9"/>
  <c r="D2242" i="9"/>
  <c r="E2242" i="9"/>
  <c r="G2242" i="9"/>
  <c r="J2242" i="9"/>
  <c r="B2243" i="9"/>
  <c r="C2243" i="9"/>
  <c r="D2243" i="9"/>
  <c r="E2243" i="9"/>
  <c r="G2243" i="9"/>
  <c r="J2243" i="9"/>
  <c r="B2244" i="9"/>
  <c r="C2244" i="9"/>
  <c r="D2244" i="9"/>
  <c r="E2244" i="9"/>
  <c r="G2244" i="9"/>
  <c r="J2244" i="9"/>
  <c r="B2245" i="9"/>
  <c r="C2245" i="9"/>
  <c r="D2245" i="9"/>
  <c r="E2245" i="9"/>
  <c r="G2245" i="9"/>
  <c r="J2245" i="9"/>
  <c r="B2246" i="9"/>
  <c r="C2246" i="9"/>
  <c r="D2246" i="9"/>
  <c r="E2246" i="9"/>
  <c r="G2246" i="9"/>
  <c r="J2246" i="9"/>
  <c r="B2247" i="9"/>
  <c r="C2247" i="9"/>
  <c r="D2247" i="9"/>
  <c r="E2247" i="9"/>
  <c r="G2247" i="9"/>
  <c r="J2247" i="9"/>
  <c r="B2248" i="9"/>
  <c r="C2248" i="9"/>
  <c r="D2248" i="9"/>
  <c r="E2248" i="9"/>
  <c r="G2248" i="9"/>
  <c r="J2248" i="9"/>
  <c r="B2249" i="9"/>
  <c r="C2249" i="9"/>
  <c r="D2249" i="9"/>
  <c r="E2249" i="9"/>
  <c r="G2249" i="9"/>
  <c r="J2249" i="9"/>
  <c r="B2250" i="9"/>
  <c r="C2250" i="9"/>
  <c r="D2250" i="9"/>
  <c r="E2250" i="9"/>
  <c r="G2250" i="9"/>
  <c r="J2250" i="9"/>
  <c r="B2251" i="9"/>
  <c r="C2251" i="9"/>
  <c r="D2251" i="9"/>
  <c r="E2251" i="9"/>
  <c r="G2251" i="9"/>
  <c r="J2251" i="9"/>
  <c r="B2252" i="9"/>
  <c r="C2252" i="9"/>
  <c r="D2252" i="9"/>
  <c r="E2252" i="9"/>
  <c r="G2252" i="9"/>
  <c r="J2252" i="9"/>
  <c r="B2253" i="9"/>
  <c r="C2253" i="9"/>
  <c r="D2253" i="9"/>
  <c r="E2253" i="9"/>
  <c r="G2253" i="9"/>
  <c r="J2253" i="9"/>
  <c r="B2254" i="9"/>
  <c r="C2254" i="9"/>
  <c r="D2254" i="9"/>
  <c r="E2254" i="9"/>
  <c r="G2254" i="9"/>
  <c r="J2254" i="9"/>
  <c r="B2255" i="9"/>
  <c r="C2255" i="9"/>
  <c r="D2255" i="9"/>
  <c r="E2255" i="9"/>
  <c r="G2255" i="9"/>
  <c r="J2255" i="9"/>
  <c r="B2256" i="9"/>
  <c r="C2256" i="9"/>
  <c r="D2256" i="9"/>
  <c r="E2256" i="9"/>
  <c r="G2256" i="9"/>
  <c r="J2256" i="9"/>
  <c r="B2257" i="9"/>
  <c r="C2257" i="9"/>
  <c r="D2257" i="9"/>
  <c r="E2257" i="9"/>
  <c r="G2257" i="9"/>
  <c r="J2257" i="9"/>
  <c r="B2258" i="9"/>
  <c r="C2258" i="9"/>
  <c r="D2258" i="9"/>
  <c r="E2258" i="9"/>
  <c r="G2258" i="9"/>
  <c r="J2258" i="9"/>
  <c r="B2259" i="9"/>
  <c r="C2259" i="9"/>
  <c r="D2259" i="9"/>
  <c r="E2259" i="9"/>
  <c r="G2259" i="9"/>
  <c r="J2259" i="9"/>
  <c r="B2260" i="9"/>
  <c r="C2260" i="9"/>
  <c r="D2260" i="9"/>
  <c r="E2260" i="9"/>
  <c r="G2260" i="9"/>
  <c r="J2260" i="9"/>
  <c r="B2261" i="9"/>
  <c r="C2261" i="9"/>
  <c r="D2261" i="9"/>
  <c r="E2261" i="9"/>
  <c r="G2261" i="9"/>
  <c r="J2261" i="9"/>
  <c r="B2262" i="9"/>
  <c r="C2262" i="9"/>
  <c r="D2262" i="9"/>
  <c r="E2262" i="9"/>
  <c r="G2262" i="9"/>
  <c r="J2262" i="9"/>
  <c r="B2263" i="9"/>
  <c r="C2263" i="9"/>
  <c r="D2263" i="9"/>
  <c r="E2263" i="9"/>
  <c r="G2263" i="9"/>
  <c r="J2263" i="9"/>
  <c r="B2264" i="9"/>
  <c r="C2264" i="9"/>
  <c r="D2264" i="9"/>
  <c r="E2264" i="9"/>
  <c r="G2264" i="9"/>
  <c r="J2264" i="9"/>
  <c r="B2265" i="9"/>
  <c r="C2265" i="9"/>
  <c r="D2265" i="9"/>
  <c r="E2265" i="9"/>
  <c r="G2265" i="9"/>
  <c r="J2265" i="9"/>
  <c r="B2266" i="9"/>
  <c r="C2266" i="9"/>
  <c r="D2266" i="9"/>
  <c r="E2266" i="9"/>
  <c r="G2266" i="9"/>
  <c r="J2266" i="9"/>
  <c r="B2267" i="9"/>
  <c r="C2267" i="9"/>
  <c r="D2267" i="9"/>
  <c r="E2267" i="9"/>
  <c r="G2267" i="9"/>
  <c r="J2267" i="9"/>
  <c r="B2268" i="9"/>
  <c r="C2268" i="9"/>
  <c r="D2268" i="9"/>
  <c r="E2268" i="9"/>
  <c r="G2268" i="9"/>
  <c r="J2268" i="9"/>
  <c r="B2269" i="9"/>
  <c r="C2269" i="9"/>
  <c r="D2269" i="9"/>
  <c r="E2269" i="9"/>
  <c r="G2269" i="9"/>
  <c r="J2269" i="9"/>
  <c r="B2270" i="9"/>
  <c r="C2270" i="9"/>
  <c r="D2270" i="9"/>
  <c r="E2270" i="9"/>
  <c r="G2270" i="9"/>
  <c r="J2270" i="9"/>
  <c r="B2271" i="9"/>
  <c r="C2271" i="9"/>
  <c r="D2271" i="9"/>
  <c r="E2271" i="9"/>
  <c r="G2271" i="9"/>
  <c r="J2271" i="9"/>
  <c r="B2272" i="9"/>
  <c r="C2272" i="9"/>
  <c r="D2272" i="9"/>
  <c r="E2272" i="9"/>
  <c r="G2272" i="9"/>
  <c r="J2272" i="9"/>
  <c r="B2273" i="9"/>
  <c r="C2273" i="9"/>
  <c r="D2273" i="9"/>
  <c r="E2273" i="9"/>
  <c r="G2273" i="9"/>
  <c r="J2273" i="9"/>
  <c r="B2274" i="9"/>
  <c r="C2274" i="9"/>
  <c r="D2274" i="9"/>
  <c r="E2274" i="9"/>
  <c r="G2274" i="9"/>
  <c r="J2274" i="9"/>
  <c r="B2275" i="9"/>
  <c r="C2275" i="9"/>
  <c r="D2275" i="9"/>
  <c r="E2275" i="9"/>
  <c r="G2275" i="9"/>
  <c r="J2275" i="9"/>
  <c r="B2276" i="9"/>
  <c r="C2276" i="9"/>
  <c r="D2276" i="9"/>
  <c r="E2276" i="9"/>
  <c r="G2276" i="9"/>
  <c r="J2276" i="9"/>
  <c r="B2277" i="9"/>
  <c r="C2277" i="9"/>
  <c r="D2277" i="9"/>
  <c r="E2277" i="9"/>
  <c r="G2277" i="9"/>
  <c r="J2277" i="9"/>
  <c r="B2278" i="9"/>
  <c r="C2278" i="9"/>
  <c r="D2278" i="9"/>
  <c r="E2278" i="9"/>
  <c r="G2278" i="9"/>
  <c r="J2278" i="9"/>
  <c r="B2279" i="9"/>
  <c r="C2279" i="9"/>
  <c r="D2279" i="9"/>
  <c r="E2279" i="9"/>
  <c r="G2279" i="9"/>
  <c r="J2279" i="9"/>
  <c r="B2280" i="9"/>
  <c r="C2280" i="9"/>
  <c r="D2280" i="9"/>
  <c r="E2280" i="9"/>
  <c r="G2280" i="9"/>
  <c r="J2280" i="9"/>
  <c r="B2281" i="9"/>
  <c r="C2281" i="9"/>
  <c r="D2281" i="9"/>
  <c r="E2281" i="9"/>
  <c r="G2281" i="9"/>
  <c r="J2281" i="9"/>
  <c r="B2282" i="9"/>
  <c r="C2282" i="9"/>
  <c r="D2282" i="9"/>
  <c r="E2282" i="9"/>
  <c r="G2282" i="9"/>
  <c r="J2282" i="9"/>
  <c r="B2283" i="9"/>
  <c r="C2283" i="9"/>
  <c r="D2283" i="9"/>
  <c r="E2283" i="9"/>
  <c r="G2283" i="9"/>
  <c r="J2283" i="9"/>
  <c r="B2284" i="9"/>
  <c r="C2284" i="9"/>
  <c r="D2284" i="9"/>
  <c r="E2284" i="9"/>
  <c r="G2284" i="9"/>
  <c r="J2284" i="9"/>
  <c r="B2285" i="9"/>
  <c r="C2285" i="9"/>
  <c r="D2285" i="9"/>
  <c r="E2285" i="9"/>
  <c r="G2285" i="9"/>
  <c r="J2285" i="9"/>
  <c r="B2286" i="9"/>
  <c r="C2286" i="9"/>
  <c r="D2286" i="9"/>
  <c r="E2286" i="9"/>
  <c r="G2286" i="9"/>
  <c r="J2286" i="9"/>
  <c r="B2287" i="9"/>
  <c r="C2287" i="9"/>
  <c r="D2287" i="9"/>
  <c r="E2287" i="9"/>
  <c r="G2287" i="9"/>
  <c r="J2287" i="9"/>
  <c r="B2288" i="9"/>
  <c r="C2288" i="9"/>
  <c r="D2288" i="9"/>
  <c r="E2288" i="9"/>
  <c r="G2288" i="9"/>
  <c r="J2288" i="9"/>
  <c r="B2289" i="9"/>
  <c r="C2289" i="9"/>
  <c r="D2289" i="9"/>
  <c r="E2289" i="9"/>
  <c r="G2289" i="9"/>
  <c r="J2289" i="9"/>
  <c r="B2290" i="9"/>
  <c r="C2290" i="9"/>
  <c r="D2290" i="9"/>
  <c r="E2290" i="9"/>
  <c r="G2290" i="9"/>
  <c r="J2290" i="9"/>
  <c r="B2291" i="9"/>
  <c r="C2291" i="9"/>
  <c r="D2291" i="9"/>
  <c r="E2291" i="9"/>
  <c r="G2291" i="9"/>
  <c r="J2291" i="9"/>
  <c r="B2292" i="9"/>
  <c r="C2292" i="9"/>
  <c r="D2292" i="9"/>
  <c r="E2292" i="9"/>
  <c r="G2292" i="9"/>
  <c r="J2292" i="9"/>
  <c r="B2293" i="9"/>
  <c r="C2293" i="9"/>
  <c r="D2293" i="9"/>
  <c r="E2293" i="9"/>
  <c r="G2293" i="9"/>
  <c r="J2293" i="9"/>
  <c r="B2294" i="9"/>
  <c r="C2294" i="9"/>
  <c r="D2294" i="9"/>
  <c r="E2294" i="9"/>
  <c r="G2294" i="9"/>
  <c r="J2294" i="9"/>
  <c r="B2295" i="9"/>
  <c r="C2295" i="9"/>
  <c r="D2295" i="9"/>
  <c r="E2295" i="9"/>
  <c r="G2295" i="9"/>
  <c r="J2295" i="9"/>
  <c r="B2296" i="9"/>
  <c r="C2296" i="9"/>
  <c r="D2296" i="9"/>
  <c r="E2296" i="9"/>
  <c r="G2296" i="9"/>
  <c r="J2296" i="9"/>
  <c r="B2297" i="9"/>
  <c r="C2297" i="9"/>
  <c r="D2297" i="9"/>
  <c r="E2297" i="9"/>
  <c r="G2297" i="9"/>
  <c r="J2297" i="9"/>
  <c r="B2298" i="9"/>
  <c r="C2298" i="9"/>
  <c r="D2298" i="9"/>
  <c r="E2298" i="9"/>
  <c r="G2298" i="9"/>
  <c r="J2298" i="9"/>
  <c r="B2299" i="9"/>
  <c r="C2299" i="9"/>
  <c r="D2299" i="9"/>
  <c r="E2299" i="9"/>
  <c r="G2299" i="9"/>
  <c r="J2299" i="9"/>
  <c r="B2300" i="9"/>
  <c r="C2300" i="9"/>
  <c r="D2300" i="9"/>
  <c r="E2300" i="9"/>
  <c r="G2300" i="9"/>
  <c r="J2300" i="9"/>
  <c r="B2301" i="9"/>
  <c r="C2301" i="9"/>
  <c r="D2301" i="9"/>
  <c r="E2301" i="9"/>
  <c r="G2301" i="9"/>
  <c r="J2301" i="9"/>
  <c r="B2302" i="9"/>
  <c r="C2302" i="9"/>
  <c r="D2302" i="9"/>
  <c r="E2302" i="9"/>
  <c r="G2302" i="9"/>
  <c r="J2302" i="9"/>
  <c r="B2303" i="9"/>
  <c r="C2303" i="9"/>
  <c r="D2303" i="9"/>
  <c r="E2303" i="9"/>
  <c r="G2303" i="9"/>
  <c r="J2303" i="9"/>
  <c r="B2304" i="9"/>
  <c r="C2304" i="9"/>
  <c r="D2304" i="9"/>
  <c r="E2304" i="9"/>
  <c r="G2304" i="9"/>
  <c r="J2304" i="9"/>
  <c r="B2305" i="9"/>
  <c r="C2305" i="9"/>
  <c r="D2305" i="9"/>
  <c r="E2305" i="9"/>
  <c r="G2305" i="9"/>
  <c r="J2305" i="9"/>
  <c r="B2306" i="9"/>
  <c r="C2306" i="9"/>
  <c r="D2306" i="9"/>
  <c r="E2306" i="9"/>
  <c r="G2306" i="9"/>
  <c r="J2306" i="9"/>
  <c r="B2307" i="9"/>
  <c r="C2307" i="9"/>
  <c r="D2307" i="9"/>
  <c r="E2307" i="9"/>
  <c r="G2307" i="9"/>
  <c r="J2307" i="9"/>
  <c r="B2308" i="9"/>
  <c r="C2308" i="9"/>
  <c r="D2308" i="9"/>
  <c r="E2308" i="9"/>
  <c r="G2308" i="9"/>
  <c r="J2308" i="9"/>
  <c r="B2309" i="9"/>
  <c r="C2309" i="9"/>
  <c r="D2309" i="9"/>
  <c r="E2309" i="9"/>
  <c r="G2309" i="9"/>
  <c r="J2309" i="9"/>
  <c r="B2310" i="9"/>
  <c r="C2310" i="9"/>
  <c r="D2310" i="9"/>
  <c r="E2310" i="9"/>
  <c r="G2310" i="9"/>
  <c r="J2310" i="9"/>
  <c r="B2311" i="9"/>
  <c r="C2311" i="9"/>
  <c r="D2311" i="9"/>
  <c r="E2311" i="9"/>
  <c r="G2311" i="9"/>
  <c r="J2311" i="9"/>
  <c r="B2312" i="9"/>
  <c r="C2312" i="9"/>
  <c r="D2312" i="9"/>
  <c r="E2312" i="9"/>
  <c r="G2312" i="9"/>
  <c r="J2312" i="9"/>
  <c r="B2313" i="9"/>
  <c r="C2313" i="9"/>
  <c r="D2313" i="9"/>
  <c r="E2313" i="9"/>
  <c r="G2313" i="9"/>
  <c r="J2313" i="9"/>
  <c r="B2314" i="9"/>
  <c r="C2314" i="9"/>
  <c r="D2314" i="9"/>
  <c r="E2314" i="9"/>
  <c r="G2314" i="9"/>
  <c r="J2314" i="9"/>
  <c r="B2315" i="9"/>
  <c r="C2315" i="9"/>
  <c r="D2315" i="9"/>
  <c r="E2315" i="9"/>
  <c r="G2315" i="9"/>
  <c r="J2315" i="9"/>
  <c r="B2316" i="9"/>
  <c r="C2316" i="9"/>
  <c r="D2316" i="9"/>
  <c r="E2316" i="9"/>
  <c r="G2316" i="9"/>
  <c r="J2316" i="9"/>
  <c r="B2317" i="9"/>
  <c r="C2317" i="9"/>
  <c r="D2317" i="9"/>
  <c r="E2317" i="9"/>
  <c r="G2317" i="9"/>
  <c r="J2317" i="9"/>
  <c r="B2318" i="9"/>
  <c r="C2318" i="9"/>
  <c r="D2318" i="9"/>
  <c r="E2318" i="9"/>
  <c r="G2318" i="9"/>
  <c r="J2318" i="9"/>
  <c r="B2319" i="9"/>
  <c r="C2319" i="9"/>
  <c r="D2319" i="9"/>
  <c r="E2319" i="9"/>
  <c r="G2319" i="9"/>
  <c r="J2319" i="9"/>
  <c r="B2320" i="9"/>
  <c r="C2320" i="9"/>
  <c r="D2320" i="9"/>
  <c r="E2320" i="9"/>
  <c r="G2320" i="9"/>
  <c r="J2320" i="9"/>
  <c r="B2321" i="9"/>
  <c r="C2321" i="9"/>
  <c r="D2321" i="9"/>
  <c r="E2321" i="9"/>
  <c r="G2321" i="9"/>
  <c r="J2321" i="9"/>
  <c r="B2322" i="9"/>
  <c r="C2322" i="9"/>
  <c r="D2322" i="9"/>
  <c r="E2322" i="9"/>
  <c r="G2322" i="9"/>
  <c r="J2322" i="9"/>
  <c r="B2323" i="9"/>
  <c r="C2323" i="9"/>
  <c r="D2323" i="9"/>
  <c r="E2323" i="9"/>
  <c r="G2323" i="9"/>
  <c r="J2323" i="9"/>
  <c r="B2324" i="9"/>
  <c r="C2324" i="9"/>
  <c r="D2324" i="9"/>
  <c r="E2324" i="9"/>
  <c r="G2324" i="9"/>
  <c r="J2324" i="9"/>
  <c r="B2325" i="9"/>
  <c r="C2325" i="9"/>
  <c r="D2325" i="9"/>
  <c r="E2325" i="9"/>
  <c r="G2325" i="9"/>
  <c r="J2325" i="9"/>
  <c r="B2326" i="9"/>
  <c r="C2326" i="9"/>
  <c r="D2326" i="9"/>
  <c r="E2326" i="9"/>
  <c r="G2326" i="9"/>
  <c r="J2326" i="9"/>
  <c r="B2327" i="9"/>
  <c r="C2327" i="9"/>
  <c r="D2327" i="9"/>
  <c r="E2327" i="9"/>
  <c r="G2327" i="9"/>
  <c r="J2327" i="9"/>
  <c r="B2328" i="9"/>
  <c r="C2328" i="9"/>
  <c r="D2328" i="9"/>
  <c r="E2328" i="9"/>
  <c r="G2328" i="9"/>
  <c r="J2328" i="9"/>
  <c r="B2329" i="9"/>
  <c r="C2329" i="9"/>
  <c r="D2329" i="9"/>
  <c r="E2329" i="9"/>
  <c r="G2329" i="9"/>
  <c r="J2329" i="9"/>
  <c r="B2330" i="9"/>
  <c r="C2330" i="9"/>
  <c r="D2330" i="9"/>
  <c r="E2330" i="9"/>
  <c r="G2330" i="9"/>
  <c r="J2330" i="9"/>
  <c r="B2331" i="9"/>
  <c r="C2331" i="9"/>
  <c r="D2331" i="9"/>
  <c r="E2331" i="9"/>
  <c r="G2331" i="9"/>
  <c r="J2331" i="9"/>
  <c r="B2332" i="9"/>
  <c r="C2332" i="9"/>
  <c r="D2332" i="9"/>
  <c r="E2332" i="9"/>
  <c r="G2332" i="9"/>
  <c r="J2332" i="9"/>
  <c r="B2333" i="9"/>
  <c r="C2333" i="9"/>
  <c r="D2333" i="9"/>
  <c r="E2333" i="9"/>
  <c r="G2333" i="9"/>
  <c r="J2333" i="9"/>
  <c r="B2334" i="9"/>
  <c r="C2334" i="9"/>
  <c r="D2334" i="9"/>
  <c r="E2334" i="9"/>
  <c r="G2334" i="9"/>
  <c r="J2334" i="9"/>
  <c r="B2335" i="9"/>
  <c r="C2335" i="9"/>
  <c r="D2335" i="9"/>
  <c r="E2335" i="9"/>
  <c r="G2335" i="9"/>
  <c r="J2335" i="9"/>
  <c r="B2336" i="9"/>
  <c r="C2336" i="9"/>
  <c r="D2336" i="9"/>
  <c r="E2336" i="9"/>
  <c r="G2336" i="9"/>
  <c r="J2336" i="9"/>
  <c r="B2337" i="9"/>
  <c r="C2337" i="9"/>
  <c r="D2337" i="9"/>
  <c r="E2337" i="9"/>
  <c r="G2337" i="9"/>
  <c r="J2337" i="9"/>
  <c r="B2338" i="9"/>
  <c r="C2338" i="9"/>
  <c r="D2338" i="9"/>
  <c r="E2338" i="9"/>
  <c r="G2338" i="9"/>
  <c r="J2338" i="9"/>
  <c r="B2339" i="9"/>
  <c r="C2339" i="9"/>
  <c r="D2339" i="9"/>
  <c r="E2339" i="9"/>
  <c r="G2339" i="9"/>
  <c r="J2339" i="9"/>
  <c r="B2340" i="9"/>
  <c r="C2340" i="9"/>
  <c r="D2340" i="9"/>
  <c r="E2340" i="9"/>
  <c r="G2340" i="9"/>
  <c r="J2340" i="9"/>
  <c r="B2341" i="9"/>
  <c r="C2341" i="9"/>
  <c r="D2341" i="9"/>
  <c r="E2341" i="9"/>
  <c r="G2341" i="9"/>
  <c r="J2341" i="9"/>
  <c r="B2342" i="9"/>
  <c r="C2342" i="9"/>
  <c r="D2342" i="9"/>
  <c r="E2342" i="9"/>
  <c r="G2342" i="9"/>
  <c r="J2342" i="9"/>
  <c r="B2343" i="9"/>
  <c r="C2343" i="9"/>
  <c r="D2343" i="9"/>
  <c r="E2343" i="9"/>
  <c r="G2343" i="9"/>
  <c r="J2343" i="9"/>
  <c r="B2344" i="9"/>
  <c r="C2344" i="9"/>
  <c r="D2344" i="9"/>
  <c r="E2344" i="9"/>
  <c r="G2344" i="9"/>
  <c r="J2344" i="9"/>
  <c r="B2345" i="9"/>
  <c r="C2345" i="9"/>
  <c r="D2345" i="9"/>
  <c r="E2345" i="9"/>
  <c r="G2345" i="9"/>
  <c r="J2345" i="9"/>
  <c r="B2346" i="9"/>
  <c r="C2346" i="9"/>
  <c r="D2346" i="9"/>
  <c r="E2346" i="9"/>
  <c r="G2346" i="9"/>
  <c r="J2346" i="9"/>
  <c r="B2347" i="9"/>
  <c r="C2347" i="9"/>
  <c r="D2347" i="9"/>
  <c r="E2347" i="9"/>
  <c r="G2347" i="9"/>
  <c r="J2347" i="9"/>
  <c r="B2348" i="9"/>
  <c r="C2348" i="9"/>
  <c r="D2348" i="9"/>
  <c r="E2348" i="9"/>
  <c r="G2348" i="9"/>
  <c r="J2348" i="9"/>
  <c r="B2349" i="9"/>
  <c r="C2349" i="9"/>
  <c r="D2349" i="9"/>
  <c r="E2349" i="9"/>
  <c r="G2349" i="9"/>
  <c r="J2349" i="9"/>
  <c r="B2350" i="9"/>
  <c r="C2350" i="9"/>
  <c r="D2350" i="9"/>
  <c r="E2350" i="9"/>
  <c r="G2350" i="9"/>
  <c r="J2350" i="9"/>
  <c r="B2351" i="9"/>
  <c r="C2351" i="9"/>
  <c r="D2351" i="9"/>
  <c r="E2351" i="9"/>
  <c r="G2351" i="9"/>
  <c r="J2351" i="9"/>
  <c r="B2352" i="9"/>
  <c r="C2352" i="9"/>
  <c r="D2352" i="9"/>
  <c r="E2352" i="9"/>
  <c r="G2352" i="9"/>
  <c r="J2352" i="9"/>
  <c r="B2353" i="9"/>
  <c r="C2353" i="9"/>
  <c r="D2353" i="9"/>
  <c r="E2353" i="9"/>
  <c r="G2353" i="9"/>
  <c r="J2353" i="9"/>
  <c r="B2354" i="9"/>
  <c r="C2354" i="9"/>
  <c r="D2354" i="9"/>
  <c r="E2354" i="9"/>
  <c r="G2354" i="9"/>
  <c r="J2354" i="9"/>
  <c r="B2355" i="9"/>
  <c r="C2355" i="9"/>
  <c r="D2355" i="9"/>
  <c r="E2355" i="9"/>
  <c r="G2355" i="9"/>
  <c r="J2355" i="9"/>
  <c r="B2356" i="9"/>
  <c r="C2356" i="9"/>
  <c r="D2356" i="9"/>
  <c r="E2356" i="9"/>
  <c r="G2356" i="9"/>
  <c r="J2356" i="9"/>
  <c r="B2357" i="9"/>
  <c r="C2357" i="9"/>
  <c r="D2357" i="9"/>
  <c r="E2357" i="9"/>
  <c r="G2357" i="9"/>
  <c r="J2357" i="9"/>
  <c r="B2358" i="9"/>
  <c r="C2358" i="9"/>
  <c r="D2358" i="9"/>
  <c r="E2358" i="9"/>
  <c r="G2358" i="9"/>
  <c r="J2358" i="9"/>
  <c r="B2359" i="9"/>
  <c r="C2359" i="9"/>
  <c r="D2359" i="9"/>
  <c r="E2359" i="9"/>
  <c r="G2359" i="9"/>
  <c r="J2359" i="9"/>
  <c r="B2360" i="9"/>
  <c r="C2360" i="9"/>
  <c r="D2360" i="9"/>
  <c r="E2360" i="9"/>
  <c r="G2360" i="9"/>
  <c r="J2360" i="9"/>
  <c r="B2361" i="9"/>
  <c r="C2361" i="9"/>
  <c r="D2361" i="9"/>
  <c r="E2361" i="9"/>
  <c r="G2361" i="9"/>
  <c r="J2361" i="9"/>
  <c r="B2362" i="9"/>
  <c r="C2362" i="9"/>
  <c r="D2362" i="9"/>
  <c r="E2362" i="9"/>
  <c r="G2362" i="9"/>
  <c r="J2362" i="9"/>
  <c r="B2363" i="9"/>
  <c r="C2363" i="9"/>
  <c r="D2363" i="9"/>
  <c r="E2363" i="9"/>
  <c r="G2363" i="9"/>
  <c r="J2363" i="9"/>
  <c r="B2364" i="9"/>
  <c r="C2364" i="9"/>
  <c r="D2364" i="9"/>
  <c r="E2364" i="9"/>
  <c r="G2364" i="9"/>
  <c r="J2364" i="9"/>
  <c r="B2365" i="9"/>
  <c r="C2365" i="9"/>
  <c r="D2365" i="9"/>
  <c r="E2365" i="9"/>
  <c r="G2365" i="9"/>
  <c r="J2365" i="9"/>
  <c r="B2366" i="9"/>
  <c r="C2366" i="9"/>
  <c r="D2366" i="9"/>
  <c r="E2366" i="9"/>
  <c r="G2366" i="9"/>
  <c r="J2366" i="9"/>
  <c r="B2367" i="9"/>
  <c r="C2367" i="9"/>
  <c r="D2367" i="9"/>
  <c r="E2367" i="9"/>
  <c r="G2367" i="9"/>
  <c r="J2367" i="9"/>
  <c r="B2368" i="9"/>
  <c r="C2368" i="9"/>
  <c r="D2368" i="9"/>
  <c r="E2368" i="9"/>
  <c r="G2368" i="9"/>
  <c r="J2368" i="9"/>
  <c r="B2369" i="9"/>
  <c r="C2369" i="9"/>
  <c r="D2369" i="9"/>
  <c r="E2369" i="9"/>
  <c r="G2369" i="9"/>
  <c r="J2369" i="9"/>
  <c r="B2370" i="9"/>
  <c r="C2370" i="9"/>
  <c r="D2370" i="9"/>
  <c r="E2370" i="9"/>
  <c r="G2370" i="9"/>
  <c r="J2370" i="9"/>
  <c r="B2371" i="9"/>
  <c r="C2371" i="9"/>
  <c r="D2371" i="9"/>
  <c r="E2371" i="9"/>
  <c r="G2371" i="9"/>
  <c r="J2371" i="9"/>
  <c r="B2372" i="9"/>
  <c r="C2372" i="9"/>
  <c r="D2372" i="9"/>
  <c r="E2372" i="9"/>
  <c r="G2372" i="9"/>
  <c r="J2372" i="9"/>
  <c r="B2373" i="9"/>
  <c r="C2373" i="9"/>
  <c r="D2373" i="9"/>
  <c r="E2373" i="9"/>
  <c r="G2373" i="9"/>
  <c r="J2373" i="9"/>
  <c r="B2374" i="9"/>
  <c r="C2374" i="9"/>
  <c r="D2374" i="9"/>
  <c r="E2374" i="9"/>
  <c r="G2374" i="9"/>
  <c r="J2374" i="9"/>
  <c r="B2375" i="9"/>
  <c r="C2375" i="9"/>
  <c r="D2375" i="9"/>
  <c r="E2375" i="9"/>
  <c r="G2375" i="9"/>
  <c r="J2375" i="9"/>
  <c r="B2376" i="9"/>
  <c r="C2376" i="9"/>
  <c r="D2376" i="9"/>
  <c r="E2376" i="9"/>
  <c r="G2376" i="9"/>
  <c r="J2376" i="9"/>
  <c r="B2377" i="9"/>
  <c r="C2377" i="9"/>
  <c r="D2377" i="9"/>
  <c r="E2377" i="9"/>
  <c r="G2377" i="9"/>
  <c r="J2377" i="9"/>
  <c r="B2378" i="9"/>
  <c r="C2378" i="9"/>
  <c r="D2378" i="9"/>
  <c r="E2378" i="9"/>
  <c r="G2378" i="9"/>
  <c r="J2378" i="9"/>
  <c r="B2379" i="9"/>
  <c r="C2379" i="9"/>
  <c r="D2379" i="9"/>
  <c r="E2379" i="9"/>
  <c r="G2379" i="9"/>
  <c r="J2379" i="9"/>
  <c r="B2380" i="9"/>
  <c r="C2380" i="9"/>
  <c r="D2380" i="9"/>
  <c r="E2380" i="9"/>
  <c r="G2380" i="9"/>
  <c r="J2380" i="9"/>
  <c r="B2381" i="9"/>
  <c r="C2381" i="9"/>
  <c r="D2381" i="9"/>
  <c r="E2381" i="9"/>
  <c r="G2381" i="9"/>
  <c r="J2381" i="9"/>
  <c r="B2382" i="9"/>
  <c r="C2382" i="9"/>
  <c r="D2382" i="9"/>
  <c r="E2382" i="9"/>
  <c r="G2382" i="9"/>
  <c r="J2382" i="9"/>
  <c r="B2383" i="9"/>
  <c r="C2383" i="9"/>
  <c r="D2383" i="9"/>
  <c r="E2383" i="9"/>
  <c r="G2383" i="9"/>
  <c r="J2383" i="9"/>
  <c r="B2384" i="9"/>
  <c r="C2384" i="9"/>
  <c r="D2384" i="9"/>
  <c r="E2384" i="9"/>
  <c r="G2384" i="9"/>
  <c r="J2384" i="9"/>
  <c r="B2385" i="9"/>
  <c r="C2385" i="9"/>
  <c r="D2385" i="9"/>
  <c r="E2385" i="9"/>
  <c r="G2385" i="9"/>
  <c r="J2385" i="9"/>
  <c r="B2386" i="9"/>
  <c r="C2386" i="9"/>
  <c r="D2386" i="9"/>
  <c r="E2386" i="9"/>
  <c r="G2386" i="9"/>
  <c r="J2386" i="9"/>
  <c r="B2387" i="9"/>
  <c r="C2387" i="9"/>
  <c r="D2387" i="9"/>
  <c r="E2387" i="9"/>
  <c r="G2387" i="9"/>
  <c r="J2387" i="9"/>
  <c r="B2388" i="9"/>
  <c r="C2388" i="9"/>
  <c r="D2388" i="9"/>
  <c r="E2388" i="9"/>
  <c r="G2388" i="9"/>
  <c r="J2388" i="9"/>
  <c r="B2389" i="9"/>
  <c r="C2389" i="9"/>
  <c r="D2389" i="9"/>
  <c r="E2389" i="9"/>
  <c r="G2389" i="9"/>
  <c r="J2389" i="9"/>
  <c r="B2390" i="9"/>
  <c r="C2390" i="9"/>
  <c r="D2390" i="9"/>
  <c r="E2390" i="9"/>
  <c r="G2390" i="9"/>
  <c r="J2390" i="9"/>
  <c r="B2391" i="9"/>
  <c r="C2391" i="9"/>
  <c r="D2391" i="9"/>
  <c r="E2391" i="9"/>
  <c r="G2391" i="9"/>
  <c r="J2391" i="9"/>
  <c r="B2392" i="9"/>
  <c r="C2392" i="9"/>
  <c r="D2392" i="9"/>
  <c r="E2392" i="9"/>
  <c r="G2392" i="9"/>
  <c r="J2392" i="9"/>
  <c r="B2393" i="9"/>
  <c r="C2393" i="9"/>
  <c r="D2393" i="9"/>
  <c r="E2393" i="9"/>
  <c r="G2393" i="9"/>
  <c r="J2393" i="9"/>
  <c r="B2394" i="9"/>
  <c r="C2394" i="9"/>
  <c r="D2394" i="9"/>
  <c r="E2394" i="9"/>
  <c r="G2394" i="9"/>
  <c r="J2394" i="9"/>
  <c r="B2395" i="9"/>
  <c r="C2395" i="9"/>
  <c r="D2395" i="9"/>
  <c r="E2395" i="9"/>
  <c r="G2395" i="9"/>
  <c r="J2395" i="9"/>
  <c r="B2396" i="9"/>
  <c r="C2396" i="9"/>
  <c r="D2396" i="9"/>
  <c r="E2396" i="9"/>
  <c r="G2396" i="9"/>
  <c r="J2396" i="9"/>
  <c r="B2397" i="9"/>
  <c r="C2397" i="9"/>
  <c r="D2397" i="9"/>
  <c r="E2397" i="9"/>
  <c r="G2397" i="9"/>
  <c r="J2397" i="9"/>
  <c r="B2398" i="9"/>
  <c r="C2398" i="9"/>
  <c r="D2398" i="9"/>
  <c r="E2398" i="9"/>
  <c r="G2398" i="9"/>
  <c r="J2398" i="9"/>
  <c r="B2399" i="9"/>
  <c r="C2399" i="9"/>
  <c r="D2399" i="9"/>
  <c r="E2399" i="9"/>
  <c r="G2399" i="9"/>
  <c r="J2399" i="9"/>
  <c r="B2400" i="9"/>
  <c r="C2400" i="9"/>
  <c r="D2400" i="9"/>
  <c r="E2400" i="9"/>
  <c r="G2400" i="9"/>
  <c r="J2400" i="9"/>
  <c r="B2401" i="9"/>
  <c r="C2401" i="9"/>
  <c r="D2401" i="9"/>
  <c r="E2401" i="9"/>
  <c r="G2401" i="9"/>
  <c r="J2401" i="9"/>
  <c r="B2402" i="9"/>
  <c r="C2402" i="9"/>
  <c r="D2402" i="9"/>
  <c r="E2402" i="9"/>
  <c r="G2402" i="9"/>
  <c r="J2402" i="9"/>
  <c r="B2403" i="9"/>
  <c r="C2403" i="9"/>
  <c r="D2403" i="9"/>
  <c r="E2403" i="9"/>
  <c r="G2403" i="9"/>
  <c r="J2403" i="9"/>
  <c r="B2404" i="9"/>
  <c r="C2404" i="9"/>
  <c r="D2404" i="9"/>
  <c r="E2404" i="9"/>
  <c r="G2404" i="9"/>
  <c r="J2404" i="9"/>
  <c r="B2405" i="9"/>
  <c r="C2405" i="9"/>
  <c r="D2405" i="9"/>
  <c r="E2405" i="9"/>
  <c r="G2405" i="9"/>
  <c r="J2405" i="9"/>
  <c r="B2406" i="9"/>
  <c r="C2406" i="9"/>
  <c r="D2406" i="9"/>
  <c r="E2406" i="9"/>
  <c r="G2406" i="9"/>
  <c r="J2406" i="9"/>
  <c r="B2407" i="9"/>
  <c r="C2407" i="9"/>
  <c r="D2407" i="9"/>
  <c r="E2407" i="9"/>
  <c r="G2407" i="9"/>
  <c r="J2407" i="9"/>
  <c r="B2408" i="9"/>
  <c r="C2408" i="9"/>
  <c r="D2408" i="9"/>
  <c r="E2408" i="9"/>
  <c r="G2408" i="9"/>
  <c r="J2408" i="9"/>
  <c r="B2409" i="9"/>
  <c r="C2409" i="9"/>
  <c r="D2409" i="9"/>
  <c r="E2409" i="9"/>
  <c r="G2409" i="9"/>
  <c r="J2409" i="9"/>
  <c r="B2410" i="9"/>
  <c r="C2410" i="9"/>
  <c r="D2410" i="9"/>
  <c r="E2410" i="9"/>
  <c r="G2410" i="9"/>
  <c r="J2410" i="9"/>
  <c r="B2411" i="9"/>
  <c r="C2411" i="9"/>
  <c r="D2411" i="9"/>
  <c r="E2411" i="9"/>
  <c r="G2411" i="9"/>
  <c r="J2411" i="9"/>
  <c r="B2412" i="9"/>
  <c r="C2412" i="9"/>
  <c r="D2412" i="9"/>
  <c r="E2412" i="9"/>
  <c r="G2412" i="9"/>
  <c r="J2412" i="9"/>
  <c r="B2413" i="9"/>
  <c r="C2413" i="9"/>
  <c r="D2413" i="9"/>
  <c r="E2413" i="9"/>
  <c r="G2413" i="9"/>
  <c r="J2413" i="9"/>
  <c r="B2414" i="9"/>
  <c r="C2414" i="9"/>
  <c r="D2414" i="9"/>
  <c r="E2414" i="9"/>
  <c r="G2414" i="9"/>
  <c r="J2414" i="9"/>
  <c r="B2415" i="9"/>
  <c r="C2415" i="9"/>
  <c r="D2415" i="9"/>
  <c r="E2415" i="9"/>
  <c r="G2415" i="9"/>
  <c r="J2415" i="9"/>
  <c r="B2416" i="9"/>
  <c r="C2416" i="9"/>
  <c r="D2416" i="9"/>
  <c r="E2416" i="9"/>
  <c r="G2416" i="9"/>
  <c r="J2416" i="9"/>
  <c r="B2417" i="9"/>
  <c r="C2417" i="9"/>
  <c r="D2417" i="9"/>
  <c r="E2417" i="9"/>
  <c r="G2417" i="9"/>
  <c r="J2417" i="9"/>
  <c r="B2418" i="9"/>
  <c r="C2418" i="9"/>
  <c r="D2418" i="9"/>
  <c r="E2418" i="9"/>
  <c r="G2418" i="9"/>
  <c r="J2418" i="9"/>
  <c r="B2419" i="9"/>
  <c r="C2419" i="9"/>
  <c r="D2419" i="9"/>
  <c r="E2419" i="9"/>
  <c r="G2419" i="9"/>
  <c r="J2419" i="9"/>
  <c r="B2420" i="9"/>
  <c r="C2420" i="9"/>
  <c r="D2420" i="9"/>
  <c r="E2420" i="9"/>
  <c r="G2420" i="9"/>
  <c r="J2420" i="9"/>
  <c r="B2421" i="9"/>
  <c r="C2421" i="9"/>
  <c r="D2421" i="9"/>
  <c r="E2421" i="9"/>
  <c r="G2421" i="9"/>
  <c r="J2421" i="9"/>
  <c r="B2422" i="9"/>
  <c r="C2422" i="9"/>
  <c r="D2422" i="9"/>
  <c r="E2422" i="9"/>
  <c r="G2422" i="9"/>
  <c r="J2422" i="9"/>
  <c r="B2423" i="9"/>
  <c r="C2423" i="9"/>
  <c r="D2423" i="9"/>
  <c r="E2423" i="9"/>
  <c r="G2423" i="9"/>
  <c r="J2423" i="9"/>
  <c r="B2424" i="9"/>
  <c r="C2424" i="9"/>
  <c r="D2424" i="9"/>
  <c r="E2424" i="9"/>
  <c r="G2424" i="9"/>
  <c r="J2424" i="9"/>
  <c r="B2425" i="9"/>
  <c r="C2425" i="9"/>
  <c r="D2425" i="9"/>
  <c r="E2425" i="9"/>
  <c r="G2425" i="9"/>
  <c r="J2425" i="9"/>
  <c r="B2426" i="9"/>
  <c r="C2426" i="9"/>
  <c r="D2426" i="9"/>
  <c r="E2426" i="9"/>
  <c r="G2426" i="9"/>
  <c r="J2426" i="9"/>
  <c r="B2427" i="9"/>
  <c r="C2427" i="9"/>
  <c r="D2427" i="9"/>
  <c r="E2427" i="9"/>
  <c r="G2427" i="9"/>
  <c r="J2427" i="9"/>
  <c r="B2428" i="9"/>
  <c r="C2428" i="9"/>
  <c r="D2428" i="9"/>
  <c r="E2428" i="9"/>
  <c r="G2428" i="9"/>
  <c r="J2428" i="9"/>
  <c r="B2429" i="9"/>
  <c r="C2429" i="9"/>
  <c r="D2429" i="9"/>
  <c r="E2429" i="9"/>
  <c r="G2429" i="9"/>
  <c r="J2429" i="9"/>
  <c r="B2430" i="9"/>
  <c r="C2430" i="9"/>
  <c r="D2430" i="9"/>
  <c r="E2430" i="9"/>
  <c r="G2430" i="9"/>
  <c r="J2430" i="9"/>
  <c r="B2431" i="9"/>
  <c r="C2431" i="9"/>
  <c r="D2431" i="9"/>
  <c r="E2431" i="9"/>
  <c r="G2431" i="9"/>
  <c r="J2431" i="9"/>
  <c r="B2432" i="9"/>
  <c r="C2432" i="9"/>
  <c r="D2432" i="9"/>
  <c r="E2432" i="9"/>
  <c r="G2432" i="9"/>
  <c r="J2432" i="9"/>
  <c r="B2433" i="9"/>
  <c r="C2433" i="9"/>
  <c r="D2433" i="9"/>
  <c r="E2433" i="9"/>
  <c r="G2433" i="9"/>
  <c r="J2433" i="9"/>
  <c r="B2434" i="9"/>
  <c r="C2434" i="9"/>
  <c r="D2434" i="9"/>
  <c r="E2434" i="9"/>
  <c r="G2434" i="9"/>
  <c r="J2434" i="9"/>
  <c r="B2435" i="9"/>
  <c r="C2435" i="9"/>
  <c r="D2435" i="9"/>
  <c r="E2435" i="9"/>
  <c r="G2435" i="9"/>
  <c r="J2435" i="9"/>
  <c r="B2436" i="9"/>
  <c r="C2436" i="9"/>
  <c r="D2436" i="9"/>
  <c r="E2436" i="9"/>
  <c r="G2436" i="9"/>
  <c r="J2436" i="9"/>
  <c r="B2437" i="9"/>
  <c r="C2437" i="9"/>
  <c r="D2437" i="9"/>
  <c r="E2437" i="9"/>
  <c r="G2437" i="9"/>
  <c r="J2437" i="9"/>
  <c r="B2438" i="9"/>
  <c r="C2438" i="9"/>
  <c r="D2438" i="9"/>
  <c r="E2438" i="9"/>
  <c r="G2438" i="9"/>
  <c r="J2438" i="9"/>
  <c r="B2439" i="9"/>
  <c r="C2439" i="9"/>
  <c r="D2439" i="9"/>
  <c r="E2439" i="9"/>
  <c r="G2439" i="9"/>
  <c r="J2439" i="9"/>
  <c r="B2440" i="9"/>
  <c r="C2440" i="9"/>
  <c r="D2440" i="9"/>
  <c r="E2440" i="9"/>
  <c r="G2440" i="9"/>
  <c r="J2440" i="9"/>
  <c r="B2441" i="9"/>
  <c r="C2441" i="9"/>
  <c r="D2441" i="9"/>
  <c r="E2441" i="9"/>
  <c r="G2441" i="9"/>
  <c r="J2441" i="9"/>
  <c r="B2442" i="9"/>
  <c r="C2442" i="9"/>
  <c r="D2442" i="9"/>
  <c r="E2442" i="9"/>
  <c r="G2442" i="9"/>
  <c r="J2442" i="9"/>
  <c r="B2443" i="9"/>
  <c r="C2443" i="9"/>
  <c r="D2443" i="9"/>
  <c r="E2443" i="9"/>
  <c r="G2443" i="9"/>
  <c r="J2443" i="9"/>
  <c r="B2444" i="9"/>
  <c r="C2444" i="9"/>
  <c r="D2444" i="9"/>
  <c r="E2444" i="9"/>
  <c r="G2444" i="9"/>
  <c r="J2444" i="9"/>
  <c r="B2445" i="9"/>
  <c r="C2445" i="9"/>
  <c r="D2445" i="9"/>
  <c r="E2445" i="9"/>
  <c r="G2445" i="9"/>
  <c r="J2445" i="9"/>
  <c r="B2446" i="9"/>
  <c r="C2446" i="9"/>
  <c r="D2446" i="9"/>
  <c r="E2446" i="9"/>
  <c r="G2446" i="9"/>
  <c r="J2446" i="9"/>
  <c r="B2447" i="9"/>
  <c r="C2447" i="9"/>
  <c r="D2447" i="9"/>
  <c r="E2447" i="9"/>
  <c r="G2447" i="9"/>
  <c r="J2447" i="9"/>
  <c r="B2448" i="9"/>
  <c r="C2448" i="9"/>
  <c r="D2448" i="9"/>
  <c r="E2448" i="9"/>
  <c r="G2448" i="9"/>
  <c r="J2448" i="9"/>
  <c r="B2449" i="9"/>
  <c r="C2449" i="9"/>
  <c r="D2449" i="9"/>
  <c r="E2449" i="9"/>
  <c r="G2449" i="9"/>
  <c r="J2449" i="9"/>
  <c r="B2450" i="9"/>
  <c r="C2450" i="9"/>
  <c r="D2450" i="9"/>
  <c r="E2450" i="9"/>
  <c r="G2450" i="9"/>
  <c r="J2450" i="9"/>
  <c r="B2451" i="9"/>
  <c r="C2451" i="9"/>
  <c r="D2451" i="9"/>
  <c r="E2451" i="9"/>
  <c r="G2451" i="9"/>
  <c r="J2451" i="9"/>
  <c r="B2452" i="9"/>
  <c r="C2452" i="9"/>
  <c r="D2452" i="9"/>
  <c r="E2452" i="9"/>
  <c r="G2452" i="9"/>
  <c r="J2452" i="9"/>
  <c r="B2453" i="9"/>
  <c r="C2453" i="9"/>
  <c r="D2453" i="9"/>
  <c r="E2453" i="9"/>
  <c r="G2453" i="9"/>
  <c r="J2453" i="9"/>
  <c r="B2454" i="9"/>
  <c r="C2454" i="9"/>
  <c r="D2454" i="9"/>
  <c r="E2454" i="9"/>
  <c r="G2454" i="9"/>
  <c r="J2454" i="9"/>
  <c r="B2455" i="9"/>
  <c r="C2455" i="9"/>
  <c r="D2455" i="9"/>
  <c r="E2455" i="9"/>
  <c r="G2455" i="9"/>
  <c r="J2455" i="9"/>
  <c r="B2456" i="9"/>
  <c r="C2456" i="9"/>
  <c r="D2456" i="9"/>
  <c r="E2456" i="9"/>
  <c r="G2456" i="9"/>
  <c r="J2456" i="9"/>
  <c r="B2457" i="9"/>
  <c r="C2457" i="9"/>
  <c r="D2457" i="9"/>
  <c r="E2457" i="9"/>
  <c r="G2457" i="9"/>
  <c r="J2457" i="9"/>
  <c r="B2458" i="9"/>
  <c r="C2458" i="9"/>
  <c r="D2458" i="9"/>
  <c r="E2458" i="9"/>
  <c r="G2458" i="9"/>
  <c r="J2458" i="9"/>
  <c r="B2459" i="9"/>
  <c r="C2459" i="9"/>
  <c r="D2459" i="9"/>
  <c r="E2459" i="9"/>
  <c r="G2459" i="9"/>
  <c r="J2459" i="9"/>
  <c r="B2460" i="9"/>
  <c r="C2460" i="9"/>
  <c r="D2460" i="9"/>
  <c r="E2460" i="9"/>
  <c r="G2460" i="9"/>
  <c r="J2460" i="9"/>
  <c r="B2461" i="9"/>
  <c r="C2461" i="9"/>
  <c r="D2461" i="9"/>
  <c r="E2461" i="9"/>
  <c r="G2461" i="9"/>
  <c r="J2461" i="9"/>
  <c r="B2462" i="9"/>
  <c r="C2462" i="9"/>
  <c r="D2462" i="9"/>
  <c r="E2462" i="9"/>
  <c r="G2462" i="9"/>
  <c r="J2462" i="9"/>
  <c r="B2463" i="9"/>
  <c r="C2463" i="9"/>
  <c r="D2463" i="9"/>
  <c r="E2463" i="9"/>
  <c r="G2463" i="9"/>
  <c r="J2463" i="9"/>
  <c r="B2464" i="9"/>
  <c r="C2464" i="9"/>
  <c r="D2464" i="9"/>
  <c r="E2464" i="9"/>
  <c r="G2464" i="9"/>
  <c r="J2464" i="9"/>
  <c r="B2465" i="9"/>
  <c r="C2465" i="9"/>
  <c r="D2465" i="9"/>
  <c r="E2465" i="9"/>
  <c r="G2465" i="9"/>
  <c r="J2465" i="9"/>
  <c r="B2466" i="9"/>
  <c r="C2466" i="9"/>
  <c r="D2466" i="9"/>
  <c r="E2466" i="9"/>
  <c r="G2466" i="9"/>
  <c r="J2466" i="9"/>
  <c r="B2467" i="9"/>
  <c r="C2467" i="9"/>
  <c r="D2467" i="9"/>
  <c r="E2467" i="9"/>
  <c r="G2467" i="9"/>
  <c r="J2467" i="9"/>
  <c r="B2468" i="9"/>
  <c r="C2468" i="9"/>
  <c r="D2468" i="9"/>
  <c r="E2468" i="9"/>
  <c r="G2468" i="9"/>
  <c r="J2468" i="9"/>
  <c r="B2469" i="9"/>
  <c r="C2469" i="9"/>
  <c r="D2469" i="9"/>
  <c r="E2469" i="9"/>
  <c r="G2469" i="9"/>
  <c r="J2469" i="9"/>
  <c r="B2470" i="9"/>
  <c r="C2470" i="9"/>
  <c r="D2470" i="9"/>
  <c r="E2470" i="9"/>
  <c r="G2470" i="9"/>
  <c r="J2470" i="9"/>
  <c r="B2471" i="9"/>
  <c r="C2471" i="9"/>
  <c r="D2471" i="9"/>
  <c r="E2471" i="9"/>
  <c r="G2471" i="9"/>
  <c r="J2471" i="9"/>
  <c r="B2472" i="9"/>
  <c r="C2472" i="9"/>
  <c r="D2472" i="9"/>
  <c r="E2472" i="9"/>
  <c r="G2472" i="9"/>
  <c r="J2472" i="9"/>
  <c r="B2473" i="9"/>
  <c r="C2473" i="9"/>
  <c r="D2473" i="9"/>
  <c r="E2473" i="9"/>
  <c r="G2473" i="9"/>
  <c r="J2473" i="9"/>
  <c r="B2474" i="9"/>
  <c r="C2474" i="9"/>
  <c r="D2474" i="9"/>
  <c r="E2474" i="9"/>
  <c r="G2474" i="9"/>
  <c r="J2474" i="9"/>
  <c r="B2475" i="9"/>
  <c r="C2475" i="9"/>
  <c r="D2475" i="9"/>
  <c r="E2475" i="9"/>
  <c r="G2475" i="9"/>
  <c r="J2475" i="9"/>
  <c r="B2476" i="9"/>
  <c r="C2476" i="9"/>
  <c r="D2476" i="9"/>
  <c r="E2476" i="9"/>
  <c r="G2476" i="9"/>
  <c r="J2476" i="9"/>
  <c r="B2477" i="9"/>
  <c r="C2477" i="9"/>
  <c r="D2477" i="9"/>
  <c r="E2477" i="9"/>
  <c r="G2477" i="9"/>
  <c r="J2477" i="9"/>
  <c r="B2478" i="9"/>
  <c r="C2478" i="9"/>
  <c r="D2478" i="9"/>
  <c r="E2478" i="9"/>
  <c r="G2478" i="9"/>
  <c r="J2478" i="9"/>
  <c r="B2479" i="9"/>
  <c r="C2479" i="9"/>
  <c r="D2479" i="9"/>
  <c r="E2479" i="9"/>
  <c r="G2479" i="9"/>
  <c r="J2479" i="9"/>
  <c r="B2480" i="9"/>
  <c r="C2480" i="9"/>
  <c r="D2480" i="9"/>
  <c r="E2480" i="9"/>
  <c r="G2480" i="9"/>
  <c r="J2480" i="9"/>
  <c r="B2481" i="9"/>
  <c r="C2481" i="9"/>
  <c r="D2481" i="9"/>
  <c r="E2481" i="9"/>
  <c r="G2481" i="9"/>
  <c r="J2481" i="9"/>
  <c r="B2482" i="9"/>
  <c r="C2482" i="9"/>
  <c r="D2482" i="9"/>
  <c r="E2482" i="9"/>
  <c r="G2482" i="9"/>
  <c r="J2482" i="9"/>
  <c r="B2483" i="9"/>
  <c r="C2483" i="9"/>
  <c r="D2483" i="9"/>
  <c r="E2483" i="9"/>
  <c r="G2483" i="9"/>
  <c r="J2483" i="9"/>
  <c r="B2484" i="9"/>
  <c r="C2484" i="9"/>
  <c r="D2484" i="9"/>
  <c r="E2484" i="9"/>
  <c r="G2484" i="9"/>
  <c r="J2484" i="9"/>
  <c r="B2485" i="9"/>
  <c r="C2485" i="9"/>
  <c r="D2485" i="9"/>
  <c r="E2485" i="9"/>
  <c r="G2485" i="9"/>
  <c r="J2485" i="9"/>
  <c r="B2486" i="9"/>
  <c r="C2486" i="9"/>
  <c r="D2486" i="9"/>
  <c r="E2486" i="9"/>
  <c r="G2486" i="9"/>
  <c r="J2486" i="9"/>
  <c r="B2487" i="9"/>
  <c r="C2487" i="9"/>
  <c r="D2487" i="9"/>
  <c r="E2487" i="9"/>
  <c r="G2487" i="9"/>
  <c r="J2487" i="9"/>
  <c r="B2488" i="9"/>
  <c r="C2488" i="9"/>
  <c r="D2488" i="9"/>
  <c r="E2488" i="9"/>
  <c r="G2488" i="9"/>
  <c r="J2488" i="9"/>
  <c r="B2489" i="9"/>
  <c r="C2489" i="9"/>
  <c r="D2489" i="9"/>
  <c r="E2489" i="9"/>
  <c r="G2489" i="9"/>
  <c r="J2489" i="9"/>
  <c r="B2490" i="9"/>
  <c r="C2490" i="9"/>
  <c r="D2490" i="9"/>
  <c r="E2490" i="9"/>
  <c r="G2490" i="9"/>
  <c r="J2490" i="9"/>
  <c r="B2491" i="9"/>
  <c r="C2491" i="9"/>
  <c r="D2491" i="9"/>
  <c r="E2491" i="9"/>
  <c r="G2491" i="9"/>
  <c r="J2491" i="9"/>
  <c r="B2492" i="9"/>
  <c r="C2492" i="9"/>
  <c r="D2492" i="9"/>
  <c r="E2492" i="9"/>
  <c r="G2492" i="9"/>
  <c r="J2492" i="9"/>
  <c r="B2493" i="9"/>
  <c r="C2493" i="9"/>
  <c r="D2493" i="9"/>
  <c r="E2493" i="9"/>
  <c r="G2493" i="9"/>
  <c r="J2493" i="9"/>
  <c r="B2494" i="9"/>
  <c r="C2494" i="9"/>
  <c r="D2494" i="9"/>
  <c r="E2494" i="9"/>
  <c r="G2494" i="9"/>
  <c r="J2494" i="9"/>
  <c r="B2495" i="9"/>
  <c r="C2495" i="9"/>
  <c r="D2495" i="9"/>
  <c r="E2495" i="9"/>
  <c r="G2495" i="9"/>
  <c r="J2495" i="9"/>
  <c r="B2496" i="9"/>
  <c r="C2496" i="9"/>
  <c r="D2496" i="9"/>
  <c r="E2496" i="9"/>
  <c r="G2496" i="9"/>
  <c r="J2496" i="9"/>
  <c r="B2497" i="9"/>
  <c r="C2497" i="9"/>
  <c r="D2497" i="9"/>
  <c r="E2497" i="9"/>
  <c r="G2497" i="9"/>
  <c r="J2497" i="9"/>
  <c r="B2498" i="9"/>
  <c r="C2498" i="9"/>
  <c r="D2498" i="9"/>
  <c r="E2498" i="9"/>
  <c r="G2498" i="9"/>
  <c r="J2498" i="9"/>
  <c r="B2499" i="9"/>
  <c r="C2499" i="9"/>
  <c r="D2499" i="9"/>
  <c r="E2499" i="9"/>
  <c r="G2499" i="9"/>
  <c r="J2499" i="9"/>
  <c r="B2500" i="9"/>
  <c r="C2500" i="9"/>
  <c r="D2500" i="9"/>
  <c r="E2500" i="9"/>
  <c r="G2500" i="9"/>
  <c r="J2500" i="9"/>
  <c r="B2501" i="9"/>
  <c r="C2501" i="9"/>
  <c r="D2501" i="9"/>
  <c r="E2501" i="9"/>
  <c r="G2501" i="9"/>
  <c r="J2501" i="9"/>
  <c r="B2502" i="9"/>
  <c r="C2502" i="9"/>
  <c r="D2502" i="9"/>
  <c r="E2502" i="9"/>
  <c r="G2502" i="9"/>
  <c r="J2502" i="9"/>
  <c r="B2503" i="9"/>
  <c r="C2503" i="9"/>
  <c r="D2503" i="9"/>
  <c r="E2503" i="9"/>
  <c r="G2503" i="9"/>
  <c r="J2503" i="9"/>
  <c r="B2504" i="9"/>
  <c r="C2504" i="9"/>
  <c r="D2504" i="9"/>
  <c r="E2504" i="9"/>
  <c r="G2504" i="9"/>
  <c r="J2504" i="9"/>
  <c r="B2505" i="9"/>
  <c r="C2505" i="9"/>
  <c r="D2505" i="9"/>
  <c r="E2505" i="9"/>
  <c r="G2505" i="9"/>
  <c r="J2505" i="9"/>
  <c r="B2506" i="9"/>
  <c r="C2506" i="9"/>
  <c r="D2506" i="9"/>
  <c r="E2506" i="9"/>
  <c r="G2506" i="9"/>
  <c r="J2506" i="9"/>
  <c r="B2507" i="9"/>
  <c r="C2507" i="9"/>
  <c r="D2507" i="9"/>
  <c r="E2507" i="9"/>
  <c r="G2507" i="9"/>
  <c r="J2507" i="9"/>
  <c r="B2508" i="9"/>
  <c r="C2508" i="9"/>
  <c r="D2508" i="9"/>
  <c r="E2508" i="9"/>
  <c r="G2508" i="9"/>
  <c r="J2508" i="9"/>
  <c r="B2509" i="9"/>
  <c r="C2509" i="9"/>
  <c r="D2509" i="9"/>
  <c r="E2509" i="9"/>
  <c r="G2509" i="9"/>
  <c r="J2509" i="9"/>
  <c r="B2510" i="9"/>
  <c r="C2510" i="9"/>
  <c r="D2510" i="9"/>
  <c r="E2510" i="9"/>
  <c r="G2510" i="9"/>
  <c r="J2510" i="9"/>
  <c r="B2511" i="9"/>
  <c r="C2511" i="9"/>
  <c r="D2511" i="9"/>
  <c r="E2511" i="9"/>
  <c r="G2511" i="9"/>
  <c r="J2511" i="9"/>
  <c r="B2512" i="9"/>
  <c r="C2512" i="9"/>
  <c r="D2512" i="9"/>
  <c r="E2512" i="9"/>
  <c r="G2512" i="9"/>
  <c r="J2512" i="9"/>
  <c r="B2513" i="9"/>
  <c r="C2513" i="9"/>
  <c r="D2513" i="9"/>
  <c r="E2513" i="9"/>
  <c r="G2513" i="9"/>
  <c r="J2513" i="9"/>
  <c r="B2514" i="9"/>
  <c r="C2514" i="9"/>
  <c r="D2514" i="9"/>
  <c r="E2514" i="9"/>
  <c r="G2514" i="9"/>
  <c r="J2514" i="9"/>
  <c r="B2515" i="9"/>
  <c r="C2515" i="9"/>
  <c r="D2515" i="9"/>
  <c r="E2515" i="9"/>
  <c r="G2515" i="9"/>
  <c r="J2515" i="9"/>
  <c r="B2516" i="9"/>
  <c r="C2516" i="9"/>
  <c r="D2516" i="9"/>
  <c r="E2516" i="9"/>
  <c r="G2516" i="9"/>
  <c r="J2516" i="9"/>
  <c r="B2517" i="9"/>
  <c r="C2517" i="9"/>
  <c r="D2517" i="9"/>
  <c r="E2517" i="9"/>
  <c r="G2517" i="9"/>
  <c r="J2517" i="9"/>
  <c r="B2518" i="9"/>
  <c r="C2518" i="9"/>
  <c r="D2518" i="9"/>
  <c r="E2518" i="9"/>
  <c r="G2518" i="9"/>
  <c r="J2518" i="9"/>
  <c r="B2519" i="9"/>
  <c r="C2519" i="9"/>
  <c r="D2519" i="9"/>
  <c r="E2519" i="9"/>
  <c r="G2519" i="9"/>
  <c r="J2519" i="9"/>
  <c r="B2520" i="9"/>
  <c r="C2520" i="9"/>
  <c r="D2520" i="9"/>
  <c r="E2520" i="9"/>
  <c r="G2520" i="9"/>
  <c r="J2520" i="9"/>
  <c r="B2521" i="9"/>
  <c r="C2521" i="9"/>
  <c r="D2521" i="9"/>
  <c r="E2521" i="9"/>
  <c r="G2521" i="9"/>
  <c r="J2521" i="9"/>
  <c r="B2522" i="9"/>
  <c r="C2522" i="9"/>
  <c r="D2522" i="9"/>
  <c r="E2522" i="9"/>
  <c r="G2522" i="9"/>
  <c r="J2522" i="9"/>
  <c r="B2523" i="9"/>
  <c r="C2523" i="9"/>
  <c r="D2523" i="9"/>
  <c r="E2523" i="9"/>
  <c r="G2523" i="9"/>
  <c r="J2523" i="9"/>
  <c r="B2524" i="9"/>
  <c r="C2524" i="9"/>
  <c r="D2524" i="9"/>
  <c r="E2524" i="9"/>
  <c r="G2524" i="9"/>
  <c r="J2524" i="9"/>
  <c r="B2525" i="9"/>
  <c r="C2525" i="9"/>
  <c r="D2525" i="9"/>
  <c r="E2525" i="9"/>
  <c r="G2525" i="9"/>
  <c r="J2525" i="9"/>
  <c r="B2526" i="9"/>
  <c r="C2526" i="9"/>
  <c r="D2526" i="9"/>
  <c r="E2526" i="9"/>
  <c r="G2526" i="9"/>
  <c r="J2526" i="9"/>
  <c r="B2527" i="9"/>
  <c r="C2527" i="9"/>
  <c r="D2527" i="9"/>
  <c r="E2527" i="9"/>
  <c r="G2527" i="9"/>
  <c r="J2527" i="9"/>
  <c r="B2528" i="9"/>
  <c r="C2528" i="9"/>
  <c r="D2528" i="9"/>
  <c r="E2528" i="9"/>
  <c r="G2528" i="9"/>
  <c r="J2528" i="9"/>
  <c r="B2529" i="9"/>
  <c r="C2529" i="9"/>
  <c r="D2529" i="9"/>
  <c r="E2529" i="9"/>
  <c r="G2529" i="9"/>
  <c r="J2529" i="9"/>
  <c r="B2530" i="9"/>
  <c r="C2530" i="9"/>
  <c r="D2530" i="9"/>
  <c r="E2530" i="9"/>
  <c r="G2530" i="9"/>
  <c r="J2530" i="9"/>
  <c r="B2531" i="9"/>
  <c r="C2531" i="9"/>
  <c r="D2531" i="9"/>
  <c r="E2531" i="9"/>
  <c r="G2531" i="9"/>
  <c r="J2531" i="9"/>
  <c r="B2532" i="9"/>
  <c r="C2532" i="9"/>
  <c r="D2532" i="9"/>
  <c r="E2532" i="9"/>
  <c r="G2532" i="9"/>
  <c r="J2532" i="9"/>
  <c r="B2533" i="9"/>
  <c r="C2533" i="9"/>
  <c r="D2533" i="9"/>
  <c r="E2533" i="9"/>
  <c r="G2533" i="9"/>
  <c r="J2533" i="9"/>
  <c r="B2534" i="9"/>
  <c r="C2534" i="9"/>
  <c r="D2534" i="9"/>
  <c r="E2534" i="9"/>
  <c r="G2534" i="9"/>
  <c r="J2534" i="9"/>
  <c r="B2535" i="9"/>
  <c r="C2535" i="9"/>
  <c r="D2535" i="9"/>
  <c r="E2535" i="9"/>
  <c r="G2535" i="9"/>
  <c r="J2535" i="9"/>
  <c r="B2536" i="9"/>
  <c r="C2536" i="9"/>
  <c r="D2536" i="9"/>
  <c r="E2536" i="9"/>
  <c r="G2536" i="9"/>
  <c r="J2536" i="9"/>
  <c r="B2537" i="9"/>
  <c r="C2537" i="9"/>
  <c r="D2537" i="9"/>
  <c r="E2537" i="9"/>
  <c r="G2537" i="9"/>
  <c r="J2537" i="9"/>
  <c r="B2538" i="9"/>
  <c r="C2538" i="9"/>
  <c r="D2538" i="9"/>
  <c r="E2538" i="9"/>
  <c r="G2538" i="9"/>
  <c r="J2538" i="9"/>
  <c r="B2539" i="9"/>
  <c r="C2539" i="9"/>
  <c r="D2539" i="9"/>
  <c r="E2539" i="9"/>
  <c r="G2539" i="9"/>
  <c r="J2539" i="9"/>
  <c r="B2540" i="9"/>
  <c r="C2540" i="9"/>
  <c r="D2540" i="9"/>
  <c r="E2540" i="9"/>
  <c r="G2540" i="9"/>
  <c r="J2540" i="9"/>
  <c r="B2541" i="9"/>
  <c r="C2541" i="9"/>
  <c r="D2541" i="9"/>
  <c r="E2541" i="9"/>
  <c r="G2541" i="9"/>
  <c r="J2541" i="9"/>
  <c r="B2542" i="9"/>
  <c r="C2542" i="9"/>
  <c r="D2542" i="9"/>
  <c r="E2542" i="9"/>
  <c r="G2542" i="9"/>
  <c r="J2542" i="9"/>
  <c r="B2543" i="9"/>
  <c r="C2543" i="9"/>
  <c r="D2543" i="9"/>
  <c r="E2543" i="9"/>
  <c r="G2543" i="9"/>
  <c r="J2543" i="9"/>
  <c r="B2544" i="9"/>
  <c r="C2544" i="9"/>
  <c r="D2544" i="9"/>
  <c r="E2544" i="9"/>
  <c r="G2544" i="9"/>
  <c r="J2544" i="9"/>
  <c r="B2545" i="9"/>
  <c r="C2545" i="9"/>
  <c r="D2545" i="9"/>
  <c r="E2545" i="9"/>
  <c r="G2545" i="9"/>
  <c r="J2545" i="9"/>
  <c r="B2546" i="9"/>
  <c r="C2546" i="9"/>
  <c r="D2546" i="9"/>
  <c r="E2546" i="9"/>
  <c r="G2546" i="9"/>
  <c r="J2546" i="9"/>
  <c r="B2547" i="9"/>
  <c r="C2547" i="9"/>
  <c r="D2547" i="9"/>
  <c r="E2547" i="9"/>
  <c r="G2547" i="9"/>
  <c r="J2547" i="9"/>
  <c r="B2548" i="9"/>
  <c r="C2548" i="9"/>
  <c r="D2548" i="9"/>
  <c r="E2548" i="9"/>
  <c r="G2548" i="9"/>
  <c r="J2548" i="9"/>
  <c r="B2549" i="9"/>
  <c r="C2549" i="9"/>
  <c r="D2549" i="9"/>
  <c r="E2549" i="9"/>
  <c r="G2549" i="9"/>
  <c r="J2549" i="9"/>
  <c r="B2550" i="9"/>
  <c r="C2550" i="9"/>
  <c r="D2550" i="9"/>
  <c r="E2550" i="9"/>
  <c r="G2550" i="9"/>
  <c r="J2550" i="9"/>
  <c r="B2551" i="9"/>
  <c r="C2551" i="9"/>
  <c r="D2551" i="9"/>
  <c r="E2551" i="9"/>
  <c r="G2551" i="9"/>
  <c r="J2551" i="9"/>
  <c r="B2552" i="9"/>
  <c r="C2552" i="9"/>
  <c r="D2552" i="9"/>
  <c r="E2552" i="9"/>
  <c r="G2552" i="9"/>
  <c r="J2552" i="9"/>
  <c r="B2553" i="9"/>
  <c r="C2553" i="9"/>
  <c r="D2553" i="9"/>
  <c r="E2553" i="9"/>
  <c r="G2553" i="9"/>
  <c r="J2553" i="9"/>
  <c r="B2554" i="9"/>
  <c r="C2554" i="9"/>
  <c r="D2554" i="9"/>
  <c r="E2554" i="9"/>
  <c r="G2554" i="9"/>
  <c r="J2554" i="9"/>
  <c r="B2555" i="9"/>
  <c r="C2555" i="9"/>
  <c r="D2555" i="9"/>
  <c r="E2555" i="9"/>
  <c r="G2555" i="9"/>
  <c r="J2555" i="9"/>
  <c r="B2556" i="9"/>
  <c r="C2556" i="9"/>
  <c r="D2556" i="9"/>
  <c r="E2556" i="9"/>
  <c r="G2556" i="9"/>
  <c r="J2556" i="9"/>
  <c r="B2557" i="9"/>
  <c r="C2557" i="9"/>
  <c r="D2557" i="9"/>
  <c r="E2557" i="9"/>
  <c r="G2557" i="9"/>
  <c r="J2557" i="9"/>
  <c r="B2558" i="9"/>
  <c r="C2558" i="9"/>
  <c r="D2558" i="9"/>
  <c r="E2558" i="9"/>
  <c r="G2558" i="9"/>
  <c r="J2558" i="9"/>
  <c r="B2559" i="9"/>
  <c r="C2559" i="9"/>
  <c r="D2559" i="9"/>
  <c r="E2559" i="9"/>
  <c r="G2559" i="9"/>
  <c r="J2559" i="9"/>
  <c r="B2560" i="9"/>
  <c r="C2560" i="9"/>
  <c r="D2560" i="9"/>
  <c r="E2560" i="9"/>
  <c r="G2560" i="9"/>
  <c r="J2560" i="9"/>
  <c r="B2561" i="9"/>
  <c r="C2561" i="9"/>
  <c r="D2561" i="9"/>
  <c r="E2561" i="9"/>
  <c r="G2561" i="9"/>
  <c r="J2561" i="9"/>
  <c r="B2562" i="9"/>
  <c r="C2562" i="9"/>
  <c r="D2562" i="9"/>
  <c r="E2562" i="9"/>
  <c r="G2562" i="9"/>
  <c r="J2562" i="9"/>
  <c r="B2563" i="9"/>
  <c r="C2563" i="9"/>
  <c r="D2563" i="9"/>
  <c r="E2563" i="9"/>
  <c r="G2563" i="9"/>
  <c r="J2563" i="9"/>
  <c r="B2564" i="9"/>
  <c r="C2564" i="9"/>
  <c r="D2564" i="9"/>
  <c r="E2564" i="9"/>
  <c r="G2564" i="9"/>
  <c r="J2564" i="9"/>
  <c r="B2565" i="9"/>
  <c r="C2565" i="9"/>
  <c r="D2565" i="9"/>
  <c r="E2565" i="9"/>
  <c r="G2565" i="9"/>
  <c r="J2565" i="9"/>
  <c r="B2566" i="9"/>
  <c r="C2566" i="9"/>
  <c r="D2566" i="9"/>
  <c r="E2566" i="9"/>
  <c r="G2566" i="9"/>
  <c r="J2566" i="9"/>
  <c r="B2567" i="9"/>
  <c r="C2567" i="9"/>
  <c r="D2567" i="9"/>
  <c r="E2567" i="9"/>
  <c r="G2567" i="9"/>
  <c r="J2567" i="9"/>
  <c r="B2568" i="9"/>
  <c r="C2568" i="9"/>
  <c r="D2568" i="9"/>
  <c r="E2568" i="9"/>
  <c r="G2568" i="9"/>
  <c r="J2568" i="9"/>
  <c r="B2569" i="9"/>
  <c r="C2569" i="9"/>
  <c r="D2569" i="9"/>
  <c r="E2569" i="9"/>
  <c r="G2569" i="9"/>
  <c r="J2569" i="9"/>
  <c r="B2570" i="9"/>
  <c r="C2570" i="9"/>
  <c r="D2570" i="9"/>
  <c r="E2570" i="9"/>
  <c r="G2570" i="9"/>
  <c r="J2570" i="9"/>
  <c r="B2571" i="9"/>
  <c r="C2571" i="9"/>
  <c r="D2571" i="9"/>
  <c r="E2571" i="9"/>
  <c r="G2571" i="9"/>
  <c r="J2571" i="9"/>
  <c r="B2572" i="9"/>
  <c r="C2572" i="9"/>
  <c r="D2572" i="9"/>
  <c r="E2572" i="9"/>
  <c r="G2572" i="9"/>
  <c r="J2572" i="9"/>
  <c r="B2573" i="9"/>
  <c r="C2573" i="9"/>
  <c r="D2573" i="9"/>
  <c r="E2573" i="9"/>
  <c r="G2573" i="9"/>
  <c r="J2573" i="9"/>
  <c r="B2574" i="9"/>
  <c r="C2574" i="9"/>
  <c r="D2574" i="9"/>
  <c r="E2574" i="9"/>
  <c r="G2574" i="9"/>
  <c r="J2574" i="9"/>
  <c r="B2575" i="9"/>
  <c r="C2575" i="9"/>
  <c r="D2575" i="9"/>
  <c r="E2575" i="9"/>
  <c r="G2575" i="9"/>
  <c r="J2575" i="9"/>
  <c r="B2576" i="9"/>
  <c r="C2576" i="9"/>
  <c r="D2576" i="9"/>
  <c r="E2576" i="9"/>
  <c r="G2576" i="9"/>
  <c r="J2576" i="9"/>
  <c r="B2577" i="9"/>
  <c r="C2577" i="9"/>
  <c r="D2577" i="9"/>
  <c r="E2577" i="9"/>
  <c r="G2577" i="9"/>
  <c r="J2577" i="9"/>
  <c r="B2578" i="9"/>
  <c r="C2578" i="9"/>
  <c r="D2578" i="9"/>
  <c r="E2578" i="9"/>
  <c r="G2578" i="9"/>
  <c r="J2578" i="9"/>
  <c r="B2579" i="9"/>
  <c r="C2579" i="9"/>
  <c r="D2579" i="9"/>
  <c r="E2579" i="9"/>
  <c r="G2579" i="9"/>
  <c r="J2579" i="9"/>
  <c r="B2580" i="9"/>
  <c r="C2580" i="9"/>
  <c r="D2580" i="9"/>
  <c r="E2580" i="9"/>
  <c r="G2580" i="9"/>
  <c r="J2580" i="9"/>
  <c r="B2581" i="9"/>
  <c r="C2581" i="9"/>
  <c r="D2581" i="9"/>
  <c r="E2581" i="9"/>
  <c r="G2581" i="9"/>
  <c r="J2581" i="9"/>
  <c r="B2582" i="9"/>
  <c r="C2582" i="9"/>
  <c r="D2582" i="9"/>
  <c r="E2582" i="9"/>
  <c r="G2582" i="9"/>
  <c r="J2582" i="9"/>
  <c r="B2583" i="9"/>
  <c r="C2583" i="9"/>
  <c r="D2583" i="9"/>
  <c r="E2583" i="9"/>
  <c r="G2583" i="9"/>
  <c r="J2583" i="9"/>
  <c r="B2584" i="9"/>
  <c r="C2584" i="9"/>
  <c r="D2584" i="9"/>
  <c r="E2584" i="9"/>
  <c r="G2584" i="9"/>
  <c r="J2584" i="9"/>
  <c r="B2585" i="9"/>
  <c r="C2585" i="9"/>
  <c r="D2585" i="9"/>
  <c r="E2585" i="9"/>
  <c r="G2585" i="9"/>
  <c r="J2585" i="9"/>
  <c r="B2586" i="9"/>
  <c r="C2586" i="9"/>
  <c r="D2586" i="9"/>
  <c r="E2586" i="9"/>
  <c r="G2586" i="9"/>
  <c r="J2586" i="9"/>
  <c r="B2587" i="9"/>
  <c r="C2587" i="9"/>
  <c r="D2587" i="9"/>
  <c r="E2587" i="9"/>
  <c r="G2587" i="9"/>
  <c r="J2587" i="9"/>
  <c r="B2588" i="9"/>
  <c r="C2588" i="9"/>
  <c r="D2588" i="9"/>
  <c r="E2588" i="9"/>
  <c r="G2588" i="9"/>
  <c r="J2588" i="9"/>
  <c r="B2589" i="9"/>
  <c r="C2589" i="9"/>
  <c r="D2589" i="9"/>
  <c r="E2589" i="9"/>
  <c r="G2589" i="9"/>
  <c r="J2589" i="9"/>
  <c r="B2590" i="9"/>
  <c r="C2590" i="9"/>
  <c r="D2590" i="9"/>
  <c r="E2590" i="9"/>
  <c r="G2590" i="9"/>
  <c r="J2590" i="9"/>
  <c r="B2591" i="9"/>
  <c r="C2591" i="9"/>
  <c r="D2591" i="9"/>
  <c r="E2591" i="9"/>
  <c r="G2591" i="9"/>
  <c r="J2591" i="9"/>
  <c r="B2592" i="9"/>
  <c r="C2592" i="9"/>
  <c r="D2592" i="9"/>
  <c r="E2592" i="9"/>
  <c r="G2592" i="9"/>
  <c r="J2592" i="9"/>
  <c r="B2593" i="9"/>
  <c r="C2593" i="9"/>
  <c r="D2593" i="9"/>
  <c r="E2593" i="9"/>
  <c r="G2593" i="9"/>
  <c r="J2593" i="9"/>
  <c r="B2594" i="9"/>
  <c r="C2594" i="9"/>
  <c r="D2594" i="9"/>
  <c r="E2594" i="9"/>
  <c r="G2594" i="9"/>
  <c r="J2594" i="9"/>
  <c r="B2595" i="9"/>
  <c r="C2595" i="9"/>
  <c r="D2595" i="9"/>
  <c r="E2595" i="9"/>
  <c r="G2595" i="9"/>
  <c r="J2595" i="9"/>
  <c r="B2596" i="9"/>
  <c r="C2596" i="9"/>
  <c r="D2596" i="9"/>
  <c r="E2596" i="9"/>
  <c r="G2596" i="9"/>
  <c r="J2596" i="9"/>
  <c r="B2597" i="9"/>
  <c r="C2597" i="9"/>
  <c r="D2597" i="9"/>
  <c r="E2597" i="9"/>
  <c r="G2597" i="9"/>
  <c r="J2597" i="9"/>
  <c r="B2598" i="9"/>
  <c r="C2598" i="9"/>
  <c r="D2598" i="9"/>
  <c r="E2598" i="9"/>
  <c r="G2598" i="9"/>
  <c r="J2598" i="9"/>
  <c r="B2599" i="9"/>
  <c r="C2599" i="9"/>
  <c r="D2599" i="9"/>
  <c r="E2599" i="9"/>
  <c r="G2599" i="9"/>
  <c r="J2599" i="9"/>
  <c r="B2600" i="9"/>
  <c r="C2600" i="9"/>
  <c r="D2600" i="9"/>
  <c r="E2600" i="9"/>
  <c r="G2600" i="9"/>
  <c r="J2600" i="9"/>
  <c r="B2601" i="9"/>
  <c r="C2601" i="9"/>
  <c r="D2601" i="9"/>
  <c r="E2601" i="9"/>
  <c r="G2601" i="9"/>
  <c r="J2601" i="9"/>
  <c r="B2602" i="9"/>
  <c r="C2602" i="9"/>
  <c r="D2602" i="9"/>
  <c r="E2602" i="9"/>
  <c r="G2602" i="9"/>
  <c r="J2602" i="9"/>
  <c r="B2603" i="9"/>
  <c r="C2603" i="9"/>
  <c r="D2603" i="9"/>
  <c r="E2603" i="9"/>
  <c r="G2603" i="9"/>
  <c r="J2603" i="9"/>
  <c r="B2604" i="9"/>
  <c r="C2604" i="9"/>
  <c r="D2604" i="9"/>
  <c r="E2604" i="9"/>
  <c r="G2604" i="9"/>
  <c r="J2604" i="9"/>
  <c r="B2605" i="9"/>
  <c r="C2605" i="9"/>
  <c r="D2605" i="9"/>
  <c r="E2605" i="9"/>
  <c r="G2605" i="9"/>
  <c r="J2605" i="9"/>
  <c r="B2606" i="9"/>
  <c r="C2606" i="9"/>
  <c r="D2606" i="9"/>
  <c r="E2606" i="9"/>
  <c r="G2606" i="9"/>
  <c r="J2606" i="9"/>
  <c r="B2607" i="9"/>
  <c r="C2607" i="9"/>
  <c r="D2607" i="9"/>
  <c r="E2607" i="9"/>
  <c r="G2607" i="9"/>
  <c r="J2607" i="9"/>
  <c r="B2608" i="9"/>
  <c r="C2608" i="9"/>
  <c r="D2608" i="9"/>
  <c r="E2608" i="9"/>
  <c r="G2608" i="9"/>
  <c r="J2608" i="9"/>
  <c r="B2609" i="9"/>
  <c r="C2609" i="9"/>
  <c r="D2609" i="9"/>
  <c r="E2609" i="9"/>
  <c r="G2609" i="9"/>
  <c r="J2609" i="9"/>
  <c r="B2610" i="9"/>
  <c r="C2610" i="9"/>
  <c r="D2610" i="9"/>
  <c r="E2610" i="9"/>
  <c r="G2610" i="9"/>
  <c r="J2610" i="9"/>
  <c r="B2611" i="9"/>
  <c r="C2611" i="9"/>
  <c r="D2611" i="9"/>
  <c r="E2611" i="9"/>
  <c r="G2611" i="9"/>
  <c r="J2611" i="9"/>
  <c r="B2612" i="9"/>
  <c r="C2612" i="9"/>
  <c r="D2612" i="9"/>
  <c r="E2612" i="9"/>
  <c r="G2612" i="9"/>
  <c r="J2612" i="9"/>
  <c r="B2613" i="9"/>
  <c r="C2613" i="9"/>
  <c r="D2613" i="9"/>
  <c r="E2613" i="9"/>
  <c r="G2613" i="9"/>
  <c r="J2613" i="9"/>
  <c r="B2614" i="9"/>
  <c r="C2614" i="9"/>
  <c r="D2614" i="9"/>
  <c r="E2614" i="9"/>
  <c r="G2614" i="9"/>
  <c r="J2614" i="9"/>
  <c r="B2615" i="9"/>
  <c r="C2615" i="9"/>
  <c r="D2615" i="9"/>
  <c r="E2615" i="9"/>
  <c r="G2615" i="9"/>
  <c r="J2615" i="9"/>
  <c r="B2616" i="9"/>
  <c r="C2616" i="9"/>
  <c r="D2616" i="9"/>
  <c r="E2616" i="9"/>
  <c r="G2616" i="9"/>
  <c r="J2616" i="9"/>
  <c r="B2617" i="9"/>
  <c r="C2617" i="9"/>
  <c r="D2617" i="9"/>
  <c r="E2617" i="9"/>
  <c r="G2617" i="9"/>
  <c r="J2617" i="9"/>
  <c r="B2618" i="9"/>
  <c r="C2618" i="9"/>
  <c r="D2618" i="9"/>
  <c r="E2618" i="9"/>
  <c r="G2618" i="9"/>
  <c r="J2618" i="9"/>
  <c r="B2619" i="9"/>
  <c r="C2619" i="9"/>
  <c r="D2619" i="9"/>
  <c r="E2619" i="9"/>
  <c r="G2619" i="9"/>
  <c r="J2619" i="9"/>
  <c r="B2620" i="9"/>
  <c r="C2620" i="9"/>
  <c r="D2620" i="9"/>
  <c r="E2620" i="9"/>
  <c r="G2620" i="9"/>
  <c r="J2620" i="9"/>
  <c r="B2621" i="9"/>
  <c r="C2621" i="9"/>
  <c r="D2621" i="9"/>
  <c r="E2621" i="9"/>
  <c r="G2621" i="9"/>
  <c r="J2621" i="9"/>
  <c r="B2622" i="9"/>
  <c r="C2622" i="9"/>
  <c r="D2622" i="9"/>
  <c r="E2622" i="9"/>
  <c r="G2622" i="9"/>
  <c r="J2622" i="9"/>
  <c r="B2623" i="9"/>
  <c r="C2623" i="9"/>
  <c r="D2623" i="9"/>
  <c r="E2623" i="9"/>
  <c r="G2623" i="9"/>
  <c r="J2623" i="9"/>
  <c r="B2624" i="9"/>
  <c r="C2624" i="9"/>
  <c r="D2624" i="9"/>
  <c r="E2624" i="9"/>
  <c r="G2624" i="9"/>
  <c r="J2624" i="9"/>
  <c r="B2625" i="9"/>
  <c r="C2625" i="9"/>
  <c r="D2625" i="9"/>
  <c r="E2625" i="9"/>
  <c r="G2625" i="9"/>
  <c r="J2625" i="9"/>
  <c r="B2626" i="9"/>
  <c r="C2626" i="9"/>
  <c r="D2626" i="9"/>
  <c r="E2626" i="9"/>
  <c r="G2626" i="9"/>
  <c r="J2626" i="9"/>
  <c r="B2627" i="9"/>
  <c r="C2627" i="9"/>
  <c r="D2627" i="9"/>
  <c r="E2627" i="9"/>
  <c r="G2627" i="9"/>
  <c r="J2627" i="9"/>
  <c r="B2628" i="9"/>
  <c r="C2628" i="9"/>
  <c r="D2628" i="9"/>
  <c r="E2628" i="9"/>
  <c r="G2628" i="9"/>
  <c r="J2628" i="9"/>
  <c r="B2629" i="9"/>
  <c r="C2629" i="9"/>
  <c r="D2629" i="9"/>
  <c r="E2629" i="9"/>
  <c r="G2629" i="9"/>
  <c r="J2629" i="9"/>
  <c r="B2630" i="9"/>
  <c r="C2630" i="9"/>
  <c r="D2630" i="9"/>
  <c r="E2630" i="9"/>
  <c r="G2630" i="9"/>
  <c r="J2630" i="9"/>
  <c r="B2631" i="9"/>
  <c r="C2631" i="9"/>
  <c r="D2631" i="9"/>
  <c r="E2631" i="9"/>
  <c r="G2631" i="9"/>
  <c r="J2631" i="9"/>
  <c r="B2632" i="9"/>
  <c r="C2632" i="9"/>
  <c r="D2632" i="9"/>
  <c r="E2632" i="9"/>
  <c r="G2632" i="9"/>
  <c r="J2632" i="9"/>
  <c r="B2633" i="9"/>
  <c r="C2633" i="9"/>
  <c r="D2633" i="9"/>
  <c r="E2633" i="9"/>
  <c r="G2633" i="9"/>
  <c r="J2633" i="9"/>
  <c r="B2634" i="9"/>
  <c r="C2634" i="9"/>
  <c r="D2634" i="9"/>
  <c r="E2634" i="9"/>
  <c r="G2634" i="9"/>
  <c r="J2634" i="9"/>
  <c r="B2635" i="9"/>
  <c r="C2635" i="9"/>
  <c r="D2635" i="9"/>
  <c r="E2635" i="9"/>
  <c r="G2635" i="9"/>
  <c r="J2635" i="9"/>
  <c r="B2636" i="9"/>
  <c r="C2636" i="9"/>
  <c r="D2636" i="9"/>
  <c r="E2636" i="9"/>
  <c r="G2636" i="9"/>
  <c r="J2636" i="9"/>
  <c r="B2637" i="9"/>
  <c r="C2637" i="9"/>
  <c r="D2637" i="9"/>
  <c r="E2637" i="9"/>
  <c r="G2637" i="9"/>
  <c r="J2637" i="9"/>
  <c r="B2638" i="9"/>
  <c r="C2638" i="9"/>
  <c r="D2638" i="9"/>
  <c r="E2638" i="9"/>
  <c r="G2638" i="9"/>
  <c r="J2638" i="9"/>
  <c r="B2639" i="9"/>
  <c r="C2639" i="9"/>
  <c r="D2639" i="9"/>
  <c r="E2639" i="9"/>
  <c r="G2639" i="9"/>
  <c r="J2639" i="9"/>
  <c r="B2640" i="9"/>
  <c r="C2640" i="9"/>
  <c r="D2640" i="9"/>
  <c r="E2640" i="9"/>
  <c r="G2640" i="9"/>
  <c r="J2640" i="9"/>
  <c r="B2641" i="9"/>
  <c r="C2641" i="9"/>
  <c r="D2641" i="9"/>
  <c r="E2641" i="9"/>
  <c r="G2641" i="9"/>
  <c r="J2641" i="9"/>
  <c r="B2642" i="9"/>
  <c r="C2642" i="9"/>
  <c r="D2642" i="9"/>
  <c r="E2642" i="9"/>
  <c r="G2642" i="9"/>
  <c r="J2642" i="9"/>
  <c r="B2643" i="9"/>
  <c r="C2643" i="9"/>
  <c r="D2643" i="9"/>
  <c r="E2643" i="9"/>
  <c r="G2643" i="9"/>
  <c r="J2643" i="9"/>
  <c r="B2644" i="9"/>
  <c r="C2644" i="9"/>
  <c r="D2644" i="9"/>
  <c r="E2644" i="9"/>
  <c r="G2644" i="9"/>
  <c r="J2644" i="9"/>
  <c r="B2645" i="9"/>
  <c r="C2645" i="9"/>
  <c r="D2645" i="9"/>
  <c r="E2645" i="9"/>
  <c r="G2645" i="9"/>
  <c r="J2645" i="9"/>
  <c r="B2646" i="9"/>
  <c r="C2646" i="9"/>
  <c r="D2646" i="9"/>
  <c r="E2646" i="9"/>
  <c r="G2646" i="9"/>
  <c r="J2646" i="9"/>
  <c r="B2647" i="9"/>
  <c r="C2647" i="9"/>
  <c r="D2647" i="9"/>
  <c r="E2647" i="9"/>
  <c r="G2647" i="9"/>
  <c r="J2647" i="9"/>
  <c r="B2648" i="9"/>
  <c r="C2648" i="9"/>
  <c r="D2648" i="9"/>
  <c r="E2648" i="9"/>
  <c r="G2648" i="9"/>
  <c r="J2648" i="9"/>
  <c r="B2649" i="9"/>
  <c r="C2649" i="9"/>
  <c r="D2649" i="9"/>
  <c r="E2649" i="9"/>
  <c r="G2649" i="9"/>
  <c r="J2649" i="9"/>
  <c r="B2650" i="9"/>
  <c r="C2650" i="9"/>
  <c r="D2650" i="9"/>
  <c r="E2650" i="9"/>
  <c r="G2650" i="9"/>
  <c r="J2650" i="9"/>
  <c r="B2651" i="9"/>
  <c r="C2651" i="9"/>
  <c r="D2651" i="9"/>
  <c r="E2651" i="9"/>
  <c r="G2651" i="9"/>
  <c r="J2651" i="9"/>
  <c r="B2652" i="9"/>
  <c r="C2652" i="9"/>
  <c r="D2652" i="9"/>
  <c r="E2652" i="9"/>
  <c r="G2652" i="9"/>
  <c r="J2652" i="9"/>
  <c r="B2653" i="9"/>
  <c r="C2653" i="9"/>
  <c r="D2653" i="9"/>
  <c r="E2653" i="9"/>
  <c r="G2653" i="9"/>
  <c r="J2653" i="9"/>
  <c r="B2654" i="9"/>
  <c r="C2654" i="9"/>
  <c r="D2654" i="9"/>
  <c r="E2654" i="9"/>
  <c r="G2654" i="9"/>
  <c r="J2654" i="9"/>
  <c r="B2655" i="9"/>
  <c r="C2655" i="9"/>
  <c r="D2655" i="9"/>
  <c r="E2655" i="9"/>
  <c r="G2655" i="9"/>
  <c r="J2655" i="9"/>
  <c r="B2656" i="9"/>
  <c r="C2656" i="9"/>
  <c r="D2656" i="9"/>
  <c r="E2656" i="9"/>
  <c r="G2656" i="9"/>
  <c r="J2656" i="9"/>
  <c r="B2657" i="9"/>
  <c r="C2657" i="9"/>
  <c r="D2657" i="9"/>
  <c r="E2657" i="9"/>
  <c r="G2657" i="9"/>
  <c r="J2657" i="9"/>
  <c r="B2658" i="9"/>
  <c r="C2658" i="9"/>
  <c r="D2658" i="9"/>
  <c r="E2658" i="9"/>
  <c r="G2658" i="9"/>
  <c r="J2658" i="9"/>
  <c r="B2659" i="9"/>
  <c r="C2659" i="9"/>
  <c r="D2659" i="9"/>
  <c r="E2659" i="9"/>
  <c r="G2659" i="9"/>
  <c r="J2659" i="9"/>
  <c r="B2660" i="9"/>
  <c r="C2660" i="9"/>
  <c r="D2660" i="9"/>
  <c r="E2660" i="9"/>
  <c r="G2660" i="9"/>
  <c r="J2660" i="9"/>
  <c r="B2661" i="9"/>
  <c r="C2661" i="9"/>
  <c r="D2661" i="9"/>
  <c r="E2661" i="9"/>
  <c r="G2661" i="9"/>
  <c r="J2661" i="9"/>
  <c r="B2662" i="9"/>
  <c r="C2662" i="9"/>
  <c r="D2662" i="9"/>
  <c r="E2662" i="9"/>
  <c r="G2662" i="9"/>
  <c r="J2662" i="9"/>
  <c r="B2663" i="9"/>
  <c r="C2663" i="9"/>
  <c r="D2663" i="9"/>
  <c r="E2663" i="9"/>
  <c r="G2663" i="9"/>
  <c r="J2663" i="9"/>
  <c r="B2664" i="9"/>
  <c r="C2664" i="9"/>
  <c r="D2664" i="9"/>
  <c r="E2664" i="9"/>
  <c r="G2664" i="9"/>
  <c r="J2664" i="9"/>
  <c r="B2665" i="9"/>
  <c r="C2665" i="9"/>
  <c r="D2665" i="9"/>
  <c r="E2665" i="9"/>
  <c r="G2665" i="9"/>
  <c r="J2665" i="9"/>
  <c r="B2666" i="9"/>
  <c r="C2666" i="9"/>
  <c r="D2666" i="9"/>
  <c r="E2666" i="9"/>
  <c r="G2666" i="9"/>
  <c r="J2666" i="9"/>
  <c r="B2667" i="9"/>
  <c r="C2667" i="9"/>
  <c r="D2667" i="9"/>
  <c r="E2667" i="9"/>
  <c r="G2667" i="9"/>
  <c r="J2667" i="9"/>
  <c r="B2668" i="9"/>
  <c r="C2668" i="9"/>
  <c r="D2668" i="9"/>
  <c r="E2668" i="9"/>
  <c r="G2668" i="9"/>
  <c r="J2668" i="9"/>
  <c r="B2669" i="9"/>
  <c r="C2669" i="9"/>
  <c r="D2669" i="9"/>
  <c r="E2669" i="9"/>
  <c r="G2669" i="9"/>
  <c r="J2669" i="9"/>
  <c r="B2670" i="9"/>
  <c r="C2670" i="9"/>
  <c r="D2670" i="9"/>
  <c r="E2670" i="9"/>
  <c r="G2670" i="9"/>
  <c r="J2670" i="9"/>
  <c r="B2671" i="9"/>
  <c r="C2671" i="9"/>
  <c r="D2671" i="9"/>
  <c r="E2671" i="9"/>
  <c r="G2671" i="9"/>
  <c r="J2671" i="9"/>
  <c r="B2672" i="9"/>
  <c r="C2672" i="9"/>
  <c r="D2672" i="9"/>
  <c r="E2672" i="9"/>
  <c r="G2672" i="9"/>
  <c r="J2672" i="9"/>
  <c r="B2673" i="9"/>
  <c r="C2673" i="9"/>
  <c r="D2673" i="9"/>
  <c r="E2673" i="9"/>
  <c r="G2673" i="9"/>
  <c r="J2673" i="9"/>
  <c r="B2674" i="9"/>
  <c r="C2674" i="9"/>
  <c r="D2674" i="9"/>
  <c r="E2674" i="9"/>
  <c r="G2674" i="9"/>
  <c r="J2674" i="9"/>
  <c r="B2675" i="9"/>
  <c r="C2675" i="9"/>
  <c r="D2675" i="9"/>
  <c r="E2675" i="9"/>
  <c r="G2675" i="9"/>
  <c r="J2675" i="9"/>
  <c r="B2676" i="9"/>
  <c r="C2676" i="9"/>
  <c r="D2676" i="9"/>
  <c r="E2676" i="9"/>
  <c r="G2676" i="9"/>
  <c r="J2676" i="9"/>
  <c r="B2677" i="9"/>
  <c r="C2677" i="9"/>
  <c r="D2677" i="9"/>
  <c r="E2677" i="9"/>
  <c r="G2677" i="9"/>
  <c r="J2677" i="9"/>
  <c r="B2678" i="9"/>
  <c r="C2678" i="9"/>
  <c r="D2678" i="9"/>
  <c r="E2678" i="9"/>
  <c r="G2678" i="9"/>
  <c r="J2678" i="9"/>
  <c r="B2679" i="9"/>
  <c r="C2679" i="9"/>
  <c r="D2679" i="9"/>
  <c r="E2679" i="9"/>
  <c r="G2679" i="9"/>
  <c r="J2679" i="9"/>
  <c r="B2680" i="9"/>
  <c r="C2680" i="9"/>
  <c r="D2680" i="9"/>
  <c r="E2680" i="9"/>
  <c r="G2680" i="9"/>
  <c r="J2680" i="9"/>
  <c r="B2681" i="9"/>
  <c r="C2681" i="9"/>
  <c r="D2681" i="9"/>
  <c r="E2681" i="9"/>
  <c r="G2681" i="9"/>
  <c r="J2681" i="9"/>
  <c r="B2682" i="9"/>
  <c r="C2682" i="9"/>
  <c r="D2682" i="9"/>
  <c r="E2682" i="9"/>
  <c r="G2682" i="9"/>
  <c r="J2682" i="9"/>
  <c r="B2683" i="9"/>
  <c r="C2683" i="9"/>
  <c r="D2683" i="9"/>
  <c r="E2683" i="9"/>
  <c r="G2683" i="9"/>
  <c r="J2683" i="9"/>
  <c r="B2684" i="9"/>
  <c r="C2684" i="9"/>
  <c r="D2684" i="9"/>
  <c r="E2684" i="9"/>
  <c r="G2684" i="9"/>
  <c r="J2684" i="9"/>
  <c r="B2685" i="9"/>
  <c r="C2685" i="9"/>
  <c r="D2685" i="9"/>
  <c r="E2685" i="9"/>
  <c r="G2685" i="9"/>
  <c r="J2685" i="9"/>
  <c r="B2686" i="9"/>
  <c r="C2686" i="9"/>
  <c r="D2686" i="9"/>
  <c r="E2686" i="9"/>
  <c r="G2686" i="9"/>
  <c r="J2686" i="9"/>
  <c r="B2687" i="9"/>
  <c r="C2687" i="9"/>
  <c r="D2687" i="9"/>
  <c r="E2687" i="9"/>
  <c r="G2687" i="9"/>
  <c r="J2687" i="9"/>
  <c r="B2688" i="9"/>
  <c r="C2688" i="9"/>
  <c r="D2688" i="9"/>
  <c r="E2688" i="9"/>
  <c r="G2688" i="9"/>
  <c r="J2688" i="9"/>
  <c r="B2689" i="9"/>
  <c r="C2689" i="9"/>
  <c r="D2689" i="9"/>
  <c r="E2689" i="9"/>
  <c r="G2689" i="9"/>
  <c r="J2689" i="9"/>
  <c r="B2690" i="9"/>
  <c r="C2690" i="9"/>
  <c r="D2690" i="9"/>
  <c r="E2690" i="9"/>
  <c r="G2690" i="9"/>
  <c r="J2690" i="9"/>
  <c r="B2691" i="9"/>
  <c r="C2691" i="9"/>
  <c r="D2691" i="9"/>
  <c r="E2691" i="9"/>
  <c r="G2691" i="9"/>
  <c r="J2691" i="9"/>
  <c r="B2692" i="9"/>
  <c r="C2692" i="9"/>
  <c r="D2692" i="9"/>
  <c r="E2692" i="9"/>
  <c r="G2692" i="9"/>
  <c r="J2692" i="9"/>
  <c r="B2693" i="9"/>
  <c r="C2693" i="9"/>
  <c r="D2693" i="9"/>
  <c r="E2693" i="9"/>
  <c r="G2693" i="9"/>
  <c r="J2693" i="9"/>
  <c r="B2694" i="9"/>
  <c r="C2694" i="9"/>
  <c r="D2694" i="9"/>
  <c r="E2694" i="9"/>
  <c r="G2694" i="9"/>
  <c r="J2694" i="9"/>
  <c r="B2695" i="9"/>
  <c r="C2695" i="9"/>
  <c r="D2695" i="9"/>
  <c r="E2695" i="9"/>
  <c r="G2695" i="9"/>
  <c r="J2695" i="9"/>
  <c r="B2696" i="9"/>
  <c r="C2696" i="9"/>
  <c r="D2696" i="9"/>
  <c r="E2696" i="9"/>
  <c r="G2696" i="9"/>
  <c r="J2696" i="9"/>
  <c r="B2697" i="9"/>
  <c r="C2697" i="9"/>
  <c r="D2697" i="9"/>
  <c r="E2697" i="9"/>
  <c r="G2697" i="9"/>
  <c r="J2697" i="9"/>
  <c r="B2698" i="9"/>
  <c r="C2698" i="9"/>
  <c r="D2698" i="9"/>
  <c r="E2698" i="9"/>
  <c r="G2698" i="9"/>
  <c r="J2698" i="9"/>
  <c r="B2699" i="9"/>
  <c r="C2699" i="9"/>
  <c r="D2699" i="9"/>
  <c r="E2699" i="9"/>
  <c r="G2699" i="9"/>
  <c r="J2699" i="9"/>
  <c r="B2700" i="9"/>
  <c r="C2700" i="9"/>
  <c r="D2700" i="9"/>
  <c r="E2700" i="9"/>
  <c r="G2700" i="9"/>
  <c r="J2700" i="9"/>
  <c r="B2701" i="9"/>
  <c r="C2701" i="9"/>
  <c r="D2701" i="9"/>
  <c r="E2701" i="9"/>
  <c r="G2701" i="9"/>
  <c r="J2701" i="9"/>
  <c r="B2702" i="9"/>
  <c r="C2702" i="9"/>
  <c r="D2702" i="9"/>
  <c r="E2702" i="9"/>
  <c r="G2702" i="9"/>
  <c r="J2702" i="9"/>
  <c r="B2703" i="9"/>
  <c r="C2703" i="9"/>
  <c r="D2703" i="9"/>
  <c r="E2703" i="9"/>
  <c r="G2703" i="9"/>
  <c r="J2703" i="9"/>
  <c r="B2704" i="9"/>
  <c r="C2704" i="9"/>
  <c r="D2704" i="9"/>
  <c r="E2704" i="9"/>
  <c r="G2704" i="9"/>
  <c r="J2704" i="9"/>
  <c r="B2705" i="9"/>
  <c r="C2705" i="9"/>
  <c r="D2705" i="9"/>
  <c r="E2705" i="9"/>
  <c r="G2705" i="9"/>
  <c r="J2705" i="9"/>
  <c r="B2706" i="9"/>
  <c r="C2706" i="9"/>
  <c r="D2706" i="9"/>
  <c r="E2706" i="9"/>
  <c r="G2706" i="9"/>
  <c r="J2706" i="9"/>
  <c r="B2707" i="9"/>
  <c r="C2707" i="9"/>
  <c r="D2707" i="9"/>
  <c r="E2707" i="9"/>
  <c r="G2707" i="9"/>
  <c r="J2707" i="9"/>
  <c r="B2708" i="9"/>
  <c r="C2708" i="9"/>
  <c r="D2708" i="9"/>
  <c r="E2708" i="9"/>
  <c r="G2708" i="9"/>
  <c r="J2708" i="9"/>
  <c r="B2709" i="9"/>
  <c r="C2709" i="9"/>
  <c r="D2709" i="9"/>
  <c r="E2709" i="9"/>
  <c r="G2709" i="9"/>
  <c r="J2709" i="9"/>
  <c r="B2710" i="9"/>
  <c r="C2710" i="9"/>
  <c r="D2710" i="9"/>
  <c r="E2710" i="9"/>
  <c r="G2710" i="9"/>
  <c r="J2710" i="9"/>
  <c r="B2711" i="9"/>
  <c r="C2711" i="9"/>
  <c r="D2711" i="9"/>
  <c r="E2711" i="9"/>
  <c r="G2711" i="9"/>
  <c r="J2711" i="9"/>
  <c r="B2712" i="9"/>
  <c r="C2712" i="9"/>
  <c r="D2712" i="9"/>
  <c r="E2712" i="9"/>
  <c r="G2712" i="9"/>
  <c r="J2712" i="9"/>
  <c r="B2713" i="9"/>
  <c r="C2713" i="9"/>
  <c r="D2713" i="9"/>
  <c r="E2713" i="9"/>
  <c r="G2713" i="9"/>
  <c r="J2713" i="9"/>
  <c r="B2714" i="9"/>
  <c r="C2714" i="9"/>
  <c r="D2714" i="9"/>
  <c r="E2714" i="9"/>
  <c r="G2714" i="9"/>
  <c r="J2714" i="9"/>
  <c r="B2715" i="9"/>
  <c r="C2715" i="9"/>
  <c r="D2715" i="9"/>
  <c r="E2715" i="9"/>
  <c r="G2715" i="9"/>
  <c r="J2715" i="9"/>
  <c r="B2716" i="9"/>
  <c r="C2716" i="9"/>
  <c r="D2716" i="9"/>
  <c r="E2716" i="9"/>
  <c r="G2716" i="9"/>
  <c r="J2716" i="9"/>
  <c r="B2717" i="9"/>
  <c r="C2717" i="9"/>
  <c r="D2717" i="9"/>
  <c r="E2717" i="9"/>
  <c r="G2717" i="9"/>
  <c r="J2717" i="9"/>
  <c r="B2718" i="9"/>
  <c r="C2718" i="9"/>
  <c r="D2718" i="9"/>
  <c r="E2718" i="9"/>
  <c r="G2718" i="9"/>
  <c r="J2718" i="9"/>
  <c r="B2719" i="9"/>
  <c r="C2719" i="9"/>
  <c r="D2719" i="9"/>
  <c r="E2719" i="9"/>
  <c r="G2719" i="9"/>
  <c r="J2719" i="9"/>
  <c r="B2720" i="9"/>
  <c r="C2720" i="9"/>
  <c r="D2720" i="9"/>
  <c r="E2720" i="9"/>
  <c r="G2720" i="9"/>
  <c r="J2720" i="9"/>
  <c r="B2721" i="9"/>
  <c r="C2721" i="9"/>
  <c r="D2721" i="9"/>
  <c r="E2721" i="9"/>
  <c r="G2721" i="9"/>
  <c r="J2721" i="9"/>
  <c r="B2722" i="9"/>
  <c r="C2722" i="9"/>
  <c r="D2722" i="9"/>
  <c r="E2722" i="9"/>
  <c r="G2722" i="9"/>
  <c r="J2722" i="9"/>
  <c r="B2723" i="9"/>
  <c r="C2723" i="9"/>
  <c r="D2723" i="9"/>
  <c r="E2723" i="9"/>
  <c r="G2723" i="9"/>
  <c r="J2723" i="9"/>
  <c r="B2724" i="9"/>
  <c r="C2724" i="9"/>
  <c r="D2724" i="9"/>
  <c r="E2724" i="9"/>
  <c r="G2724" i="9"/>
  <c r="J2724" i="9"/>
  <c r="B2725" i="9"/>
  <c r="C2725" i="9"/>
  <c r="D2725" i="9"/>
  <c r="E2725" i="9"/>
  <c r="G2725" i="9"/>
  <c r="J2725" i="9"/>
  <c r="B2726" i="9"/>
  <c r="C2726" i="9"/>
  <c r="D2726" i="9"/>
  <c r="E2726" i="9"/>
  <c r="G2726" i="9"/>
  <c r="J2726" i="9"/>
  <c r="B2727" i="9"/>
  <c r="C2727" i="9"/>
  <c r="D2727" i="9"/>
  <c r="E2727" i="9"/>
  <c r="G2727" i="9"/>
  <c r="J2727" i="9"/>
  <c r="B2728" i="9"/>
  <c r="C2728" i="9"/>
  <c r="D2728" i="9"/>
  <c r="E2728" i="9"/>
  <c r="G2728" i="9"/>
  <c r="J2728" i="9"/>
  <c r="B2729" i="9"/>
  <c r="C2729" i="9"/>
  <c r="D2729" i="9"/>
  <c r="E2729" i="9"/>
  <c r="G2729" i="9"/>
  <c r="J2729" i="9"/>
  <c r="B2730" i="9"/>
  <c r="C2730" i="9"/>
  <c r="D2730" i="9"/>
  <c r="E2730" i="9"/>
  <c r="G2730" i="9"/>
  <c r="J2730" i="9"/>
  <c r="B2731" i="9"/>
  <c r="C2731" i="9"/>
  <c r="D2731" i="9"/>
  <c r="E2731" i="9"/>
  <c r="G2731" i="9"/>
  <c r="J2731" i="9"/>
  <c r="B2732" i="9"/>
  <c r="C2732" i="9"/>
  <c r="D2732" i="9"/>
  <c r="E2732" i="9"/>
  <c r="G2732" i="9"/>
  <c r="J2732" i="9"/>
  <c r="B2733" i="9"/>
  <c r="C2733" i="9"/>
  <c r="D2733" i="9"/>
  <c r="E2733" i="9"/>
  <c r="G2733" i="9"/>
  <c r="J2733" i="9"/>
  <c r="B2734" i="9"/>
  <c r="C2734" i="9"/>
  <c r="D2734" i="9"/>
  <c r="E2734" i="9"/>
  <c r="G2734" i="9"/>
  <c r="J2734" i="9"/>
  <c r="B2735" i="9"/>
  <c r="C2735" i="9"/>
  <c r="D2735" i="9"/>
  <c r="E2735" i="9"/>
  <c r="G2735" i="9"/>
  <c r="J2735" i="9"/>
  <c r="B2736" i="9"/>
  <c r="C2736" i="9"/>
  <c r="D2736" i="9"/>
  <c r="E2736" i="9"/>
  <c r="G2736" i="9"/>
  <c r="J2736" i="9"/>
  <c r="B2737" i="9"/>
  <c r="C2737" i="9"/>
  <c r="D2737" i="9"/>
  <c r="E2737" i="9"/>
  <c r="G2737" i="9"/>
  <c r="J2737" i="9"/>
  <c r="B2738" i="9"/>
  <c r="C2738" i="9"/>
  <c r="D2738" i="9"/>
  <c r="E2738" i="9"/>
  <c r="G2738" i="9"/>
  <c r="J2738" i="9"/>
  <c r="B2739" i="9"/>
  <c r="C2739" i="9"/>
  <c r="D2739" i="9"/>
  <c r="E2739" i="9"/>
  <c r="G2739" i="9"/>
  <c r="J2739" i="9"/>
  <c r="B2740" i="9"/>
  <c r="C2740" i="9"/>
  <c r="D2740" i="9"/>
  <c r="E2740" i="9"/>
  <c r="G2740" i="9"/>
  <c r="J2740" i="9"/>
  <c r="B2741" i="9"/>
  <c r="C2741" i="9"/>
  <c r="D2741" i="9"/>
  <c r="E2741" i="9"/>
  <c r="G2741" i="9"/>
  <c r="J2741" i="9"/>
  <c r="B2742" i="9"/>
  <c r="C2742" i="9"/>
  <c r="D2742" i="9"/>
  <c r="E2742" i="9"/>
  <c r="G2742" i="9"/>
  <c r="J2742" i="9"/>
  <c r="B2743" i="9"/>
  <c r="C2743" i="9"/>
  <c r="D2743" i="9"/>
  <c r="E2743" i="9"/>
  <c r="G2743" i="9"/>
  <c r="J2743" i="9"/>
  <c r="B2744" i="9"/>
  <c r="C2744" i="9"/>
  <c r="D2744" i="9"/>
  <c r="E2744" i="9"/>
  <c r="G2744" i="9"/>
  <c r="J2744" i="9"/>
  <c r="B2745" i="9"/>
  <c r="C2745" i="9"/>
  <c r="D2745" i="9"/>
  <c r="E2745" i="9"/>
  <c r="G2745" i="9"/>
  <c r="J2745" i="9"/>
  <c r="B2746" i="9"/>
  <c r="C2746" i="9"/>
  <c r="D2746" i="9"/>
  <c r="E2746" i="9"/>
  <c r="G2746" i="9"/>
  <c r="J2746" i="9"/>
  <c r="B2747" i="9"/>
  <c r="C2747" i="9"/>
  <c r="D2747" i="9"/>
  <c r="E2747" i="9"/>
  <c r="G2747" i="9"/>
  <c r="J2747" i="9"/>
  <c r="B2748" i="9"/>
  <c r="C2748" i="9"/>
  <c r="D2748" i="9"/>
  <c r="E2748" i="9"/>
  <c r="G2748" i="9"/>
  <c r="J2748" i="9"/>
  <c r="B2749" i="9"/>
  <c r="C2749" i="9"/>
  <c r="D2749" i="9"/>
  <c r="E2749" i="9"/>
  <c r="G2749" i="9"/>
  <c r="J2749" i="9"/>
  <c r="B2750" i="9"/>
  <c r="C2750" i="9"/>
  <c r="D2750" i="9"/>
  <c r="E2750" i="9"/>
  <c r="G2750" i="9"/>
  <c r="J2750" i="9"/>
  <c r="B2751" i="9"/>
  <c r="C2751" i="9"/>
  <c r="D2751" i="9"/>
  <c r="E2751" i="9"/>
  <c r="G2751" i="9"/>
  <c r="J2751" i="9"/>
  <c r="B2752" i="9"/>
  <c r="C2752" i="9"/>
  <c r="D2752" i="9"/>
  <c r="E2752" i="9"/>
  <c r="G2752" i="9"/>
  <c r="J2752" i="9"/>
  <c r="B2753" i="9"/>
  <c r="C2753" i="9"/>
  <c r="D2753" i="9"/>
  <c r="E2753" i="9"/>
  <c r="G2753" i="9"/>
  <c r="J2753" i="9"/>
  <c r="B2754" i="9"/>
  <c r="C2754" i="9"/>
  <c r="D2754" i="9"/>
  <c r="E2754" i="9"/>
  <c r="G2754" i="9"/>
  <c r="J2754" i="9"/>
  <c r="B2755" i="9"/>
  <c r="C2755" i="9"/>
  <c r="D2755" i="9"/>
  <c r="E2755" i="9"/>
  <c r="G2755" i="9"/>
  <c r="J2755" i="9"/>
  <c r="B2756" i="9"/>
  <c r="C2756" i="9"/>
  <c r="D2756" i="9"/>
  <c r="E2756" i="9"/>
  <c r="G2756" i="9"/>
  <c r="J2756" i="9"/>
  <c r="B2757" i="9"/>
  <c r="C2757" i="9"/>
  <c r="D2757" i="9"/>
  <c r="E2757" i="9"/>
  <c r="G2757" i="9"/>
  <c r="J2757" i="9"/>
  <c r="B2758" i="9"/>
  <c r="C2758" i="9"/>
  <c r="D2758" i="9"/>
  <c r="E2758" i="9"/>
  <c r="G2758" i="9"/>
  <c r="J2758" i="9"/>
  <c r="B2759" i="9"/>
  <c r="C2759" i="9"/>
  <c r="D2759" i="9"/>
  <c r="E2759" i="9"/>
  <c r="G2759" i="9"/>
  <c r="J2759" i="9"/>
  <c r="B2760" i="9"/>
  <c r="C2760" i="9"/>
  <c r="D2760" i="9"/>
  <c r="E2760" i="9"/>
  <c r="G2760" i="9"/>
  <c r="J2760" i="9"/>
  <c r="B2761" i="9"/>
  <c r="C2761" i="9"/>
  <c r="D2761" i="9"/>
  <c r="E2761" i="9"/>
  <c r="G2761" i="9"/>
  <c r="J2761" i="9"/>
  <c r="B2762" i="9"/>
  <c r="C2762" i="9"/>
  <c r="D2762" i="9"/>
  <c r="E2762" i="9"/>
  <c r="G2762" i="9"/>
  <c r="J2762" i="9"/>
  <c r="B2763" i="9"/>
  <c r="C2763" i="9"/>
  <c r="D2763" i="9"/>
  <c r="E2763" i="9"/>
  <c r="G2763" i="9"/>
  <c r="J2763" i="9"/>
  <c r="B2764" i="9"/>
  <c r="C2764" i="9"/>
  <c r="D2764" i="9"/>
  <c r="E2764" i="9"/>
  <c r="G2764" i="9"/>
  <c r="J2764" i="9"/>
  <c r="B2765" i="9"/>
  <c r="C2765" i="9"/>
  <c r="D2765" i="9"/>
  <c r="E2765" i="9"/>
  <c r="G2765" i="9"/>
  <c r="J2765" i="9"/>
  <c r="B2766" i="9"/>
  <c r="C2766" i="9"/>
  <c r="D2766" i="9"/>
  <c r="E2766" i="9"/>
  <c r="G2766" i="9"/>
  <c r="J2766" i="9"/>
  <c r="B2767" i="9"/>
  <c r="C2767" i="9"/>
  <c r="D2767" i="9"/>
  <c r="E2767" i="9"/>
  <c r="G2767" i="9"/>
  <c r="J2767" i="9"/>
  <c r="B2768" i="9"/>
  <c r="C2768" i="9"/>
  <c r="D2768" i="9"/>
  <c r="E2768" i="9"/>
  <c r="G2768" i="9"/>
  <c r="J2768" i="9"/>
  <c r="B2769" i="9"/>
  <c r="C2769" i="9"/>
  <c r="D2769" i="9"/>
  <c r="E2769" i="9"/>
  <c r="G2769" i="9"/>
  <c r="J2769" i="9"/>
  <c r="B2770" i="9"/>
  <c r="C2770" i="9"/>
  <c r="D2770" i="9"/>
  <c r="E2770" i="9"/>
  <c r="G2770" i="9"/>
  <c r="J2770" i="9"/>
  <c r="B2771" i="9"/>
  <c r="C2771" i="9"/>
  <c r="D2771" i="9"/>
  <c r="E2771" i="9"/>
  <c r="G2771" i="9"/>
  <c r="J2771" i="9"/>
  <c r="B2772" i="9"/>
  <c r="C2772" i="9"/>
  <c r="D2772" i="9"/>
  <c r="E2772" i="9"/>
  <c r="G2772" i="9"/>
  <c r="J2772" i="9"/>
  <c r="B2773" i="9"/>
  <c r="C2773" i="9"/>
  <c r="D2773" i="9"/>
  <c r="E2773" i="9"/>
  <c r="G2773" i="9"/>
  <c r="J2773" i="9"/>
  <c r="B2774" i="9"/>
  <c r="C2774" i="9"/>
  <c r="D2774" i="9"/>
  <c r="E2774" i="9"/>
  <c r="G2774" i="9"/>
  <c r="J2774" i="9"/>
  <c r="B2775" i="9"/>
  <c r="C2775" i="9"/>
  <c r="D2775" i="9"/>
  <c r="E2775" i="9"/>
  <c r="G2775" i="9"/>
  <c r="J2775" i="9"/>
  <c r="B2776" i="9"/>
  <c r="C2776" i="9"/>
  <c r="D2776" i="9"/>
  <c r="E2776" i="9"/>
  <c r="G2776" i="9"/>
  <c r="J2776" i="9"/>
  <c r="B2777" i="9"/>
  <c r="C2777" i="9"/>
  <c r="D2777" i="9"/>
  <c r="E2777" i="9"/>
  <c r="G2777" i="9"/>
  <c r="J2777" i="9"/>
  <c r="B2778" i="9"/>
  <c r="C2778" i="9"/>
  <c r="D2778" i="9"/>
  <c r="E2778" i="9"/>
  <c r="G2778" i="9"/>
  <c r="J2778" i="9"/>
  <c r="B2779" i="9"/>
  <c r="C2779" i="9"/>
  <c r="D2779" i="9"/>
  <c r="E2779" i="9"/>
  <c r="G2779" i="9"/>
  <c r="J2779" i="9"/>
  <c r="B2780" i="9"/>
  <c r="C2780" i="9"/>
  <c r="D2780" i="9"/>
  <c r="E2780" i="9"/>
  <c r="G2780" i="9"/>
  <c r="J2780" i="9"/>
  <c r="B2781" i="9"/>
  <c r="C2781" i="9"/>
  <c r="D2781" i="9"/>
  <c r="E2781" i="9"/>
  <c r="G2781" i="9"/>
  <c r="J2781" i="9"/>
  <c r="B2782" i="9"/>
  <c r="C2782" i="9"/>
  <c r="D2782" i="9"/>
  <c r="E2782" i="9"/>
  <c r="G2782" i="9"/>
  <c r="J2782" i="9"/>
  <c r="B2783" i="9"/>
  <c r="C2783" i="9"/>
  <c r="D2783" i="9"/>
  <c r="E2783" i="9"/>
  <c r="G2783" i="9"/>
  <c r="J2783" i="9"/>
  <c r="B2784" i="9"/>
  <c r="C2784" i="9"/>
  <c r="D2784" i="9"/>
  <c r="E2784" i="9"/>
  <c r="G2784" i="9"/>
  <c r="J2784" i="9"/>
  <c r="B2785" i="9"/>
  <c r="C2785" i="9"/>
  <c r="D2785" i="9"/>
  <c r="E2785" i="9"/>
  <c r="G2785" i="9"/>
  <c r="J2785" i="9"/>
  <c r="B2786" i="9"/>
  <c r="C2786" i="9"/>
  <c r="D2786" i="9"/>
  <c r="E2786" i="9"/>
  <c r="G2786" i="9"/>
  <c r="J2786" i="9"/>
  <c r="B2787" i="9"/>
  <c r="C2787" i="9"/>
  <c r="D2787" i="9"/>
  <c r="E2787" i="9"/>
  <c r="G2787" i="9"/>
  <c r="J2787" i="9"/>
  <c r="B2788" i="9"/>
  <c r="C2788" i="9"/>
  <c r="D2788" i="9"/>
  <c r="E2788" i="9"/>
  <c r="G2788" i="9"/>
  <c r="J2788" i="9"/>
  <c r="B2789" i="9"/>
  <c r="C2789" i="9"/>
  <c r="D2789" i="9"/>
  <c r="E2789" i="9"/>
  <c r="G2789" i="9"/>
  <c r="J2789" i="9"/>
  <c r="B2790" i="9"/>
  <c r="C2790" i="9"/>
  <c r="D2790" i="9"/>
  <c r="E2790" i="9"/>
  <c r="G2790" i="9"/>
  <c r="J2790" i="9"/>
  <c r="B2791" i="9"/>
  <c r="C2791" i="9"/>
  <c r="D2791" i="9"/>
  <c r="E2791" i="9"/>
  <c r="G2791" i="9"/>
  <c r="J2791" i="9"/>
  <c r="B2792" i="9"/>
  <c r="C2792" i="9"/>
  <c r="D2792" i="9"/>
  <c r="E2792" i="9"/>
  <c r="G2792" i="9"/>
  <c r="J2792" i="9"/>
  <c r="B2793" i="9"/>
  <c r="C2793" i="9"/>
  <c r="D2793" i="9"/>
  <c r="E2793" i="9"/>
  <c r="G2793" i="9"/>
  <c r="J2793" i="9"/>
  <c r="B2794" i="9"/>
  <c r="C2794" i="9"/>
  <c r="D2794" i="9"/>
  <c r="E2794" i="9"/>
  <c r="G2794" i="9"/>
  <c r="J2794" i="9"/>
  <c r="B2795" i="9"/>
  <c r="C2795" i="9"/>
  <c r="D2795" i="9"/>
  <c r="E2795" i="9"/>
  <c r="G2795" i="9"/>
  <c r="J2795" i="9"/>
  <c r="B2796" i="9"/>
  <c r="C2796" i="9"/>
  <c r="D2796" i="9"/>
  <c r="E2796" i="9"/>
  <c r="G2796" i="9"/>
  <c r="J2796" i="9"/>
  <c r="B2797" i="9"/>
  <c r="C2797" i="9"/>
  <c r="D2797" i="9"/>
  <c r="E2797" i="9"/>
  <c r="G2797" i="9"/>
  <c r="J2797" i="9"/>
  <c r="B2798" i="9"/>
  <c r="C2798" i="9"/>
  <c r="D2798" i="9"/>
  <c r="E2798" i="9"/>
  <c r="G2798" i="9"/>
  <c r="J2798" i="9"/>
  <c r="B2799" i="9"/>
  <c r="C2799" i="9"/>
  <c r="D2799" i="9"/>
  <c r="E2799" i="9"/>
  <c r="G2799" i="9"/>
  <c r="J2799" i="9"/>
  <c r="B2800" i="9"/>
  <c r="C2800" i="9"/>
  <c r="D2800" i="9"/>
  <c r="E2800" i="9"/>
  <c r="G2800" i="9"/>
  <c r="J2800" i="9"/>
  <c r="B2801" i="9"/>
  <c r="C2801" i="9"/>
  <c r="D2801" i="9"/>
  <c r="E2801" i="9"/>
  <c r="G2801" i="9"/>
  <c r="J2801" i="9"/>
  <c r="B2802" i="9"/>
  <c r="C2802" i="9"/>
  <c r="D2802" i="9"/>
  <c r="E2802" i="9"/>
  <c r="G2802" i="9"/>
  <c r="J2802" i="9"/>
  <c r="B2803" i="9"/>
  <c r="C2803" i="9"/>
  <c r="D2803" i="9"/>
  <c r="E2803" i="9"/>
  <c r="G2803" i="9"/>
  <c r="J2803" i="9"/>
  <c r="B2804" i="9"/>
  <c r="C2804" i="9"/>
  <c r="D2804" i="9"/>
  <c r="E2804" i="9"/>
  <c r="G2804" i="9"/>
  <c r="J2804" i="9"/>
  <c r="B2805" i="9"/>
  <c r="C2805" i="9"/>
  <c r="D2805" i="9"/>
  <c r="E2805" i="9"/>
  <c r="G2805" i="9"/>
  <c r="J2805" i="9"/>
  <c r="B2806" i="9"/>
  <c r="C2806" i="9"/>
  <c r="D2806" i="9"/>
  <c r="E2806" i="9"/>
  <c r="G2806" i="9"/>
  <c r="J2806" i="9"/>
  <c r="B2807" i="9"/>
  <c r="C2807" i="9"/>
  <c r="D2807" i="9"/>
  <c r="E2807" i="9"/>
  <c r="G2807" i="9"/>
  <c r="J2807" i="9"/>
  <c r="B2808" i="9"/>
  <c r="C2808" i="9"/>
  <c r="D2808" i="9"/>
  <c r="E2808" i="9"/>
  <c r="G2808" i="9"/>
  <c r="J2808" i="9"/>
  <c r="B2809" i="9"/>
  <c r="C2809" i="9"/>
  <c r="D2809" i="9"/>
  <c r="E2809" i="9"/>
  <c r="G2809" i="9"/>
  <c r="J2809" i="9"/>
  <c r="B2810" i="9"/>
  <c r="C2810" i="9"/>
  <c r="D2810" i="9"/>
  <c r="E2810" i="9"/>
  <c r="G2810" i="9"/>
  <c r="J2810" i="9"/>
  <c r="B2811" i="9"/>
  <c r="C2811" i="9"/>
  <c r="D2811" i="9"/>
  <c r="E2811" i="9"/>
  <c r="G2811" i="9"/>
  <c r="J2811" i="9"/>
  <c r="B2812" i="9"/>
  <c r="C2812" i="9"/>
  <c r="D2812" i="9"/>
  <c r="E2812" i="9"/>
  <c r="G2812" i="9"/>
  <c r="J2812" i="9"/>
  <c r="B2813" i="9"/>
  <c r="C2813" i="9"/>
  <c r="D2813" i="9"/>
  <c r="E2813" i="9"/>
  <c r="G2813" i="9"/>
  <c r="J2813" i="9"/>
  <c r="B2814" i="9"/>
  <c r="C2814" i="9"/>
  <c r="D2814" i="9"/>
  <c r="E2814" i="9"/>
  <c r="G2814" i="9"/>
  <c r="J2814" i="9"/>
  <c r="B2815" i="9"/>
  <c r="C2815" i="9"/>
  <c r="D2815" i="9"/>
  <c r="E2815" i="9"/>
  <c r="G2815" i="9"/>
  <c r="J2815" i="9"/>
  <c r="B2816" i="9"/>
  <c r="C2816" i="9"/>
  <c r="D2816" i="9"/>
  <c r="E2816" i="9"/>
  <c r="G2816" i="9"/>
  <c r="J2816" i="9"/>
  <c r="B2817" i="9"/>
  <c r="C2817" i="9"/>
  <c r="D2817" i="9"/>
  <c r="E2817" i="9"/>
  <c r="G2817" i="9"/>
  <c r="J2817" i="9"/>
  <c r="B2818" i="9"/>
  <c r="C2818" i="9"/>
  <c r="D2818" i="9"/>
  <c r="E2818" i="9"/>
  <c r="G2818" i="9"/>
  <c r="J2818" i="9"/>
  <c r="B2819" i="9"/>
  <c r="C2819" i="9"/>
  <c r="D2819" i="9"/>
  <c r="E2819" i="9"/>
  <c r="G2819" i="9"/>
  <c r="J2819" i="9"/>
  <c r="B2820" i="9"/>
  <c r="C2820" i="9"/>
  <c r="D2820" i="9"/>
  <c r="E2820" i="9"/>
  <c r="G2820" i="9"/>
  <c r="J2820" i="9"/>
  <c r="B2821" i="9"/>
  <c r="C2821" i="9"/>
  <c r="D2821" i="9"/>
  <c r="E2821" i="9"/>
  <c r="G2821" i="9"/>
  <c r="J2821" i="9"/>
  <c r="B2822" i="9"/>
  <c r="C2822" i="9"/>
  <c r="D2822" i="9"/>
  <c r="E2822" i="9"/>
  <c r="G2822" i="9"/>
  <c r="J2822" i="9"/>
  <c r="B2823" i="9"/>
  <c r="C2823" i="9"/>
  <c r="D2823" i="9"/>
  <c r="E2823" i="9"/>
  <c r="G2823" i="9"/>
  <c r="J2823" i="9"/>
  <c r="B2824" i="9"/>
  <c r="C2824" i="9"/>
  <c r="D2824" i="9"/>
  <c r="E2824" i="9"/>
  <c r="G2824" i="9"/>
  <c r="J2824" i="9"/>
  <c r="B2825" i="9"/>
  <c r="C2825" i="9"/>
  <c r="D2825" i="9"/>
  <c r="E2825" i="9"/>
  <c r="G2825" i="9"/>
  <c r="J2825" i="9"/>
  <c r="B2826" i="9"/>
  <c r="C2826" i="9"/>
  <c r="D2826" i="9"/>
  <c r="E2826" i="9"/>
  <c r="G2826" i="9"/>
  <c r="J2826" i="9"/>
  <c r="B2827" i="9"/>
  <c r="C2827" i="9"/>
  <c r="D2827" i="9"/>
  <c r="E2827" i="9"/>
  <c r="G2827" i="9"/>
  <c r="J2827" i="9"/>
  <c r="B2828" i="9"/>
  <c r="C2828" i="9"/>
  <c r="D2828" i="9"/>
  <c r="E2828" i="9"/>
  <c r="G2828" i="9"/>
  <c r="J2828" i="9"/>
  <c r="B2829" i="9"/>
  <c r="C2829" i="9"/>
  <c r="D2829" i="9"/>
  <c r="E2829" i="9"/>
  <c r="G2829" i="9"/>
  <c r="J2829" i="9"/>
  <c r="B2830" i="9"/>
  <c r="C2830" i="9"/>
  <c r="D2830" i="9"/>
  <c r="E2830" i="9"/>
  <c r="G2830" i="9"/>
  <c r="J2830" i="9"/>
  <c r="B2831" i="9"/>
  <c r="C2831" i="9"/>
  <c r="D2831" i="9"/>
  <c r="E2831" i="9"/>
  <c r="G2831" i="9"/>
  <c r="J2831" i="9"/>
  <c r="B2832" i="9"/>
  <c r="C2832" i="9"/>
  <c r="D2832" i="9"/>
  <c r="E2832" i="9"/>
  <c r="G2832" i="9"/>
  <c r="J2832" i="9"/>
  <c r="B2833" i="9"/>
  <c r="C2833" i="9"/>
  <c r="D2833" i="9"/>
  <c r="E2833" i="9"/>
  <c r="G2833" i="9"/>
  <c r="J2833" i="9"/>
  <c r="B2834" i="9"/>
  <c r="C2834" i="9"/>
  <c r="D2834" i="9"/>
  <c r="E2834" i="9"/>
  <c r="G2834" i="9"/>
  <c r="J2834" i="9"/>
  <c r="B2835" i="9"/>
  <c r="C2835" i="9"/>
  <c r="D2835" i="9"/>
  <c r="E2835" i="9"/>
  <c r="G2835" i="9"/>
  <c r="J2835" i="9"/>
  <c r="B2836" i="9"/>
  <c r="C2836" i="9"/>
  <c r="D2836" i="9"/>
  <c r="E2836" i="9"/>
  <c r="G2836" i="9"/>
  <c r="J2836" i="9"/>
  <c r="B2837" i="9"/>
  <c r="C2837" i="9"/>
  <c r="D2837" i="9"/>
  <c r="E2837" i="9"/>
  <c r="G2837" i="9"/>
  <c r="J2837" i="9"/>
  <c r="B2838" i="9"/>
  <c r="C2838" i="9"/>
  <c r="D2838" i="9"/>
  <c r="E2838" i="9"/>
  <c r="G2838" i="9"/>
  <c r="J2838" i="9"/>
  <c r="B2839" i="9"/>
  <c r="C2839" i="9"/>
  <c r="D2839" i="9"/>
  <c r="E2839" i="9"/>
  <c r="G2839" i="9"/>
  <c r="J2839" i="9"/>
  <c r="B2840" i="9"/>
  <c r="C2840" i="9"/>
  <c r="D2840" i="9"/>
  <c r="E2840" i="9"/>
  <c r="G2840" i="9"/>
  <c r="J2840" i="9"/>
  <c r="B2841" i="9"/>
  <c r="C2841" i="9"/>
  <c r="D2841" i="9"/>
  <c r="E2841" i="9"/>
  <c r="G2841" i="9"/>
  <c r="J2841" i="9"/>
  <c r="B2842" i="9"/>
  <c r="C2842" i="9"/>
  <c r="D2842" i="9"/>
  <c r="E2842" i="9"/>
  <c r="G2842" i="9"/>
  <c r="J2842" i="9"/>
  <c r="B2843" i="9"/>
  <c r="C2843" i="9"/>
  <c r="D2843" i="9"/>
  <c r="E2843" i="9"/>
  <c r="G2843" i="9"/>
  <c r="J2843" i="9"/>
  <c r="B2844" i="9"/>
  <c r="C2844" i="9"/>
  <c r="D2844" i="9"/>
  <c r="E2844" i="9"/>
  <c r="G2844" i="9"/>
  <c r="J2844" i="9"/>
  <c r="B2845" i="9"/>
  <c r="C2845" i="9"/>
  <c r="D2845" i="9"/>
  <c r="E2845" i="9"/>
  <c r="G2845" i="9"/>
  <c r="J2845" i="9"/>
  <c r="B2846" i="9"/>
  <c r="C2846" i="9"/>
  <c r="D2846" i="9"/>
  <c r="E2846" i="9"/>
  <c r="G2846" i="9"/>
  <c r="J2846" i="9"/>
  <c r="B2847" i="9"/>
  <c r="C2847" i="9"/>
  <c r="D2847" i="9"/>
  <c r="E2847" i="9"/>
  <c r="G2847" i="9"/>
  <c r="J2847" i="9"/>
  <c r="B2848" i="9"/>
  <c r="C2848" i="9"/>
  <c r="D2848" i="9"/>
  <c r="E2848" i="9"/>
  <c r="G2848" i="9"/>
  <c r="J2848" i="9"/>
  <c r="B2849" i="9"/>
  <c r="C2849" i="9"/>
  <c r="D2849" i="9"/>
  <c r="E2849" i="9"/>
  <c r="G2849" i="9"/>
  <c r="J2849" i="9"/>
  <c r="B2850" i="9"/>
  <c r="C2850" i="9"/>
  <c r="D2850" i="9"/>
  <c r="E2850" i="9"/>
  <c r="G2850" i="9"/>
  <c r="J2850" i="9"/>
  <c r="B2851" i="9"/>
  <c r="C2851" i="9"/>
  <c r="D2851" i="9"/>
  <c r="E2851" i="9"/>
  <c r="G2851" i="9"/>
  <c r="J2851" i="9"/>
  <c r="B2852" i="9"/>
  <c r="C2852" i="9"/>
  <c r="D2852" i="9"/>
  <c r="E2852" i="9"/>
  <c r="G2852" i="9"/>
  <c r="J2852" i="9"/>
  <c r="B2853" i="9"/>
  <c r="C2853" i="9"/>
  <c r="D2853" i="9"/>
  <c r="E2853" i="9"/>
  <c r="G2853" i="9"/>
  <c r="J2853" i="9"/>
  <c r="B2854" i="9"/>
  <c r="C2854" i="9"/>
  <c r="D2854" i="9"/>
  <c r="E2854" i="9"/>
  <c r="G2854" i="9"/>
  <c r="J2854" i="9"/>
  <c r="B2855" i="9"/>
  <c r="C2855" i="9"/>
  <c r="D2855" i="9"/>
  <c r="E2855" i="9"/>
  <c r="G2855" i="9"/>
  <c r="J2855" i="9"/>
  <c r="B2856" i="9"/>
  <c r="C2856" i="9"/>
  <c r="D2856" i="9"/>
  <c r="E2856" i="9"/>
  <c r="G2856" i="9"/>
  <c r="J2856" i="9"/>
  <c r="B2857" i="9"/>
  <c r="C2857" i="9"/>
  <c r="D2857" i="9"/>
  <c r="E2857" i="9"/>
  <c r="G2857" i="9"/>
  <c r="J2857" i="9"/>
  <c r="B2858" i="9"/>
  <c r="C2858" i="9"/>
  <c r="D2858" i="9"/>
  <c r="E2858" i="9"/>
  <c r="G2858" i="9"/>
  <c r="J2858" i="9"/>
  <c r="B2859" i="9"/>
  <c r="C2859" i="9"/>
  <c r="D2859" i="9"/>
  <c r="E2859" i="9"/>
  <c r="G2859" i="9"/>
  <c r="J2859" i="9"/>
  <c r="B2860" i="9"/>
  <c r="C2860" i="9"/>
  <c r="D2860" i="9"/>
  <c r="E2860" i="9"/>
  <c r="G2860" i="9"/>
  <c r="J2860" i="9"/>
  <c r="B2861" i="9"/>
  <c r="C2861" i="9"/>
  <c r="D2861" i="9"/>
  <c r="E2861" i="9"/>
  <c r="G2861" i="9"/>
  <c r="J2861" i="9"/>
  <c r="B2862" i="9"/>
  <c r="C2862" i="9"/>
  <c r="D2862" i="9"/>
  <c r="E2862" i="9"/>
  <c r="G2862" i="9"/>
  <c r="J2862" i="9"/>
  <c r="B2863" i="9"/>
  <c r="C2863" i="9"/>
  <c r="D2863" i="9"/>
  <c r="E2863" i="9"/>
  <c r="G2863" i="9"/>
  <c r="J2863" i="9"/>
  <c r="B2864" i="9"/>
  <c r="C2864" i="9"/>
  <c r="D2864" i="9"/>
  <c r="E2864" i="9"/>
  <c r="G2864" i="9"/>
  <c r="J2864" i="9"/>
  <c r="B2865" i="9"/>
  <c r="C2865" i="9"/>
  <c r="D2865" i="9"/>
  <c r="E2865" i="9"/>
  <c r="G2865" i="9"/>
  <c r="J2865" i="9"/>
  <c r="B2866" i="9"/>
  <c r="C2866" i="9"/>
  <c r="D2866" i="9"/>
  <c r="E2866" i="9"/>
  <c r="G2866" i="9"/>
  <c r="J2866" i="9"/>
  <c r="B2867" i="9"/>
  <c r="C2867" i="9"/>
  <c r="D2867" i="9"/>
  <c r="E2867" i="9"/>
  <c r="G2867" i="9"/>
  <c r="J2867" i="9"/>
  <c r="B2868" i="9"/>
  <c r="C2868" i="9"/>
  <c r="D2868" i="9"/>
  <c r="E2868" i="9"/>
  <c r="G2868" i="9"/>
  <c r="J2868" i="9"/>
  <c r="B2869" i="9"/>
  <c r="C2869" i="9"/>
  <c r="D2869" i="9"/>
  <c r="E2869" i="9"/>
  <c r="G2869" i="9"/>
  <c r="J2869" i="9"/>
  <c r="B2870" i="9"/>
  <c r="C2870" i="9"/>
  <c r="D2870" i="9"/>
  <c r="E2870" i="9"/>
  <c r="G2870" i="9"/>
  <c r="J2870" i="9"/>
  <c r="B2871" i="9"/>
  <c r="C2871" i="9"/>
  <c r="D2871" i="9"/>
  <c r="E2871" i="9"/>
  <c r="G2871" i="9"/>
  <c r="J2871" i="9"/>
  <c r="B2872" i="9"/>
  <c r="C2872" i="9"/>
  <c r="D2872" i="9"/>
  <c r="E2872" i="9"/>
  <c r="G2872" i="9"/>
  <c r="J2872" i="9"/>
  <c r="B2873" i="9"/>
  <c r="C2873" i="9"/>
  <c r="D2873" i="9"/>
  <c r="E2873" i="9"/>
  <c r="G2873" i="9"/>
  <c r="J2873" i="9"/>
  <c r="B2874" i="9"/>
  <c r="C2874" i="9"/>
  <c r="D2874" i="9"/>
  <c r="E2874" i="9"/>
  <c r="G2874" i="9"/>
  <c r="J2874" i="9"/>
  <c r="B2875" i="9"/>
  <c r="C2875" i="9"/>
  <c r="D2875" i="9"/>
  <c r="E2875" i="9"/>
  <c r="G2875" i="9"/>
  <c r="J2875" i="9"/>
  <c r="B2876" i="9"/>
  <c r="C2876" i="9"/>
  <c r="D2876" i="9"/>
  <c r="E2876" i="9"/>
  <c r="G2876" i="9"/>
  <c r="J2876" i="9"/>
  <c r="B2877" i="9"/>
  <c r="C2877" i="9"/>
  <c r="D2877" i="9"/>
  <c r="E2877" i="9"/>
  <c r="G2877" i="9"/>
  <c r="J2877" i="9"/>
  <c r="B2878" i="9"/>
  <c r="C2878" i="9"/>
  <c r="D2878" i="9"/>
  <c r="E2878" i="9"/>
  <c r="G2878" i="9"/>
  <c r="J2878" i="9"/>
  <c r="B2879" i="9"/>
  <c r="C2879" i="9"/>
  <c r="D2879" i="9"/>
  <c r="E2879" i="9"/>
  <c r="G2879" i="9"/>
  <c r="J2879" i="9"/>
  <c r="B2880" i="9"/>
  <c r="C2880" i="9"/>
  <c r="D2880" i="9"/>
  <c r="E2880" i="9"/>
  <c r="G2880" i="9"/>
  <c r="J2880" i="9"/>
  <c r="B2881" i="9"/>
  <c r="C2881" i="9"/>
  <c r="D2881" i="9"/>
  <c r="E2881" i="9"/>
  <c r="G2881" i="9"/>
  <c r="J2881" i="9"/>
  <c r="B2882" i="9"/>
  <c r="C2882" i="9"/>
  <c r="D2882" i="9"/>
  <c r="E2882" i="9"/>
  <c r="G2882" i="9"/>
  <c r="J2882" i="9"/>
  <c r="B2883" i="9"/>
  <c r="C2883" i="9"/>
  <c r="D2883" i="9"/>
  <c r="E2883" i="9"/>
  <c r="G2883" i="9"/>
  <c r="J2883" i="9"/>
  <c r="B2884" i="9"/>
  <c r="C2884" i="9"/>
  <c r="D2884" i="9"/>
  <c r="E2884" i="9"/>
  <c r="G2884" i="9"/>
  <c r="J2884" i="9"/>
  <c r="B2885" i="9"/>
  <c r="C2885" i="9"/>
  <c r="D2885" i="9"/>
  <c r="E2885" i="9"/>
  <c r="G2885" i="9"/>
  <c r="J2885" i="9"/>
  <c r="B2886" i="9"/>
  <c r="C2886" i="9"/>
  <c r="D2886" i="9"/>
  <c r="E2886" i="9"/>
  <c r="G2886" i="9"/>
  <c r="J2886" i="9"/>
  <c r="B2887" i="9"/>
  <c r="C2887" i="9"/>
  <c r="D2887" i="9"/>
  <c r="E2887" i="9"/>
  <c r="G2887" i="9"/>
  <c r="J2887" i="9"/>
  <c r="B2888" i="9"/>
  <c r="C2888" i="9"/>
  <c r="D2888" i="9"/>
  <c r="E2888" i="9"/>
  <c r="G2888" i="9"/>
  <c r="J2888" i="9"/>
  <c r="B2889" i="9"/>
  <c r="C2889" i="9"/>
  <c r="D2889" i="9"/>
  <c r="E2889" i="9"/>
  <c r="G2889" i="9"/>
  <c r="J2889" i="9"/>
  <c r="B2890" i="9"/>
  <c r="C2890" i="9"/>
  <c r="D2890" i="9"/>
  <c r="E2890" i="9"/>
  <c r="G2890" i="9"/>
  <c r="J2890" i="9"/>
  <c r="B2891" i="9"/>
  <c r="C2891" i="9"/>
  <c r="D2891" i="9"/>
  <c r="E2891" i="9"/>
  <c r="G2891" i="9"/>
  <c r="J2891" i="9"/>
  <c r="B2892" i="9"/>
  <c r="C2892" i="9"/>
  <c r="D2892" i="9"/>
  <c r="E2892" i="9"/>
  <c r="G2892" i="9"/>
  <c r="J2892" i="9"/>
  <c r="B2893" i="9"/>
  <c r="C2893" i="9"/>
  <c r="D2893" i="9"/>
  <c r="E2893" i="9"/>
  <c r="G2893" i="9"/>
  <c r="J2893" i="9"/>
  <c r="B2894" i="9"/>
  <c r="C2894" i="9"/>
  <c r="D2894" i="9"/>
  <c r="E2894" i="9"/>
  <c r="G2894" i="9"/>
  <c r="J2894" i="9"/>
  <c r="B2895" i="9"/>
  <c r="C2895" i="9"/>
  <c r="D2895" i="9"/>
  <c r="E2895" i="9"/>
  <c r="G2895" i="9"/>
  <c r="J2895" i="9"/>
  <c r="B2896" i="9"/>
  <c r="C2896" i="9"/>
  <c r="D2896" i="9"/>
  <c r="E2896" i="9"/>
  <c r="G2896" i="9"/>
  <c r="J2896" i="9"/>
  <c r="B2897" i="9"/>
  <c r="C2897" i="9"/>
  <c r="D2897" i="9"/>
  <c r="E2897" i="9"/>
  <c r="G2897" i="9"/>
  <c r="J2897" i="9"/>
  <c r="B2898" i="9"/>
  <c r="C2898" i="9"/>
  <c r="D2898" i="9"/>
  <c r="E2898" i="9"/>
  <c r="G2898" i="9"/>
  <c r="J2898" i="9"/>
  <c r="B2899" i="9"/>
  <c r="C2899" i="9"/>
  <c r="D2899" i="9"/>
  <c r="E2899" i="9"/>
  <c r="G2899" i="9"/>
  <c r="J2899" i="9"/>
  <c r="B2900" i="9"/>
  <c r="C2900" i="9"/>
  <c r="D2900" i="9"/>
  <c r="E2900" i="9"/>
  <c r="G2900" i="9"/>
  <c r="J2900" i="9"/>
  <c r="B2901" i="9"/>
  <c r="C2901" i="9"/>
  <c r="D2901" i="9"/>
  <c r="E2901" i="9"/>
  <c r="G2901" i="9"/>
  <c r="J2901" i="9"/>
  <c r="B2902" i="9"/>
  <c r="C2902" i="9"/>
  <c r="D2902" i="9"/>
  <c r="E2902" i="9"/>
  <c r="G2902" i="9"/>
  <c r="J2902" i="9"/>
  <c r="B2903" i="9"/>
  <c r="C2903" i="9"/>
  <c r="D2903" i="9"/>
  <c r="E2903" i="9"/>
  <c r="G2903" i="9"/>
  <c r="J2903" i="9"/>
  <c r="B2904" i="9"/>
  <c r="C2904" i="9"/>
  <c r="D2904" i="9"/>
  <c r="E2904" i="9"/>
  <c r="G2904" i="9"/>
  <c r="J2904" i="9"/>
  <c r="B2905" i="9"/>
  <c r="C2905" i="9"/>
  <c r="D2905" i="9"/>
  <c r="E2905" i="9"/>
  <c r="G2905" i="9"/>
  <c r="J2905" i="9"/>
  <c r="B2906" i="9"/>
  <c r="C2906" i="9"/>
  <c r="D2906" i="9"/>
  <c r="E2906" i="9"/>
  <c r="G2906" i="9"/>
  <c r="J2906" i="9"/>
  <c r="B2907" i="9"/>
  <c r="C2907" i="9"/>
  <c r="D2907" i="9"/>
  <c r="E2907" i="9"/>
  <c r="G2907" i="9"/>
  <c r="J2907" i="9"/>
  <c r="B2908" i="9"/>
  <c r="C2908" i="9"/>
  <c r="D2908" i="9"/>
  <c r="E2908" i="9"/>
  <c r="G2908" i="9"/>
  <c r="J2908" i="9"/>
  <c r="B2909" i="9"/>
  <c r="C2909" i="9"/>
  <c r="D2909" i="9"/>
  <c r="E2909" i="9"/>
  <c r="G2909" i="9"/>
  <c r="J2909" i="9"/>
  <c r="B2910" i="9"/>
  <c r="C2910" i="9"/>
  <c r="D2910" i="9"/>
  <c r="E2910" i="9"/>
  <c r="G2910" i="9"/>
  <c r="J2910" i="9"/>
  <c r="B2911" i="9"/>
  <c r="C2911" i="9"/>
  <c r="D2911" i="9"/>
  <c r="E2911" i="9"/>
  <c r="G2911" i="9"/>
  <c r="J2911" i="9"/>
  <c r="B2912" i="9"/>
  <c r="C2912" i="9"/>
  <c r="D2912" i="9"/>
  <c r="E2912" i="9"/>
  <c r="G2912" i="9"/>
  <c r="J2912" i="9"/>
  <c r="B2913" i="9"/>
  <c r="C2913" i="9"/>
  <c r="D2913" i="9"/>
  <c r="E2913" i="9"/>
  <c r="G2913" i="9"/>
  <c r="J2913" i="9"/>
  <c r="B2914" i="9"/>
  <c r="C2914" i="9"/>
  <c r="D2914" i="9"/>
  <c r="E2914" i="9"/>
  <c r="G2914" i="9"/>
  <c r="J2914" i="9"/>
  <c r="B2915" i="9"/>
  <c r="C2915" i="9"/>
  <c r="D2915" i="9"/>
  <c r="E2915" i="9"/>
  <c r="G2915" i="9"/>
  <c r="J2915" i="9"/>
  <c r="B2916" i="9"/>
  <c r="C2916" i="9"/>
  <c r="D2916" i="9"/>
  <c r="E2916" i="9"/>
  <c r="G2916" i="9"/>
  <c r="J2916" i="9"/>
  <c r="B2917" i="9"/>
  <c r="C2917" i="9"/>
  <c r="D2917" i="9"/>
  <c r="E2917" i="9"/>
  <c r="G2917" i="9"/>
  <c r="J2917" i="9"/>
  <c r="B2918" i="9"/>
  <c r="C2918" i="9"/>
  <c r="D2918" i="9"/>
  <c r="E2918" i="9"/>
  <c r="G2918" i="9"/>
  <c r="J2918" i="9"/>
  <c r="B2919" i="9"/>
  <c r="C2919" i="9"/>
  <c r="D2919" i="9"/>
  <c r="E2919" i="9"/>
  <c r="G2919" i="9"/>
  <c r="J2919" i="9"/>
  <c r="B2920" i="9"/>
  <c r="C2920" i="9"/>
  <c r="D2920" i="9"/>
  <c r="E2920" i="9"/>
  <c r="G2920" i="9"/>
  <c r="J2920" i="9"/>
  <c r="B2921" i="9"/>
  <c r="C2921" i="9"/>
  <c r="D2921" i="9"/>
  <c r="E2921" i="9"/>
  <c r="G2921" i="9"/>
  <c r="J2921" i="9"/>
  <c r="B2922" i="9"/>
  <c r="C2922" i="9"/>
  <c r="D2922" i="9"/>
  <c r="E2922" i="9"/>
  <c r="G2922" i="9"/>
  <c r="J2922" i="9"/>
  <c r="B2923" i="9"/>
  <c r="C2923" i="9"/>
  <c r="D2923" i="9"/>
  <c r="E2923" i="9"/>
  <c r="G2923" i="9"/>
  <c r="J2923" i="9"/>
  <c r="B2924" i="9"/>
  <c r="C2924" i="9"/>
  <c r="D2924" i="9"/>
  <c r="E2924" i="9"/>
  <c r="G2924" i="9"/>
  <c r="J2924" i="9"/>
  <c r="B2925" i="9"/>
  <c r="C2925" i="9"/>
  <c r="D2925" i="9"/>
  <c r="E2925" i="9"/>
  <c r="G2925" i="9"/>
  <c r="J2925" i="9"/>
  <c r="B2926" i="9"/>
  <c r="C2926" i="9"/>
  <c r="D2926" i="9"/>
  <c r="E2926" i="9"/>
  <c r="G2926" i="9"/>
  <c r="J2926" i="9"/>
  <c r="B2927" i="9"/>
  <c r="C2927" i="9"/>
  <c r="D2927" i="9"/>
  <c r="E2927" i="9"/>
  <c r="G2927" i="9"/>
  <c r="J2927" i="9"/>
  <c r="B2928" i="9"/>
  <c r="C2928" i="9"/>
  <c r="D2928" i="9"/>
  <c r="E2928" i="9"/>
  <c r="G2928" i="9"/>
  <c r="J2928" i="9"/>
  <c r="B2929" i="9"/>
  <c r="C2929" i="9"/>
  <c r="D2929" i="9"/>
  <c r="E2929" i="9"/>
  <c r="G2929" i="9"/>
  <c r="J2929" i="9"/>
  <c r="B2930" i="9"/>
  <c r="C2930" i="9"/>
  <c r="D2930" i="9"/>
  <c r="E2930" i="9"/>
  <c r="G2930" i="9"/>
  <c r="J2930" i="9"/>
  <c r="B2931" i="9"/>
  <c r="C2931" i="9"/>
  <c r="D2931" i="9"/>
  <c r="E2931" i="9"/>
  <c r="G2931" i="9"/>
  <c r="J2931" i="9"/>
  <c r="B2932" i="9"/>
  <c r="C2932" i="9"/>
  <c r="D2932" i="9"/>
  <c r="E2932" i="9"/>
  <c r="G2932" i="9"/>
  <c r="J2932" i="9"/>
  <c r="B2933" i="9"/>
  <c r="C2933" i="9"/>
  <c r="D2933" i="9"/>
  <c r="E2933" i="9"/>
  <c r="G2933" i="9"/>
  <c r="J2933" i="9"/>
  <c r="B2934" i="9"/>
  <c r="C2934" i="9"/>
  <c r="D2934" i="9"/>
  <c r="E2934" i="9"/>
  <c r="G2934" i="9"/>
  <c r="J2934" i="9"/>
  <c r="B2935" i="9"/>
  <c r="C2935" i="9"/>
  <c r="D2935" i="9"/>
  <c r="E2935" i="9"/>
  <c r="G2935" i="9"/>
  <c r="J2935" i="9"/>
  <c r="B2936" i="9"/>
  <c r="C2936" i="9"/>
  <c r="D2936" i="9"/>
  <c r="E2936" i="9"/>
  <c r="G2936" i="9"/>
  <c r="J2936" i="9"/>
  <c r="B2937" i="9"/>
  <c r="C2937" i="9"/>
  <c r="D2937" i="9"/>
  <c r="E2937" i="9"/>
  <c r="G2937" i="9"/>
  <c r="J2937" i="9"/>
  <c r="B2938" i="9"/>
  <c r="C2938" i="9"/>
  <c r="D2938" i="9"/>
  <c r="E2938" i="9"/>
  <c r="G2938" i="9"/>
  <c r="J2938" i="9"/>
  <c r="B2939" i="9"/>
  <c r="C2939" i="9"/>
  <c r="D2939" i="9"/>
  <c r="E2939" i="9"/>
  <c r="G2939" i="9"/>
  <c r="J2939" i="9"/>
  <c r="B2940" i="9"/>
  <c r="C2940" i="9"/>
  <c r="D2940" i="9"/>
  <c r="E2940" i="9"/>
  <c r="G2940" i="9"/>
  <c r="J2940" i="9"/>
  <c r="B2941" i="9"/>
  <c r="C2941" i="9"/>
  <c r="D2941" i="9"/>
  <c r="E2941" i="9"/>
  <c r="G2941" i="9"/>
  <c r="J2941" i="9"/>
  <c r="B2942" i="9"/>
  <c r="C2942" i="9"/>
  <c r="D2942" i="9"/>
  <c r="E2942" i="9"/>
  <c r="G2942" i="9"/>
  <c r="J2942" i="9"/>
  <c r="B2943" i="9"/>
  <c r="C2943" i="9"/>
  <c r="D2943" i="9"/>
  <c r="E2943" i="9"/>
  <c r="G2943" i="9"/>
  <c r="J2943" i="9"/>
  <c r="B2944" i="9"/>
  <c r="C2944" i="9"/>
  <c r="D2944" i="9"/>
  <c r="E2944" i="9"/>
  <c r="G2944" i="9"/>
  <c r="J2944" i="9"/>
  <c r="B2945" i="9"/>
  <c r="C2945" i="9"/>
  <c r="D2945" i="9"/>
  <c r="E2945" i="9"/>
  <c r="G2945" i="9"/>
  <c r="J2945" i="9"/>
  <c r="B2946" i="9"/>
  <c r="C2946" i="9"/>
  <c r="D2946" i="9"/>
  <c r="E2946" i="9"/>
  <c r="G2946" i="9"/>
  <c r="J2946" i="9"/>
  <c r="B2947" i="9"/>
  <c r="C2947" i="9"/>
  <c r="D2947" i="9"/>
  <c r="E2947" i="9"/>
  <c r="G2947" i="9"/>
  <c r="J2947" i="9"/>
  <c r="B2948" i="9"/>
  <c r="C2948" i="9"/>
  <c r="D2948" i="9"/>
  <c r="E2948" i="9"/>
  <c r="G2948" i="9"/>
  <c r="J2948" i="9"/>
  <c r="B2949" i="9"/>
  <c r="C2949" i="9"/>
  <c r="D2949" i="9"/>
  <c r="E2949" i="9"/>
  <c r="G2949" i="9"/>
  <c r="J2949" i="9"/>
  <c r="B2950" i="9"/>
  <c r="C2950" i="9"/>
  <c r="D2950" i="9"/>
  <c r="E2950" i="9"/>
  <c r="G2950" i="9"/>
  <c r="J2950" i="9"/>
  <c r="B2951" i="9"/>
  <c r="C2951" i="9"/>
  <c r="D2951" i="9"/>
  <c r="E2951" i="9"/>
  <c r="G2951" i="9"/>
  <c r="J2951" i="9"/>
  <c r="B2952" i="9"/>
  <c r="C2952" i="9"/>
  <c r="D2952" i="9"/>
  <c r="E2952" i="9"/>
  <c r="G2952" i="9"/>
  <c r="J2952" i="9"/>
  <c r="B2953" i="9"/>
  <c r="C2953" i="9"/>
  <c r="D2953" i="9"/>
  <c r="E2953" i="9"/>
  <c r="G2953" i="9"/>
  <c r="J2953" i="9"/>
  <c r="B2954" i="9"/>
  <c r="C2954" i="9"/>
  <c r="D2954" i="9"/>
  <c r="E2954" i="9"/>
  <c r="G2954" i="9"/>
  <c r="J2954" i="9"/>
  <c r="B2955" i="9"/>
  <c r="C2955" i="9"/>
  <c r="D2955" i="9"/>
  <c r="E2955" i="9"/>
  <c r="G2955" i="9"/>
  <c r="J2955" i="9"/>
  <c r="B2956" i="9"/>
  <c r="C2956" i="9"/>
  <c r="D2956" i="9"/>
  <c r="E2956" i="9"/>
  <c r="G2956" i="9"/>
  <c r="J2956" i="9"/>
  <c r="B2957" i="9"/>
  <c r="C2957" i="9"/>
  <c r="D2957" i="9"/>
  <c r="E2957" i="9"/>
  <c r="G2957" i="9"/>
  <c r="J2957" i="9"/>
  <c r="B2958" i="9"/>
  <c r="C2958" i="9"/>
  <c r="D2958" i="9"/>
  <c r="E2958" i="9"/>
  <c r="G2958" i="9"/>
  <c r="J2958" i="9"/>
  <c r="B2959" i="9"/>
  <c r="C2959" i="9"/>
  <c r="D2959" i="9"/>
  <c r="E2959" i="9"/>
  <c r="G2959" i="9"/>
  <c r="J2959" i="9"/>
  <c r="B2960" i="9"/>
  <c r="C2960" i="9"/>
  <c r="D2960" i="9"/>
  <c r="E2960" i="9"/>
  <c r="G2960" i="9"/>
  <c r="J2960" i="9"/>
  <c r="B2961" i="9"/>
  <c r="C2961" i="9"/>
  <c r="D2961" i="9"/>
  <c r="E2961" i="9"/>
  <c r="G2961" i="9"/>
  <c r="J2961" i="9"/>
  <c r="B2962" i="9"/>
  <c r="C2962" i="9"/>
  <c r="D2962" i="9"/>
  <c r="E2962" i="9"/>
  <c r="G2962" i="9"/>
  <c r="J2962" i="9"/>
  <c r="B2963" i="9"/>
  <c r="C2963" i="9"/>
  <c r="D2963" i="9"/>
  <c r="E2963" i="9"/>
  <c r="G2963" i="9"/>
  <c r="J2963" i="9"/>
  <c r="B2964" i="9"/>
  <c r="C2964" i="9"/>
  <c r="D2964" i="9"/>
  <c r="E2964" i="9"/>
  <c r="G2964" i="9"/>
  <c r="J2964" i="9"/>
  <c r="B2965" i="9"/>
  <c r="C2965" i="9"/>
  <c r="D2965" i="9"/>
  <c r="E2965" i="9"/>
  <c r="G2965" i="9"/>
  <c r="J2965" i="9"/>
  <c r="B2966" i="9"/>
  <c r="C2966" i="9"/>
  <c r="D2966" i="9"/>
  <c r="E2966" i="9"/>
  <c r="G2966" i="9"/>
  <c r="J2966" i="9"/>
  <c r="B2967" i="9"/>
  <c r="C2967" i="9"/>
  <c r="D2967" i="9"/>
  <c r="E2967" i="9"/>
  <c r="G2967" i="9"/>
  <c r="J2967" i="9"/>
  <c r="B2968" i="9"/>
  <c r="C2968" i="9"/>
  <c r="D2968" i="9"/>
  <c r="E2968" i="9"/>
  <c r="G2968" i="9"/>
  <c r="J2968" i="9"/>
  <c r="B2969" i="9"/>
  <c r="C2969" i="9"/>
  <c r="D2969" i="9"/>
  <c r="E2969" i="9"/>
  <c r="G2969" i="9"/>
  <c r="J2969" i="9"/>
  <c r="B2970" i="9"/>
  <c r="C2970" i="9"/>
  <c r="D2970" i="9"/>
  <c r="E2970" i="9"/>
  <c r="G2970" i="9"/>
  <c r="J2970" i="9"/>
  <c r="B2971" i="9"/>
  <c r="C2971" i="9"/>
  <c r="D2971" i="9"/>
  <c r="E2971" i="9"/>
  <c r="G2971" i="9"/>
  <c r="J2971" i="9"/>
  <c r="B2972" i="9"/>
  <c r="C2972" i="9"/>
  <c r="D2972" i="9"/>
  <c r="E2972" i="9"/>
  <c r="G2972" i="9"/>
  <c r="J2972" i="9"/>
  <c r="B2973" i="9"/>
  <c r="C2973" i="9"/>
  <c r="D2973" i="9"/>
  <c r="E2973" i="9"/>
  <c r="G2973" i="9"/>
  <c r="J2973" i="9"/>
  <c r="B2974" i="9"/>
  <c r="C2974" i="9"/>
  <c r="D2974" i="9"/>
  <c r="E2974" i="9"/>
  <c r="G2974" i="9"/>
  <c r="J2974" i="9"/>
  <c r="B2975" i="9"/>
  <c r="C2975" i="9"/>
  <c r="D2975" i="9"/>
  <c r="E2975" i="9"/>
  <c r="G2975" i="9"/>
  <c r="J2975" i="9"/>
  <c r="B2976" i="9"/>
  <c r="C2976" i="9"/>
  <c r="D2976" i="9"/>
  <c r="E2976" i="9"/>
  <c r="G2976" i="9"/>
  <c r="J2976" i="9"/>
  <c r="B2977" i="9"/>
  <c r="C2977" i="9"/>
  <c r="D2977" i="9"/>
  <c r="E2977" i="9"/>
  <c r="G2977" i="9"/>
  <c r="J2977" i="9"/>
  <c r="B2978" i="9"/>
  <c r="C2978" i="9"/>
  <c r="D2978" i="9"/>
  <c r="E2978" i="9"/>
  <c r="G2978" i="9"/>
  <c r="J2978" i="9"/>
  <c r="B2979" i="9"/>
  <c r="C2979" i="9"/>
  <c r="D2979" i="9"/>
  <c r="E2979" i="9"/>
  <c r="G2979" i="9"/>
  <c r="J2979" i="9"/>
  <c r="B2980" i="9"/>
  <c r="C2980" i="9"/>
  <c r="D2980" i="9"/>
  <c r="E2980" i="9"/>
  <c r="G2980" i="9"/>
  <c r="J2980" i="9"/>
  <c r="B2981" i="9"/>
  <c r="C2981" i="9"/>
  <c r="D2981" i="9"/>
  <c r="E2981" i="9"/>
  <c r="G2981" i="9"/>
  <c r="J2981" i="9"/>
  <c r="B2982" i="9"/>
  <c r="C2982" i="9"/>
  <c r="D2982" i="9"/>
  <c r="E2982" i="9"/>
  <c r="G2982" i="9"/>
  <c r="J2982" i="9"/>
  <c r="B2983" i="9"/>
  <c r="C2983" i="9"/>
  <c r="D2983" i="9"/>
  <c r="E2983" i="9"/>
  <c r="G2983" i="9"/>
  <c r="J2983" i="9"/>
  <c r="B2984" i="9"/>
  <c r="C2984" i="9"/>
  <c r="D2984" i="9"/>
  <c r="E2984" i="9"/>
  <c r="G2984" i="9"/>
  <c r="J2984" i="9"/>
  <c r="B2985" i="9"/>
  <c r="C2985" i="9"/>
  <c r="D2985" i="9"/>
  <c r="E2985" i="9"/>
  <c r="G2985" i="9"/>
  <c r="J2985" i="9"/>
  <c r="B2986" i="9"/>
  <c r="C2986" i="9"/>
  <c r="D2986" i="9"/>
  <c r="E2986" i="9"/>
  <c r="G2986" i="9"/>
  <c r="J2986" i="9"/>
  <c r="B2987" i="9"/>
  <c r="C2987" i="9"/>
  <c r="D2987" i="9"/>
  <c r="E2987" i="9"/>
  <c r="G2987" i="9"/>
  <c r="J2987" i="9"/>
  <c r="B2988" i="9"/>
  <c r="C2988" i="9"/>
  <c r="D2988" i="9"/>
  <c r="E2988" i="9"/>
  <c r="G2988" i="9"/>
  <c r="J2988" i="9"/>
  <c r="B2989" i="9"/>
  <c r="C2989" i="9"/>
  <c r="D2989" i="9"/>
  <c r="E2989" i="9"/>
  <c r="G2989" i="9"/>
  <c r="J2989" i="9"/>
  <c r="B2990" i="9"/>
  <c r="C2990" i="9"/>
  <c r="D2990" i="9"/>
  <c r="E2990" i="9"/>
  <c r="G2990" i="9"/>
  <c r="J2990" i="9"/>
  <c r="B2991" i="9"/>
  <c r="C2991" i="9"/>
  <c r="D2991" i="9"/>
  <c r="E2991" i="9"/>
  <c r="G2991" i="9"/>
  <c r="J2991" i="9"/>
  <c r="B2992" i="9"/>
  <c r="C2992" i="9"/>
  <c r="D2992" i="9"/>
  <c r="E2992" i="9"/>
  <c r="G2992" i="9"/>
  <c r="J2992" i="9"/>
  <c r="B2993" i="9"/>
  <c r="C2993" i="9"/>
  <c r="D2993" i="9"/>
  <c r="E2993" i="9"/>
  <c r="G2993" i="9"/>
  <c r="J2993" i="9"/>
  <c r="B2994" i="9"/>
  <c r="C2994" i="9"/>
  <c r="D2994" i="9"/>
  <c r="E2994" i="9"/>
  <c r="G2994" i="9"/>
  <c r="J2994" i="9"/>
  <c r="B2995" i="9"/>
  <c r="C2995" i="9"/>
  <c r="D2995" i="9"/>
  <c r="E2995" i="9"/>
  <c r="G2995" i="9"/>
  <c r="J2995" i="9"/>
  <c r="B2996" i="9"/>
  <c r="C2996" i="9"/>
  <c r="D2996" i="9"/>
  <c r="E2996" i="9"/>
  <c r="G2996" i="9"/>
  <c r="J2996" i="9"/>
  <c r="B2997" i="9"/>
  <c r="C2997" i="9"/>
  <c r="D2997" i="9"/>
  <c r="E2997" i="9"/>
  <c r="G2997" i="9"/>
  <c r="J2997" i="9"/>
  <c r="B2998" i="9"/>
  <c r="C2998" i="9"/>
  <c r="D2998" i="9"/>
  <c r="E2998" i="9"/>
  <c r="G2998" i="9"/>
  <c r="J2998" i="9"/>
  <c r="B2999" i="9"/>
  <c r="C2999" i="9"/>
  <c r="D2999" i="9"/>
  <c r="E2999" i="9"/>
  <c r="G2999" i="9"/>
  <c r="J2999" i="9"/>
  <c r="B3000" i="9"/>
  <c r="C3000" i="9"/>
  <c r="D3000" i="9"/>
  <c r="E3000" i="9"/>
  <c r="G3000" i="9"/>
  <c r="J3000" i="9"/>
  <c r="B3001" i="9"/>
  <c r="C3001" i="9"/>
  <c r="D3001" i="9"/>
  <c r="E3001" i="9"/>
  <c r="G3001" i="9"/>
  <c r="J3001" i="9"/>
  <c r="B3002" i="9"/>
  <c r="C3002" i="9"/>
  <c r="D3002" i="9"/>
  <c r="E3002" i="9"/>
  <c r="G3002" i="9"/>
  <c r="J3002" i="9"/>
  <c r="B3003" i="9"/>
  <c r="C3003" i="9"/>
  <c r="D3003" i="9"/>
  <c r="E3003" i="9"/>
  <c r="G3003" i="9"/>
  <c r="J3003" i="9"/>
  <c r="B3004" i="9"/>
  <c r="C3004" i="9"/>
  <c r="D3004" i="9"/>
  <c r="E3004" i="9"/>
  <c r="G3004" i="9"/>
  <c r="J3004" i="9"/>
  <c r="B3005" i="9"/>
  <c r="C3005" i="9"/>
  <c r="D3005" i="9"/>
  <c r="E3005" i="9"/>
  <c r="G3005" i="9"/>
  <c r="J3005" i="9"/>
  <c r="B3006" i="9"/>
  <c r="C3006" i="9"/>
  <c r="D3006" i="9"/>
  <c r="E3006" i="9"/>
  <c r="G3006" i="9"/>
  <c r="J3006" i="9"/>
  <c r="B3007" i="9"/>
  <c r="C3007" i="9"/>
  <c r="D3007" i="9"/>
  <c r="E3007" i="9"/>
  <c r="G3007" i="9"/>
  <c r="J3007" i="9"/>
  <c r="B3008" i="9"/>
  <c r="C3008" i="9"/>
  <c r="D3008" i="9"/>
  <c r="E3008" i="9"/>
  <c r="G3008" i="9"/>
  <c r="J3008" i="9"/>
  <c r="B3009" i="9"/>
  <c r="C3009" i="9"/>
  <c r="D3009" i="9"/>
  <c r="E3009" i="9"/>
  <c r="G3009" i="9"/>
  <c r="J3009" i="9"/>
  <c r="B3010" i="9"/>
  <c r="C3010" i="9"/>
  <c r="D3010" i="9"/>
  <c r="E3010" i="9"/>
  <c r="G3010" i="9"/>
  <c r="J3010" i="9"/>
  <c r="B3011" i="9"/>
  <c r="C3011" i="9"/>
  <c r="D3011" i="9"/>
  <c r="E3011" i="9"/>
  <c r="G3011" i="9"/>
  <c r="J3011" i="9"/>
  <c r="B3012" i="9"/>
  <c r="C3012" i="9"/>
  <c r="D3012" i="9"/>
  <c r="E3012" i="9"/>
  <c r="G3012" i="9"/>
  <c r="J3012" i="9"/>
  <c r="B3013" i="9"/>
  <c r="C3013" i="9"/>
  <c r="D3013" i="9"/>
  <c r="E3013" i="9"/>
  <c r="G3013" i="9"/>
  <c r="J3013" i="9"/>
  <c r="B3014" i="9"/>
  <c r="C3014" i="9"/>
  <c r="D3014" i="9"/>
  <c r="E3014" i="9"/>
  <c r="G3014" i="9"/>
  <c r="J3014" i="9"/>
  <c r="B3015" i="9"/>
  <c r="C3015" i="9"/>
  <c r="D3015" i="9"/>
  <c r="E3015" i="9"/>
  <c r="G3015" i="9"/>
  <c r="J3015" i="9"/>
  <c r="B3016" i="9"/>
  <c r="C3016" i="9"/>
  <c r="D3016" i="9"/>
  <c r="E3016" i="9"/>
  <c r="G3016" i="9"/>
  <c r="J3016" i="9"/>
  <c r="B3017" i="9"/>
  <c r="C3017" i="9"/>
  <c r="D3017" i="9"/>
  <c r="E3017" i="9"/>
  <c r="G3017" i="9"/>
  <c r="J3017" i="9"/>
  <c r="B3018" i="9"/>
  <c r="C3018" i="9"/>
  <c r="D3018" i="9"/>
  <c r="E3018" i="9"/>
  <c r="G3018" i="9"/>
  <c r="J3018" i="9"/>
  <c r="B3019" i="9"/>
  <c r="C3019" i="9"/>
  <c r="D3019" i="9"/>
  <c r="E3019" i="9"/>
  <c r="G3019" i="9"/>
  <c r="J3019" i="9"/>
  <c r="B3020" i="9"/>
  <c r="C3020" i="9"/>
  <c r="D3020" i="9"/>
  <c r="E3020" i="9"/>
  <c r="G3020" i="9"/>
  <c r="J3020" i="9"/>
  <c r="B3021" i="9"/>
  <c r="C3021" i="9"/>
  <c r="D3021" i="9"/>
  <c r="E3021" i="9"/>
  <c r="G3021" i="9"/>
  <c r="J3021" i="9"/>
  <c r="B3022" i="9"/>
  <c r="C3022" i="9"/>
  <c r="D3022" i="9"/>
  <c r="E3022" i="9"/>
  <c r="G3022" i="9"/>
  <c r="J3022" i="9"/>
  <c r="B3023" i="9"/>
  <c r="C3023" i="9"/>
  <c r="D3023" i="9"/>
  <c r="E3023" i="9"/>
  <c r="G3023" i="9"/>
  <c r="J3023" i="9"/>
  <c r="B3024" i="9"/>
  <c r="C3024" i="9"/>
  <c r="D3024" i="9"/>
  <c r="E3024" i="9"/>
  <c r="G3024" i="9"/>
  <c r="J3024" i="9"/>
  <c r="B3025" i="9"/>
  <c r="C3025" i="9"/>
  <c r="D3025" i="9"/>
  <c r="E3025" i="9"/>
  <c r="G3025" i="9"/>
  <c r="J3025" i="9"/>
  <c r="B3026" i="9"/>
  <c r="C3026" i="9"/>
  <c r="D3026" i="9"/>
  <c r="E3026" i="9"/>
  <c r="G3026" i="9"/>
  <c r="J3026" i="9"/>
  <c r="B3027" i="9"/>
  <c r="C3027" i="9"/>
  <c r="D3027" i="9"/>
  <c r="E3027" i="9"/>
  <c r="G3027" i="9"/>
  <c r="J3027" i="9"/>
  <c r="B3028" i="9"/>
  <c r="C3028" i="9"/>
  <c r="D3028" i="9"/>
  <c r="E3028" i="9"/>
  <c r="G3028" i="9"/>
  <c r="J3028" i="9"/>
  <c r="B3029" i="9"/>
  <c r="C3029" i="9"/>
  <c r="D3029" i="9"/>
  <c r="E3029" i="9"/>
  <c r="G3029" i="9"/>
  <c r="J3029" i="9"/>
  <c r="B3030" i="9"/>
  <c r="C3030" i="9"/>
  <c r="D3030" i="9"/>
  <c r="E3030" i="9"/>
  <c r="G3030" i="9"/>
  <c r="J3030" i="9"/>
  <c r="B3031" i="9"/>
  <c r="C3031" i="9"/>
  <c r="D3031" i="9"/>
  <c r="E3031" i="9"/>
  <c r="G3031" i="9"/>
  <c r="J3031" i="9"/>
  <c r="B3032" i="9"/>
  <c r="C3032" i="9"/>
  <c r="D3032" i="9"/>
  <c r="E3032" i="9"/>
  <c r="G3032" i="9"/>
  <c r="J3032" i="9"/>
  <c r="B3033" i="9"/>
  <c r="C3033" i="9"/>
  <c r="D3033" i="9"/>
  <c r="E3033" i="9"/>
  <c r="G3033" i="9"/>
  <c r="J3033" i="9"/>
  <c r="B3034" i="9"/>
  <c r="C3034" i="9"/>
  <c r="D3034" i="9"/>
  <c r="E3034" i="9"/>
  <c r="G3034" i="9"/>
  <c r="J3034" i="9"/>
  <c r="B3035" i="9"/>
  <c r="C3035" i="9"/>
  <c r="D3035" i="9"/>
  <c r="E3035" i="9"/>
  <c r="G3035" i="9"/>
  <c r="J3035" i="9"/>
  <c r="B3036" i="9"/>
  <c r="C3036" i="9"/>
  <c r="D3036" i="9"/>
  <c r="E3036" i="9"/>
  <c r="G3036" i="9"/>
  <c r="J3036" i="9"/>
  <c r="B3037" i="9"/>
  <c r="C3037" i="9"/>
  <c r="D3037" i="9"/>
  <c r="E3037" i="9"/>
  <c r="G3037" i="9"/>
  <c r="J3037" i="9"/>
  <c r="B3038" i="9"/>
  <c r="C3038" i="9"/>
  <c r="D3038" i="9"/>
  <c r="E3038" i="9"/>
  <c r="G3038" i="9"/>
  <c r="J3038" i="9"/>
  <c r="B3039" i="9"/>
  <c r="C3039" i="9"/>
  <c r="D3039" i="9"/>
  <c r="E3039" i="9"/>
  <c r="G3039" i="9"/>
  <c r="J3039" i="9"/>
  <c r="B3040" i="9"/>
  <c r="C3040" i="9"/>
  <c r="D3040" i="9"/>
  <c r="E3040" i="9"/>
  <c r="G3040" i="9"/>
  <c r="J3040" i="9"/>
  <c r="B3041" i="9"/>
  <c r="C3041" i="9"/>
  <c r="D3041" i="9"/>
  <c r="E3041" i="9"/>
  <c r="G3041" i="9"/>
  <c r="J3041" i="9"/>
  <c r="B3042" i="9"/>
  <c r="C3042" i="9"/>
  <c r="D3042" i="9"/>
  <c r="E3042" i="9"/>
  <c r="G3042" i="9"/>
  <c r="J3042" i="9"/>
  <c r="B3043" i="9"/>
  <c r="C3043" i="9"/>
  <c r="D3043" i="9"/>
  <c r="E3043" i="9"/>
  <c r="G3043" i="9"/>
  <c r="J3043" i="9"/>
  <c r="B3044" i="9"/>
  <c r="C3044" i="9"/>
  <c r="D3044" i="9"/>
  <c r="E3044" i="9"/>
  <c r="G3044" i="9"/>
  <c r="J3044" i="9"/>
  <c r="B3045" i="9"/>
  <c r="C3045" i="9"/>
  <c r="D3045" i="9"/>
  <c r="E3045" i="9"/>
  <c r="G3045" i="9"/>
  <c r="J3045" i="9"/>
  <c r="B3046" i="9"/>
  <c r="C3046" i="9"/>
  <c r="D3046" i="9"/>
  <c r="E3046" i="9"/>
  <c r="G3046" i="9"/>
  <c r="J3046" i="9"/>
  <c r="B3047" i="9"/>
  <c r="C3047" i="9"/>
  <c r="D3047" i="9"/>
  <c r="E3047" i="9"/>
  <c r="G3047" i="9"/>
  <c r="J3047" i="9"/>
  <c r="B3048" i="9"/>
  <c r="C3048" i="9"/>
  <c r="D3048" i="9"/>
  <c r="E3048" i="9"/>
  <c r="G3048" i="9"/>
  <c r="J3048" i="9"/>
  <c r="B3049" i="9"/>
  <c r="C3049" i="9"/>
  <c r="D3049" i="9"/>
  <c r="E3049" i="9"/>
  <c r="G3049" i="9"/>
  <c r="J3049" i="9"/>
  <c r="B3050" i="9"/>
  <c r="C3050" i="9"/>
  <c r="D3050" i="9"/>
  <c r="E3050" i="9"/>
  <c r="G3050" i="9"/>
  <c r="J3050" i="9"/>
  <c r="B3051" i="9"/>
  <c r="C3051" i="9"/>
  <c r="D3051" i="9"/>
  <c r="E3051" i="9"/>
  <c r="G3051" i="9"/>
  <c r="J3051" i="9"/>
  <c r="B3052" i="9"/>
  <c r="C3052" i="9"/>
  <c r="D3052" i="9"/>
  <c r="E3052" i="9"/>
  <c r="G3052" i="9"/>
  <c r="J3052" i="9"/>
  <c r="B3053" i="9"/>
  <c r="C3053" i="9"/>
  <c r="D3053" i="9"/>
  <c r="E3053" i="9"/>
  <c r="G3053" i="9"/>
  <c r="J3053" i="9"/>
  <c r="B3054" i="9"/>
  <c r="C3054" i="9"/>
  <c r="D3054" i="9"/>
  <c r="E3054" i="9"/>
  <c r="G3054" i="9"/>
  <c r="J3054" i="9"/>
  <c r="B3055" i="9"/>
  <c r="C3055" i="9"/>
  <c r="D3055" i="9"/>
  <c r="E3055" i="9"/>
  <c r="G3055" i="9"/>
  <c r="J3055" i="9"/>
  <c r="B3056" i="9"/>
  <c r="C3056" i="9"/>
  <c r="D3056" i="9"/>
  <c r="E3056" i="9"/>
  <c r="G3056" i="9"/>
  <c r="J3056" i="9"/>
  <c r="B3057" i="9"/>
  <c r="C3057" i="9"/>
  <c r="D3057" i="9"/>
  <c r="E3057" i="9"/>
  <c r="G3057" i="9"/>
  <c r="J3057" i="9"/>
  <c r="B3058" i="9"/>
  <c r="C3058" i="9"/>
  <c r="D3058" i="9"/>
  <c r="E3058" i="9"/>
  <c r="G3058" i="9"/>
  <c r="J3058" i="9"/>
  <c r="B3059" i="9"/>
  <c r="C3059" i="9"/>
  <c r="D3059" i="9"/>
  <c r="E3059" i="9"/>
  <c r="G3059" i="9"/>
  <c r="J3059" i="9"/>
  <c r="B3060" i="9"/>
  <c r="C3060" i="9"/>
  <c r="D3060" i="9"/>
  <c r="E3060" i="9"/>
  <c r="G3060" i="9"/>
  <c r="J3060" i="9"/>
  <c r="B3061" i="9"/>
  <c r="C3061" i="9"/>
  <c r="D3061" i="9"/>
  <c r="E3061" i="9"/>
  <c r="G3061" i="9"/>
  <c r="J3061" i="9"/>
  <c r="B3062" i="9"/>
  <c r="C3062" i="9"/>
  <c r="D3062" i="9"/>
  <c r="E3062" i="9"/>
  <c r="G3062" i="9"/>
  <c r="J3062" i="9"/>
  <c r="B3063" i="9"/>
  <c r="C3063" i="9"/>
  <c r="D3063" i="9"/>
  <c r="E3063" i="9"/>
  <c r="G3063" i="9"/>
  <c r="J3063" i="9"/>
  <c r="B3064" i="9"/>
  <c r="C3064" i="9"/>
  <c r="D3064" i="9"/>
  <c r="E3064" i="9"/>
  <c r="G3064" i="9"/>
  <c r="J3064" i="9"/>
  <c r="B3065" i="9"/>
  <c r="C3065" i="9"/>
  <c r="D3065" i="9"/>
  <c r="E3065" i="9"/>
  <c r="G3065" i="9"/>
  <c r="J3065" i="9"/>
  <c r="B3066" i="9"/>
  <c r="C3066" i="9"/>
  <c r="D3066" i="9"/>
  <c r="E3066" i="9"/>
  <c r="G3066" i="9"/>
  <c r="J3066" i="9"/>
  <c r="B3067" i="9"/>
  <c r="C3067" i="9"/>
  <c r="D3067" i="9"/>
  <c r="E3067" i="9"/>
  <c r="G3067" i="9"/>
  <c r="J3067" i="9"/>
  <c r="B3068" i="9"/>
  <c r="C3068" i="9"/>
  <c r="D3068" i="9"/>
  <c r="E3068" i="9"/>
  <c r="G3068" i="9"/>
  <c r="J3068" i="9"/>
  <c r="B3069" i="9"/>
  <c r="C3069" i="9"/>
  <c r="D3069" i="9"/>
  <c r="E3069" i="9"/>
  <c r="G3069" i="9"/>
  <c r="J3069" i="9"/>
  <c r="B3070" i="9"/>
  <c r="C3070" i="9"/>
  <c r="D3070" i="9"/>
  <c r="E3070" i="9"/>
  <c r="G3070" i="9"/>
  <c r="J3070" i="9"/>
  <c r="B3071" i="9"/>
  <c r="C3071" i="9"/>
  <c r="D3071" i="9"/>
  <c r="E3071" i="9"/>
  <c r="G3071" i="9"/>
  <c r="J3071" i="9"/>
  <c r="B3072" i="9"/>
  <c r="C3072" i="9"/>
  <c r="D3072" i="9"/>
  <c r="E3072" i="9"/>
  <c r="G3072" i="9"/>
  <c r="J3072" i="9"/>
  <c r="B3073" i="9"/>
  <c r="C3073" i="9"/>
  <c r="D3073" i="9"/>
  <c r="E3073" i="9"/>
  <c r="G3073" i="9"/>
  <c r="J3073" i="9"/>
  <c r="B3074" i="9"/>
  <c r="C3074" i="9"/>
  <c r="D3074" i="9"/>
  <c r="E3074" i="9"/>
  <c r="G3074" i="9"/>
  <c r="J3074" i="9"/>
  <c r="B3075" i="9"/>
  <c r="C3075" i="9"/>
  <c r="D3075" i="9"/>
  <c r="E3075" i="9"/>
  <c r="G3075" i="9"/>
  <c r="J3075" i="9"/>
  <c r="B3076" i="9"/>
  <c r="C3076" i="9"/>
  <c r="D3076" i="9"/>
  <c r="E3076" i="9"/>
  <c r="G3076" i="9"/>
  <c r="J3076" i="9"/>
  <c r="B3077" i="9"/>
  <c r="C3077" i="9"/>
  <c r="D3077" i="9"/>
  <c r="E3077" i="9"/>
  <c r="G3077" i="9"/>
  <c r="J3077" i="9"/>
  <c r="B3078" i="9"/>
  <c r="C3078" i="9"/>
  <c r="D3078" i="9"/>
  <c r="E3078" i="9"/>
  <c r="G3078" i="9"/>
  <c r="J3078" i="9"/>
  <c r="B3079" i="9"/>
  <c r="C3079" i="9"/>
  <c r="D3079" i="9"/>
  <c r="E3079" i="9"/>
  <c r="G3079" i="9"/>
  <c r="J3079" i="9"/>
  <c r="B3080" i="9"/>
  <c r="C3080" i="9"/>
  <c r="D3080" i="9"/>
  <c r="E3080" i="9"/>
  <c r="G3080" i="9"/>
  <c r="J3080" i="9"/>
  <c r="B3081" i="9"/>
  <c r="C3081" i="9"/>
  <c r="D3081" i="9"/>
  <c r="E3081" i="9"/>
  <c r="G3081" i="9"/>
  <c r="J3081" i="9"/>
  <c r="B3082" i="9"/>
  <c r="C3082" i="9"/>
  <c r="D3082" i="9"/>
  <c r="E3082" i="9"/>
  <c r="G3082" i="9"/>
  <c r="J3082" i="9"/>
  <c r="B3083" i="9"/>
  <c r="C3083" i="9"/>
  <c r="D3083" i="9"/>
  <c r="E3083" i="9"/>
  <c r="G3083" i="9"/>
  <c r="J3083" i="9"/>
  <c r="B3084" i="9"/>
  <c r="C3084" i="9"/>
  <c r="D3084" i="9"/>
  <c r="E3084" i="9"/>
  <c r="G3084" i="9"/>
  <c r="J3084" i="9"/>
  <c r="B3085" i="9"/>
  <c r="C3085" i="9"/>
  <c r="D3085" i="9"/>
  <c r="E3085" i="9"/>
  <c r="G3085" i="9"/>
  <c r="J3085" i="9"/>
  <c r="B3086" i="9"/>
  <c r="C3086" i="9"/>
  <c r="D3086" i="9"/>
  <c r="E3086" i="9"/>
  <c r="G3086" i="9"/>
  <c r="J3086" i="9"/>
  <c r="B3087" i="9"/>
  <c r="C3087" i="9"/>
  <c r="D3087" i="9"/>
  <c r="E3087" i="9"/>
  <c r="G3087" i="9"/>
  <c r="J3087" i="9"/>
  <c r="B3088" i="9"/>
  <c r="C3088" i="9"/>
  <c r="D3088" i="9"/>
  <c r="E3088" i="9"/>
  <c r="G3088" i="9"/>
  <c r="J3088" i="9"/>
  <c r="B3089" i="9"/>
  <c r="C3089" i="9"/>
  <c r="D3089" i="9"/>
  <c r="E3089" i="9"/>
  <c r="G3089" i="9"/>
  <c r="J3089" i="9"/>
  <c r="B3090" i="9"/>
  <c r="C3090" i="9"/>
  <c r="D3090" i="9"/>
  <c r="E3090" i="9"/>
  <c r="G3090" i="9"/>
  <c r="J3090" i="9"/>
  <c r="B3091" i="9"/>
  <c r="C3091" i="9"/>
  <c r="D3091" i="9"/>
  <c r="E3091" i="9"/>
  <c r="G3091" i="9"/>
  <c r="J3091" i="9"/>
  <c r="B3092" i="9"/>
  <c r="C3092" i="9"/>
  <c r="D3092" i="9"/>
  <c r="E3092" i="9"/>
  <c r="G3092" i="9"/>
  <c r="J3092" i="9"/>
  <c r="B3093" i="9"/>
  <c r="C3093" i="9"/>
  <c r="D3093" i="9"/>
  <c r="E3093" i="9"/>
  <c r="G3093" i="9"/>
  <c r="J3093" i="9"/>
  <c r="B3094" i="9"/>
  <c r="C3094" i="9"/>
  <c r="D3094" i="9"/>
  <c r="E3094" i="9"/>
  <c r="G3094" i="9"/>
  <c r="J3094" i="9"/>
  <c r="B3095" i="9"/>
  <c r="C3095" i="9"/>
  <c r="D3095" i="9"/>
  <c r="E3095" i="9"/>
  <c r="G3095" i="9"/>
  <c r="J3095" i="9"/>
  <c r="B3096" i="9"/>
  <c r="C3096" i="9"/>
  <c r="D3096" i="9"/>
  <c r="E3096" i="9"/>
  <c r="G3096" i="9"/>
  <c r="J3096" i="9"/>
  <c r="B3097" i="9"/>
  <c r="C3097" i="9"/>
  <c r="D3097" i="9"/>
  <c r="E3097" i="9"/>
  <c r="G3097" i="9"/>
  <c r="J3097" i="9"/>
  <c r="B3098" i="9"/>
  <c r="C3098" i="9"/>
  <c r="D3098" i="9"/>
  <c r="E3098" i="9"/>
  <c r="G3098" i="9"/>
  <c r="J3098" i="9"/>
  <c r="B3099" i="9"/>
  <c r="C3099" i="9"/>
  <c r="D3099" i="9"/>
  <c r="E3099" i="9"/>
  <c r="G3099" i="9"/>
  <c r="J3099" i="9"/>
  <c r="B3100" i="9"/>
  <c r="C3100" i="9"/>
  <c r="D3100" i="9"/>
  <c r="E3100" i="9"/>
  <c r="G3100" i="9"/>
  <c r="J3100" i="9"/>
  <c r="B3101" i="9"/>
  <c r="C3101" i="9"/>
  <c r="D3101" i="9"/>
  <c r="E3101" i="9"/>
  <c r="G3101" i="9"/>
  <c r="J3101" i="9"/>
  <c r="B3102" i="9"/>
  <c r="C3102" i="9"/>
  <c r="D3102" i="9"/>
  <c r="E3102" i="9"/>
  <c r="G3102" i="9"/>
  <c r="J3102" i="9"/>
  <c r="B3103" i="9"/>
  <c r="C3103" i="9"/>
  <c r="D3103" i="9"/>
  <c r="E3103" i="9"/>
  <c r="G3103" i="9"/>
  <c r="J3103" i="9"/>
  <c r="B3104" i="9"/>
  <c r="C3104" i="9"/>
  <c r="D3104" i="9"/>
  <c r="E3104" i="9"/>
  <c r="G3104" i="9"/>
  <c r="J3104" i="9"/>
  <c r="B3105" i="9"/>
  <c r="C3105" i="9"/>
  <c r="D3105" i="9"/>
  <c r="E3105" i="9"/>
  <c r="G3105" i="9"/>
  <c r="J3105" i="9"/>
  <c r="B3106" i="9"/>
  <c r="C3106" i="9"/>
  <c r="D3106" i="9"/>
  <c r="E3106" i="9"/>
  <c r="G3106" i="9"/>
  <c r="J3106" i="9"/>
  <c r="B3107" i="9"/>
  <c r="C3107" i="9"/>
  <c r="D3107" i="9"/>
  <c r="E3107" i="9"/>
  <c r="G3107" i="9"/>
  <c r="J3107" i="9"/>
  <c r="B3108" i="9"/>
  <c r="C3108" i="9"/>
  <c r="D3108" i="9"/>
  <c r="E3108" i="9"/>
  <c r="G3108" i="9"/>
  <c r="J3108" i="9"/>
  <c r="B3109" i="9"/>
  <c r="C3109" i="9"/>
  <c r="D3109" i="9"/>
  <c r="E3109" i="9"/>
  <c r="G3109" i="9"/>
  <c r="J3109" i="9"/>
  <c r="B3110" i="9"/>
  <c r="C3110" i="9"/>
  <c r="D3110" i="9"/>
  <c r="E3110" i="9"/>
  <c r="G3110" i="9"/>
  <c r="J3110" i="9"/>
  <c r="B3111" i="9"/>
  <c r="C3111" i="9"/>
  <c r="D3111" i="9"/>
  <c r="E3111" i="9"/>
  <c r="G3111" i="9"/>
  <c r="J3111" i="9"/>
  <c r="B3112" i="9"/>
  <c r="C3112" i="9"/>
  <c r="D3112" i="9"/>
  <c r="E3112" i="9"/>
  <c r="G3112" i="9"/>
  <c r="J3112" i="9"/>
  <c r="B3113" i="9"/>
  <c r="C3113" i="9"/>
  <c r="D3113" i="9"/>
  <c r="E3113" i="9"/>
  <c r="G3113" i="9"/>
  <c r="J3113" i="9"/>
  <c r="B3114" i="9"/>
  <c r="C3114" i="9"/>
  <c r="D3114" i="9"/>
  <c r="E3114" i="9"/>
  <c r="G3114" i="9"/>
  <c r="J3114" i="9"/>
  <c r="B3115" i="9"/>
  <c r="C3115" i="9"/>
  <c r="D3115" i="9"/>
  <c r="E3115" i="9"/>
  <c r="G3115" i="9"/>
  <c r="J3115" i="9"/>
  <c r="B3116" i="9"/>
  <c r="C3116" i="9"/>
  <c r="D3116" i="9"/>
  <c r="E3116" i="9"/>
  <c r="G3116" i="9"/>
  <c r="J3116" i="9"/>
  <c r="B3117" i="9"/>
  <c r="C3117" i="9"/>
  <c r="D3117" i="9"/>
  <c r="E3117" i="9"/>
  <c r="G3117" i="9"/>
  <c r="J3117" i="9"/>
  <c r="B3118" i="9"/>
  <c r="C3118" i="9"/>
  <c r="D3118" i="9"/>
  <c r="E3118" i="9"/>
  <c r="G3118" i="9"/>
  <c r="J3118" i="9"/>
  <c r="B3119" i="9"/>
  <c r="C3119" i="9"/>
  <c r="D3119" i="9"/>
  <c r="E3119" i="9"/>
  <c r="G3119" i="9"/>
  <c r="J3119" i="9"/>
  <c r="B3120" i="9"/>
  <c r="C3120" i="9"/>
  <c r="D3120" i="9"/>
  <c r="E3120" i="9"/>
  <c r="G3120" i="9"/>
  <c r="J3120" i="9"/>
  <c r="B3121" i="9"/>
  <c r="C3121" i="9"/>
  <c r="D3121" i="9"/>
  <c r="E3121" i="9"/>
  <c r="G3121" i="9"/>
  <c r="J3121" i="9"/>
  <c r="B3122" i="9"/>
  <c r="C3122" i="9"/>
  <c r="D3122" i="9"/>
  <c r="E3122" i="9"/>
  <c r="G3122" i="9"/>
  <c r="J3122" i="9"/>
  <c r="B3123" i="9"/>
  <c r="C3123" i="9"/>
  <c r="D3123" i="9"/>
  <c r="E3123" i="9"/>
  <c r="G3123" i="9"/>
  <c r="J3123" i="9"/>
  <c r="B3124" i="9"/>
  <c r="C3124" i="9"/>
  <c r="D3124" i="9"/>
  <c r="E3124" i="9"/>
  <c r="G3124" i="9"/>
  <c r="J3124" i="9"/>
  <c r="B3125" i="9"/>
  <c r="C3125" i="9"/>
  <c r="D3125" i="9"/>
  <c r="E3125" i="9"/>
  <c r="G3125" i="9"/>
  <c r="J3125" i="9"/>
  <c r="B3126" i="9"/>
  <c r="C3126" i="9"/>
  <c r="D3126" i="9"/>
  <c r="E3126" i="9"/>
  <c r="G3126" i="9"/>
  <c r="J3126" i="9"/>
  <c r="B3127" i="9"/>
  <c r="C3127" i="9"/>
  <c r="D3127" i="9"/>
  <c r="E3127" i="9"/>
  <c r="G3127" i="9"/>
  <c r="J3127" i="9"/>
  <c r="B3128" i="9"/>
  <c r="C3128" i="9"/>
  <c r="D3128" i="9"/>
  <c r="E3128" i="9"/>
  <c r="G3128" i="9"/>
  <c r="J3128" i="9"/>
  <c r="B3129" i="9"/>
  <c r="C3129" i="9"/>
  <c r="D3129" i="9"/>
  <c r="E3129" i="9"/>
  <c r="G3129" i="9"/>
  <c r="J3129" i="9"/>
  <c r="B3130" i="9"/>
  <c r="C3130" i="9"/>
  <c r="D3130" i="9"/>
  <c r="E3130" i="9"/>
  <c r="G3130" i="9"/>
  <c r="J3130" i="9"/>
  <c r="B3131" i="9"/>
  <c r="C3131" i="9"/>
  <c r="D3131" i="9"/>
  <c r="E3131" i="9"/>
  <c r="G3131" i="9"/>
  <c r="J3131" i="9"/>
  <c r="B3132" i="9"/>
  <c r="C3132" i="9"/>
  <c r="D3132" i="9"/>
  <c r="E3132" i="9"/>
  <c r="G3132" i="9"/>
  <c r="J3132" i="9"/>
  <c r="B3133" i="9"/>
  <c r="C3133" i="9"/>
  <c r="D3133" i="9"/>
  <c r="E3133" i="9"/>
  <c r="G3133" i="9"/>
  <c r="J3133" i="9"/>
  <c r="B3134" i="9"/>
  <c r="C3134" i="9"/>
  <c r="D3134" i="9"/>
  <c r="E3134" i="9"/>
  <c r="G3134" i="9"/>
  <c r="J3134" i="9"/>
  <c r="B3135" i="9"/>
  <c r="C3135" i="9"/>
  <c r="D3135" i="9"/>
  <c r="E3135" i="9"/>
  <c r="G3135" i="9"/>
  <c r="J3135" i="9"/>
  <c r="B3136" i="9"/>
  <c r="C3136" i="9"/>
  <c r="D3136" i="9"/>
  <c r="E3136" i="9"/>
  <c r="G3136" i="9"/>
  <c r="J3136" i="9"/>
  <c r="B3137" i="9"/>
  <c r="C3137" i="9"/>
  <c r="D3137" i="9"/>
  <c r="E3137" i="9"/>
  <c r="G3137" i="9"/>
  <c r="J3137" i="9"/>
  <c r="B3138" i="9"/>
  <c r="C3138" i="9"/>
  <c r="D3138" i="9"/>
  <c r="E3138" i="9"/>
  <c r="G3138" i="9"/>
  <c r="J3138" i="9"/>
  <c r="B3139" i="9"/>
  <c r="C3139" i="9"/>
  <c r="D3139" i="9"/>
  <c r="E3139" i="9"/>
  <c r="G3139" i="9"/>
  <c r="J3139" i="9"/>
  <c r="B3140" i="9"/>
  <c r="C3140" i="9"/>
  <c r="D3140" i="9"/>
  <c r="E3140" i="9"/>
  <c r="G3140" i="9"/>
  <c r="J3140" i="9"/>
  <c r="B3141" i="9"/>
  <c r="C3141" i="9"/>
  <c r="D3141" i="9"/>
  <c r="E3141" i="9"/>
  <c r="G3141" i="9"/>
  <c r="J3141" i="9"/>
  <c r="B3142" i="9"/>
  <c r="C3142" i="9"/>
  <c r="D3142" i="9"/>
  <c r="E3142" i="9"/>
  <c r="G3142" i="9"/>
  <c r="J3142" i="9"/>
  <c r="B3143" i="9"/>
  <c r="C3143" i="9"/>
  <c r="D3143" i="9"/>
  <c r="E3143" i="9"/>
  <c r="G3143" i="9"/>
  <c r="J3143" i="9"/>
  <c r="B3144" i="9"/>
  <c r="C3144" i="9"/>
  <c r="D3144" i="9"/>
  <c r="E3144" i="9"/>
  <c r="G3144" i="9"/>
  <c r="J3144" i="9"/>
  <c r="B3145" i="9"/>
  <c r="C3145" i="9"/>
  <c r="D3145" i="9"/>
  <c r="E3145" i="9"/>
  <c r="G3145" i="9"/>
  <c r="J3145" i="9"/>
  <c r="B3146" i="9"/>
  <c r="C3146" i="9"/>
  <c r="D3146" i="9"/>
  <c r="E3146" i="9"/>
  <c r="G3146" i="9"/>
  <c r="J3146" i="9"/>
  <c r="B3147" i="9"/>
  <c r="C3147" i="9"/>
  <c r="D3147" i="9"/>
  <c r="E3147" i="9"/>
  <c r="G3147" i="9"/>
  <c r="J3147" i="9"/>
  <c r="B3148" i="9"/>
  <c r="C3148" i="9"/>
  <c r="D3148" i="9"/>
  <c r="E3148" i="9"/>
  <c r="G3148" i="9"/>
  <c r="J3148" i="9"/>
  <c r="B3149" i="9"/>
  <c r="C3149" i="9"/>
  <c r="D3149" i="9"/>
  <c r="E3149" i="9"/>
  <c r="G3149" i="9"/>
  <c r="J3149" i="9"/>
  <c r="B3150" i="9"/>
  <c r="C3150" i="9"/>
  <c r="D3150" i="9"/>
  <c r="E3150" i="9"/>
  <c r="G3150" i="9"/>
  <c r="J3150" i="9"/>
  <c r="B3151" i="9"/>
  <c r="C3151" i="9"/>
  <c r="D3151" i="9"/>
  <c r="E3151" i="9"/>
  <c r="G3151" i="9"/>
  <c r="J3151" i="9"/>
  <c r="B3152" i="9"/>
  <c r="C3152" i="9"/>
  <c r="D3152" i="9"/>
  <c r="E3152" i="9"/>
  <c r="G3152" i="9"/>
  <c r="J3152" i="9"/>
  <c r="B3153" i="9"/>
  <c r="C3153" i="9"/>
  <c r="D3153" i="9"/>
  <c r="E3153" i="9"/>
  <c r="G3153" i="9"/>
  <c r="J3153" i="9"/>
  <c r="B3154" i="9"/>
  <c r="C3154" i="9"/>
  <c r="D3154" i="9"/>
  <c r="E3154" i="9"/>
  <c r="G3154" i="9"/>
  <c r="J3154" i="9"/>
  <c r="B3155" i="9"/>
  <c r="C3155" i="9"/>
  <c r="D3155" i="9"/>
  <c r="E3155" i="9"/>
  <c r="G3155" i="9"/>
  <c r="J3155" i="9"/>
  <c r="B3156" i="9"/>
  <c r="C3156" i="9"/>
  <c r="D3156" i="9"/>
  <c r="E3156" i="9"/>
  <c r="G3156" i="9"/>
  <c r="J3156" i="9"/>
  <c r="B3157" i="9"/>
  <c r="C3157" i="9"/>
  <c r="D3157" i="9"/>
  <c r="E3157" i="9"/>
  <c r="G3157" i="9"/>
  <c r="J3157" i="9"/>
  <c r="B3158" i="9"/>
  <c r="C3158" i="9"/>
  <c r="D3158" i="9"/>
  <c r="E3158" i="9"/>
  <c r="G3158" i="9"/>
  <c r="J3158" i="9"/>
  <c r="B3159" i="9"/>
  <c r="C3159" i="9"/>
  <c r="D3159" i="9"/>
  <c r="E3159" i="9"/>
  <c r="G3159" i="9"/>
  <c r="J3159" i="9"/>
  <c r="B3160" i="9"/>
  <c r="C3160" i="9"/>
  <c r="D3160" i="9"/>
  <c r="E3160" i="9"/>
  <c r="G3160" i="9"/>
  <c r="J3160" i="9"/>
  <c r="B3161" i="9"/>
  <c r="C3161" i="9"/>
  <c r="D3161" i="9"/>
  <c r="E3161" i="9"/>
  <c r="G3161" i="9"/>
  <c r="J3161" i="9"/>
  <c r="B3162" i="9"/>
  <c r="C3162" i="9"/>
  <c r="D3162" i="9"/>
  <c r="E3162" i="9"/>
  <c r="G3162" i="9"/>
  <c r="J3162" i="9"/>
  <c r="B3163" i="9"/>
  <c r="C3163" i="9"/>
  <c r="D3163" i="9"/>
  <c r="E3163" i="9"/>
  <c r="G3163" i="9"/>
  <c r="J3163" i="9"/>
  <c r="B3164" i="9"/>
  <c r="C3164" i="9"/>
  <c r="D3164" i="9"/>
  <c r="E3164" i="9"/>
  <c r="G3164" i="9"/>
  <c r="J3164" i="9"/>
  <c r="B3165" i="9"/>
  <c r="C3165" i="9"/>
  <c r="D3165" i="9"/>
  <c r="E3165" i="9"/>
  <c r="G3165" i="9"/>
  <c r="J3165" i="9"/>
  <c r="B3166" i="9"/>
  <c r="C3166" i="9"/>
  <c r="D3166" i="9"/>
  <c r="E3166" i="9"/>
  <c r="G3166" i="9"/>
  <c r="J3166" i="9"/>
  <c r="B3167" i="9"/>
  <c r="C3167" i="9"/>
  <c r="D3167" i="9"/>
  <c r="E3167" i="9"/>
  <c r="G3167" i="9"/>
  <c r="J3167" i="9"/>
  <c r="B3168" i="9"/>
  <c r="C3168" i="9"/>
  <c r="D3168" i="9"/>
  <c r="E3168" i="9"/>
  <c r="G3168" i="9"/>
  <c r="J3168" i="9"/>
  <c r="B3169" i="9"/>
  <c r="C3169" i="9"/>
  <c r="D3169" i="9"/>
  <c r="E3169" i="9"/>
  <c r="G3169" i="9"/>
  <c r="J3169" i="9"/>
  <c r="B3170" i="9"/>
  <c r="C3170" i="9"/>
  <c r="D3170" i="9"/>
  <c r="E3170" i="9"/>
  <c r="G3170" i="9"/>
  <c r="J3170" i="9"/>
  <c r="B3171" i="9"/>
  <c r="C3171" i="9"/>
  <c r="D3171" i="9"/>
  <c r="E3171" i="9"/>
  <c r="G3171" i="9"/>
  <c r="J3171" i="9"/>
  <c r="B3172" i="9"/>
  <c r="C3172" i="9"/>
  <c r="D3172" i="9"/>
  <c r="E3172" i="9"/>
  <c r="G3172" i="9"/>
  <c r="J3172" i="9"/>
  <c r="B3173" i="9"/>
  <c r="C3173" i="9"/>
  <c r="D3173" i="9"/>
  <c r="E3173" i="9"/>
  <c r="G3173" i="9"/>
  <c r="J3173" i="9"/>
  <c r="B3174" i="9"/>
  <c r="C3174" i="9"/>
  <c r="D3174" i="9"/>
  <c r="E3174" i="9"/>
  <c r="G3174" i="9"/>
  <c r="J3174" i="9"/>
  <c r="B3175" i="9"/>
  <c r="C3175" i="9"/>
  <c r="D3175" i="9"/>
  <c r="E3175" i="9"/>
  <c r="G3175" i="9"/>
  <c r="J3175" i="9"/>
  <c r="B3176" i="9"/>
  <c r="C3176" i="9"/>
  <c r="D3176" i="9"/>
  <c r="E3176" i="9"/>
  <c r="G3176" i="9"/>
  <c r="J3176" i="9"/>
  <c r="B3177" i="9"/>
  <c r="C3177" i="9"/>
  <c r="D3177" i="9"/>
  <c r="E3177" i="9"/>
  <c r="G3177" i="9"/>
  <c r="J3177" i="9"/>
  <c r="B3178" i="9"/>
  <c r="C3178" i="9"/>
  <c r="D3178" i="9"/>
  <c r="E3178" i="9"/>
  <c r="G3178" i="9"/>
  <c r="J3178" i="9"/>
  <c r="B3179" i="9"/>
  <c r="C3179" i="9"/>
  <c r="D3179" i="9"/>
  <c r="E3179" i="9"/>
  <c r="G3179" i="9"/>
  <c r="J3179" i="9"/>
  <c r="B3180" i="9"/>
  <c r="C3180" i="9"/>
  <c r="D3180" i="9"/>
  <c r="E3180" i="9"/>
  <c r="G3180" i="9"/>
  <c r="J3180" i="9"/>
  <c r="B3181" i="9"/>
  <c r="C3181" i="9"/>
  <c r="D3181" i="9"/>
  <c r="E3181" i="9"/>
  <c r="G3181" i="9"/>
  <c r="J3181" i="9"/>
  <c r="B3182" i="9"/>
  <c r="C3182" i="9"/>
  <c r="D3182" i="9"/>
  <c r="E3182" i="9"/>
  <c r="G3182" i="9"/>
  <c r="J3182" i="9"/>
  <c r="B3183" i="9"/>
  <c r="C3183" i="9"/>
  <c r="D3183" i="9"/>
  <c r="E3183" i="9"/>
  <c r="G3183" i="9"/>
  <c r="J3183" i="9"/>
  <c r="B3184" i="9"/>
  <c r="C3184" i="9"/>
  <c r="D3184" i="9"/>
  <c r="E3184" i="9"/>
  <c r="G3184" i="9"/>
  <c r="J3184" i="9"/>
  <c r="B3185" i="9"/>
  <c r="C3185" i="9"/>
  <c r="D3185" i="9"/>
  <c r="E3185" i="9"/>
  <c r="G3185" i="9"/>
  <c r="J3185" i="9"/>
  <c r="B3186" i="9"/>
  <c r="C3186" i="9"/>
  <c r="D3186" i="9"/>
  <c r="E3186" i="9"/>
  <c r="G3186" i="9"/>
  <c r="J3186" i="9"/>
  <c r="B3187" i="9"/>
  <c r="C3187" i="9"/>
  <c r="D3187" i="9"/>
  <c r="E3187" i="9"/>
  <c r="G3187" i="9"/>
  <c r="J3187" i="9"/>
  <c r="B3188" i="9"/>
  <c r="C3188" i="9"/>
  <c r="D3188" i="9"/>
  <c r="E3188" i="9"/>
  <c r="G3188" i="9"/>
  <c r="J3188" i="9"/>
  <c r="B3189" i="9"/>
  <c r="C3189" i="9"/>
  <c r="D3189" i="9"/>
  <c r="E3189" i="9"/>
  <c r="G3189" i="9"/>
  <c r="J3189" i="9"/>
  <c r="B3190" i="9"/>
  <c r="C3190" i="9"/>
  <c r="D3190" i="9"/>
  <c r="E3190" i="9"/>
  <c r="G3190" i="9"/>
  <c r="J3190" i="9"/>
  <c r="B3191" i="9"/>
  <c r="C3191" i="9"/>
  <c r="D3191" i="9"/>
  <c r="E3191" i="9"/>
  <c r="G3191" i="9"/>
  <c r="J3191" i="9"/>
  <c r="B3192" i="9"/>
  <c r="C3192" i="9"/>
  <c r="D3192" i="9"/>
  <c r="E3192" i="9"/>
  <c r="G3192" i="9"/>
  <c r="J3192" i="9"/>
  <c r="B3193" i="9"/>
  <c r="C3193" i="9"/>
  <c r="D3193" i="9"/>
  <c r="E3193" i="9"/>
  <c r="G3193" i="9"/>
  <c r="J3193" i="9"/>
  <c r="B3194" i="9"/>
  <c r="C3194" i="9"/>
  <c r="D3194" i="9"/>
  <c r="E3194" i="9"/>
  <c r="G3194" i="9"/>
  <c r="J3194" i="9"/>
  <c r="B3195" i="9"/>
  <c r="C3195" i="9"/>
  <c r="D3195" i="9"/>
  <c r="E3195" i="9"/>
  <c r="G3195" i="9"/>
  <c r="J3195" i="9"/>
  <c r="B3196" i="9"/>
  <c r="C3196" i="9"/>
  <c r="D3196" i="9"/>
  <c r="E3196" i="9"/>
  <c r="G3196" i="9"/>
  <c r="J3196" i="9"/>
  <c r="B3197" i="9"/>
  <c r="C3197" i="9"/>
  <c r="D3197" i="9"/>
  <c r="E3197" i="9"/>
  <c r="G3197" i="9"/>
  <c r="J3197" i="9"/>
  <c r="B3198" i="9"/>
  <c r="C3198" i="9"/>
  <c r="D3198" i="9"/>
  <c r="E3198" i="9"/>
  <c r="G3198" i="9"/>
  <c r="J3198" i="9"/>
  <c r="B3199" i="9"/>
  <c r="C3199" i="9"/>
  <c r="D3199" i="9"/>
  <c r="E3199" i="9"/>
  <c r="G3199" i="9"/>
  <c r="J3199" i="9"/>
  <c r="B3200" i="9"/>
  <c r="C3200" i="9"/>
  <c r="D3200" i="9"/>
  <c r="E3200" i="9"/>
  <c r="G3200" i="9"/>
  <c r="J3200" i="9"/>
  <c r="B3201" i="9"/>
  <c r="C3201" i="9"/>
  <c r="D3201" i="9"/>
  <c r="E3201" i="9"/>
  <c r="G3201" i="9"/>
  <c r="J3201" i="9"/>
  <c r="B3202" i="9"/>
  <c r="C3202" i="9"/>
  <c r="D3202" i="9"/>
  <c r="E3202" i="9"/>
  <c r="G3202" i="9"/>
  <c r="J3202" i="9"/>
  <c r="B3203" i="9"/>
  <c r="C3203" i="9"/>
  <c r="D3203" i="9"/>
  <c r="E3203" i="9"/>
  <c r="G3203" i="9"/>
  <c r="J3203" i="9"/>
  <c r="B3204" i="9"/>
  <c r="C3204" i="9"/>
  <c r="D3204" i="9"/>
  <c r="E3204" i="9"/>
  <c r="G3204" i="9"/>
  <c r="J3204" i="9"/>
  <c r="B3205" i="9"/>
  <c r="C3205" i="9"/>
  <c r="D3205" i="9"/>
  <c r="E3205" i="9"/>
  <c r="G3205" i="9"/>
  <c r="J3205" i="9"/>
  <c r="B3206" i="9"/>
  <c r="C3206" i="9"/>
  <c r="D3206" i="9"/>
  <c r="E3206" i="9"/>
  <c r="G3206" i="9"/>
  <c r="J3206" i="9"/>
  <c r="B3207" i="9"/>
  <c r="C3207" i="9"/>
  <c r="D3207" i="9"/>
  <c r="E3207" i="9"/>
  <c r="G3207" i="9"/>
  <c r="J3207" i="9"/>
  <c r="B3208" i="9"/>
  <c r="C3208" i="9"/>
  <c r="D3208" i="9"/>
  <c r="E3208" i="9"/>
  <c r="G3208" i="9"/>
  <c r="J3208" i="9"/>
  <c r="B3209" i="9"/>
  <c r="C3209" i="9"/>
  <c r="D3209" i="9"/>
  <c r="E3209" i="9"/>
  <c r="G3209" i="9"/>
  <c r="J3209" i="9"/>
  <c r="B3210" i="9"/>
  <c r="C3210" i="9"/>
  <c r="D3210" i="9"/>
  <c r="E3210" i="9"/>
  <c r="G3210" i="9"/>
  <c r="J3210" i="9"/>
  <c r="B3211" i="9"/>
  <c r="C3211" i="9"/>
  <c r="D3211" i="9"/>
  <c r="E3211" i="9"/>
  <c r="G3211" i="9"/>
  <c r="J3211" i="9"/>
  <c r="B3212" i="9"/>
  <c r="C3212" i="9"/>
  <c r="D3212" i="9"/>
  <c r="E3212" i="9"/>
  <c r="G3212" i="9"/>
  <c r="J3212" i="9"/>
  <c r="B3213" i="9"/>
  <c r="C3213" i="9"/>
  <c r="D3213" i="9"/>
  <c r="E3213" i="9"/>
  <c r="G3213" i="9"/>
  <c r="J3213" i="9"/>
  <c r="B3214" i="9"/>
  <c r="C3214" i="9"/>
  <c r="D3214" i="9"/>
  <c r="E3214" i="9"/>
  <c r="G3214" i="9"/>
  <c r="J3214" i="9"/>
  <c r="B3215" i="9"/>
  <c r="C3215" i="9"/>
  <c r="D3215" i="9"/>
  <c r="E3215" i="9"/>
  <c r="G3215" i="9"/>
  <c r="J3215" i="9"/>
  <c r="B3216" i="9"/>
  <c r="C3216" i="9"/>
  <c r="D3216" i="9"/>
  <c r="E3216" i="9"/>
  <c r="G3216" i="9"/>
  <c r="J3216" i="9"/>
  <c r="B3217" i="9"/>
  <c r="C3217" i="9"/>
  <c r="D3217" i="9"/>
  <c r="E3217" i="9"/>
  <c r="G3217" i="9"/>
  <c r="J3217" i="9"/>
  <c r="B3218" i="9"/>
  <c r="C3218" i="9"/>
  <c r="D3218" i="9"/>
  <c r="E3218" i="9"/>
  <c r="G3218" i="9"/>
  <c r="J3218" i="9"/>
  <c r="B3219" i="9"/>
  <c r="C3219" i="9"/>
  <c r="D3219" i="9"/>
  <c r="E3219" i="9"/>
  <c r="G3219" i="9"/>
  <c r="J3219" i="9"/>
  <c r="B3220" i="9"/>
  <c r="C3220" i="9"/>
  <c r="D3220" i="9"/>
  <c r="E3220" i="9"/>
  <c r="G3220" i="9"/>
  <c r="J3220" i="9"/>
  <c r="B3221" i="9"/>
  <c r="C3221" i="9"/>
  <c r="D3221" i="9"/>
  <c r="E3221" i="9"/>
  <c r="G3221" i="9"/>
  <c r="J3221" i="9"/>
  <c r="B3222" i="9"/>
  <c r="C3222" i="9"/>
  <c r="D3222" i="9"/>
  <c r="E3222" i="9"/>
  <c r="G3222" i="9"/>
  <c r="J3222" i="9"/>
  <c r="B3223" i="9"/>
  <c r="C3223" i="9"/>
  <c r="D3223" i="9"/>
  <c r="E3223" i="9"/>
  <c r="G3223" i="9"/>
  <c r="J3223" i="9"/>
  <c r="B3224" i="9"/>
  <c r="C3224" i="9"/>
  <c r="D3224" i="9"/>
  <c r="E3224" i="9"/>
  <c r="G3224" i="9"/>
  <c r="J3224" i="9"/>
  <c r="B3225" i="9"/>
  <c r="C3225" i="9"/>
  <c r="D3225" i="9"/>
  <c r="E3225" i="9"/>
  <c r="G3225" i="9"/>
  <c r="J3225" i="9"/>
  <c r="B3226" i="9"/>
  <c r="C3226" i="9"/>
  <c r="D3226" i="9"/>
  <c r="E3226" i="9"/>
  <c r="G3226" i="9"/>
  <c r="J3226" i="9"/>
  <c r="B3227" i="9"/>
  <c r="C3227" i="9"/>
  <c r="D3227" i="9"/>
  <c r="E3227" i="9"/>
  <c r="G3227" i="9"/>
  <c r="J3227" i="9"/>
  <c r="B3228" i="9"/>
  <c r="C3228" i="9"/>
  <c r="D3228" i="9"/>
  <c r="E3228" i="9"/>
  <c r="G3228" i="9"/>
  <c r="J3228" i="9"/>
  <c r="B3229" i="9"/>
  <c r="C3229" i="9"/>
  <c r="D3229" i="9"/>
  <c r="E3229" i="9"/>
  <c r="G3229" i="9"/>
  <c r="J3229" i="9"/>
  <c r="B3230" i="9"/>
  <c r="C3230" i="9"/>
  <c r="D3230" i="9"/>
  <c r="E3230" i="9"/>
  <c r="G3230" i="9"/>
  <c r="J3230" i="9"/>
  <c r="B3231" i="9"/>
  <c r="C3231" i="9"/>
  <c r="D3231" i="9"/>
  <c r="E3231" i="9"/>
  <c r="G3231" i="9"/>
  <c r="J3231" i="9"/>
  <c r="B3232" i="9"/>
  <c r="C3232" i="9"/>
  <c r="D3232" i="9"/>
  <c r="E3232" i="9"/>
  <c r="G3232" i="9"/>
  <c r="J3232" i="9"/>
  <c r="B3233" i="9"/>
  <c r="C3233" i="9"/>
  <c r="D3233" i="9"/>
  <c r="E3233" i="9"/>
  <c r="G3233" i="9"/>
  <c r="J3233" i="9"/>
  <c r="B3234" i="9"/>
  <c r="C3234" i="9"/>
  <c r="D3234" i="9"/>
  <c r="E3234" i="9"/>
  <c r="G3234" i="9"/>
  <c r="J3234" i="9"/>
  <c r="B3235" i="9"/>
  <c r="C3235" i="9"/>
  <c r="D3235" i="9"/>
  <c r="E3235" i="9"/>
  <c r="G3235" i="9"/>
  <c r="J3235" i="9"/>
  <c r="B3236" i="9"/>
  <c r="C3236" i="9"/>
  <c r="D3236" i="9"/>
  <c r="E3236" i="9"/>
  <c r="G3236" i="9"/>
  <c r="J3236" i="9"/>
  <c r="B3237" i="9"/>
  <c r="C3237" i="9"/>
  <c r="D3237" i="9"/>
  <c r="E3237" i="9"/>
  <c r="G3237" i="9"/>
  <c r="J3237" i="9"/>
  <c r="B3238" i="9"/>
  <c r="C3238" i="9"/>
  <c r="D3238" i="9"/>
  <c r="E3238" i="9"/>
  <c r="G3238" i="9"/>
  <c r="J3238" i="9"/>
  <c r="B3239" i="9"/>
  <c r="C3239" i="9"/>
  <c r="D3239" i="9"/>
  <c r="E3239" i="9"/>
  <c r="G3239" i="9"/>
  <c r="J3239" i="9"/>
  <c r="B3240" i="9"/>
  <c r="C3240" i="9"/>
  <c r="D3240" i="9"/>
  <c r="E3240" i="9"/>
  <c r="G3240" i="9"/>
  <c r="J3240" i="9"/>
  <c r="B3241" i="9"/>
  <c r="C3241" i="9"/>
  <c r="D3241" i="9"/>
  <c r="E3241" i="9"/>
  <c r="G3241" i="9"/>
  <c r="J3241" i="9"/>
  <c r="B3242" i="9"/>
  <c r="C3242" i="9"/>
  <c r="D3242" i="9"/>
  <c r="E3242" i="9"/>
  <c r="G3242" i="9"/>
  <c r="J3242" i="9"/>
  <c r="B3243" i="9"/>
  <c r="C3243" i="9"/>
  <c r="D3243" i="9"/>
  <c r="E3243" i="9"/>
  <c r="G3243" i="9"/>
  <c r="J3243" i="9"/>
  <c r="B3244" i="9"/>
  <c r="C3244" i="9"/>
  <c r="D3244" i="9"/>
  <c r="E3244" i="9"/>
  <c r="G3244" i="9"/>
  <c r="J3244" i="9"/>
  <c r="B3245" i="9"/>
  <c r="C3245" i="9"/>
  <c r="D3245" i="9"/>
  <c r="E3245" i="9"/>
  <c r="G3245" i="9"/>
  <c r="J3245" i="9"/>
  <c r="B3246" i="9"/>
  <c r="C3246" i="9"/>
  <c r="D3246" i="9"/>
  <c r="E3246" i="9"/>
  <c r="G3246" i="9"/>
  <c r="J3246" i="9"/>
  <c r="B3247" i="9"/>
  <c r="C3247" i="9"/>
  <c r="D3247" i="9"/>
  <c r="E3247" i="9"/>
  <c r="G3247" i="9"/>
  <c r="J3247" i="9"/>
  <c r="B3248" i="9"/>
  <c r="C3248" i="9"/>
  <c r="D3248" i="9"/>
  <c r="E3248" i="9"/>
  <c r="G3248" i="9"/>
  <c r="J3248" i="9"/>
  <c r="B3249" i="9"/>
  <c r="C3249" i="9"/>
  <c r="D3249" i="9"/>
  <c r="E3249" i="9"/>
  <c r="G3249" i="9"/>
  <c r="J3249" i="9"/>
  <c r="B3250" i="9"/>
  <c r="C3250" i="9"/>
  <c r="D3250" i="9"/>
  <c r="E3250" i="9"/>
  <c r="G3250" i="9"/>
  <c r="J3250" i="9"/>
  <c r="B3251" i="9"/>
  <c r="C3251" i="9"/>
  <c r="D3251" i="9"/>
  <c r="E3251" i="9"/>
  <c r="G3251" i="9"/>
  <c r="J3251" i="9"/>
  <c r="B3252" i="9"/>
  <c r="C3252" i="9"/>
  <c r="D3252" i="9"/>
  <c r="E3252" i="9"/>
  <c r="G3252" i="9"/>
  <c r="J3252" i="9"/>
  <c r="B3253" i="9"/>
  <c r="C3253" i="9"/>
  <c r="D3253" i="9"/>
  <c r="E3253" i="9"/>
  <c r="G3253" i="9"/>
  <c r="J3253" i="9"/>
  <c r="B3254" i="9"/>
  <c r="C3254" i="9"/>
  <c r="D3254" i="9"/>
  <c r="E3254" i="9"/>
  <c r="G3254" i="9"/>
  <c r="J3254" i="9"/>
  <c r="B3255" i="9"/>
  <c r="C3255" i="9"/>
  <c r="D3255" i="9"/>
  <c r="E3255" i="9"/>
  <c r="G3255" i="9"/>
  <c r="J3255" i="9"/>
  <c r="B3256" i="9"/>
  <c r="C3256" i="9"/>
  <c r="D3256" i="9"/>
  <c r="E3256" i="9"/>
  <c r="G3256" i="9"/>
  <c r="J3256" i="9"/>
  <c r="B3257" i="9"/>
  <c r="C3257" i="9"/>
  <c r="D3257" i="9"/>
  <c r="E3257" i="9"/>
  <c r="G3257" i="9"/>
  <c r="J3257" i="9"/>
  <c r="B3258" i="9"/>
  <c r="C3258" i="9"/>
  <c r="D3258" i="9"/>
  <c r="E3258" i="9"/>
  <c r="G3258" i="9"/>
  <c r="J3258" i="9"/>
  <c r="B3259" i="9"/>
  <c r="C3259" i="9"/>
  <c r="D3259" i="9"/>
  <c r="E3259" i="9"/>
  <c r="G3259" i="9"/>
  <c r="J3259" i="9"/>
  <c r="B3260" i="9"/>
  <c r="C3260" i="9"/>
  <c r="D3260" i="9"/>
  <c r="E3260" i="9"/>
  <c r="G3260" i="9"/>
  <c r="J3260" i="9"/>
  <c r="B3261" i="9"/>
  <c r="C3261" i="9"/>
  <c r="D3261" i="9"/>
  <c r="E3261" i="9"/>
  <c r="G3261" i="9"/>
  <c r="J3261" i="9"/>
  <c r="B3262" i="9"/>
  <c r="C3262" i="9"/>
  <c r="D3262" i="9"/>
  <c r="E3262" i="9"/>
  <c r="G3262" i="9"/>
  <c r="J3262" i="9"/>
  <c r="B3263" i="9"/>
  <c r="C3263" i="9"/>
  <c r="D3263" i="9"/>
  <c r="E3263" i="9"/>
  <c r="G3263" i="9"/>
  <c r="J3263" i="9"/>
  <c r="B3264" i="9"/>
  <c r="C3264" i="9"/>
  <c r="D3264" i="9"/>
  <c r="E3264" i="9"/>
  <c r="G3264" i="9"/>
  <c r="J3264" i="9"/>
  <c r="B3265" i="9"/>
  <c r="C3265" i="9"/>
  <c r="D3265" i="9"/>
  <c r="E3265" i="9"/>
  <c r="G3265" i="9"/>
  <c r="J3265" i="9"/>
  <c r="B3266" i="9"/>
  <c r="C3266" i="9"/>
  <c r="D3266" i="9"/>
  <c r="E3266" i="9"/>
  <c r="G3266" i="9"/>
  <c r="J3266" i="9"/>
  <c r="B3267" i="9"/>
  <c r="C3267" i="9"/>
  <c r="D3267" i="9"/>
  <c r="E3267" i="9"/>
  <c r="G3267" i="9"/>
  <c r="J3267" i="9"/>
  <c r="B3268" i="9"/>
  <c r="C3268" i="9"/>
  <c r="D3268" i="9"/>
  <c r="E3268" i="9"/>
  <c r="G3268" i="9"/>
  <c r="J3268" i="9"/>
  <c r="B3269" i="9"/>
  <c r="C3269" i="9"/>
  <c r="D3269" i="9"/>
  <c r="E3269" i="9"/>
  <c r="G3269" i="9"/>
  <c r="J3269" i="9"/>
  <c r="B3270" i="9"/>
  <c r="C3270" i="9"/>
  <c r="D3270" i="9"/>
  <c r="E3270" i="9"/>
  <c r="G3270" i="9"/>
  <c r="J3270" i="9"/>
  <c r="B3271" i="9"/>
  <c r="C3271" i="9"/>
  <c r="D3271" i="9"/>
  <c r="E3271" i="9"/>
  <c r="G3271" i="9"/>
  <c r="J3271" i="9"/>
  <c r="B3272" i="9"/>
  <c r="C3272" i="9"/>
  <c r="D3272" i="9"/>
  <c r="E3272" i="9"/>
  <c r="G3272" i="9"/>
  <c r="J3272" i="9"/>
  <c r="B3273" i="9"/>
  <c r="C3273" i="9"/>
  <c r="D3273" i="9"/>
  <c r="E3273" i="9"/>
  <c r="G3273" i="9"/>
  <c r="J3273" i="9"/>
  <c r="B3274" i="9"/>
  <c r="C3274" i="9"/>
  <c r="D3274" i="9"/>
  <c r="E3274" i="9"/>
  <c r="G3274" i="9"/>
  <c r="J3274" i="9"/>
  <c r="B3275" i="9"/>
  <c r="C3275" i="9"/>
  <c r="D3275" i="9"/>
  <c r="E3275" i="9"/>
  <c r="G3275" i="9"/>
  <c r="J3275" i="9"/>
  <c r="B3276" i="9"/>
  <c r="C3276" i="9"/>
  <c r="D3276" i="9"/>
  <c r="E3276" i="9"/>
  <c r="G3276" i="9"/>
  <c r="J3276" i="9"/>
  <c r="B3277" i="9"/>
  <c r="C3277" i="9"/>
  <c r="D3277" i="9"/>
  <c r="E3277" i="9"/>
  <c r="G3277" i="9"/>
  <c r="J3277" i="9"/>
  <c r="B3278" i="9"/>
  <c r="C3278" i="9"/>
  <c r="D3278" i="9"/>
  <c r="E3278" i="9"/>
  <c r="G3278" i="9"/>
  <c r="J3278" i="9"/>
  <c r="B3279" i="9"/>
  <c r="C3279" i="9"/>
  <c r="D3279" i="9"/>
  <c r="E3279" i="9"/>
  <c r="G3279" i="9"/>
  <c r="J3279" i="9"/>
  <c r="B3280" i="9"/>
  <c r="C3280" i="9"/>
  <c r="D3280" i="9"/>
  <c r="E3280" i="9"/>
  <c r="G3280" i="9"/>
  <c r="J3280" i="9"/>
  <c r="B3281" i="9"/>
  <c r="C3281" i="9"/>
  <c r="D3281" i="9"/>
  <c r="E3281" i="9"/>
  <c r="G3281" i="9"/>
  <c r="J3281" i="9"/>
  <c r="B3282" i="9"/>
  <c r="C3282" i="9"/>
  <c r="D3282" i="9"/>
  <c r="E3282" i="9"/>
  <c r="G3282" i="9"/>
  <c r="J3282" i="9"/>
  <c r="B3283" i="9"/>
  <c r="C3283" i="9"/>
  <c r="D3283" i="9"/>
  <c r="E3283" i="9"/>
  <c r="G3283" i="9"/>
  <c r="J3283" i="9"/>
  <c r="B3284" i="9"/>
  <c r="C3284" i="9"/>
  <c r="D3284" i="9"/>
  <c r="E3284" i="9"/>
  <c r="G3284" i="9"/>
  <c r="J3284" i="9"/>
  <c r="B3285" i="9"/>
  <c r="C3285" i="9"/>
  <c r="D3285" i="9"/>
  <c r="E3285" i="9"/>
  <c r="G3285" i="9"/>
  <c r="J3285" i="9"/>
  <c r="B3286" i="9"/>
  <c r="C3286" i="9"/>
  <c r="D3286" i="9"/>
  <c r="E3286" i="9"/>
  <c r="G3286" i="9"/>
  <c r="J3286" i="9"/>
  <c r="B3287" i="9"/>
  <c r="C3287" i="9"/>
  <c r="D3287" i="9"/>
  <c r="E3287" i="9"/>
  <c r="G3287" i="9"/>
  <c r="J3287" i="9"/>
  <c r="B3288" i="9"/>
  <c r="C3288" i="9"/>
  <c r="D3288" i="9"/>
  <c r="E3288" i="9"/>
  <c r="G3288" i="9"/>
  <c r="J3288" i="9"/>
  <c r="B3289" i="9"/>
  <c r="C3289" i="9"/>
  <c r="D3289" i="9"/>
  <c r="E3289" i="9"/>
  <c r="G3289" i="9"/>
  <c r="J3289" i="9"/>
  <c r="B3290" i="9"/>
  <c r="C3290" i="9"/>
  <c r="D3290" i="9"/>
  <c r="E3290" i="9"/>
  <c r="G3290" i="9"/>
  <c r="J3290" i="9"/>
  <c r="B3291" i="9"/>
  <c r="C3291" i="9"/>
  <c r="D3291" i="9"/>
  <c r="E3291" i="9"/>
  <c r="G3291" i="9"/>
  <c r="J3291" i="9"/>
  <c r="B3292" i="9"/>
  <c r="C3292" i="9"/>
  <c r="D3292" i="9"/>
  <c r="E3292" i="9"/>
  <c r="G3292" i="9"/>
  <c r="J3292" i="9"/>
  <c r="B3293" i="9"/>
  <c r="C3293" i="9"/>
  <c r="D3293" i="9"/>
  <c r="E3293" i="9"/>
  <c r="G3293" i="9"/>
  <c r="J3293" i="9"/>
  <c r="B3294" i="9"/>
  <c r="C3294" i="9"/>
  <c r="D3294" i="9"/>
  <c r="E3294" i="9"/>
  <c r="G3294" i="9"/>
  <c r="J3294" i="9"/>
  <c r="B3295" i="9"/>
  <c r="C3295" i="9"/>
  <c r="D3295" i="9"/>
  <c r="E3295" i="9"/>
  <c r="G3295" i="9"/>
  <c r="J3295" i="9"/>
  <c r="B3296" i="9"/>
  <c r="C3296" i="9"/>
  <c r="D3296" i="9"/>
  <c r="E3296" i="9"/>
  <c r="G3296" i="9"/>
  <c r="J3296" i="9"/>
  <c r="B3297" i="9"/>
  <c r="C3297" i="9"/>
  <c r="D3297" i="9"/>
  <c r="E3297" i="9"/>
  <c r="G3297" i="9"/>
  <c r="J3297" i="9"/>
  <c r="B3298" i="9"/>
  <c r="C3298" i="9"/>
  <c r="D3298" i="9"/>
  <c r="E3298" i="9"/>
  <c r="G3298" i="9"/>
  <c r="J3298" i="9"/>
  <c r="B3299" i="9"/>
  <c r="C3299" i="9"/>
  <c r="D3299" i="9"/>
  <c r="E3299" i="9"/>
  <c r="G3299" i="9"/>
  <c r="J3299" i="9"/>
  <c r="B3300" i="9"/>
  <c r="C3300" i="9"/>
  <c r="D3300" i="9"/>
  <c r="E3300" i="9"/>
  <c r="G3300" i="9"/>
  <c r="J3300" i="9"/>
  <c r="B3301" i="9"/>
  <c r="C3301" i="9"/>
  <c r="D3301" i="9"/>
  <c r="E3301" i="9"/>
  <c r="G3301" i="9"/>
  <c r="J3301" i="9"/>
  <c r="B3302" i="9"/>
  <c r="C3302" i="9"/>
  <c r="D3302" i="9"/>
  <c r="E3302" i="9"/>
  <c r="G3302" i="9"/>
  <c r="J3302" i="9"/>
  <c r="B3303" i="9"/>
  <c r="C3303" i="9"/>
  <c r="D3303" i="9"/>
  <c r="E3303" i="9"/>
  <c r="G3303" i="9"/>
  <c r="J3303" i="9"/>
  <c r="B3304" i="9"/>
  <c r="C3304" i="9"/>
  <c r="D3304" i="9"/>
  <c r="E3304" i="9"/>
  <c r="G3304" i="9"/>
  <c r="J3304" i="9"/>
  <c r="B3305" i="9"/>
  <c r="C3305" i="9"/>
  <c r="D3305" i="9"/>
  <c r="E3305" i="9"/>
  <c r="G3305" i="9"/>
  <c r="J3305" i="9"/>
  <c r="B3306" i="9"/>
  <c r="C3306" i="9"/>
  <c r="D3306" i="9"/>
  <c r="E3306" i="9"/>
  <c r="G3306" i="9"/>
  <c r="J3306" i="9"/>
  <c r="B3307" i="9"/>
  <c r="C3307" i="9"/>
  <c r="D3307" i="9"/>
  <c r="E3307" i="9"/>
  <c r="G3307" i="9"/>
  <c r="J3307" i="9"/>
  <c r="B3308" i="9"/>
  <c r="C3308" i="9"/>
  <c r="D3308" i="9"/>
  <c r="E3308" i="9"/>
  <c r="G3308" i="9"/>
  <c r="J3308" i="9"/>
  <c r="B3309" i="9"/>
  <c r="C3309" i="9"/>
  <c r="D3309" i="9"/>
  <c r="E3309" i="9"/>
  <c r="G3309" i="9"/>
  <c r="J3309" i="9"/>
  <c r="B3310" i="9"/>
  <c r="C3310" i="9"/>
  <c r="D3310" i="9"/>
  <c r="E3310" i="9"/>
  <c r="G3310" i="9"/>
  <c r="J3310" i="9"/>
  <c r="B3311" i="9"/>
  <c r="C3311" i="9"/>
  <c r="D3311" i="9"/>
  <c r="E3311" i="9"/>
  <c r="G3311" i="9"/>
  <c r="J3311" i="9"/>
  <c r="B3312" i="9"/>
  <c r="C3312" i="9"/>
  <c r="D3312" i="9"/>
  <c r="E3312" i="9"/>
  <c r="G3312" i="9"/>
  <c r="J3312" i="9"/>
  <c r="B3313" i="9"/>
  <c r="C3313" i="9"/>
  <c r="D3313" i="9"/>
  <c r="E3313" i="9"/>
  <c r="G3313" i="9"/>
  <c r="J3313" i="9"/>
  <c r="B3314" i="9"/>
  <c r="C3314" i="9"/>
  <c r="D3314" i="9"/>
  <c r="E3314" i="9"/>
  <c r="G3314" i="9"/>
  <c r="J3314" i="9"/>
  <c r="B3315" i="9"/>
  <c r="C3315" i="9"/>
  <c r="D3315" i="9"/>
  <c r="E3315" i="9"/>
  <c r="G3315" i="9"/>
  <c r="J3315" i="9"/>
  <c r="B3316" i="9"/>
  <c r="C3316" i="9"/>
  <c r="D3316" i="9"/>
  <c r="E3316" i="9"/>
  <c r="G3316" i="9"/>
  <c r="J3316" i="9"/>
  <c r="B3317" i="9"/>
  <c r="C3317" i="9"/>
  <c r="D3317" i="9"/>
  <c r="E3317" i="9"/>
  <c r="G3317" i="9"/>
  <c r="J3317" i="9"/>
  <c r="B3318" i="9"/>
  <c r="C3318" i="9"/>
  <c r="D3318" i="9"/>
  <c r="E3318" i="9"/>
  <c r="G3318" i="9"/>
  <c r="J3318" i="9"/>
  <c r="B3319" i="9"/>
  <c r="C3319" i="9"/>
  <c r="D3319" i="9"/>
  <c r="E3319" i="9"/>
  <c r="G3319" i="9"/>
  <c r="J3319" i="9"/>
  <c r="B3320" i="9"/>
  <c r="C3320" i="9"/>
  <c r="D3320" i="9"/>
  <c r="E3320" i="9"/>
  <c r="G3320" i="9"/>
  <c r="J3320" i="9"/>
  <c r="B3321" i="9"/>
  <c r="C3321" i="9"/>
  <c r="D3321" i="9"/>
  <c r="E3321" i="9"/>
  <c r="G3321" i="9"/>
  <c r="J3321" i="9"/>
  <c r="B3322" i="9"/>
  <c r="C3322" i="9"/>
  <c r="D3322" i="9"/>
  <c r="E3322" i="9"/>
  <c r="G3322" i="9"/>
  <c r="J3322" i="9"/>
  <c r="B3323" i="9"/>
  <c r="C3323" i="9"/>
  <c r="D3323" i="9"/>
  <c r="E3323" i="9"/>
  <c r="G3323" i="9"/>
  <c r="J3323" i="9"/>
  <c r="B3324" i="9"/>
  <c r="C3324" i="9"/>
  <c r="D3324" i="9"/>
  <c r="E3324" i="9"/>
  <c r="G3324" i="9"/>
  <c r="J3324" i="9"/>
  <c r="B3325" i="9"/>
  <c r="C3325" i="9"/>
  <c r="D3325" i="9"/>
  <c r="E3325" i="9"/>
  <c r="G3325" i="9"/>
  <c r="J3325" i="9"/>
  <c r="B3326" i="9"/>
  <c r="C3326" i="9"/>
  <c r="D3326" i="9"/>
  <c r="E3326" i="9"/>
  <c r="G3326" i="9"/>
  <c r="J3326" i="9"/>
  <c r="B3327" i="9"/>
  <c r="C3327" i="9"/>
  <c r="D3327" i="9"/>
  <c r="E3327" i="9"/>
  <c r="G3327" i="9"/>
  <c r="J3327" i="9"/>
  <c r="B3328" i="9"/>
  <c r="C3328" i="9"/>
  <c r="D3328" i="9"/>
  <c r="E3328" i="9"/>
  <c r="G3328" i="9"/>
  <c r="J3328" i="9"/>
  <c r="B3329" i="9"/>
  <c r="C3329" i="9"/>
  <c r="D3329" i="9"/>
  <c r="E3329" i="9"/>
  <c r="G3329" i="9"/>
  <c r="J3329" i="9"/>
  <c r="B3330" i="9"/>
  <c r="C3330" i="9"/>
  <c r="D3330" i="9"/>
  <c r="E3330" i="9"/>
  <c r="G3330" i="9"/>
  <c r="J3330" i="9"/>
  <c r="B3331" i="9"/>
  <c r="C3331" i="9"/>
  <c r="D3331" i="9"/>
  <c r="E3331" i="9"/>
  <c r="G3331" i="9"/>
  <c r="J3331" i="9"/>
  <c r="B3332" i="9"/>
  <c r="C3332" i="9"/>
  <c r="D3332" i="9"/>
  <c r="E3332" i="9"/>
  <c r="G3332" i="9"/>
  <c r="J3332" i="9"/>
  <c r="B3333" i="9"/>
  <c r="C3333" i="9"/>
  <c r="D3333" i="9"/>
  <c r="E3333" i="9"/>
  <c r="G3333" i="9"/>
  <c r="J3333" i="9"/>
  <c r="B3334" i="9"/>
  <c r="C3334" i="9"/>
  <c r="D3334" i="9"/>
  <c r="E3334" i="9"/>
  <c r="G3334" i="9"/>
  <c r="J3334" i="9"/>
  <c r="B3335" i="9"/>
  <c r="C3335" i="9"/>
  <c r="D3335" i="9"/>
  <c r="E3335" i="9"/>
  <c r="G3335" i="9"/>
  <c r="J3335" i="9"/>
  <c r="B3336" i="9"/>
  <c r="C3336" i="9"/>
  <c r="D3336" i="9"/>
  <c r="E3336" i="9"/>
  <c r="G3336" i="9"/>
  <c r="J3336" i="9"/>
  <c r="B3337" i="9"/>
  <c r="C3337" i="9"/>
  <c r="D3337" i="9"/>
  <c r="E3337" i="9"/>
  <c r="G3337" i="9"/>
  <c r="J3337" i="9"/>
  <c r="B3338" i="9"/>
  <c r="C3338" i="9"/>
  <c r="D3338" i="9"/>
  <c r="E3338" i="9"/>
  <c r="G3338" i="9"/>
  <c r="J3338" i="9"/>
  <c r="B3339" i="9"/>
  <c r="C3339" i="9"/>
  <c r="D3339" i="9"/>
  <c r="E3339" i="9"/>
  <c r="G3339" i="9"/>
  <c r="J3339" i="9"/>
  <c r="B3340" i="9"/>
  <c r="C3340" i="9"/>
  <c r="D3340" i="9"/>
  <c r="E3340" i="9"/>
  <c r="G3340" i="9"/>
  <c r="J3340" i="9"/>
  <c r="B3341" i="9"/>
  <c r="C3341" i="9"/>
  <c r="D3341" i="9"/>
  <c r="E3341" i="9"/>
  <c r="G3341" i="9"/>
  <c r="J3341" i="9"/>
  <c r="B3342" i="9"/>
  <c r="C3342" i="9"/>
  <c r="D3342" i="9"/>
  <c r="E3342" i="9"/>
  <c r="G3342" i="9"/>
  <c r="J3342" i="9"/>
  <c r="B3343" i="9"/>
  <c r="C3343" i="9"/>
  <c r="D3343" i="9"/>
  <c r="E3343" i="9"/>
  <c r="G3343" i="9"/>
  <c r="J3343" i="9"/>
  <c r="B3344" i="9"/>
  <c r="C3344" i="9"/>
  <c r="D3344" i="9"/>
  <c r="E3344" i="9"/>
  <c r="G3344" i="9"/>
  <c r="J3344" i="9"/>
  <c r="B3345" i="9"/>
  <c r="C3345" i="9"/>
  <c r="D3345" i="9"/>
  <c r="E3345" i="9"/>
  <c r="G3345" i="9"/>
  <c r="J3345" i="9"/>
  <c r="B3346" i="9"/>
  <c r="C3346" i="9"/>
  <c r="D3346" i="9"/>
  <c r="E3346" i="9"/>
  <c r="G3346" i="9"/>
  <c r="J3346" i="9"/>
  <c r="B3347" i="9"/>
  <c r="C3347" i="9"/>
  <c r="D3347" i="9"/>
  <c r="E3347" i="9"/>
  <c r="G3347" i="9"/>
  <c r="J3347" i="9"/>
  <c r="B3348" i="9"/>
  <c r="C3348" i="9"/>
  <c r="D3348" i="9"/>
  <c r="E3348" i="9"/>
  <c r="G3348" i="9"/>
  <c r="J3348" i="9"/>
  <c r="B3349" i="9"/>
  <c r="C3349" i="9"/>
  <c r="D3349" i="9"/>
  <c r="E3349" i="9"/>
  <c r="G3349" i="9"/>
  <c r="J3349" i="9"/>
  <c r="B3350" i="9"/>
  <c r="C3350" i="9"/>
  <c r="D3350" i="9"/>
  <c r="E3350" i="9"/>
  <c r="G3350" i="9"/>
  <c r="J3350" i="9"/>
  <c r="B3351" i="9"/>
  <c r="C3351" i="9"/>
  <c r="D3351" i="9"/>
  <c r="E3351" i="9"/>
  <c r="G3351" i="9"/>
  <c r="J3351" i="9"/>
  <c r="B3352" i="9"/>
  <c r="C3352" i="9"/>
  <c r="D3352" i="9"/>
  <c r="E3352" i="9"/>
  <c r="G3352" i="9"/>
  <c r="J3352" i="9"/>
  <c r="B3353" i="9"/>
  <c r="C3353" i="9"/>
  <c r="D3353" i="9"/>
  <c r="E3353" i="9"/>
  <c r="G3353" i="9"/>
  <c r="J3353" i="9"/>
  <c r="B3354" i="9"/>
  <c r="C3354" i="9"/>
  <c r="D3354" i="9"/>
  <c r="E3354" i="9"/>
  <c r="G3354" i="9"/>
  <c r="J3354" i="9"/>
  <c r="B3355" i="9"/>
  <c r="C3355" i="9"/>
  <c r="D3355" i="9"/>
  <c r="E3355" i="9"/>
  <c r="G3355" i="9"/>
  <c r="J3355" i="9"/>
  <c r="B3356" i="9"/>
  <c r="C3356" i="9"/>
  <c r="D3356" i="9"/>
  <c r="E3356" i="9"/>
  <c r="G3356" i="9"/>
  <c r="J3356" i="9"/>
  <c r="B3357" i="9"/>
  <c r="C3357" i="9"/>
  <c r="D3357" i="9"/>
  <c r="E3357" i="9"/>
  <c r="G3357" i="9"/>
  <c r="J3357" i="9"/>
  <c r="B3358" i="9"/>
  <c r="C3358" i="9"/>
  <c r="D3358" i="9"/>
  <c r="E3358" i="9"/>
  <c r="G3358" i="9"/>
  <c r="J3358" i="9"/>
  <c r="B3359" i="9"/>
  <c r="C3359" i="9"/>
  <c r="D3359" i="9"/>
  <c r="E3359" i="9"/>
  <c r="G3359" i="9"/>
  <c r="J3359" i="9"/>
  <c r="B3360" i="9"/>
  <c r="C3360" i="9"/>
  <c r="D3360" i="9"/>
  <c r="E3360" i="9"/>
  <c r="G3360" i="9"/>
  <c r="J3360" i="9"/>
  <c r="B3361" i="9"/>
  <c r="C3361" i="9"/>
  <c r="D3361" i="9"/>
  <c r="E3361" i="9"/>
  <c r="G3361" i="9"/>
  <c r="J3361" i="9"/>
  <c r="B3362" i="9"/>
  <c r="C3362" i="9"/>
  <c r="D3362" i="9"/>
  <c r="E3362" i="9"/>
  <c r="G3362" i="9"/>
  <c r="J3362" i="9"/>
  <c r="B3363" i="9"/>
  <c r="C3363" i="9"/>
  <c r="D3363" i="9"/>
  <c r="E3363" i="9"/>
  <c r="G3363" i="9"/>
  <c r="J3363" i="9"/>
  <c r="B3364" i="9"/>
  <c r="C3364" i="9"/>
  <c r="D3364" i="9"/>
  <c r="E3364" i="9"/>
  <c r="G3364" i="9"/>
  <c r="J3364" i="9"/>
  <c r="B3365" i="9"/>
  <c r="C3365" i="9"/>
  <c r="D3365" i="9"/>
  <c r="E3365" i="9"/>
  <c r="G3365" i="9"/>
  <c r="J3365" i="9"/>
  <c r="B3366" i="9"/>
  <c r="C3366" i="9"/>
  <c r="D3366" i="9"/>
  <c r="E3366" i="9"/>
  <c r="G3366" i="9"/>
  <c r="J3366" i="9"/>
  <c r="B3367" i="9"/>
  <c r="C3367" i="9"/>
  <c r="D3367" i="9"/>
  <c r="E3367" i="9"/>
  <c r="G3367" i="9"/>
  <c r="J3367" i="9"/>
  <c r="B3368" i="9"/>
  <c r="C3368" i="9"/>
  <c r="D3368" i="9"/>
  <c r="E3368" i="9"/>
  <c r="G3368" i="9"/>
  <c r="J3368" i="9"/>
  <c r="B3369" i="9"/>
  <c r="C3369" i="9"/>
  <c r="D3369" i="9"/>
  <c r="E3369" i="9"/>
  <c r="G3369" i="9"/>
  <c r="J3369" i="9"/>
  <c r="B3370" i="9"/>
  <c r="C3370" i="9"/>
  <c r="D3370" i="9"/>
  <c r="E3370" i="9"/>
  <c r="G3370" i="9"/>
  <c r="J3370" i="9"/>
  <c r="B3371" i="9"/>
  <c r="C3371" i="9"/>
  <c r="D3371" i="9"/>
  <c r="E3371" i="9"/>
  <c r="G3371" i="9"/>
  <c r="J3371" i="9"/>
  <c r="B3372" i="9"/>
  <c r="C3372" i="9"/>
  <c r="D3372" i="9"/>
  <c r="E3372" i="9"/>
  <c r="G3372" i="9"/>
  <c r="J3372" i="9"/>
  <c r="B3373" i="9"/>
  <c r="C3373" i="9"/>
  <c r="D3373" i="9"/>
  <c r="E3373" i="9"/>
  <c r="G3373" i="9"/>
  <c r="J3373" i="9"/>
  <c r="B3374" i="9"/>
  <c r="C3374" i="9"/>
  <c r="D3374" i="9"/>
  <c r="E3374" i="9"/>
  <c r="G3374" i="9"/>
  <c r="J3374" i="9"/>
  <c r="B3375" i="9"/>
  <c r="C3375" i="9"/>
  <c r="D3375" i="9"/>
  <c r="E3375" i="9"/>
  <c r="G3375" i="9"/>
  <c r="J3375" i="9"/>
  <c r="B3376" i="9"/>
  <c r="C3376" i="9"/>
  <c r="D3376" i="9"/>
  <c r="E3376" i="9"/>
  <c r="G3376" i="9"/>
  <c r="J3376" i="9"/>
  <c r="B3377" i="9"/>
  <c r="C3377" i="9"/>
  <c r="D3377" i="9"/>
  <c r="E3377" i="9"/>
  <c r="G3377" i="9"/>
  <c r="J3377" i="9"/>
  <c r="B3378" i="9"/>
  <c r="C3378" i="9"/>
  <c r="D3378" i="9"/>
  <c r="E3378" i="9"/>
  <c r="G3378" i="9"/>
  <c r="J3378" i="9"/>
  <c r="B3379" i="9"/>
  <c r="C3379" i="9"/>
  <c r="D3379" i="9"/>
  <c r="E3379" i="9"/>
  <c r="G3379" i="9"/>
  <c r="J3379" i="9"/>
  <c r="B3380" i="9"/>
  <c r="C3380" i="9"/>
  <c r="D3380" i="9"/>
  <c r="E3380" i="9"/>
  <c r="G3380" i="9"/>
  <c r="J3380" i="9"/>
  <c r="B3381" i="9"/>
  <c r="C3381" i="9"/>
  <c r="D3381" i="9"/>
  <c r="E3381" i="9"/>
  <c r="G3381" i="9"/>
  <c r="J3381" i="9"/>
  <c r="B3382" i="9"/>
  <c r="C3382" i="9"/>
  <c r="D3382" i="9"/>
  <c r="E3382" i="9"/>
  <c r="G3382" i="9"/>
  <c r="J3382" i="9"/>
  <c r="B3383" i="9"/>
  <c r="C3383" i="9"/>
  <c r="D3383" i="9"/>
  <c r="E3383" i="9"/>
  <c r="G3383" i="9"/>
  <c r="J3383" i="9"/>
  <c r="B3384" i="9"/>
  <c r="C3384" i="9"/>
  <c r="D3384" i="9"/>
  <c r="E3384" i="9"/>
  <c r="G3384" i="9"/>
  <c r="J3384" i="9"/>
  <c r="B3385" i="9"/>
  <c r="C3385" i="9"/>
  <c r="D3385" i="9"/>
  <c r="E3385" i="9"/>
  <c r="G3385" i="9"/>
  <c r="J3385" i="9"/>
  <c r="B3386" i="9"/>
  <c r="C3386" i="9"/>
  <c r="D3386" i="9"/>
  <c r="E3386" i="9"/>
  <c r="G3386" i="9"/>
  <c r="J3386" i="9"/>
  <c r="B3387" i="9"/>
  <c r="C3387" i="9"/>
  <c r="D3387" i="9"/>
  <c r="E3387" i="9"/>
  <c r="G3387" i="9"/>
  <c r="J3387" i="9"/>
  <c r="B3388" i="9"/>
  <c r="C3388" i="9"/>
  <c r="D3388" i="9"/>
  <c r="E3388" i="9"/>
  <c r="G3388" i="9"/>
  <c r="J3388" i="9"/>
  <c r="B3389" i="9"/>
  <c r="C3389" i="9"/>
  <c r="D3389" i="9"/>
  <c r="E3389" i="9"/>
  <c r="G3389" i="9"/>
  <c r="J3389" i="9"/>
  <c r="B3390" i="9"/>
  <c r="C3390" i="9"/>
  <c r="D3390" i="9"/>
  <c r="E3390" i="9"/>
  <c r="G3390" i="9"/>
  <c r="J3390" i="9"/>
  <c r="B3391" i="9"/>
  <c r="C3391" i="9"/>
  <c r="D3391" i="9"/>
  <c r="E3391" i="9"/>
  <c r="G3391" i="9"/>
  <c r="J3391" i="9"/>
  <c r="B3392" i="9"/>
  <c r="C3392" i="9"/>
  <c r="D3392" i="9"/>
  <c r="E3392" i="9"/>
  <c r="G3392" i="9"/>
  <c r="J3392" i="9"/>
  <c r="B3393" i="9"/>
  <c r="C3393" i="9"/>
  <c r="D3393" i="9"/>
  <c r="E3393" i="9"/>
  <c r="G3393" i="9"/>
  <c r="J3393" i="9"/>
  <c r="B3394" i="9"/>
  <c r="C3394" i="9"/>
  <c r="D3394" i="9"/>
  <c r="E3394" i="9"/>
  <c r="G3394" i="9"/>
  <c r="J3394" i="9"/>
  <c r="B3395" i="9"/>
  <c r="C3395" i="9"/>
  <c r="D3395" i="9"/>
  <c r="E3395" i="9"/>
  <c r="G3395" i="9"/>
  <c r="J3395" i="9"/>
  <c r="B3396" i="9"/>
  <c r="C3396" i="9"/>
  <c r="D3396" i="9"/>
  <c r="E3396" i="9"/>
  <c r="G3396" i="9"/>
  <c r="J3396" i="9"/>
  <c r="B3397" i="9"/>
  <c r="C3397" i="9"/>
  <c r="D3397" i="9"/>
  <c r="E3397" i="9"/>
  <c r="G3397" i="9"/>
  <c r="J3397" i="9"/>
  <c r="B3398" i="9"/>
  <c r="C3398" i="9"/>
  <c r="D3398" i="9"/>
  <c r="E3398" i="9"/>
  <c r="G3398" i="9"/>
  <c r="J3398" i="9"/>
  <c r="B3399" i="9"/>
  <c r="C3399" i="9"/>
  <c r="D3399" i="9"/>
  <c r="E3399" i="9"/>
  <c r="G3399" i="9"/>
  <c r="J3399" i="9"/>
  <c r="B3400" i="9"/>
  <c r="C3400" i="9"/>
  <c r="D3400" i="9"/>
  <c r="E3400" i="9"/>
  <c r="G3400" i="9"/>
  <c r="J3400" i="9"/>
  <c r="B3401" i="9"/>
  <c r="C3401" i="9"/>
  <c r="D3401" i="9"/>
  <c r="E3401" i="9"/>
  <c r="G3401" i="9"/>
  <c r="J3401" i="9"/>
  <c r="B3402" i="9"/>
  <c r="C3402" i="9"/>
  <c r="D3402" i="9"/>
  <c r="E3402" i="9"/>
  <c r="G3402" i="9"/>
  <c r="J3402" i="9"/>
  <c r="B3403" i="9"/>
  <c r="C3403" i="9"/>
  <c r="D3403" i="9"/>
  <c r="E3403" i="9"/>
  <c r="G3403" i="9"/>
  <c r="J3403" i="9"/>
  <c r="B3404" i="9"/>
  <c r="C3404" i="9"/>
  <c r="D3404" i="9"/>
  <c r="E3404" i="9"/>
  <c r="G3404" i="9"/>
  <c r="J3404" i="9"/>
  <c r="B3405" i="9"/>
  <c r="C3405" i="9"/>
  <c r="D3405" i="9"/>
  <c r="E3405" i="9"/>
  <c r="G3405" i="9"/>
  <c r="J3405" i="9"/>
  <c r="B3406" i="9"/>
  <c r="C3406" i="9"/>
  <c r="D3406" i="9"/>
  <c r="E3406" i="9"/>
  <c r="G3406" i="9"/>
  <c r="J3406" i="9"/>
  <c r="B3407" i="9"/>
  <c r="C3407" i="9"/>
  <c r="D3407" i="9"/>
  <c r="E3407" i="9"/>
  <c r="G3407" i="9"/>
  <c r="J3407" i="9"/>
  <c r="B3408" i="9"/>
  <c r="C3408" i="9"/>
  <c r="D3408" i="9"/>
  <c r="E3408" i="9"/>
  <c r="G3408" i="9"/>
  <c r="J3408" i="9"/>
  <c r="B3409" i="9"/>
  <c r="C3409" i="9"/>
  <c r="D3409" i="9"/>
  <c r="E3409" i="9"/>
  <c r="G3409" i="9"/>
  <c r="J3409" i="9"/>
  <c r="B3410" i="9"/>
  <c r="C3410" i="9"/>
  <c r="D3410" i="9"/>
  <c r="E3410" i="9"/>
  <c r="G3410" i="9"/>
  <c r="J3410" i="9"/>
  <c r="B3411" i="9"/>
  <c r="C3411" i="9"/>
  <c r="D3411" i="9"/>
  <c r="E3411" i="9"/>
  <c r="G3411" i="9"/>
  <c r="J3411" i="9"/>
  <c r="B3412" i="9"/>
  <c r="C3412" i="9"/>
  <c r="D3412" i="9"/>
  <c r="E3412" i="9"/>
  <c r="G3412" i="9"/>
  <c r="J3412" i="9"/>
  <c r="B3413" i="9"/>
  <c r="C3413" i="9"/>
  <c r="D3413" i="9"/>
  <c r="E3413" i="9"/>
  <c r="G3413" i="9"/>
  <c r="J3413" i="9"/>
  <c r="B3414" i="9"/>
  <c r="C3414" i="9"/>
  <c r="D3414" i="9"/>
  <c r="E3414" i="9"/>
  <c r="G3414" i="9"/>
  <c r="J3414" i="9"/>
  <c r="B3415" i="9"/>
  <c r="C3415" i="9"/>
  <c r="D3415" i="9"/>
  <c r="E3415" i="9"/>
  <c r="G3415" i="9"/>
  <c r="J3415" i="9"/>
  <c r="B3416" i="9"/>
  <c r="C3416" i="9"/>
  <c r="D3416" i="9"/>
  <c r="E3416" i="9"/>
  <c r="G3416" i="9"/>
  <c r="J3416" i="9"/>
  <c r="B3417" i="9"/>
  <c r="C3417" i="9"/>
  <c r="D3417" i="9"/>
  <c r="E3417" i="9"/>
  <c r="G3417" i="9"/>
  <c r="J3417" i="9"/>
  <c r="B3418" i="9"/>
  <c r="C3418" i="9"/>
  <c r="D3418" i="9"/>
  <c r="E3418" i="9"/>
  <c r="G3418" i="9"/>
  <c r="J3418" i="9"/>
  <c r="B3419" i="9"/>
  <c r="C3419" i="9"/>
  <c r="D3419" i="9"/>
  <c r="E3419" i="9"/>
  <c r="G3419" i="9"/>
  <c r="J3419" i="9"/>
  <c r="B3420" i="9"/>
  <c r="C3420" i="9"/>
  <c r="D3420" i="9"/>
  <c r="E3420" i="9"/>
  <c r="G3420" i="9"/>
  <c r="J3420" i="9"/>
  <c r="B3421" i="9"/>
  <c r="C3421" i="9"/>
  <c r="D3421" i="9"/>
  <c r="E3421" i="9"/>
  <c r="G3421" i="9"/>
  <c r="J3421" i="9"/>
  <c r="B3422" i="9"/>
  <c r="C3422" i="9"/>
  <c r="D3422" i="9"/>
  <c r="E3422" i="9"/>
  <c r="G3422" i="9"/>
  <c r="J3422" i="9"/>
  <c r="B3423" i="9"/>
  <c r="C3423" i="9"/>
  <c r="D3423" i="9"/>
  <c r="E3423" i="9"/>
  <c r="G3423" i="9"/>
  <c r="J3423" i="9"/>
  <c r="B3424" i="9"/>
  <c r="C3424" i="9"/>
  <c r="D3424" i="9"/>
  <c r="E3424" i="9"/>
  <c r="G3424" i="9"/>
  <c r="J3424" i="9"/>
  <c r="B3425" i="9"/>
  <c r="C3425" i="9"/>
  <c r="D3425" i="9"/>
  <c r="E3425" i="9"/>
  <c r="G3425" i="9"/>
  <c r="J3425" i="9"/>
  <c r="B3426" i="9"/>
  <c r="C3426" i="9"/>
  <c r="D3426" i="9"/>
  <c r="E3426" i="9"/>
  <c r="G3426" i="9"/>
  <c r="J3426" i="9"/>
  <c r="B3427" i="9"/>
  <c r="C3427" i="9"/>
  <c r="D3427" i="9"/>
  <c r="E3427" i="9"/>
  <c r="G3427" i="9"/>
  <c r="J3427" i="9"/>
  <c r="B3428" i="9"/>
  <c r="C3428" i="9"/>
  <c r="D3428" i="9"/>
  <c r="E3428" i="9"/>
  <c r="G3428" i="9"/>
  <c r="J3428" i="9"/>
  <c r="B3429" i="9"/>
  <c r="C3429" i="9"/>
  <c r="D3429" i="9"/>
  <c r="E3429" i="9"/>
  <c r="G3429" i="9"/>
  <c r="J3429" i="9"/>
  <c r="B3430" i="9"/>
  <c r="C3430" i="9"/>
  <c r="D3430" i="9"/>
  <c r="E3430" i="9"/>
  <c r="G3430" i="9"/>
  <c r="J3430" i="9"/>
  <c r="B3431" i="9"/>
  <c r="C3431" i="9"/>
  <c r="D3431" i="9"/>
  <c r="E3431" i="9"/>
  <c r="G3431" i="9"/>
  <c r="J3431" i="9"/>
  <c r="B3432" i="9"/>
  <c r="C3432" i="9"/>
  <c r="D3432" i="9"/>
  <c r="E3432" i="9"/>
  <c r="G3432" i="9"/>
  <c r="J3432" i="9"/>
  <c r="B3433" i="9"/>
  <c r="C3433" i="9"/>
  <c r="D3433" i="9"/>
  <c r="E3433" i="9"/>
  <c r="G3433" i="9"/>
  <c r="J3433" i="9"/>
  <c r="B3434" i="9"/>
  <c r="C3434" i="9"/>
  <c r="D3434" i="9"/>
  <c r="E3434" i="9"/>
  <c r="G3434" i="9"/>
  <c r="J3434" i="9"/>
  <c r="B3435" i="9"/>
  <c r="C3435" i="9"/>
  <c r="D3435" i="9"/>
  <c r="E3435" i="9"/>
  <c r="G3435" i="9"/>
  <c r="J3435" i="9"/>
  <c r="B3436" i="9"/>
  <c r="C3436" i="9"/>
  <c r="D3436" i="9"/>
  <c r="E3436" i="9"/>
  <c r="G3436" i="9"/>
  <c r="J3436" i="9"/>
  <c r="B3437" i="9"/>
  <c r="C3437" i="9"/>
  <c r="D3437" i="9"/>
  <c r="E3437" i="9"/>
  <c r="G3437" i="9"/>
  <c r="J3437" i="9"/>
  <c r="B3438" i="9"/>
  <c r="C3438" i="9"/>
  <c r="D3438" i="9"/>
  <c r="E3438" i="9"/>
  <c r="G3438" i="9"/>
  <c r="J3438" i="9"/>
  <c r="B3439" i="9"/>
  <c r="C3439" i="9"/>
  <c r="D3439" i="9"/>
  <c r="E3439" i="9"/>
  <c r="G3439" i="9"/>
  <c r="J3439" i="9"/>
  <c r="B3440" i="9"/>
  <c r="C3440" i="9"/>
  <c r="D3440" i="9"/>
  <c r="E3440" i="9"/>
  <c r="G3440" i="9"/>
  <c r="J3440" i="9"/>
  <c r="B3441" i="9"/>
  <c r="C3441" i="9"/>
  <c r="D3441" i="9"/>
  <c r="E3441" i="9"/>
  <c r="G3441" i="9"/>
  <c r="J3441" i="9"/>
  <c r="B3442" i="9"/>
  <c r="C3442" i="9"/>
  <c r="D3442" i="9"/>
  <c r="E3442" i="9"/>
  <c r="G3442" i="9"/>
  <c r="J3442" i="9"/>
  <c r="B3443" i="9"/>
  <c r="C3443" i="9"/>
  <c r="D3443" i="9"/>
  <c r="E3443" i="9"/>
  <c r="G3443" i="9"/>
  <c r="J3443" i="9"/>
  <c r="B3444" i="9"/>
  <c r="C3444" i="9"/>
  <c r="D3444" i="9"/>
  <c r="E3444" i="9"/>
  <c r="G3444" i="9"/>
  <c r="J3444" i="9"/>
  <c r="B3445" i="9"/>
  <c r="C3445" i="9"/>
  <c r="D3445" i="9"/>
  <c r="E3445" i="9"/>
  <c r="G3445" i="9"/>
  <c r="J3445" i="9"/>
  <c r="B3446" i="9"/>
  <c r="C3446" i="9"/>
  <c r="D3446" i="9"/>
  <c r="E3446" i="9"/>
  <c r="G3446" i="9"/>
  <c r="J3446" i="9"/>
  <c r="B3447" i="9"/>
  <c r="C3447" i="9"/>
  <c r="D3447" i="9"/>
  <c r="E3447" i="9"/>
  <c r="G3447" i="9"/>
  <c r="J3447" i="9"/>
  <c r="B3448" i="9"/>
  <c r="C3448" i="9"/>
  <c r="D3448" i="9"/>
  <c r="E3448" i="9"/>
  <c r="G3448" i="9"/>
  <c r="J3448" i="9"/>
  <c r="B3449" i="9"/>
  <c r="C3449" i="9"/>
  <c r="D3449" i="9"/>
  <c r="E3449" i="9"/>
  <c r="G3449" i="9"/>
  <c r="J3449" i="9"/>
  <c r="B3450" i="9"/>
  <c r="C3450" i="9"/>
  <c r="D3450" i="9"/>
  <c r="E3450" i="9"/>
  <c r="G3450" i="9"/>
  <c r="J3450" i="9"/>
  <c r="B3451" i="9"/>
  <c r="C3451" i="9"/>
  <c r="D3451" i="9"/>
  <c r="E3451" i="9"/>
  <c r="G3451" i="9"/>
  <c r="J3451" i="9"/>
  <c r="B3452" i="9"/>
  <c r="C3452" i="9"/>
  <c r="D3452" i="9"/>
  <c r="E3452" i="9"/>
  <c r="G3452" i="9"/>
  <c r="J3452" i="9"/>
  <c r="B3453" i="9"/>
  <c r="C3453" i="9"/>
  <c r="D3453" i="9"/>
  <c r="E3453" i="9"/>
  <c r="G3453" i="9"/>
  <c r="J3453" i="9"/>
  <c r="B3454" i="9"/>
  <c r="C3454" i="9"/>
  <c r="D3454" i="9"/>
  <c r="E3454" i="9"/>
  <c r="G3454" i="9"/>
  <c r="J3454" i="9"/>
  <c r="B3455" i="9"/>
  <c r="C3455" i="9"/>
  <c r="D3455" i="9"/>
  <c r="E3455" i="9"/>
  <c r="G3455" i="9"/>
  <c r="J3455" i="9"/>
  <c r="B3456" i="9"/>
  <c r="C3456" i="9"/>
  <c r="D3456" i="9"/>
  <c r="E3456" i="9"/>
  <c r="G3456" i="9"/>
  <c r="J3456" i="9"/>
  <c r="B3457" i="9"/>
  <c r="C3457" i="9"/>
  <c r="D3457" i="9"/>
  <c r="E3457" i="9"/>
  <c r="G3457" i="9"/>
  <c r="J3457" i="9"/>
  <c r="B3458" i="9"/>
  <c r="C3458" i="9"/>
  <c r="D3458" i="9"/>
  <c r="E3458" i="9"/>
  <c r="G3458" i="9"/>
  <c r="J3458" i="9"/>
  <c r="B3459" i="9"/>
  <c r="C3459" i="9"/>
  <c r="D3459" i="9"/>
  <c r="E3459" i="9"/>
  <c r="G3459" i="9"/>
  <c r="J3459" i="9"/>
  <c r="B3460" i="9"/>
  <c r="C3460" i="9"/>
  <c r="D3460" i="9"/>
  <c r="E3460" i="9"/>
  <c r="G3460" i="9"/>
  <c r="J3460" i="9"/>
  <c r="B3461" i="9"/>
  <c r="C3461" i="9"/>
  <c r="D3461" i="9"/>
  <c r="E3461" i="9"/>
  <c r="G3461" i="9"/>
  <c r="J3461" i="9"/>
  <c r="B3462" i="9"/>
  <c r="C3462" i="9"/>
  <c r="D3462" i="9"/>
  <c r="E3462" i="9"/>
  <c r="G3462" i="9"/>
  <c r="J3462" i="9"/>
  <c r="B3463" i="9"/>
  <c r="C3463" i="9"/>
  <c r="D3463" i="9"/>
  <c r="E3463" i="9"/>
  <c r="G3463" i="9"/>
  <c r="J3463" i="9"/>
  <c r="B3464" i="9"/>
  <c r="C3464" i="9"/>
  <c r="D3464" i="9"/>
  <c r="E3464" i="9"/>
  <c r="G3464" i="9"/>
  <c r="J3464" i="9"/>
  <c r="B3465" i="9"/>
  <c r="C3465" i="9"/>
  <c r="D3465" i="9"/>
  <c r="E3465" i="9"/>
  <c r="G3465" i="9"/>
  <c r="J3465" i="9"/>
  <c r="B3466" i="9"/>
  <c r="C3466" i="9"/>
  <c r="D3466" i="9"/>
  <c r="E3466" i="9"/>
  <c r="G3466" i="9"/>
  <c r="J3466" i="9"/>
  <c r="B3467" i="9"/>
  <c r="C3467" i="9"/>
  <c r="D3467" i="9"/>
  <c r="E3467" i="9"/>
  <c r="G3467" i="9"/>
  <c r="J3467" i="9"/>
  <c r="B3468" i="9"/>
  <c r="C3468" i="9"/>
  <c r="D3468" i="9"/>
  <c r="E3468" i="9"/>
  <c r="G3468" i="9"/>
  <c r="J3468" i="9"/>
  <c r="B3469" i="9"/>
  <c r="C3469" i="9"/>
  <c r="D3469" i="9"/>
  <c r="E3469" i="9"/>
  <c r="G3469" i="9"/>
  <c r="J3469" i="9"/>
  <c r="B3470" i="9"/>
  <c r="C3470" i="9"/>
  <c r="D3470" i="9"/>
  <c r="E3470" i="9"/>
  <c r="G3470" i="9"/>
  <c r="J3470" i="9"/>
  <c r="B3471" i="9"/>
  <c r="C3471" i="9"/>
  <c r="D3471" i="9"/>
  <c r="E3471" i="9"/>
  <c r="G3471" i="9"/>
  <c r="J3471" i="9"/>
  <c r="B3472" i="9"/>
  <c r="C3472" i="9"/>
  <c r="D3472" i="9"/>
  <c r="E3472" i="9"/>
  <c r="G3472" i="9"/>
  <c r="J3472" i="9"/>
  <c r="B3473" i="9"/>
  <c r="C3473" i="9"/>
  <c r="D3473" i="9"/>
  <c r="E3473" i="9"/>
  <c r="G3473" i="9"/>
  <c r="J3473" i="9"/>
  <c r="B3474" i="9"/>
  <c r="C3474" i="9"/>
  <c r="D3474" i="9"/>
  <c r="E3474" i="9"/>
  <c r="G3474" i="9"/>
  <c r="J3474" i="9"/>
  <c r="B3475" i="9"/>
  <c r="C3475" i="9"/>
  <c r="D3475" i="9"/>
  <c r="E3475" i="9"/>
  <c r="G3475" i="9"/>
  <c r="J3475" i="9"/>
  <c r="B3476" i="9"/>
  <c r="C3476" i="9"/>
  <c r="D3476" i="9"/>
  <c r="E3476" i="9"/>
  <c r="G3476" i="9"/>
  <c r="J3476" i="9"/>
  <c r="B3477" i="9"/>
  <c r="C3477" i="9"/>
  <c r="D3477" i="9"/>
  <c r="E3477" i="9"/>
  <c r="G3477" i="9"/>
  <c r="J3477" i="9"/>
  <c r="B3478" i="9"/>
  <c r="C3478" i="9"/>
  <c r="D3478" i="9"/>
  <c r="E3478" i="9"/>
  <c r="G3478" i="9"/>
  <c r="J3478" i="9"/>
  <c r="B3479" i="9"/>
  <c r="C3479" i="9"/>
  <c r="D3479" i="9"/>
  <c r="E3479" i="9"/>
  <c r="G3479" i="9"/>
  <c r="J3479" i="9"/>
  <c r="B3480" i="9"/>
  <c r="C3480" i="9"/>
  <c r="D3480" i="9"/>
  <c r="E3480" i="9"/>
  <c r="G3480" i="9"/>
  <c r="J3480" i="9"/>
  <c r="B3481" i="9"/>
  <c r="C3481" i="9"/>
  <c r="D3481" i="9"/>
  <c r="E3481" i="9"/>
  <c r="G3481" i="9"/>
  <c r="J3481" i="9"/>
  <c r="B3482" i="9"/>
  <c r="C3482" i="9"/>
  <c r="D3482" i="9"/>
  <c r="E3482" i="9"/>
  <c r="G3482" i="9"/>
  <c r="J3482" i="9"/>
  <c r="B3483" i="9"/>
  <c r="C3483" i="9"/>
  <c r="D3483" i="9"/>
  <c r="E3483" i="9"/>
  <c r="G3483" i="9"/>
  <c r="J3483" i="9"/>
  <c r="B3484" i="9"/>
  <c r="C3484" i="9"/>
  <c r="D3484" i="9"/>
  <c r="E3484" i="9"/>
  <c r="G3484" i="9"/>
  <c r="J3484" i="9"/>
  <c r="B3485" i="9"/>
  <c r="C3485" i="9"/>
  <c r="D3485" i="9"/>
  <c r="E3485" i="9"/>
  <c r="G3485" i="9"/>
  <c r="J3485" i="9"/>
  <c r="B3486" i="9"/>
  <c r="C3486" i="9"/>
  <c r="D3486" i="9"/>
  <c r="E3486" i="9"/>
  <c r="G3486" i="9"/>
  <c r="J3486" i="9"/>
  <c r="B3487" i="9"/>
  <c r="C3487" i="9"/>
  <c r="D3487" i="9"/>
  <c r="E3487" i="9"/>
  <c r="G3487" i="9"/>
  <c r="J3487" i="9"/>
  <c r="B3488" i="9"/>
  <c r="C3488" i="9"/>
  <c r="D3488" i="9"/>
  <c r="E3488" i="9"/>
  <c r="G3488" i="9"/>
  <c r="J3488" i="9"/>
  <c r="B3489" i="9"/>
  <c r="C3489" i="9"/>
  <c r="D3489" i="9"/>
  <c r="E3489" i="9"/>
  <c r="G3489" i="9"/>
  <c r="J3489" i="9"/>
  <c r="B3490" i="9"/>
  <c r="C3490" i="9"/>
  <c r="D3490" i="9"/>
  <c r="E3490" i="9"/>
  <c r="G3490" i="9"/>
  <c r="J3490" i="9"/>
  <c r="B3491" i="9"/>
  <c r="C3491" i="9"/>
  <c r="D3491" i="9"/>
  <c r="E3491" i="9"/>
  <c r="G3491" i="9"/>
  <c r="J3491" i="9"/>
  <c r="B3492" i="9"/>
  <c r="C3492" i="9"/>
  <c r="D3492" i="9"/>
  <c r="E3492" i="9"/>
  <c r="G3492" i="9"/>
  <c r="J3492" i="9"/>
  <c r="B3493" i="9"/>
  <c r="C3493" i="9"/>
  <c r="D3493" i="9"/>
  <c r="E3493" i="9"/>
  <c r="G3493" i="9"/>
  <c r="J3493" i="9"/>
  <c r="B3494" i="9"/>
  <c r="C3494" i="9"/>
  <c r="D3494" i="9"/>
  <c r="E3494" i="9"/>
  <c r="G3494" i="9"/>
  <c r="J3494" i="9"/>
  <c r="B3495" i="9"/>
  <c r="C3495" i="9"/>
  <c r="D3495" i="9"/>
  <c r="E3495" i="9"/>
  <c r="G3495" i="9"/>
  <c r="J3495" i="9"/>
  <c r="B3496" i="9"/>
  <c r="C3496" i="9"/>
  <c r="D3496" i="9"/>
  <c r="E3496" i="9"/>
  <c r="G3496" i="9"/>
  <c r="J3496" i="9"/>
  <c r="B3497" i="9"/>
  <c r="C3497" i="9"/>
  <c r="D3497" i="9"/>
  <c r="E3497" i="9"/>
  <c r="G3497" i="9"/>
  <c r="J3497" i="9"/>
  <c r="B3498" i="9"/>
  <c r="C3498" i="9"/>
  <c r="D3498" i="9"/>
  <c r="E3498" i="9"/>
  <c r="G3498" i="9"/>
  <c r="J3498" i="9"/>
  <c r="B3499" i="9"/>
  <c r="C3499" i="9"/>
  <c r="D3499" i="9"/>
  <c r="E3499" i="9"/>
  <c r="G3499" i="9"/>
  <c r="J3499" i="9"/>
  <c r="B3500" i="9"/>
  <c r="C3500" i="9"/>
  <c r="D3500" i="9"/>
  <c r="E3500" i="9"/>
  <c r="G3500" i="9"/>
  <c r="J3500" i="9"/>
  <c r="B3501" i="9"/>
  <c r="C3501" i="9"/>
  <c r="D3501" i="9"/>
  <c r="E3501" i="9"/>
  <c r="G3501" i="9"/>
  <c r="J3501" i="9"/>
  <c r="B3502" i="9"/>
  <c r="C3502" i="9"/>
  <c r="D3502" i="9"/>
  <c r="E3502" i="9"/>
  <c r="G3502" i="9"/>
  <c r="J3502" i="9"/>
  <c r="B3503" i="9"/>
  <c r="C3503" i="9"/>
  <c r="D3503" i="9"/>
  <c r="E3503" i="9"/>
  <c r="G3503" i="9"/>
  <c r="J3503" i="9"/>
  <c r="B3504" i="9"/>
  <c r="C3504" i="9"/>
  <c r="D3504" i="9"/>
  <c r="E3504" i="9"/>
  <c r="G3504" i="9"/>
  <c r="J3504" i="9"/>
  <c r="A5" i="9"/>
  <c r="A6" i="9"/>
  <c r="A7" i="9"/>
  <c r="A8" i="9"/>
  <c r="A9" i="9"/>
  <c r="A10" i="9"/>
  <c r="A11" i="9"/>
  <c r="A12" i="9"/>
  <c r="A13" i="9"/>
  <c r="A14" i="9"/>
  <c r="A15" i="9"/>
  <c r="A16" i="9"/>
  <c r="A17" i="9"/>
  <c r="A18" i="9"/>
  <c r="A19" i="9"/>
  <c r="A20" i="9"/>
  <c r="A21" i="9"/>
  <c r="A22" i="9"/>
  <c r="A23" i="9"/>
  <c r="A24" i="9"/>
  <c r="A25" i="9"/>
  <c r="A26" i="9"/>
  <c r="A27" i="9"/>
  <c r="A28" i="9"/>
  <c r="A29" i="9"/>
  <c r="A30" i="9"/>
  <c r="A31" i="9"/>
  <c r="A32" i="9"/>
  <c r="A33" i="9"/>
  <c r="A34" i="9"/>
  <c r="A35" i="9"/>
  <c r="A36" i="9"/>
  <c r="A37" i="9"/>
  <c r="A38" i="9"/>
  <c r="A39" i="9"/>
  <c r="A40" i="9"/>
  <c r="A41" i="9"/>
  <c r="A42" i="9"/>
  <c r="A43" i="9"/>
  <c r="A44" i="9"/>
  <c r="A45" i="9"/>
  <c r="A46" i="9"/>
  <c r="A47" i="9"/>
  <c r="A48" i="9"/>
  <c r="A49" i="9"/>
  <c r="A50" i="9"/>
  <c r="A51" i="9"/>
  <c r="A52" i="9"/>
  <c r="A53" i="9"/>
  <c r="A54" i="9"/>
  <c r="A55" i="9"/>
  <c r="A56" i="9"/>
  <c r="A57" i="9"/>
  <c r="A58" i="9"/>
  <c r="A59" i="9"/>
  <c r="A60" i="9"/>
  <c r="A61" i="9"/>
  <c r="A62" i="9"/>
  <c r="A63" i="9"/>
  <c r="A64" i="9"/>
  <c r="A65" i="9"/>
  <c r="A66" i="9"/>
  <c r="A67" i="9"/>
  <c r="A68" i="9"/>
  <c r="A69" i="9"/>
  <c r="A70" i="9"/>
  <c r="A71" i="9"/>
  <c r="A72" i="9"/>
  <c r="A73" i="9"/>
  <c r="A74" i="9"/>
  <c r="A75" i="9"/>
  <c r="A76" i="9"/>
  <c r="A77" i="9"/>
  <c r="A78" i="9"/>
  <c r="A79" i="9"/>
  <c r="A80" i="9"/>
  <c r="A81" i="9"/>
  <c r="A82" i="9"/>
  <c r="A83" i="9"/>
  <c r="A84" i="9"/>
  <c r="A85" i="9"/>
  <c r="A86" i="9"/>
  <c r="A87" i="9"/>
  <c r="A88" i="9"/>
  <c r="A89" i="9"/>
  <c r="A90" i="9"/>
  <c r="A91" i="9"/>
  <c r="A92" i="9"/>
  <c r="A93" i="9"/>
  <c r="A94" i="9"/>
  <c r="A95" i="9"/>
  <c r="A96" i="9"/>
  <c r="A97" i="9"/>
  <c r="A98" i="9"/>
  <c r="A99" i="9"/>
  <c r="A100" i="9"/>
  <c r="A101" i="9"/>
  <c r="A102" i="9"/>
  <c r="A103" i="9"/>
  <c r="A104" i="9"/>
  <c r="A105" i="9"/>
  <c r="A106" i="9"/>
  <c r="A107" i="9"/>
  <c r="A108" i="9"/>
  <c r="A109" i="9"/>
  <c r="A110" i="9"/>
  <c r="A111" i="9"/>
  <c r="A112" i="9"/>
  <c r="A113" i="9"/>
  <c r="A114" i="9"/>
  <c r="A115" i="9"/>
  <c r="A116" i="9"/>
  <c r="A117" i="9"/>
  <c r="A118" i="9"/>
  <c r="A119" i="9"/>
  <c r="A120" i="9"/>
  <c r="A121" i="9"/>
  <c r="A122" i="9"/>
  <c r="A123" i="9"/>
  <c r="A124" i="9"/>
  <c r="A125" i="9"/>
  <c r="A126" i="9"/>
  <c r="A127" i="9"/>
  <c r="A128" i="9"/>
  <c r="A129" i="9"/>
  <c r="A130" i="9"/>
  <c r="A131" i="9"/>
  <c r="A132" i="9"/>
  <c r="A133" i="9"/>
  <c r="A134" i="9"/>
  <c r="A135" i="9"/>
  <c r="A136" i="9"/>
  <c r="A137" i="9"/>
  <c r="A138" i="9"/>
  <c r="A139" i="9"/>
  <c r="A140" i="9"/>
  <c r="A141" i="9"/>
  <c r="A142" i="9"/>
  <c r="A143" i="9"/>
  <c r="A144" i="9"/>
  <c r="A145" i="9"/>
  <c r="A146" i="9"/>
  <c r="A147" i="9"/>
  <c r="A148" i="9"/>
  <c r="A149" i="9"/>
  <c r="A150" i="9"/>
  <c r="A151" i="9"/>
  <c r="A152" i="9"/>
  <c r="A153" i="9"/>
  <c r="A154" i="9"/>
  <c r="A155" i="9"/>
  <c r="A156" i="9"/>
  <c r="A157" i="9"/>
  <c r="A158" i="9"/>
  <c r="A159" i="9"/>
  <c r="A160" i="9"/>
  <c r="A161" i="9"/>
  <c r="A162" i="9"/>
  <c r="A163" i="9"/>
  <c r="A164" i="9"/>
  <c r="A165" i="9"/>
  <c r="A166" i="9"/>
  <c r="A167" i="9"/>
  <c r="A168" i="9"/>
  <c r="A169" i="9"/>
  <c r="A170" i="9"/>
  <c r="A171" i="9"/>
  <c r="A172" i="9"/>
  <c r="A173" i="9"/>
  <c r="A174" i="9"/>
  <c r="A175" i="9"/>
  <c r="A176" i="9"/>
  <c r="A177" i="9"/>
  <c r="A178" i="9"/>
  <c r="A179" i="9"/>
  <c r="A180" i="9"/>
  <c r="A181" i="9"/>
  <c r="A182" i="9"/>
  <c r="A183" i="9"/>
  <c r="A184" i="9"/>
  <c r="A185" i="9"/>
  <c r="A186" i="9"/>
  <c r="A187" i="9"/>
  <c r="A188" i="9"/>
  <c r="A189" i="9"/>
  <c r="A190" i="9"/>
  <c r="A191" i="9"/>
  <c r="A192" i="9"/>
  <c r="A193" i="9"/>
  <c r="A194" i="9"/>
  <c r="A195" i="9"/>
  <c r="A196" i="9"/>
  <c r="A197" i="9"/>
  <c r="A198" i="9"/>
  <c r="A199" i="9"/>
  <c r="A200" i="9"/>
  <c r="A201" i="9"/>
  <c r="A202" i="9"/>
  <c r="A203" i="9"/>
  <c r="A204" i="9"/>
  <c r="A205" i="9"/>
  <c r="A206" i="9"/>
  <c r="A207" i="9"/>
  <c r="A208" i="9"/>
  <c r="A209" i="9"/>
  <c r="A210" i="9"/>
  <c r="A211" i="9"/>
  <c r="A212" i="9"/>
  <c r="A213" i="9"/>
  <c r="A214" i="9"/>
  <c r="A215" i="9"/>
  <c r="A216" i="9"/>
  <c r="A217" i="9"/>
  <c r="A218" i="9"/>
  <c r="A219" i="9"/>
  <c r="A220" i="9"/>
  <c r="A221" i="9"/>
  <c r="A222" i="9"/>
  <c r="A223" i="9"/>
  <c r="A224" i="9"/>
  <c r="A225" i="9"/>
  <c r="A226" i="9"/>
  <c r="A227" i="9"/>
  <c r="A228" i="9"/>
  <c r="A229" i="9"/>
  <c r="A230" i="9"/>
  <c r="A231" i="9"/>
  <c r="A232" i="9"/>
  <c r="A233" i="9"/>
  <c r="A234" i="9"/>
  <c r="A235" i="9"/>
  <c r="A236" i="9"/>
  <c r="A237" i="9"/>
  <c r="A238" i="9"/>
  <c r="A239" i="9"/>
  <c r="A240" i="9"/>
  <c r="A241" i="9"/>
  <c r="A242" i="9"/>
  <c r="A243" i="9"/>
  <c r="A244" i="9"/>
  <c r="A245" i="9"/>
  <c r="A246" i="9"/>
  <c r="A247" i="9"/>
  <c r="A248" i="9"/>
  <c r="A249" i="9"/>
  <c r="A250" i="9"/>
  <c r="A251" i="9"/>
  <c r="A252" i="9"/>
  <c r="A253" i="9"/>
  <c r="A254" i="9"/>
  <c r="A255" i="9"/>
  <c r="A256" i="9"/>
  <c r="A257" i="9"/>
  <c r="A258" i="9"/>
  <c r="A259" i="9"/>
  <c r="A260" i="9"/>
  <c r="A261" i="9"/>
  <c r="A262" i="9"/>
  <c r="A263" i="9"/>
  <c r="A264" i="9"/>
  <c r="A265" i="9"/>
  <c r="A266" i="9"/>
  <c r="A267" i="9"/>
  <c r="A268" i="9"/>
  <c r="A269" i="9"/>
  <c r="A270" i="9"/>
  <c r="A271" i="9"/>
  <c r="A272" i="9"/>
  <c r="A273" i="9"/>
  <c r="A274" i="9"/>
  <c r="A275" i="9"/>
  <c r="A276" i="9"/>
  <c r="A277" i="9"/>
  <c r="A278" i="9"/>
  <c r="A279" i="9"/>
  <c r="A280" i="9"/>
  <c r="A281" i="9"/>
  <c r="A282" i="9"/>
  <c r="A283" i="9"/>
  <c r="A284" i="9"/>
  <c r="A285" i="9"/>
  <c r="A286" i="9"/>
  <c r="A287" i="9"/>
  <c r="A288" i="9"/>
  <c r="A289" i="9"/>
  <c r="A290" i="9"/>
  <c r="A291" i="9"/>
  <c r="A292" i="9"/>
  <c r="A293" i="9"/>
  <c r="A294" i="9"/>
  <c r="A295" i="9"/>
  <c r="A296" i="9"/>
  <c r="A297" i="9"/>
  <c r="A298" i="9"/>
  <c r="A299" i="9"/>
  <c r="A300" i="9"/>
  <c r="A301" i="9"/>
  <c r="A302" i="9"/>
  <c r="A303" i="9"/>
  <c r="A304" i="9"/>
  <c r="A305" i="9"/>
  <c r="A306" i="9"/>
  <c r="A307" i="9"/>
  <c r="A308" i="9"/>
  <c r="A309" i="9"/>
  <c r="A310" i="9"/>
  <c r="A311" i="9"/>
  <c r="A312" i="9"/>
  <c r="A313" i="9"/>
  <c r="A314" i="9"/>
  <c r="A315" i="9"/>
  <c r="A316" i="9"/>
  <c r="A317" i="9"/>
  <c r="A318" i="9"/>
  <c r="A319" i="9"/>
  <c r="A320" i="9"/>
  <c r="A321" i="9"/>
  <c r="A322" i="9"/>
  <c r="A323" i="9"/>
  <c r="A324" i="9"/>
  <c r="A325" i="9"/>
  <c r="A326" i="9"/>
  <c r="A327" i="9"/>
  <c r="A328" i="9"/>
  <c r="A329" i="9"/>
  <c r="A330" i="9"/>
  <c r="A331" i="9"/>
  <c r="A332" i="9"/>
  <c r="A333" i="9"/>
  <c r="A334" i="9"/>
  <c r="A335" i="9"/>
  <c r="A336" i="9"/>
  <c r="A337" i="9"/>
  <c r="A338" i="9"/>
  <c r="A339" i="9"/>
  <c r="A340" i="9"/>
  <c r="A341" i="9"/>
  <c r="A342" i="9"/>
  <c r="A343" i="9"/>
  <c r="A344" i="9"/>
  <c r="A345" i="9"/>
  <c r="A346" i="9"/>
  <c r="A347" i="9"/>
  <c r="A348" i="9"/>
  <c r="A349" i="9"/>
  <c r="A350" i="9"/>
  <c r="A351" i="9"/>
  <c r="A352" i="9"/>
  <c r="A353" i="9"/>
  <c r="A354" i="9"/>
  <c r="A355" i="9"/>
  <c r="A356" i="9"/>
  <c r="A357" i="9"/>
  <c r="A358" i="9"/>
  <c r="A359" i="9"/>
  <c r="A360" i="9"/>
  <c r="A361" i="9"/>
  <c r="A362" i="9"/>
  <c r="A363" i="9"/>
  <c r="A364" i="9"/>
  <c r="A365" i="9"/>
  <c r="A366" i="9"/>
  <c r="A367" i="9"/>
  <c r="A368" i="9"/>
  <c r="A369" i="9"/>
  <c r="A370" i="9"/>
  <c r="A371" i="9"/>
  <c r="A372" i="9"/>
  <c r="A373" i="9"/>
  <c r="A374" i="9"/>
  <c r="A375" i="9"/>
  <c r="A376" i="9"/>
  <c r="A377" i="9"/>
  <c r="A378" i="9"/>
  <c r="A379" i="9"/>
  <c r="A380" i="9"/>
  <c r="A381" i="9"/>
  <c r="A382" i="9"/>
  <c r="A383" i="9"/>
  <c r="A384" i="9"/>
  <c r="A385" i="9"/>
  <c r="A386" i="9"/>
  <c r="A387" i="9"/>
  <c r="A388" i="9"/>
  <c r="A389" i="9"/>
  <c r="A390" i="9"/>
  <c r="A391" i="9"/>
  <c r="A392" i="9"/>
  <c r="A393" i="9"/>
  <c r="A394" i="9"/>
  <c r="A395" i="9"/>
  <c r="A396" i="9"/>
  <c r="A397" i="9"/>
  <c r="A398" i="9"/>
  <c r="A399" i="9"/>
  <c r="A400" i="9"/>
  <c r="A401" i="9"/>
  <c r="A402" i="9"/>
  <c r="A403" i="9"/>
  <c r="A404" i="9"/>
  <c r="A405" i="9"/>
  <c r="A406" i="9"/>
  <c r="A407" i="9"/>
  <c r="A408" i="9"/>
  <c r="A409" i="9"/>
  <c r="A410" i="9"/>
  <c r="A411" i="9"/>
  <c r="A412" i="9"/>
  <c r="A413" i="9"/>
  <c r="A414" i="9"/>
  <c r="A415" i="9"/>
  <c r="A416" i="9"/>
  <c r="A417" i="9"/>
  <c r="A418" i="9"/>
  <c r="A419" i="9"/>
  <c r="A420" i="9"/>
  <c r="A421" i="9"/>
  <c r="A422" i="9"/>
  <c r="A423" i="9"/>
  <c r="A424" i="9"/>
  <c r="A425" i="9"/>
  <c r="A426" i="9"/>
  <c r="A427" i="9"/>
  <c r="A428" i="9"/>
  <c r="A429" i="9"/>
  <c r="A430" i="9"/>
  <c r="A431" i="9"/>
  <c r="A432" i="9"/>
  <c r="A433" i="9"/>
  <c r="A434" i="9"/>
  <c r="A435" i="9"/>
  <c r="A436" i="9"/>
  <c r="A437" i="9"/>
  <c r="A438" i="9"/>
  <c r="A439" i="9"/>
  <c r="A440" i="9"/>
  <c r="A441" i="9"/>
  <c r="A442" i="9"/>
  <c r="A443" i="9"/>
  <c r="A444" i="9"/>
  <c r="A445" i="9"/>
  <c r="A446" i="9"/>
  <c r="A447" i="9"/>
  <c r="A448" i="9"/>
  <c r="A449" i="9"/>
  <c r="A450" i="9"/>
  <c r="A451" i="9"/>
  <c r="A452" i="9"/>
  <c r="A453" i="9"/>
  <c r="A454" i="9"/>
  <c r="A455" i="9"/>
  <c r="A456" i="9"/>
  <c r="A457" i="9"/>
  <c r="A458" i="9"/>
  <c r="A459" i="9"/>
  <c r="A460" i="9"/>
  <c r="A461" i="9"/>
  <c r="A462" i="9"/>
  <c r="A463" i="9"/>
  <c r="A464" i="9"/>
  <c r="A465" i="9"/>
  <c r="A466" i="9"/>
  <c r="A467" i="9"/>
  <c r="A468" i="9"/>
  <c r="A469" i="9"/>
  <c r="A470" i="9"/>
  <c r="A471" i="9"/>
  <c r="A472" i="9"/>
  <c r="A473" i="9"/>
  <c r="A474" i="9"/>
  <c r="A475" i="9"/>
  <c r="A476" i="9"/>
  <c r="A477" i="9"/>
  <c r="A478" i="9"/>
  <c r="A479" i="9"/>
  <c r="A480" i="9"/>
  <c r="A481" i="9"/>
  <c r="A482" i="9"/>
  <c r="A483" i="9"/>
  <c r="A484" i="9"/>
  <c r="A485" i="9"/>
  <c r="A486" i="9"/>
  <c r="A487" i="9"/>
  <c r="A488" i="9"/>
  <c r="A489" i="9"/>
  <c r="A490" i="9"/>
  <c r="A491" i="9"/>
  <c r="A492" i="9"/>
  <c r="A493" i="9"/>
  <c r="A494" i="9"/>
  <c r="A495" i="9"/>
  <c r="A496" i="9"/>
  <c r="A497" i="9"/>
  <c r="A498" i="9"/>
  <c r="A499" i="9"/>
  <c r="A500" i="9"/>
  <c r="A501" i="9"/>
  <c r="A502" i="9"/>
  <c r="A503" i="9"/>
  <c r="A504" i="9"/>
  <c r="A505" i="9"/>
  <c r="A506" i="9"/>
  <c r="A507" i="9"/>
  <c r="A508" i="9"/>
  <c r="A509" i="9"/>
  <c r="A510" i="9"/>
  <c r="A511" i="9"/>
  <c r="A512" i="9"/>
  <c r="A513" i="9"/>
  <c r="A514" i="9"/>
  <c r="A515" i="9"/>
  <c r="A516" i="9"/>
  <c r="A517" i="9"/>
  <c r="A518" i="9"/>
  <c r="A519" i="9"/>
  <c r="A520" i="9"/>
  <c r="A521" i="9"/>
  <c r="A522" i="9"/>
  <c r="A523" i="9"/>
  <c r="A524" i="9"/>
  <c r="A525" i="9"/>
  <c r="A526" i="9"/>
  <c r="A527" i="9"/>
  <c r="A528" i="9"/>
  <c r="A529" i="9"/>
  <c r="A530" i="9"/>
  <c r="A531" i="9"/>
  <c r="A532" i="9"/>
  <c r="A533" i="9"/>
  <c r="A534" i="9"/>
  <c r="A535" i="9"/>
  <c r="A536" i="9"/>
  <c r="A537" i="9"/>
  <c r="A538" i="9"/>
  <c r="A539" i="9"/>
  <c r="A540" i="9"/>
  <c r="A541" i="9"/>
  <c r="A542" i="9"/>
  <c r="A543" i="9"/>
  <c r="A544" i="9"/>
  <c r="A545" i="9"/>
  <c r="A546" i="9"/>
  <c r="A547" i="9"/>
  <c r="A548" i="9"/>
  <c r="A549" i="9"/>
  <c r="A550" i="9"/>
  <c r="A551" i="9"/>
  <c r="A552" i="9"/>
  <c r="A553" i="9"/>
  <c r="A554" i="9"/>
  <c r="A555" i="9"/>
  <c r="A556" i="9"/>
  <c r="A557" i="9"/>
  <c r="A558" i="9"/>
  <c r="A559" i="9"/>
  <c r="A560" i="9"/>
  <c r="A561" i="9"/>
  <c r="A562" i="9"/>
  <c r="A563" i="9"/>
  <c r="A564" i="9"/>
  <c r="A565" i="9"/>
  <c r="A566" i="9"/>
  <c r="A567" i="9"/>
  <c r="A568" i="9"/>
  <c r="A569" i="9"/>
  <c r="A570" i="9"/>
  <c r="A571" i="9"/>
  <c r="A572" i="9"/>
  <c r="A573" i="9"/>
  <c r="A574" i="9"/>
  <c r="A575" i="9"/>
  <c r="A576" i="9"/>
  <c r="A577" i="9"/>
  <c r="A578" i="9"/>
  <c r="A579" i="9"/>
  <c r="A580" i="9"/>
  <c r="A581" i="9"/>
  <c r="A582" i="9"/>
  <c r="A583" i="9"/>
  <c r="A584" i="9"/>
  <c r="A585" i="9"/>
  <c r="A586" i="9"/>
  <c r="A587" i="9"/>
  <c r="A588" i="9"/>
  <c r="A589" i="9"/>
  <c r="A590" i="9"/>
  <c r="A591" i="9"/>
  <c r="A592" i="9"/>
  <c r="A593" i="9"/>
  <c r="A594" i="9"/>
  <c r="A595" i="9"/>
  <c r="A596" i="9"/>
  <c r="A597" i="9"/>
  <c r="A598" i="9"/>
  <c r="A599" i="9"/>
  <c r="A600" i="9"/>
  <c r="A601" i="9"/>
  <c r="A602" i="9"/>
  <c r="A603" i="9"/>
  <c r="A604" i="9"/>
  <c r="A605" i="9"/>
  <c r="A606" i="9"/>
  <c r="A607" i="9"/>
  <c r="A608" i="9"/>
  <c r="A609" i="9"/>
  <c r="A610" i="9"/>
  <c r="A611" i="9"/>
  <c r="A612" i="9"/>
  <c r="A613" i="9"/>
  <c r="A614" i="9"/>
  <c r="A615" i="9"/>
  <c r="A616" i="9"/>
  <c r="A617" i="9"/>
  <c r="A618" i="9"/>
  <c r="A619" i="9"/>
  <c r="A620" i="9"/>
  <c r="A621" i="9"/>
  <c r="A622" i="9"/>
  <c r="A623" i="9"/>
  <c r="A624" i="9"/>
  <c r="A625" i="9"/>
  <c r="A626" i="9"/>
  <c r="A627" i="9"/>
  <c r="A628" i="9"/>
  <c r="A629" i="9"/>
  <c r="A630" i="9"/>
  <c r="A631" i="9"/>
  <c r="A632" i="9"/>
  <c r="A633" i="9"/>
  <c r="A634" i="9"/>
  <c r="A635" i="9"/>
  <c r="A636" i="9"/>
  <c r="A637" i="9"/>
  <c r="A638" i="9"/>
  <c r="A639" i="9"/>
  <c r="A640" i="9"/>
  <c r="A641" i="9"/>
  <c r="A642" i="9"/>
  <c r="A643" i="9"/>
  <c r="A644" i="9"/>
  <c r="A645" i="9"/>
  <c r="A646" i="9"/>
  <c r="A647" i="9"/>
  <c r="A648" i="9"/>
  <c r="A649" i="9"/>
  <c r="A650" i="9"/>
  <c r="A651" i="9"/>
  <c r="A652" i="9"/>
  <c r="A653" i="9"/>
  <c r="A654" i="9"/>
  <c r="A655" i="9"/>
  <c r="A656" i="9"/>
  <c r="A657" i="9"/>
  <c r="A658" i="9"/>
  <c r="A659" i="9"/>
  <c r="A660" i="9"/>
  <c r="A661" i="9"/>
  <c r="A662" i="9"/>
  <c r="A663" i="9"/>
  <c r="A664" i="9"/>
  <c r="A665" i="9"/>
  <c r="A666" i="9"/>
  <c r="A667" i="9"/>
  <c r="A668" i="9"/>
  <c r="A669" i="9"/>
  <c r="A670" i="9"/>
  <c r="A671" i="9"/>
  <c r="A672" i="9"/>
  <c r="A673" i="9"/>
  <c r="A674" i="9"/>
  <c r="A675" i="9"/>
  <c r="A676" i="9"/>
  <c r="A677" i="9"/>
  <c r="A678" i="9"/>
  <c r="A679" i="9"/>
  <c r="A680" i="9"/>
  <c r="A681" i="9"/>
  <c r="A682" i="9"/>
  <c r="A683" i="9"/>
  <c r="A684" i="9"/>
  <c r="A685" i="9"/>
  <c r="A686" i="9"/>
  <c r="A687" i="9"/>
  <c r="A688" i="9"/>
  <c r="A689" i="9"/>
  <c r="A690" i="9"/>
  <c r="A691" i="9"/>
  <c r="A692" i="9"/>
  <c r="A693" i="9"/>
  <c r="A694" i="9"/>
  <c r="A695" i="9"/>
  <c r="A696" i="9"/>
  <c r="A697" i="9"/>
  <c r="A698" i="9"/>
  <c r="A699" i="9"/>
  <c r="A700" i="9"/>
  <c r="A701" i="9"/>
  <c r="A702" i="9"/>
  <c r="A703" i="9"/>
  <c r="A704" i="9"/>
  <c r="A705" i="9"/>
  <c r="A706" i="9"/>
  <c r="A707" i="9"/>
  <c r="A708" i="9"/>
  <c r="A709" i="9"/>
  <c r="A710" i="9"/>
  <c r="A711" i="9"/>
  <c r="A712" i="9"/>
  <c r="A713" i="9"/>
  <c r="A714" i="9"/>
  <c r="A715" i="9"/>
  <c r="A716" i="9"/>
  <c r="A717" i="9"/>
  <c r="A718" i="9"/>
  <c r="A719" i="9"/>
  <c r="A720" i="9"/>
  <c r="A721" i="9"/>
  <c r="A722" i="9"/>
  <c r="A723" i="9"/>
  <c r="A724" i="9"/>
  <c r="A725" i="9"/>
  <c r="A726" i="9"/>
  <c r="A727" i="9"/>
  <c r="A728" i="9"/>
  <c r="A729" i="9"/>
  <c r="A730" i="9"/>
  <c r="A731" i="9"/>
  <c r="A732" i="9"/>
  <c r="A733" i="9"/>
  <c r="A734" i="9"/>
  <c r="A735" i="9"/>
  <c r="A736" i="9"/>
  <c r="A737" i="9"/>
  <c r="A738" i="9"/>
  <c r="A739" i="9"/>
  <c r="A740" i="9"/>
  <c r="A741" i="9"/>
  <c r="A742" i="9"/>
  <c r="A743" i="9"/>
  <c r="A744" i="9"/>
  <c r="A745" i="9"/>
  <c r="A746" i="9"/>
  <c r="A747" i="9"/>
  <c r="A748" i="9"/>
  <c r="A749" i="9"/>
  <c r="A750" i="9"/>
  <c r="A751" i="9"/>
  <c r="A752" i="9"/>
  <c r="A753" i="9"/>
  <c r="A754" i="9"/>
  <c r="A755" i="9"/>
  <c r="A756" i="9"/>
  <c r="A757" i="9"/>
  <c r="A758" i="9"/>
  <c r="A759" i="9"/>
  <c r="A760" i="9"/>
  <c r="A761" i="9"/>
  <c r="A762" i="9"/>
  <c r="A763" i="9"/>
  <c r="A764" i="9"/>
  <c r="A765" i="9"/>
  <c r="A766" i="9"/>
  <c r="A767" i="9"/>
  <c r="A768" i="9"/>
  <c r="A769" i="9"/>
  <c r="A770" i="9"/>
  <c r="A771" i="9"/>
  <c r="A772" i="9"/>
  <c r="A773" i="9"/>
  <c r="A774" i="9"/>
  <c r="A775" i="9"/>
  <c r="A776" i="9"/>
  <c r="A777" i="9"/>
  <c r="A778" i="9"/>
  <c r="A779" i="9"/>
  <c r="A780" i="9"/>
  <c r="A781" i="9"/>
  <c r="A782" i="9"/>
  <c r="A783" i="9"/>
  <c r="A784" i="9"/>
  <c r="A785" i="9"/>
  <c r="A786" i="9"/>
  <c r="A787" i="9"/>
  <c r="A788" i="9"/>
  <c r="A789" i="9"/>
  <c r="A790" i="9"/>
  <c r="A791" i="9"/>
  <c r="A792" i="9"/>
  <c r="A793" i="9"/>
  <c r="A794" i="9"/>
  <c r="A795" i="9"/>
  <c r="A796" i="9"/>
  <c r="A797" i="9"/>
  <c r="A798" i="9"/>
  <c r="A799" i="9"/>
  <c r="A800" i="9"/>
  <c r="A801" i="9"/>
  <c r="A802" i="9"/>
  <c r="A803" i="9"/>
  <c r="A804" i="9"/>
  <c r="A805" i="9"/>
  <c r="A806" i="9"/>
  <c r="A807" i="9"/>
  <c r="A808" i="9"/>
  <c r="A809" i="9"/>
  <c r="A810" i="9"/>
  <c r="A811" i="9"/>
  <c r="A812" i="9"/>
  <c r="A813" i="9"/>
  <c r="A814" i="9"/>
  <c r="A815" i="9"/>
  <c r="A816" i="9"/>
  <c r="A817" i="9"/>
  <c r="A818" i="9"/>
  <c r="A819" i="9"/>
  <c r="A820" i="9"/>
  <c r="A821" i="9"/>
  <c r="A822" i="9"/>
  <c r="A823" i="9"/>
  <c r="A824" i="9"/>
  <c r="A825" i="9"/>
  <c r="A826" i="9"/>
  <c r="A827" i="9"/>
  <c r="A828" i="9"/>
  <c r="A829" i="9"/>
  <c r="A830" i="9"/>
  <c r="A831" i="9"/>
  <c r="A832" i="9"/>
  <c r="A833" i="9"/>
  <c r="A834" i="9"/>
  <c r="A835" i="9"/>
  <c r="A836" i="9"/>
  <c r="A837" i="9"/>
  <c r="A838" i="9"/>
  <c r="A839" i="9"/>
  <c r="A840" i="9"/>
  <c r="A841" i="9"/>
  <c r="A842" i="9"/>
  <c r="A843" i="9"/>
  <c r="A844" i="9"/>
  <c r="A845" i="9"/>
  <c r="A846" i="9"/>
  <c r="A847" i="9"/>
  <c r="A848" i="9"/>
  <c r="A849" i="9"/>
  <c r="A850" i="9"/>
  <c r="A851" i="9"/>
  <c r="A852" i="9"/>
  <c r="A853" i="9"/>
  <c r="A854" i="9"/>
  <c r="A855" i="9"/>
  <c r="A856" i="9"/>
  <c r="A857" i="9"/>
  <c r="A858" i="9"/>
  <c r="A859" i="9"/>
  <c r="A860" i="9"/>
  <c r="A861" i="9"/>
  <c r="A862" i="9"/>
  <c r="A863" i="9"/>
  <c r="A864" i="9"/>
  <c r="A865" i="9"/>
  <c r="A866" i="9"/>
  <c r="A867" i="9"/>
  <c r="A868" i="9"/>
  <c r="A869" i="9"/>
  <c r="A870" i="9"/>
  <c r="A871" i="9"/>
  <c r="A872" i="9"/>
  <c r="A873" i="9"/>
  <c r="A874" i="9"/>
  <c r="A875" i="9"/>
  <c r="A876" i="9"/>
  <c r="A877" i="9"/>
  <c r="A878" i="9"/>
  <c r="A879" i="9"/>
  <c r="A880" i="9"/>
  <c r="A881" i="9"/>
  <c r="A882" i="9"/>
  <c r="A883" i="9"/>
  <c r="A884" i="9"/>
  <c r="A885" i="9"/>
  <c r="A886" i="9"/>
  <c r="A887" i="9"/>
  <c r="A888" i="9"/>
  <c r="A889" i="9"/>
  <c r="A890" i="9"/>
  <c r="A891" i="9"/>
  <c r="A892" i="9"/>
  <c r="A893" i="9"/>
  <c r="A894" i="9"/>
  <c r="A895" i="9"/>
  <c r="A896" i="9"/>
  <c r="A897" i="9"/>
  <c r="A898" i="9"/>
  <c r="A899" i="9"/>
  <c r="A900" i="9"/>
  <c r="A901" i="9"/>
  <c r="A902" i="9"/>
  <c r="A903" i="9"/>
  <c r="A904" i="9"/>
  <c r="A905" i="9"/>
  <c r="A906" i="9"/>
  <c r="A907" i="9"/>
  <c r="A908" i="9"/>
  <c r="A909" i="9"/>
  <c r="A910" i="9"/>
  <c r="A911" i="9"/>
  <c r="A912" i="9"/>
  <c r="A913" i="9"/>
  <c r="A914" i="9"/>
  <c r="A915" i="9"/>
  <c r="A916" i="9"/>
  <c r="A917" i="9"/>
  <c r="A918" i="9"/>
  <c r="A919" i="9"/>
  <c r="A920" i="9"/>
  <c r="A921" i="9"/>
  <c r="A922" i="9"/>
  <c r="A923" i="9"/>
  <c r="A924" i="9"/>
  <c r="A925" i="9"/>
  <c r="A926" i="9"/>
  <c r="A927" i="9"/>
  <c r="A928" i="9"/>
  <c r="A929" i="9"/>
  <c r="A930" i="9"/>
  <c r="A931" i="9"/>
  <c r="A932" i="9"/>
  <c r="A933" i="9"/>
  <c r="A934" i="9"/>
  <c r="A935" i="9"/>
  <c r="A936" i="9"/>
  <c r="A937" i="9"/>
  <c r="A938" i="9"/>
  <c r="A939" i="9"/>
  <c r="A940" i="9"/>
  <c r="A941" i="9"/>
  <c r="A942" i="9"/>
  <c r="A943" i="9"/>
  <c r="A944" i="9"/>
  <c r="A945" i="9"/>
  <c r="A946" i="9"/>
  <c r="A947" i="9"/>
  <c r="A948" i="9"/>
  <c r="A949" i="9"/>
  <c r="A950" i="9"/>
  <c r="A951" i="9"/>
  <c r="A952" i="9"/>
  <c r="A953" i="9"/>
  <c r="A954" i="9"/>
  <c r="A955" i="9"/>
  <c r="A956" i="9"/>
  <c r="A957" i="9"/>
  <c r="A958" i="9"/>
  <c r="A959" i="9"/>
  <c r="A960" i="9"/>
  <c r="A961" i="9"/>
  <c r="A962" i="9"/>
  <c r="A963" i="9"/>
  <c r="A964" i="9"/>
  <c r="A965" i="9"/>
  <c r="A966" i="9"/>
  <c r="A967" i="9"/>
  <c r="A968" i="9"/>
  <c r="A969" i="9"/>
  <c r="A970" i="9"/>
  <c r="A971" i="9"/>
  <c r="A972" i="9"/>
  <c r="A973" i="9"/>
  <c r="A974" i="9"/>
  <c r="A975" i="9"/>
  <c r="A976" i="9"/>
  <c r="A977" i="9"/>
  <c r="A978" i="9"/>
  <c r="A979" i="9"/>
  <c r="A980" i="9"/>
  <c r="A981" i="9"/>
  <c r="A982" i="9"/>
  <c r="A983" i="9"/>
  <c r="A984" i="9"/>
  <c r="A985" i="9"/>
  <c r="A986" i="9"/>
  <c r="A987" i="9"/>
  <c r="A988" i="9"/>
  <c r="A989" i="9"/>
  <c r="A990" i="9"/>
  <c r="A991" i="9"/>
  <c r="A992" i="9"/>
  <c r="A993" i="9"/>
  <c r="A994" i="9"/>
  <c r="A995" i="9"/>
  <c r="A996" i="9"/>
  <c r="A997" i="9"/>
  <c r="A998" i="9"/>
  <c r="A999" i="9"/>
  <c r="A1000" i="9"/>
  <c r="A1001" i="9"/>
  <c r="A1002" i="9"/>
  <c r="A1003" i="9"/>
  <c r="A1004" i="9"/>
  <c r="A1005" i="9"/>
  <c r="A1006" i="9"/>
  <c r="A1007" i="9"/>
  <c r="A1008" i="9"/>
  <c r="A1009" i="9"/>
  <c r="A1010" i="9"/>
  <c r="A1011" i="9"/>
  <c r="A1012" i="9"/>
  <c r="A1013" i="9"/>
  <c r="A1014" i="9"/>
  <c r="A1015" i="9"/>
  <c r="A1016" i="9"/>
  <c r="A1017" i="9"/>
  <c r="A1018" i="9"/>
  <c r="A1019" i="9"/>
  <c r="A1020" i="9"/>
  <c r="A1021" i="9"/>
  <c r="A1022" i="9"/>
  <c r="A1023" i="9"/>
  <c r="A1024" i="9"/>
  <c r="A1025" i="9"/>
  <c r="A1026" i="9"/>
  <c r="A1027" i="9"/>
  <c r="A1028" i="9"/>
  <c r="A1029" i="9"/>
  <c r="A1030" i="9"/>
  <c r="A1031" i="9"/>
  <c r="A1032" i="9"/>
  <c r="A1033" i="9"/>
  <c r="A1034" i="9"/>
  <c r="A1035" i="9"/>
  <c r="A1036" i="9"/>
  <c r="A1037" i="9"/>
  <c r="A1038" i="9"/>
  <c r="A1039" i="9"/>
  <c r="A1040" i="9"/>
  <c r="A1041" i="9"/>
  <c r="A1042" i="9"/>
  <c r="A1043" i="9"/>
  <c r="A1044" i="9"/>
  <c r="A1045" i="9"/>
  <c r="A1046" i="9"/>
  <c r="A1047" i="9"/>
  <c r="A1048" i="9"/>
  <c r="A1049" i="9"/>
  <c r="A1050" i="9"/>
  <c r="A1051" i="9"/>
  <c r="A1052" i="9"/>
  <c r="A1053" i="9"/>
  <c r="A1054" i="9"/>
  <c r="A1055" i="9"/>
  <c r="A1056" i="9"/>
  <c r="A1057" i="9"/>
  <c r="A1058" i="9"/>
  <c r="A1059" i="9"/>
  <c r="A1060" i="9"/>
  <c r="A1061" i="9"/>
  <c r="A1062" i="9"/>
  <c r="A1063" i="9"/>
  <c r="A1064" i="9"/>
  <c r="A1065" i="9"/>
  <c r="A1066" i="9"/>
  <c r="A1067" i="9"/>
  <c r="A1068" i="9"/>
  <c r="A1069" i="9"/>
  <c r="A1070" i="9"/>
  <c r="A1071" i="9"/>
  <c r="A1072" i="9"/>
  <c r="A1073" i="9"/>
  <c r="A1074" i="9"/>
  <c r="A1075" i="9"/>
  <c r="A1076" i="9"/>
  <c r="A1077" i="9"/>
  <c r="A1078" i="9"/>
  <c r="A1079" i="9"/>
  <c r="A1080" i="9"/>
  <c r="A1081" i="9"/>
  <c r="A1082" i="9"/>
  <c r="A1083" i="9"/>
  <c r="A1084" i="9"/>
  <c r="A1085" i="9"/>
  <c r="A1086" i="9"/>
  <c r="A1087" i="9"/>
  <c r="A1088" i="9"/>
  <c r="A1089" i="9"/>
  <c r="A1090" i="9"/>
  <c r="A1091" i="9"/>
  <c r="A1092" i="9"/>
  <c r="A1093" i="9"/>
  <c r="A1094" i="9"/>
  <c r="A1095" i="9"/>
  <c r="A1096" i="9"/>
  <c r="A1097" i="9"/>
  <c r="A1098" i="9"/>
  <c r="A1099" i="9"/>
  <c r="A1100" i="9"/>
  <c r="A1101" i="9"/>
  <c r="A1102" i="9"/>
  <c r="A1103" i="9"/>
  <c r="A1104" i="9"/>
  <c r="A1105" i="9"/>
  <c r="A1106" i="9"/>
  <c r="A1107" i="9"/>
  <c r="A1108" i="9"/>
  <c r="A1109" i="9"/>
  <c r="A1110" i="9"/>
  <c r="A1111" i="9"/>
  <c r="A1112" i="9"/>
  <c r="A1113" i="9"/>
  <c r="A1114" i="9"/>
  <c r="A1115" i="9"/>
  <c r="A1116" i="9"/>
  <c r="A1117" i="9"/>
  <c r="A1118" i="9"/>
  <c r="A1119" i="9"/>
  <c r="A1120" i="9"/>
  <c r="A1121" i="9"/>
  <c r="A1122" i="9"/>
  <c r="A1123" i="9"/>
  <c r="A1124" i="9"/>
  <c r="A1125" i="9"/>
  <c r="A1126" i="9"/>
  <c r="A1127" i="9"/>
  <c r="A1128" i="9"/>
  <c r="A1129" i="9"/>
  <c r="A1130" i="9"/>
  <c r="A1131" i="9"/>
  <c r="A1132" i="9"/>
  <c r="A1133" i="9"/>
  <c r="A1134" i="9"/>
  <c r="A1135" i="9"/>
  <c r="A1136" i="9"/>
  <c r="A1137" i="9"/>
  <c r="A1138" i="9"/>
  <c r="A1139" i="9"/>
  <c r="A1140" i="9"/>
  <c r="A1141" i="9"/>
  <c r="A1142" i="9"/>
  <c r="A1143" i="9"/>
  <c r="A1144" i="9"/>
  <c r="A1145" i="9"/>
  <c r="A1146" i="9"/>
  <c r="A1147" i="9"/>
  <c r="A1148" i="9"/>
  <c r="A1149" i="9"/>
  <c r="A1150" i="9"/>
  <c r="A1151" i="9"/>
  <c r="A1152" i="9"/>
  <c r="A1153" i="9"/>
  <c r="A1154" i="9"/>
  <c r="A1155" i="9"/>
  <c r="A1156" i="9"/>
  <c r="A1157" i="9"/>
  <c r="A1158" i="9"/>
  <c r="A1159" i="9"/>
  <c r="A1160" i="9"/>
  <c r="A1161" i="9"/>
  <c r="A1162" i="9"/>
  <c r="A1163" i="9"/>
  <c r="A1164" i="9"/>
  <c r="A1165" i="9"/>
  <c r="A1166" i="9"/>
  <c r="A1167" i="9"/>
  <c r="A1168" i="9"/>
  <c r="A1169" i="9"/>
  <c r="A1170" i="9"/>
  <c r="A1171" i="9"/>
  <c r="A1172" i="9"/>
  <c r="A1173" i="9"/>
  <c r="A1174" i="9"/>
  <c r="A1175" i="9"/>
  <c r="A1176" i="9"/>
  <c r="A1177" i="9"/>
  <c r="A1178" i="9"/>
  <c r="A1179" i="9"/>
  <c r="A1180" i="9"/>
  <c r="A1181" i="9"/>
  <c r="A1182" i="9"/>
  <c r="A1183" i="9"/>
  <c r="A1184" i="9"/>
  <c r="A1185" i="9"/>
  <c r="A1186" i="9"/>
  <c r="A1187" i="9"/>
  <c r="A1188" i="9"/>
  <c r="A1189" i="9"/>
  <c r="A1190" i="9"/>
  <c r="A1191" i="9"/>
  <c r="A1192" i="9"/>
  <c r="A1193" i="9"/>
  <c r="A1194" i="9"/>
  <c r="A1195" i="9"/>
  <c r="A1196" i="9"/>
  <c r="A1197" i="9"/>
  <c r="A1198" i="9"/>
  <c r="A1199" i="9"/>
  <c r="A1200" i="9"/>
  <c r="A1201" i="9"/>
  <c r="A1202" i="9"/>
  <c r="A1203" i="9"/>
  <c r="A1204" i="9"/>
  <c r="A1205" i="9"/>
  <c r="A1206" i="9"/>
  <c r="A1207" i="9"/>
  <c r="A1208" i="9"/>
  <c r="A1209" i="9"/>
  <c r="A1210" i="9"/>
  <c r="A1211" i="9"/>
  <c r="A1212" i="9"/>
  <c r="A1213" i="9"/>
  <c r="A1214" i="9"/>
  <c r="A1215" i="9"/>
  <c r="A1216" i="9"/>
  <c r="A1217" i="9"/>
  <c r="A1218" i="9"/>
  <c r="A1219" i="9"/>
  <c r="A1220" i="9"/>
  <c r="A1221" i="9"/>
  <c r="A1222" i="9"/>
  <c r="A1223" i="9"/>
  <c r="A1224" i="9"/>
  <c r="A1225" i="9"/>
  <c r="A1226" i="9"/>
  <c r="A1227" i="9"/>
  <c r="A1228" i="9"/>
  <c r="A1229" i="9"/>
  <c r="A1230" i="9"/>
  <c r="A1231" i="9"/>
  <c r="A1232" i="9"/>
  <c r="A1233" i="9"/>
  <c r="A1234" i="9"/>
  <c r="A1235" i="9"/>
  <c r="A1236" i="9"/>
  <c r="A1237" i="9"/>
  <c r="A1238" i="9"/>
  <c r="A1239" i="9"/>
  <c r="A1240" i="9"/>
  <c r="A1241" i="9"/>
  <c r="A1242" i="9"/>
  <c r="A1243" i="9"/>
  <c r="A1244" i="9"/>
  <c r="A1245" i="9"/>
  <c r="A1246" i="9"/>
  <c r="A1247" i="9"/>
  <c r="A1248" i="9"/>
  <c r="A1249" i="9"/>
  <c r="A1250" i="9"/>
  <c r="A1251" i="9"/>
  <c r="A1252" i="9"/>
  <c r="A1253" i="9"/>
  <c r="A1254" i="9"/>
  <c r="A1255" i="9"/>
  <c r="A1256" i="9"/>
  <c r="A1257" i="9"/>
  <c r="A1258" i="9"/>
  <c r="A1259" i="9"/>
  <c r="A1260" i="9"/>
  <c r="A1261" i="9"/>
  <c r="A1262" i="9"/>
  <c r="A1263" i="9"/>
  <c r="A1264" i="9"/>
  <c r="A1265" i="9"/>
  <c r="A1266" i="9"/>
  <c r="A1267" i="9"/>
  <c r="A1268" i="9"/>
  <c r="A1269" i="9"/>
  <c r="A1270" i="9"/>
  <c r="A1271" i="9"/>
  <c r="A1272" i="9"/>
  <c r="A1273" i="9"/>
  <c r="A1274" i="9"/>
  <c r="A1275" i="9"/>
  <c r="A1276" i="9"/>
  <c r="A1277" i="9"/>
  <c r="A1278" i="9"/>
  <c r="A1279" i="9"/>
  <c r="A1280" i="9"/>
  <c r="A1281" i="9"/>
  <c r="A1282" i="9"/>
  <c r="A1283" i="9"/>
  <c r="A1284" i="9"/>
  <c r="A1285" i="9"/>
  <c r="A1286" i="9"/>
  <c r="A1287" i="9"/>
  <c r="A1288" i="9"/>
  <c r="A1289" i="9"/>
  <c r="A1290" i="9"/>
  <c r="A1291" i="9"/>
  <c r="A1292" i="9"/>
  <c r="A1293" i="9"/>
  <c r="A1294" i="9"/>
  <c r="A1295" i="9"/>
  <c r="A1296" i="9"/>
  <c r="A1297" i="9"/>
  <c r="A1298" i="9"/>
  <c r="A1299" i="9"/>
  <c r="A1300" i="9"/>
  <c r="A1301" i="9"/>
  <c r="A1302" i="9"/>
  <c r="A1303" i="9"/>
  <c r="A1304" i="9"/>
  <c r="A1305" i="9"/>
  <c r="A1306" i="9"/>
  <c r="A1307" i="9"/>
  <c r="A1308" i="9"/>
  <c r="A1309" i="9"/>
  <c r="A1310" i="9"/>
  <c r="A1311" i="9"/>
  <c r="A1312" i="9"/>
  <c r="A1313" i="9"/>
  <c r="A1314" i="9"/>
  <c r="A1315" i="9"/>
  <c r="A1316" i="9"/>
  <c r="A1317" i="9"/>
  <c r="A1318" i="9"/>
  <c r="A1319" i="9"/>
  <c r="A1320" i="9"/>
  <c r="A1321" i="9"/>
  <c r="A1322" i="9"/>
  <c r="A1323" i="9"/>
  <c r="A1324" i="9"/>
  <c r="A1325" i="9"/>
  <c r="A1326" i="9"/>
  <c r="A1327" i="9"/>
  <c r="A1328" i="9"/>
  <c r="A1329" i="9"/>
  <c r="A1330" i="9"/>
  <c r="A1331" i="9"/>
  <c r="A1332" i="9"/>
  <c r="A1333" i="9"/>
  <c r="A1334" i="9"/>
  <c r="A1335" i="9"/>
  <c r="A1336" i="9"/>
  <c r="A1337" i="9"/>
  <c r="A1338" i="9"/>
  <c r="A1339" i="9"/>
  <c r="A1340" i="9"/>
  <c r="A1341" i="9"/>
  <c r="A1342" i="9"/>
  <c r="A1343" i="9"/>
  <c r="A1344" i="9"/>
  <c r="A1345" i="9"/>
  <c r="A1346" i="9"/>
  <c r="A1347" i="9"/>
  <c r="A1348" i="9"/>
  <c r="A1349" i="9"/>
  <c r="A1350" i="9"/>
  <c r="A1351" i="9"/>
  <c r="A1352" i="9"/>
  <c r="A1353" i="9"/>
  <c r="A1354" i="9"/>
  <c r="A1355" i="9"/>
  <c r="A1356" i="9"/>
  <c r="A1357" i="9"/>
  <c r="A1358" i="9"/>
  <c r="A1359" i="9"/>
  <c r="A1360" i="9"/>
  <c r="A1361" i="9"/>
  <c r="A1362" i="9"/>
  <c r="A1363" i="9"/>
  <c r="A1364" i="9"/>
  <c r="A1365" i="9"/>
  <c r="A1366" i="9"/>
  <c r="A1367" i="9"/>
  <c r="A1368" i="9"/>
  <c r="A1369" i="9"/>
  <c r="A1370" i="9"/>
  <c r="A1371" i="9"/>
  <c r="A1372" i="9"/>
  <c r="A1373" i="9"/>
  <c r="A1374" i="9"/>
  <c r="A1375" i="9"/>
  <c r="A1376" i="9"/>
  <c r="A1377" i="9"/>
  <c r="A1378" i="9"/>
  <c r="A1379" i="9"/>
  <c r="A1380" i="9"/>
  <c r="A1381" i="9"/>
  <c r="A1382" i="9"/>
  <c r="A1383" i="9"/>
  <c r="A1384" i="9"/>
  <c r="A1385" i="9"/>
  <c r="A1386" i="9"/>
  <c r="A1387" i="9"/>
  <c r="A1388" i="9"/>
  <c r="A1389" i="9"/>
  <c r="A1390" i="9"/>
  <c r="A1391" i="9"/>
  <c r="A1392" i="9"/>
  <c r="A1393" i="9"/>
  <c r="A1394" i="9"/>
  <c r="A1395" i="9"/>
  <c r="A1396" i="9"/>
  <c r="A1397" i="9"/>
  <c r="A1398" i="9"/>
  <c r="A1399" i="9"/>
  <c r="A1400" i="9"/>
  <c r="A1401" i="9"/>
  <c r="A1402" i="9"/>
  <c r="A1403" i="9"/>
  <c r="A1404" i="9"/>
  <c r="A1405" i="9"/>
  <c r="A1406" i="9"/>
  <c r="A1407" i="9"/>
  <c r="A1408" i="9"/>
  <c r="A1409" i="9"/>
  <c r="A1410" i="9"/>
  <c r="A1411" i="9"/>
  <c r="A1412" i="9"/>
  <c r="A1413" i="9"/>
  <c r="A1414" i="9"/>
  <c r="A1415" i="9"/>
  <c r="A1416" i="9"/>
  <c r="A1417" i="9"/>
  <c r="A1418" i="9"/>
  <c r="A1419" i="9"/>
  <c r="A1420" i="9"/>
  <c r="A1421" i="9"/>
  <c r="A1422" i="9"/>
  <c r="A1423" i="9"/>
  <c r="A1424" i="9"/>
  <c r="A1425" i="9"/>
  <c r="A1426" i="9"/>
  <c r="A1427" i="9"/>
  <c r="A1428" i="9"/>
  <c r="A1429" i="9"/>
  <c r="A1430" i="9"/>
  <c r="A1431" i="9"/>
  <c r="A1432" i="9"/>
  <c r="A1433" i="9"/>
  <c r="A1434" i="9"/>
  <c r="A1435" i="9"/>
  <c r="A1436" i="9"/>
  <c r="A1437" i="9"/>
  <c r="A1438" i="9"/>
  <c r="A1439" i="9"/>
  <c r="A1440" i="9"/>
  <c r="A1441" i="9"/>
  <c r="A1442" i="9"/>
  <c r="A1443" i="9"/>
  <c r="A1444" i="9"/>
  <c r="A1445" i="9"/>
  <c r="A1446" i="9"/>
  <c r="A1447" i="9"/>
  <c r="A1448" i="9"/>
  <c r="A1449" i="9"/>
  <c r="A1450" i="9"/>
  <c r="A1451" i="9"/>
  <c r="A1452" i="9"/>
  <c r="A1453" i="9"/>
  <c r="A1454" i="9"/>
  <c r="A1455" i="9"/>
  <c r="A1456" i="9"/>
  <c r="A1457" i="9"/>
  <c r="A1458" i="9"/>
  <c r="A1459" i="9"/>
  <c r="A1460" i="9"/>
  <c r="A1461" i="9"/>
  <c r="A1462" i="9"/>
  <c r="A1463" i="9"/>
  <c r="A1464" i="9"/>
  <c r="A1465" i="9"/>
  <c r="A1466" i="9"/>
  <c r="A1467" i="9"/>
  <c r="A1468" i="9"/>
  <c r="A1469" i="9"/>
  <c r="A1470" i="9"/>
  <c r="A1471" i="9"/>
  <c r="A1472" i="9"/>
  <c r="A1473" i="9"/>
  <c r="A1474" i="9"/>
  <c r="A1475" i="9"/>
  <c r="A1476" i="9"/>
  <c r="A1477" i="9"/>
  <c r="A1478" i="9"/>
  <c r="A1479" i="9"/>
  <c r="A1480" i="9"/>
  <c r="A1481" i="9"/>
  <c r="A1482" i="9"/>
  <c r="A1483" i="9"/>
  <c r="A1484" i="9"/>
  <c r="A1485" i="9"/>
  <c r="A1486" i="9"/>
  <c r="A1487" i="9"/>
  <c r="A1488" i="9"/>
  <c r="A1489" i="9"/>
  <c r="A1490" i="9"/>
  <c r="A1491" i="9"/>
  <c r="A1492" i="9"/>
  <c r="A1493" i="9"/>
  <c r="A1494" i="9"/>
  <c r="A1495" i="9"/>
  <c r="A1496" i="9"/>
  <c r="A1497" i="9"/>
  <c r="A1498" i="9"/>
  <c r="A1499" i="9"/>
  <c r="A1500" i="9"/>
  <c r="A1501" i="9"/>
  <c r="A1502" i="9"/>
  <c r="A1503" i="9"/>
  <c r="A1504" i="9"/>
  <c r="A1505" i="9"/>
  <c r="A1506" i="9"/>
  <c r="A1507" i="9"/>
  <c r="A1508" i="9"/>
  <c r="A1509" i="9"/>
  <c r="A1510" i="9"/>
  <c r="A1511" i="9"/>
  <c r="A1512" i="9"/>
  <c r="A1513" i="9"/>
  <c r="A1514" i="9"/>
  <c r="A1515" i="9"/>
  <c r="A1516" i="9"/>
  <c r="A1517" i="9"/>
  <c r="A1518" i="9"/>
  <c r="A1519" i="9"/>
  <c r="A1520" i="9"/>
  <c r="A1521" i="9"/>
  <c r="A1522" i="9"/>
  <c r="A1523" i="9"/>
  <c r="A1524" i="9"/>
  <c r="A1525" i="9"/>
  <c r="A1526" i="9"/>
  <c r="A1527" i="9"/>
  <c r="A1528" i="9"/>
  <c r="A1529" i="9"/>
  <c r="A1530" i="9"/>
  <c r="A1531" i="9"/>
  <c r="A1532" i="9"/>
  <c r="A1533" i="9"/>
  <c r="A1534" i="9"/>
  <c r="A1535" i="9"/>
  <c r="A1536" i="9"/>
  <c r="A1537" i="9"/>
  <c r="A1538" i="9"/>
  <c r="A1539" i="9"/>
  <c r="A1540" i="9"/>
  <c r="A1541" i="9"/>
  <c r="A1542" i="9"/>
  <c r="A1543" i="9"/>
  <c r="A1544" i="9"/>
  <c r="A1545" i="9"/>
  <c r="A1546" i="9"/>
  <c r="A1547" i="9"/>
  <c r="A1548" i="9"/>
  <c r="A1549" i="9"/>
  <c r="A1550" i="9"/>
  <c r="A1551" i="9"/>
  <c r="A1552" i="9"/>
  <c r="A1553" i="9"/>
  <c r="A1554" i="9"/>
  <c r="A1555" i="9"/>
  <c r="A1556" i="9"/>
  <c r="A1557" i="9"/>
  <c r="A1558" i="9"/>
  <c r="A1559" i="9"/>
  <c r="A1560" i="9"/>
  <c r="A1561" i="9"/>
  <c r="A1562" i="9"/>
  <c r="A1563" i="9"/>
  <c r="A1564" i="9"/>
  <c r="A1565" i="9"/>
  <c r="A1566" i="9"/>
  <c r="A1567" i="9"/>
  <c r="A1568" i="9"/>
  <c r="A1569" i="9"/>
  <c r="A1570" i="9"/>
  <c r="A1571" i="9"/>
  <c r="A1572" i="9"/>
  <c r="A1573" i="9"/>
  <c r="A1574" i="9"/>
  <c r="A1575" i="9"/>
  <c r="A1576" i="9"/>
  <c r="A1577" i="9"/>
  <c r="A1578" i="9"/>
  <c r="A1579" i="9"/>
  <c r="A1580" i="9"/>
  <c r="A1581" i="9"/>
  <c r="A1582" i="9"/>
  <c r="A1583" i="9"/>
  <c r="A1584" i="9"/>
  <c r="A1585" i="9"/>
  <c r="A1586" i="9"/>
  <c r="A1587" i="9"/>
  <c r="A1588" i="9"/>
  <c r="A1589" i="9"/>
  <c r="A1590" i="9"/>
  <c r="A1591" i="9"/>
  <c r="A1592" i="9"/>
  <c r="A1593" i="9"/>
  <c r="A1594" i="9"/>
  <c r="A1595" i="9"/>
  <c r="A1596" i="9"/>
  <c r="A1597" i="9"/>
  <c r="A1598" i="9"/>
  <c r="A1599" i="9"/>
  <c r="A1600" i="9"/>
  <c r="A1601" i="9"/>
  <c r="A1602" i="9"/>
  <c r="A1603" i="9"/>
  <c r="A1604" i="9"/>
  <c r="A1605" i="9"/>
  <c r="A1606" i="9"/>
  <c r="A1607" i="9"/>
  <c r="A1608" i="9"/>
  <c r="A1609" i="9"/>
  <c r="A1610" i="9"/>
  <c r="A1611" i="9"/>
  <c r="A1612" i="9"/>
  <c r="A1613" i="9"/>
  <c r="A1614" i="9"/>
  <c r="A1615" i="9"/>
  <c r="A1616" i="9"/>
  <c r="A1617" i="9"/>
  <c r="A1618" i="9"/>
  <c r="A1619" i="9"/>
  <c r="A1620" i="9"/>
  <c r="A1621" i="9"/>
  <c r="A1622" i="9"/>
  <c r="A1623" i="9"/>
  <c r="A1624" i="9"/>
  <c r="A1625" i="9"/>
  <c r="A1626" i="9"/>
  <c r="A1627" i="9"/>
  <c r="A1628" i="9"/>
  <c r="A1629" i="9"/>
  <c r="A1630" i="9"/>
  <c r="A1631" i="9"/>
  <c r="A1632" i="9"/>
  <c r="A1633" i="9"/>
  <c r="A1634" i="9"/>
  <c r="A1635" i="9"/>
  <c r="A1636" i="9"/>
  <c r="A1637" i="9"/>
  <c r="A1638" i="9"/>
  <c r="A1639" i="9"/>
  <c r="A1640" i="9"/>
  <c r="A1641" i="9"/>
  <c r="A1642" i="9"/>
  <c r="A1643" i="9"/>
  <c r="A1644" i="9"/>
  <c r="A1645" i="9"/>
  <c r="A1646" i="9"/>
  <c r="A1647" i="9"/>
  <c r="A1648" i="9"/>
  <c r="A1649" i="9"/>
  <c r="A1650" i="9"/>
  <c r="A1651" i="9"/>
  <c r="A1652" i="9"/>
  <c r="A1653" i="9"/>
  <c r="A1654" i="9"/>
  <c r="A1655" i="9"/>
  <c r="A1656" i="9"/>
  <c r="A1657" i="9"/>
  <c r="A1658" i="9"/>
  <c r="A1659" i="9"/>
  <c r="A1660" i="9"/>
  <c r="A1661" i="9"/>
  <c r="A1662" i="9"/>
  <c r="A1663" i="9"/>
  <c r="A1664" i="9"/>
  <c r="A1665" i="9"/>
  <c r="A1666" i="9"/>
  <c r="A1667" i="9"/>
  <c r="A1668" i="9"/>
  <c r="A1669" i="9"/>
  <c r="A1670" i="9"/>
  <c r="A1671" i="9"/>
  <c r="A1672" i="9"/>
  <c r="A1673" i="9"/>
  <c r="A1674" i="9"/>
  <c r="A1675" i="9"/>
  <c r="A1676" i="9"/>
  <c r="A1677" i="9"/>
  <c r="A1678" i="9"/>
  <c r="A1679" i="9"/>
  <c r="A1680" i="9"/>
  <c r="A1681" i="9"/>
  <c r="A1682" i="9"/>
  <c r="A1683" i="9"/>
  <c r="A1684" i="9"/>
  <c r="A1685" i="9"/>
  <c r="A1686" i="9"/>
  <c r="A1687" i="9"/>
  <c r="A1688" i="9"/>
  <c r="A1689" i="9"/>
  <c r="A1690" i="9"/>
  <c r="A1691" i="9"/>
  <c r="A1692" i="9"/>
  <c r="A1693" i="9"/>
  <c r="A1694" i="9"/>
  <c r="A1695" i="9"/>
  <c r="A1696" i="9"/>
  <c r="A1697" i="9"/>
  <c r="A1698" i="9"/>
  <c r="A1699" i="9"/>
  <c r="A1700" i="9"/>
  <c r="A1701" i="9"/>
  <c r="A1702" i="9"/>
  <c r="A1703" i="9"/>
  <c r="A1704" i="9"/>
  <c r="A1705" i="9"/>
  <c r="A1706" i="9"/>
  <c r="A1707" i="9"/>
  <c r="A1708" i="9"/>
  <c r="A1709" i="9"/>
  <c r="A1710" i="9"/>
  <c r="A1711" i="9"/>
  <c r="A1712" i="9"/>
  <c r="A1713" i="9"/>
  <c r="A1714" i="9"/>
  <c r="A1715" i="9"/>
  <c r="A1716" i="9"/>
  <c r="A1717" i="9"/>
  <c r="A1718" i="9"/>
  <c r="A1719" i="9"/>
  <c r="A1720" i="9"/>
  <c r="A1721" i="9"/>
  <c r="A1722" i="9"/>
  <c r="A1723" i="9"/>
  <c r="A1724" i="9"/>
  <c r="A1725" i="9"/>
  <c r="A1726" i="9"/>
  <c r="A1727" i="9"/>
  <c r="A1728" i="9"/>
  <c r="A1729" i="9"/>
  <c r="A1730" i="9"/>
  <c r="A1731" i="9"/>
  <c r="A1732" i="9"/>
  <c r="A1733" i="9"/>
  <c r="A1734" i="9"/>
  <c r="A1735" i="9"/>
  <c r="A1736" i="9"/>
  <c r="A1737" i="9"/>
  <c r="A1738" i="9"/>
  <c r="A1739" i="9"/>
  <c r="A1740" i="9"/>
  <c r="A1741" i="9"/>
  <c r="A1742" i="9"/>
  <c r="A1743" i="9"/>
  <c r="A1744" i="9"/>
  <c r="A1745" i="9"/>
  <c r="A1746" i="9"/>
  <c r="A1747" i="9"/>
  <c r="A1748" i="9"/>
  <c r="A1749" i="9"/>
  <c r="A1750" i="9"/>
  <c r="A1751" i="9"/>
  <c r="A1752" i="9"/>
  <c r="A1753" i="9"/>
  <c r="A1754" i="9"/>
  <c r="A1755" i="9"/>
  <c r="A1756" i="9"/>
  <c r="A1757" i="9"/>
  <c r="A1758" i="9"/>
  <c r="A1759" i="9"/>
  <c r="A1760" i="9"/>
  <c r="A1761" i="9"/>
  <c r="A1762" i="9"/>
  <c r="A1763" i="9"/>
  <c r="A1764" i="9"/>
  <c r="A1765" i="9"/>
  <c r="A1766" i="9"/>
  <c r="A1767" i="9"/>
  <c r="A1768" i="9"/>
  <c r="A1769" i="9"/>
  <c r="A1770" i="9"/>
  <c r="A1771" i="9"/>
  <c r="A1772" i="9"/>
  <c r="A1773" i="9"/>
  <c r="A1774" i="9"/>
  <c r="A1775" i="9"/>
  <c r="A1776" i="9"/>
  <c r="A1777" i="9"/>
  <c r="A1778" i="9"/>
  <c r="A1779" i="9"/>
  <c r="A1780" i="9"/>
  <c r="A1781" i="9"/>
  <c r="A1782" i="9"/>
  <c r="A1783" i="9"/>
  <c r="A1784" i="9"/>
  <c r="A1785" i="9"/>
  <c r="A1786" i="9"/>
  <c r="A1787" i="9"/>
  <c r="A1788" i="9"/>
  <c r="A1789" i="9"/>
  <c r="A1790" i="9"/>
  <c r="A1791" i="9"/>
  <c r="A1792" i="9"/>
  <c r="A1793" i="9"/>
  <c r="A1794" i="9"/>
  <c r="A1795" i="9"/>
  <c r="A1796" i="9"/>
  <c r="A1797" i="9"/>
  <c r="A1798" i="9"/>
  <c r="A1799" i="9"/>
  <c r="A1800" i="9"/>
  <c r="A1801" i="9"/>
  <c r="A1802" i="9"/>
  <c r="A1803" i="9"/>
  <c r="A1804" i="9"/>
  <c r="A1805" i="9"/>
  <c r="A1806" i="9"/>
  <c r="A1807" i="9"/>
  <c r="A1808" i="9"/>
  <c r="A1809" i="9"/>
  <c r="A1810" i="9"/>
  <c r="A1811" i="9"/>
  <c r="A1812" i="9"/>
  <c r="A1813" i="9"/>
  <c r="A1814" i="9"/>
  <c r="A1815" i="9"/>
  <c r="A1816" i="9"/>
  <c r="A1817" i="9"/>
  <c r="A1818" i="9"/>
  <c r="A1819" i="9"/>
  <c r="A1820" i="9"/>
  <c r="A1821" i="9"/>
  <c r="A1822" i="9"/>
  <c r="A1823" i="9"/>
  <c r="A1824" i="9"/>
  <c r="A1825" i="9"/>
  <c r="A1826" i="9"/>
  <c r="A1827" i="9"/>
  <c r="A1828" i="9"/>
  <c r="A1829" i="9"/>
  <c r="A1830" i="9"/>
  <c r="A1831" i="9"/>
  <c r="A1832" i="9"/>
  <c r="A1833" i="9"/>
  <c r="A1834" i="9"/>
  <c r="A1835" i="9"/>
  <c r="A1836" i="9"/>
  <c r="A1837" i="9"/>
  <c r="A1838" i="9"/>
  <c r="A1839" i="9"/>
  <c r="A1840" i="9"/>
  <c r="A1841" i="9"/>
  <c r="A1842" i="9"/>
  <c r="A1843" i="9"/>
  <c r="A1844" i="9"/>
  <c r="A1845" i="9"/>
  <c r="A1846" i="9"/>
  <c r="A1847" i="9"/>
  <c r="A1848" i="9"/>
  <c r="A1849" i="9"/>
  <c r="A1850" i="9"/>
  <c r="A1851" i="9"/>
  <c r="A1852" i="9"/>
  <c r="A1853" i="9"/>
  <c r="A1854" i="9"/>
  <c r="A1855" i="9"/>
  <c r="A1856" i="9"/>
  <c r="A1857" i="9"/>
  <c r="A1858" i="9"/>
  <c r="A1859" i="9"/>
  <c r="A1860" i="9"/>
  <c r="A1861" i="9"/>
  <c r="A1862" i="9"/>
  <c r="A1863" i="9"/>
  <c r="A1864" i="9"/>
  <c r="A1865" i="9"/>
  <c r="A1866" i="9"/>
  <c r="A1867" i="9"/>
  <c r="A1868" i="9"/>
  <c r="A1869" i="9"/>
  <c r="A1870" i="9"/>
  <c r="A1871" i="9"/>
  <c r="A1872" i="9"/>
  <c r="A1873" i="9"/>
  <c r="A1874" i="9"/>
  <c r="A1875" i="9"/>
  <c r="A1876" i="9"/>
  <c r="A1877" i="9"/>
  <c r="A1878" i="9"/>
  <c r="A1879" i="9"/>
  <c r="A1880" i="9"/>
  <c r="A1881" i="9"/>
  <c r="A1882" i="9"/>
  <c r="A1883" i="9"/>
  <c r="A1884" i="9"/>
  <c r="A1885" i="9"/>
  <c r="A1886" i="9"/>
  <c r="A1887" i="9"/>
  <c r="A1888" i="9"/>
  <c r="A1889" i="9"/>
  <c r="A1890" i="9"/>
  <c r="A1891" i="9"/>
  <c r="A1892" i="9"/>
  <c r="A1893" i="9"/>
  <c r="A1894" i="9"/>
  <c r="A1895" i="9"/>
  <c r="A1896" i="9"/>
  <c r="A1897" i="9"/>
  <c r="A1898" i="9"/>
  <c r="A1899" i="9"/>
  <c r="A1900" i="9"/>
  <c r="A1901" i="9"/>
  <c r="A1902" i="9"/>
  <c r="A1903" i="9"/>
  <c r="A1904" i="9"/>
  <c r="A1905" i="9"/>
  <c r="A1906" i="9"/>
  <c r="A1907" i="9"/>
  <c r="A1908" i="9"/>
  <c r="A1909" i="9"/>
  <c r="A1910" i="9"/>
  <c r="A1911" i="9"/>
  <c r="A1912" i="9"/>
  <c r="A1913" i="9"/>
  <c r="A1914" i="9"/>
  <c r="A1915" i="9"/>
  <c r="A1916" i="9"/>
  <c r="A1917" i="9"/>
  <c r="A1918" i="9"/>
  <c r="A1919" i="9"/>
  <c r="A1920" i="9"/>
  <c r="A1921" i="9"/>
  <c r="A1922" i="9"/>
  <c r="A1923" i="9"/>
  <c r="A1924" i="9"/>
  <c r="A1925" i="9"/>
  <c r="A1926" i="9"/>
  <c r="A1927" i="9"/>
  <c r="A1928" i="9"/>
  <c r="A1929" i="9"/>
  <c r="A1930" i="9"/>
  <c r="A1931" i="9"/>
  <c r="A1932" i="9"/>
  <c r="A1933" i="9"/>
  <c r="A1934" i="9"/>
  <c r="A1935" i="9"/>
  <c r="A1936" i="9"/>
  <c r="A1937" i="9"/>
  <c r="A1938" i="9"/>
  <c r="A1939" i="9"/>
  <c r="A1940" i="9"/>
  <c r="A1941" i="9"/>
  <c r="A1942" i="9"/>
  <c r="A1943" i="9"/>
  <c r="A1944" i="9"/>
  <c r="A1945" i="9"/>
  <c r="A1946" i="9"/>
  <c r="A1947" i="9"/>
  <c r="A1948" i="9"/>
  <c r="A1949" i="9"/>
  <c r="A1950" i="9"/>
  <c r="A1951" i="9"/>
  <c r="A1952" i="9"/>
  <c r="A1953" i="9"/>
  <c r="A1954" i="9"/>
  <c r="A1955" i="9"/>
  <c r="A1956" i="9"/>
  <c r="A1957" i="9"/>
  <c r="A1958" i="9"/>
  <c r="A1959" i="9"/>
  <c r="A1960" i="9"/>
  <c r="A1961" i="9"/>
  <c r="A1962" i="9"/>
  <c r="A1963" i="9"/>
  <c r="A1964" i="9"/>
  <c r="A1965" i="9"/>
  <c r="A1966" i="9"/>
  <c r="A1967" i="9"/>
  <c r="A1968" i="9"/>
  <c r="A1969" i="9"/>
  <c r="A1970" i="9"/>
  <c r="A1971" i="9"/>
  <c r="A1972" i="9"/>
  <c r="A1973" i="9"/>
  <c r="A1974" i="9"/>
  <c r="A1975" i="9"/>
  <c r="A1976" i="9"/>
  <c r="A1977" i="9"/>
  <c r="A1978" i="9"/>
  <c r="A1979" i="9"/>
  <c r="A1980" i="9"/>
  <c r="A1981" i="9"/>
  <c r="A1982" i="9"/>
  <c r="A1983" i="9"/>
  <c r="A1984" i="9"/>
  <c r="A1985" i="9"/>
  <c r="A1986" i="9"/>
  <c r="A1987" i="9"/>
  <c r="A1988" i="9"/>
  <c r="A1989" i="9"/>
  <c r="A1990" i="9"/>
  <c r="A1991" i="9"/>
  <c r="A1992" i="9"/>
  <c r="A1993" i="9"/>
  <c r="A1994" i="9"/>
  <c r="A1995" i="9"/>
  <c r="A1996" i="9"/>
  <c r="A1997" i="9"/>
  <c r="A1998" i="9"/>
  <c r="A1999" i="9"/>
  <c r="A2000" i="9"/>
  <c r="A2001" i="9"/>
  <c r="A2002" i="9"/>
  <c r="A2003" i="9"/>
  <c r="A2004" i="9"/>
  <c r="A2005" i="9"/>
  <c r="A2006" i="9"/>
  <c r="A2007" i="9"/>
  <c r="A2008" i="9"/>
  <c r="A2009" i="9"/>
  <c r="A2010" i="9"/>
  <c r="A2011" i="9"/>
  <c r="A2012" i="9"/>
  <c r="A2013" i="9"/>
  <c r="A2014" i="9"/>
  <c r="A2015" i="9"/>
  <c r="A2016" i="9"/>
  <c r="A2017" i="9"/>
  <c r="A2018" i="9"/>
  <c r="A2019" i="9"/>
  <c r="A2020" i="9"/>
  <c r="A2021" i="9"/>
  <c r="A2022" i="9"/>
  <c r="A2023" i="9"/>
  <c r="A2024" i="9"/>
  <c r="A2025" i="9"/>
  <c r="A2026" i="9"/>
  <c r="A2027" i="9"/>
  <c r="A2028" i="9"/>
  <c r="A2029" i="9"/>
  <c r="A2030" i="9"/>
  <c r="A2031" i="9"/>
  <c r="A2032" i="9"/>
  <c r="A2033" i="9"/>
  <c r="A2034" i="9"/>
  <c r="A2035" i="9"/>
  <c r="A2036" i="9"/>
  <c r="A2037" i="9"/>
  <c r="A2038" i="9"/>
  <c r="A2039" i="9"/>
  <c r="A2040" i="9"/>
  <c r="A2041" i="9"/>
  <c r="A2042" i="9"/>
  <c r="A2043" i="9"/>
  <c r="A2044" i="9"/>
  <c r="A2045" i="9"/>
  <c r="A2046" i="9"/>
  <c r="A2047" i="9"/>
  <c r="A2048" i="9"/>
  <c r="A2049" i="9"/>
  <c r="A2050" i="9"/>
  <c r="A2051" i="9"/>
  <c r="A2052" i="9"/>
  <c r="A2053" i="9"/>
  <c r="A2054" i="9"/>
  <c r="A2055" i="9"/>
  <c r="A2056" i="9"/>
  <c r="A2057" i="9"/>
  <c r="A2058" i="9"/>
  <c r="A2059" i="9"/>
  <c r="A2060" i="9"/>
  <c r="A2061" i="9"/>
  <c r="A2062" i="9"/>
  <c r="A2063" i="9"/>
  <c r="A2064" i="9"/>
  <c r="A2065" i="9"/>
  <c r="A2066" i="9"/>
  <c r="A2067" i="9"/>
  <c r="A2068" i="9"/>
  <c r="A2069" i="9"/>
  <c r="A2070" i="9"/>
  <c r="A2071" i="9"/>
  <c r="A2072" i="9"/>
  <c r="A2073" i="9"/>
  <c r="A2074" i="9"/>
  <c r="A2075" i="9"/>
  <c r="A2076" i="9"/>
  <c r="A2077" i="9"/>
  <c r="A2078" i="9"/>
  <c r="A2079" i="9"/>
  <c r="A2080" i="9"/>
  <c r="A2081" i="9"/>
  <c r="A2082" i="9"/>
  <c r="A2083" i="9"/>
  <c r="A2084" i="9"/>
  <c r="A2085" i="9"/>
  <c r="A2086" i="9"/>
  <c r="A2087" i="9"/>
  <c r="A2088" i="9"/>
  <c r="A2089" i="9"/>
  <c r="A2090" i="9"/>
  <c r="A2091" i="9"/>
  <c r="A2092" i="9"/>
  <c r="A2093" i="9"/>
  <c r="A2094" i="9"/>
  <c r="A2095" i="9"/>
  <c r="A2096" i="9"/>
  <c r="A2097" i="9"/>
  <c r="A2098" i="9"/>
  <c r="A2099" i="9"/>
  <c r="A2100" i="9"/>
  <c r="A2101" i="9"/>
  <c r="A2102" i="9"/>
  <c r="A2103" i="9"/>
  <c r="A2104" i="9"/>
  <c r="A2105" i="9"/>
  <c r="A2106" i="9"/>
  <c r="A2107" i="9"/>
  <c r="A2108" i="9"/>
  <c r="A2109" i="9"/>
  <c r="A2110" i="9"/>
  <c r="A2111" i="9"/>
  <c r="A2112" i="9"/>
  <c r="A2113" i="9"/>
  <c r="A2114" i="9"/>
  <c r="A2115" i="9"/>
  <c r="A2116" i="9"/>
  <c r="A2117" i="9"/>
  <c r="A2118" i="9"/>
  <c r="A2119" i="9"/>
  <c r="A2120" i="9"/>
  <c r="A2121" i="9"/>
  <c r="A2122" i="9"/>
  <c r="A2123" i="9"/>
  <c r="A2124" i="9"/>
  <c r="A2125" i="9"/>
  <c r="A2126" i="9"/>
  <c r="A2127" i="9"/>
  <c r="A2128" i="9"/>
  <c r="A2129" i="9"/>
  <c r="A2130" i="9"/>
  <c r="A2131" i="9"/>
  <c r="A2132" i="9"/>
  <c r="A2133" i="9"/>
  <c r="A2134" i="9"/>
  <c r="A2135" i="9"/>
  <c r="A2136" i="9"/>
  <c r="A2137" i="9"/>
  <c r="A2138" i="9"/>
  <c r="A2139" i="9"/>
  <c r="A2140" i="9"/>
  <c r="A2141" i="9"/>
  <c r="A2142" i="9"/>
  <c r="A2143" i="9"/>
  <c r="A2144" i="9"/>
  <c r="A2145" i="9"/>
  <c r="A2146" i="9"/>
  <c r="A2147" i="9"/>
  <c r="A2148" i="9"/>
  <c r="A2149" i="9"/>
  <c r="A2150" i="9"/>
  <c r="A2151" i="9"/>
  <c r="A2152" i="9"/>
  <c r="A2153" i="9"/>
  <c r="A2154" i="9"/>
  <c r="A2155" i="9"/>
  <c r="A2156" i="9"/>
  <c r="A2157" i="9"/>
  <c r="A2158" i="9"/>
  <c r="A2159" i="9"/>
  <c r="A2160" i="9"/>
  <c r="A2161" i="9"/>
  <c r="A2162" i="9"/>
  <c r="A2163" i="9"/>
  <c r="A2164" i="9"/>
  <c r="A2165" i="9"/>
  <c r="A2166" i="9"/>
  <c r="A2167" i="9"/>
  <c r="A2168" i="9"/>
  <c r="A2169" i="9"/>
  <c r="A2170" i="9"/>
  <c r="A2171" i="9"/>
  <c r="A2172" i="9"/>
  <c r="A2173" i="9"/>
  <c r="A2174" i="9"/>
  <c r="A2175" i="9"/>
  <c r="A2176" i="9"/>
  <c r="A2177" i="9"/>
  <c r="A2178" i="9"/>
  <c r="A2179" i="9"/>
  <c r="A2180" i="9"/>
  <c r="A2181" i="9"/>
  <c r="A2182" i="9"/>
  <c r="A2183" i="9"/>
  <c r="A2184" i="9"/>
  <c r="A2185" i="9"/>
  <c r="A2186" i="9"/>
  <c r="A2187" i="9"/>
  <c r="A2188" i="9"/>
  <c r="A2189" i="9"/>
  <c r="A2190" i="9"/>
  <c r="A2191" i="9"/>
  <c r="A2192" i="9"/>
  <c r="A2193" i="9"/>
  <c r="A2194" i="9"/>
  <c r="A2195" i="9"/>
  <c r="A2196" i="9"/>
  <c r="A2197" i="9"/>
  <c r="A2198" i="9"/>
  <c r="A2199" i="9"/>
  <c r="A2200" i="9"/>
  <c r="A2201" i="9"/>
  <c r="A2202" i="9"/>
  <c r="A2203" i="9"/>
  <c r="A2204" i="9"/>
  <c r="A2205" i="9"/>
  <c r="A2206" i="9"/>
  <c r="A2207" i="9"/>
  <c r="A2208" i="9"/>
  <c r="A2209" i="9"/>
  <c r="A2210" i="9"/>
  <c r="A2211" i="9"/>
  <c r="A2212" i="9"/>
  <c r="A2213" i="9"/>
  <c r="A2214" i="9"/>
  <c r="A2215" i="9"/>
  <c r="A2216" i="9"/>
  <c r="A2217" i="9"/>
  <c r="A2218" i="9"/>
  <c r="A2219" i="9"/>
  <c r="A2220" i="9"/>
  <c r="A2221" i="9"/>
  <c r="A2222" i="9"/>
  <c r="A2223" i="9"/>
  <c r="A2224" i="9"/>
  <c r="A2225" i="9"/>
  <c r="A2226" i="9"/>
  <c r="A2227" i="9"/>
  <c r="A2228" i="9"/>
  <c r="A2229" i="9"/>
  <c r="A2230" i="9"/>
  <c r="A2231" i="9"/>
  <c r="A2232" i="9"/>
  <c r="A2233" i="9"/>
  <c r="A2234" i="9"/>
  <c r="A2235" i="9"/>
  <c r="A2236" i="9"/>
  <c r="A2237" i="9"/>
  <c r="A2238" i="9"/>
  <c r="A2239" i="9"/>
  <c r="A2240" i="9"/>
  <c r="A2241" i="9"/>
  <c r="A2242" i="9"/>
  <c r="A2243" i="9"/>
  <c r="A2244" i="9"/>
  <c r="A2245" i="9"/>
  <c r="A2246" i="9"/>
  <c r="A2247" i="9"/>
  <c r="A2248" i="9"/>
  <c r="A2249" i="9"/>
  <c r="A2250" i="9"/>
  <c r="A2251" i="9"/>
  <c r="A2252" i="9"/>
  <c r="A2253" i="9"/>
  <c r="A2254" i="9"/>
  <c r="A2255" i="9"/>
  <c r="A2256" i="9"/>
  <c r="A2257" i="9"/>
  <c r="A2258" i="9"/>
  <c r="A2259" i="9"/>
  <c r="A2260" i="9"/>
  <c r="A2261" i="9"/>
  <c r="A2262" i="9"/>
  <c r="A2263" i="9"/>
  <c r="A2264" i="9"/>
  <c r="A2265" i="9"/>
  <c r="A2266" i="9"/>
  <c r="A2267" i="9"/>
  <c r="A2268" i="9"/>
  <c r="A2269" i="9"/>
  <c r="A2270" i="9"/>
  <c r="A2271" i="9"/>
  <c r="A2272" i="9"/>
  <c r="A2273" i="9"/>
  <c r="A2274" i="9"/>
  <c r="A2275" i="9"/>
  <c r="A2276" i="9"/>
  <c r="A2277" i="9"/>
  <c r="A2278" i="9"/>
  <c r="A2279" i="9"/>
  <c r="A2280" i="9"/>
  <c r="A2281" i="9"/>
  <c r="A2282" i="9"/>
  <c r="A2283" i="9"/>
  <c r="A2284" i="9"/>
  <c r="A2285" i="9"/>
  <c r="A2286" i="9"/>
  <c r="A2287" i="9"/>
  <c r="A2288" i="9"/>
  <c r="A2289" i="9"/>
  <c r="A2290" i="9"/>
  <c r="A2291" i="9"/>
  <c r="A2292" i="9"/>
  <c r="A2293" i="9"/>
  <c r="A2294" i="9"/>
  <c r="A2295" i="9"/>
  <c r="A2296" i="9"/>
  <c r="A2297" i="9"/>
  <c r="A2298" i="9"/>
  <c r="A2299" i="9"/>
  <c r="A2300" i="9"/>
  <c r="A2301" i="9"/>
  <c r="A2302" i="9"/>
  <c r="A2303" i="9"/>
  <c r="A2304" i="9"/>
  <c r="A2305" i="9"/>
  <c r="A2306" i="9"/>
  <c r="A2307" i="9"/>
  <c r="A2308" i="9"/>
  <c r="A2309" i="9"/>
  <c r="A2310" i="9"/>
  <c r="A2311" i="9"/>
  <c r="A2312" i="9"/>
  <c r="A2313" i="9"/>
  <c r="A2314" i="9"/>
  <c r="A2315" i="9"/>
  <c r="A2316" i="9"/>
  <c r="A2317" i="9"/>
  <c r="A2318" i="9"/>
  <c r="A2319" i="9"/>
  <c r="A2320" i="9"/>
  <c r="A2321" i="9"/>
  <c r="A2322" i="9"/>
  <c r="A2323" i="9"/>
  <c r="A2324" i="9"/>
  <c r="A2325" i="9"/>
  <c r="A2326" i="9"/>
  <c r="A2327" i="9"/>
  <c r="A2328" i="9"/>
  <c r="A2329" i="9"/>
  <c r="A2330" i="9"/>
  <c r="A2331" i="9"/>
  <c r="A2332" i="9"/>
  <c r="A2333" i="9"/>
  <c r="A2334" i="9"/>
  <c r="A2335" i="9"/>
  <c r="A2336" i="9"/>
  <c r="A2337" i="9"/>
  <c r="A2338" i="9"/>
  <c r="A2339" i="9"/>
  <c r="A2340" i="9"/>
  <c r="A2341" i="9"/>
  <c r="A2342" i="9"/>
  <c r="A2343" i="9"/>
  <c r="A2344" i="9"/>
  <c r="A2345" i="9"/>
  <c r="A2346" i="9"/>
  <c r="A2347" i="9"/>
  <c r="A2348" i="9"/>
  <c r="A2349" i="9"/>
  <c r="A2350" i="9"/>
  <c r="A2351" i="9"/>
  <c r="A2352" i="9"/>
  <c r="A2353" i="9"/>
  <c r="A2354" i="9"/>
  <c r="A2355" i="9"/>
  <c r="A2356" i="9"/>
  <c r="A2357" i="9"/>
  <c r="A2358" i="9"/>
  <c r="A2359" i="9"/>
  <c r="A2360" i="9"/>
  <c r="A2361" i="9"/>
  <c r="A2362" i="9"/>
  <c r="A2363" i="9"/>
  <c r="A2364" i="9"/>
  <c r="A2365" i="9"/>
  <c r="A2366" i="9"/>
  <c r="A2367" i="9"/>
  <c r="A2368" i="9"/>
  <c r="A2369" i="9"/>
  <c r="A2370" i="9"/>
  <c r="A2371" i="9"/>
  <c r="A2372" i="9"/>
  <c r="A2373" i="9"/>
  <c r="A2374" i="9"/>
  <c r="A2375" i="9"/>
  <c r="A2376" i="9"/>
  <c r="A2377" i="9"/>
  <c r="A2378" i="9"/>
  <c r="A2379" i="9"/>
  <c r="A2380" i="9"/>
  <c r="A2381" i="9"/>
  <c r="A2382" i="9"/>
  <c r="A2383" i="9"/>
  <c r="A2384" i="9"/>
  <c r="A2385" i="9"/>
  <c r="A2386" i="9"/>
  <c r="A2387" i="9"/>
  <c r="A2388" i="9"/>
  <c r="A2389" i="9"/>
  <c r="A2390" i="9"/>
  <c r="A2391" i="9"/>
  <c r="A2392" i="9"/>
  <c r="A2393" i="9"/>
  <c r="A2394" i="9"/>
  <c r="A2395" i="9"/>
  <c r="A2396" i="9"/>
  <c r="A2397" i="9"/>
  <c r="A2398" i="9"/>
  <c r="A2399" i="9"/>
  <c r="A2400" i="9"/>
  <c r="A2401" i="9"/>
  <c r="A2402" i="9"/>
  <c r="A2403" i="9"/>
  <c r="A2404" i="9"/>
  <c r="A2405" i="9"/>
  <c r="A2406" i="9"/>
  <c r="A2407" i="9"/>
  <c r="A2408" i="9"/>
  <c r="A2409" i="9"/>
  <c r="A2410" i="9"/>
  <c r="A2411" i="9"/>
  <c r="A2412" i="9"/>
  <c r="A2413" i="9"/>
  <c r="A2414" i="9"/>
  <c r="A2415" i="9"/>
  <c r="A2416" i="9"/>
  <c r="A2417" i="9"/>
  <c r="A2418" i="9"/>
  <c r="A2419" i="9"/>
  <c r="A2420" i="9"/>
  <c r="A2421" i="9"/>
  <c r="A2422" i="9"/>
  <c r="A2423" i="9"/>
  <c r="A2424" i="9"/>
  <c r="A2425" i="9"/>
  <c r="A2426" i="9"/>
  <c r="A2427" i="9"/>
  <c r="A2428" i="9"/>
  <c r="A2429" i="9"/>
  <c r="A2430" i="9"/>
  <c r="A2431" i="9"/>
  <c r="A2432" i="9"/>
  <c r="A2433" i="9"/>
  <c r="A2434" i="9"/>
  <c r="A2435" i="9"/>
  <c r="A2436" i="9"/>
  <c r="A2437" i="9"/>
  <c r="A2438" i="9"/>
  <c r="A2439" i="9"/>
  <c r="A2440" i="9"/>
  <c r="A2441" i="9"/>
  <c r="A2442" i="9"/>
  <c r="A2443" i="9"/>
  <c r="A2444" i="9"/>
  <c r="A2445" i="9"/>
  <c r="A2446" i="9"/>
  <c r="A2447" i="9"/>
  <c r="A2448" i="9"/>
  <c r="A2449" i="9"/>
  <c r="A2450" i="9"/>
  <c r="A2451" i="9"/>
  <c r="A2452" i="9"/>
  <c r="A2453" i="9"/>
  <c r="A2454" i="9"/>
  <c r="A2455" i="9"/>
  <c r="A2456" i="9"/>
  <c r="A2457" i="9"/>
  <c r="A2458" i="9"/>
  <c r="A2459" i="9"/>
  <c r="A2460" i="9"/>
  <c r="A2461" i="9"/>
  <c r="A2462" i="9"/>
  <c r="A2463" i="9"/>
  <c r="A2464" i="9"/>
  <c r="A2465" i="9"/>
  <c r="A2466" i="9"/>
  <c r="A2467" i="9"/>
  <c r="A2468" i="9"/>
  <c r="A2469" i="9"/>
  <c r="A2470" i="9"/>
  <c r="A2471" i="9"/>
  <c r="A2472" i="9"/>
  <c r="A2473" i="9"/>
  <c r="A2474" i="9"/>
  <c r="A2475" i="9"/>
  <c r="A2476" i="9"/>
  <c r="A2477" i="9"/>
  <c r="A2478" i="9"/>
  <c r="A2479" i="9"/>
  <c r="A2480" i="9"/>
  <c r="A2481" i="9"/>
  <c r="A2482" i="9"/>
  <c r="A2483" i="9"/>
  <c r="A2484" i="9"/>
  <c r="A2485" i="9"/>
  <c r="A2486" i="9"/>
  <c r="A2487" i="9"/>
  <c r="A2488" i="9"/>
  <c r="A2489" i="9"/>
  <c r="A2490" i="9"/>
  <c r="A2491" i="9"/>
  <c r="A2492" i="9"/>
  <c r="A2493" i="9"/>
  <c r="A2494" i="9"/>
  <c r="A2495" i="9"/>
  <c r="A2496" i="9"/>
  <c r="A2497" i="9"/>
  <c r="A2498" i="9"/>
  <c r="A2499" i="9"/>
  <c r="A2500" i="9"/>
  <c r="A2501" i="9"/>
  <c r="A2502" i="9"/>
  <c r="A2503" i="9"/>
  <c r="A2504" i="9"/>
  <c r="A2505" i="9"/>
  <c r="A2506" i="9"/>
  <c r="A2507" i="9"/>
  <c r="A2508" i="9"/>
  <c r="A2509" i="9"/>
  <c r="A2510" i="9"/>
  <c r="A2511" i="9"/>
  <c r="A2512" i="9"/>
  <c r="A2513" i="9"/>
  <c r="A2514" i="9"/>
  <c r="A2515" i="9"/>
  <c r="A2516" i="9"/>
  <c r="A2517" i="9"/>
  <c r="A2518" i="9"/>
  <c r="A2519" i="9"/>
  <c r="A2520" i="9"/>
  <c r="A2521" i="9"/>
  <c r="A2522" i="9"/>
  <c r="A2523" i="9"/>
  <c r="A2524" i="9"/>
  <c r="A2525" i="9"/>
  <c r="A2526" i="9"/>
  <c r="A2527" i="9"/>
  <c r="A2528" i="9"/>
  <c r="A2529" i="9"/>
  <c r="A2530" i="9"/>
  <c r="A2531" i="9"/>
  <c r="A2532" i="9"/>
  <c r="A2533" i="9"/>
  <c r="A2534" i="9"/>
  <c r="A2535" i="9"/>
  <c r="A2536" i="9"/>
  <c r="A2537" i="9"/>
  <c r="A2538" i="9"/>
  <c r="A2539" i="9"/>
  <c r="A2540" i="9"/>
  <c r="A2541" i="9"/>
  <c r="A2542" i="9"/>
  <c r="A2543" i="9"/>
  <c r="A2544" i="9"/>
  <c r="A2545" i="9"/>
  <c r="A2546" i="9"/>
  <c r="A2547" i="9"/>
  <c r="A2548" i="9"/>
  <c r="A2549" i="9"/>
  <c r="A2550" i="9"/>
  <c r="A2551" i="9"/>
  <c r="A2552" i="9"/>
  <c r="A2553" i="9"/>
  <c r="A2554" i="9"/>
  <c r="A2555" i="9"/>
  <c r="A2556" i="9"/>
  <c r="A2557" i="9"/>
  <c r="A2558" i="9"/>
  <c r="A2559" i="9"/>
  <c r="A2560" i="9"/>
  <c r="A2561" i="9"/>
  <c r="A2562" i="9"/>
  <c r="A2563" i="9"/>
  <c r="A2564" i="9"/>
  <c r="A2565" i="9"/>
  <c r="A2566" i="9"/>
  <c r="A2567" i="9"/>
  <c r="A2568" i="9"/>
  <c r="A2569" i="9"/>
  <c r="A2570" i="9"/>
  <c r="A2571" i="9"/>
  <c r="A2572" i="9"/>
  <c r="A2573" i="9"/>
  <c r="A2574" i="9"/>
  <c r="A2575" i="9"/>
  <c r="A2576" i="9"/>
  <c r="A2577" i="9"/>
  <c r="A2578" i="9"/>
  <c r="A2579" i="9"/>
  <c r="A2580" i="9"/>
  <c r="A2581" i="9"/>
  <c r="A2582" i="9"/>
  <c r="A2583" i="9"/>
  <c r="A2584" i="9"/>
  <c r="A2585" i="9"/>
  <c r="A2586" i="9"/>
  <c r="A2587" i="9"/>
  <c r="A2588" i="9"/>
  <c r="A2589" i="9"/>
  <c r="A2590" i="9"/>
  <c r="A2591" i="9"/>
  <c r="A2592" i="9"/>
  <c r="A2593" i="9"/>
  <c r="A2594" i="9"/>
  <c r="A2595" i="9"/>
  <c r="A2596" i="9"/>
  <c r="A2597" i="9"/>
  <c r="A2598" i="9"/>
  <c r="A2599" i="9"/>
  <c r="A2600" i="9"/>
  <c r="A2601" i="9"/>
  <c r="A2602" i="9"/>
  <c r="A2603" i="9"/>
  <c r="A2604" i="9"/>
  <c r="A2605" i="9"/>
  <c r="A2606" i="9"/>
  <c r="A2607" i="9"/>
  <c r="A2608" i="9"/>
  <c r="A2609" i="9"/>
  <c r="A2610" i="9"/>
  <c r="A2611" i="9"/>
  <c r="A2612" i="9"/>
  <c r="A2613" i="9"/>
  <c r="A2614" i="9"/>
  <c r="A2615" i="9"/>
  <c r="A2616" i="9"/>
  <c r="A2617" i="9"/>
  <c r="A2618" i="9"/>
  <c r="A2619" i="9"/>
  <c r="A2620" i="9"/>
  <c r="A2621" i="9"/>
  <c r="A2622" i="9"/>
  <c r="A2623" i="9"/>
  <c r="A2624" i="9"/>
  <c r="A2625" i="9"/>
  <c r="A2626" i="9"/>
  <c r="A2627" i="9"/>
  <c r="A2628" i="9"/>
  <c r="A2629" i="9"/>
  <c r="A2630" i="9"/>
  <c r="A2631" i="9"/>
  <c r="A2632" i="9"/>
  <c r="A2633" i="9"/>
  <c r="A2634" i="9"/>
  <c r="A2635" i="9"/>
  <c r="A2636" i="9"/>
  <c r="A2637" i="9"/>
  <c r="A2638" i="9"/>
  <c r="A2639" i="9"/>
  <c r="A2640" i="9"/>
  <c r="A2641" i="9"/>
  <c r="A2642" i="9"/>
  <c r="A2643" i="9"/>
  <c r="A2644" i="9"/>
  <c r="A2645" i="9"/>
  <c r="A2646" i="9"/>
  <c r="A2647" i="9"/>
  <c r="A2648" i="9"/>
  <c r="A2649" i="9"/>
  <c r="A2650" i="9"/>
  <c r="A2651" i="9"/>
  <c r="A2652" i="9"/>
  <c r="A2653" i="9"/>
  <c r="A2654" i="9"/>
  <c r="A2655" i="9"/>
  <c r="A2656" i="9"/>
  <c r="A2657" i="9"/>
  <c r="A2658" i="9"/>
  <c r="A2659" i="9"/>
  <c r="A2660" i="9"/>
  <c r="A2661" i="9"/>
  <c r="A2662" i="9"/>
  <c r="A2663" i="9"/>
  <c r="A2664" i="9"/>
  <c r="A2665" i="9"/>
  <c r="A2666" i="9"/>
  <c r="A2667" i="9"/>
  <c r="A2668" i="9"/>
  <c r="A2669" i="9"/>
  <c r="A2670" i="9"/>
  <c r="A2671" i="9"/>
  <c r="A2672" i="9"/>
  <c r="A2673" i="9"/>
  <c r="A2674" i="9"/>
  <c r="A2675" i="9"/>
  <c r="A2676" i="9"/>
  <c r="A2677" i="9"/>
  <c r="A2678" i="9"/>
  <c r="A2679" i="9"/>
  <c r="A2680" i="9"/>
  <c r="A2681" i="9"/>
  <c r="A2682" i="9"/>
  <c r="A2683" i="9"/>
  <c r="A2684" i="9"/>
  <c r="A2685" i="9"/>
  <c r="A2686" i="9"/>
  <c r="A2687" i="9"/>
  <c r="A2688" i="9"/>
  <c r="A2689" i="9"/>
  <c r="A2690" i="9"/>
  <c r="A2691" i="9"/>
  <c r="A2692" i="9"/>
  <c r="A2693" i="9"/>
  <c r="A2694" i="9"/>
  <c r="A2695" i="9"/>
  <c r="A2696" i="9"/>
  <c r="A2697" i="9"/>
  <c r="A2698" i="9"/>
  <c r="A2699" i="9"/>
  <c r="A2700" i="9"/>
  <c r="A2701" i="9"/>
  <c r="A2702" i="9"/>
  <c r="A2703" i="9"/>
  <c r="A2704" i="9"/>
  <c r="A2705" i="9"/>
  <c r="A2706" i="9"/>
  <c r="A2707" i="9"/>
  <c r="A2708" i="9"/>
  <c r="A2709" i="9"/>
  <c r="A2710" i="9"/>
  <c r="A2711" i="9"/>
  <c r="A2712" i="9"/>
  <c r="A2713" i="9"/>
  <c r="A2714" i="9"/>
  <c r="A2715" i="9"/>
  <c r="A2716" i="9"/>
  <c r="A2717" i="9"/>
  <c r="A2718" i="9"/>
  <c r="A2719" i="9"/>
  <c r="A2720" i="9"/>
  <c r="A2721" i="9"/>
  <c r="A2722" i="9"/>
  <c r="A2723" i="9"/>
  <c r="A2724" i="9"/>
  <c r="A2725" i="9"/>
  <c r="A2726" i="9"/>
  <c r="A2727" i="9"/>
  <c r="A2728" i="9"/>
  <c r="A2729" i="9"/>
  <c r="A2730" i="9"/>
  <c r="A2731" i="9"/>
  <c r="A2732" i="9"/>
  <c r="A2733" i="9"/>
  <c r="A2734" i="9"/>
  <c r="A2735" i="9"/>
  <c r="A2736" i="9"/>
  <c r="A2737" i="9"/>
  <c r="A2738" i="9"/>
  <c r="A2739" i="9"/>
  <c r="A2740" i="9"/>
  <c r="A2741" i="9"/>
  <c r="A2742" i="9"/>
  <c r="A2743" i="9"/>
  <c r="A2744" i="9"/>
  <c r="A2745" i="9"/>
  <c r="A2746" i="9"/>
  <c r="A2747" i="9"/>
  <c r="A2748" i="9"/>
  <c r="A2749" i="9"/>
  <c r="A2750" i="9"/>
  <c r="A2751" i="9"/>
  <c r="A2752" i="9"/>
  <c r="A2753" i="9"/>
  <c r="A2754" i="9"/>
  <c r="A2755" i="9"/>
  <c r="A2756" i="9"/>
  <c r="A2757" i="9"/>
  <c r="A2758" i="9"/>
  <c r="A2759" i="9"/>
  <c r="A2760" i="9"/>
  <c r="A2761" i="9"/>
  <c r="A2762" i="9"/>
  <c r="A2763" i="9"/>
  <c r="A2764" i="9"/>
  <c r="A2765" i="9"/>
  <c r="A2766" i="9"/>
  <c r="A2767" i="9"/>
  <c r="A2768" i="9"/>
  <c r="A2769" i="9"/>
  <c r="A2770" i="9"/>
  <c r="A2771" i="9"/>
  <c r="A2772" i="9"/>
  <c r="A2773" i="9"/>
  <c r="A2774" i="9"/>
  <c r="A2775" i="9"/>
  <c r="A2776" i="9"/>
  <c r="A2777" i="9"/>
  <c r="A2778" i="9"/>
  <c r="A2779" i="9"/>
  <c r="A2780" i="9"/>
  <c r="A2781" i="9"/>
  <c r="A2782" i="9"/>
  <c r="A2783" i="9"/>
  <c r="A2784" i="9"/>
  <c r="A2785" i="9"/>
  <c r="A2786" i="9"/>
  <c r="A2787" i="9"/>
  <c r="A2788" i="9"/>
  <c r="A2789" i="9"/>
  <c r="A2790" i="9"/>
  <c r="A2791" i="9"/>
  <c r="A2792" i="9"/>
  <c r="A2793" i="9"/>
  <c r="A2794" i="9"/>
  <c r="A2795" i="9"/>
  <c r="A2796" i="9"/>
  <c r="A2797" i="9"/>
  <c r="A2798" i="9"/>
  <c r="A2799" i="9"/>
  <c r="A2800" i="9"/>
  <c r="A2801" i="9"/>
  <c r="A2802" i="9"/>
  <c r="A2803" i="9"/>
  <c r="A2804" i="9"/>
  <c r="A2805" i="9"/>
  <c r="A2806" i="9"/>
  <c r="A2807" i="9"/>
  <c r="A2808" i="9"/>
  <c r="A2809" i="9"/>
  <c r="A2810" i="9"/>
  <c r="A2811" i="9"/>
  <c r="A2812" i="9"/>
  <c r="A2813" i="9"/>
  <c r="A2814" i="9"/>
  <c r="A2815" i="9"/>
  <c r="A2816" i="9"/>
  <c r="A2817" i="9"/>
  <c r="A2818" i="9"/>
  <c r="A2819" i="9"/>
  <c r="A2820" i="9"/>
  <c r="A2821" i="9"/>
  <c r="A2822" i="9"/>
  <c r="A2823" i="9"/>
  <c r="A2824" i="9"/>
  <c r="A2825" i="9"/>
  <c r="A2826" i="9"/>
  <c r="A2827" i="9"/>
  <c r="A2828" i="9"/>
  <c r="A2829" i="9"/>
  <c r="A2830" i="9"/>
  <c r="A2831" i="9"/>
  <c r="A2832" i="9"/>
  <c r="A2833" i="9"/>
  <c r="A2834" i="9"/>
  <c r="A2835" i="9"/>
  <c r="A2836" i="9"/>
  <c r="A2837" i="9"/>
  <c r="A2838" i="9"/>
  <c r="A2839" i="9"/>
  <c r="A2840" i="9"/>
  <c r="A2841" i="9"/>
  <c r="A2842" i="9"/>
  <c r="A2843" i="9"/>
  <c r="A2844" i="9"/>
  <c r="A2845" i="9"/>
  <c r="A2846" i="9"/>
  <c r="A2847" i="9"/>
  <c r="A2848" i="9"/>
  <c r="A2849" i="9"/>
  <c r="A2850" i="9"/>
  <c r="A2851" i="9"/>
  <c r="A2852" i="9"/>
  <c r="A2853" i="9"/>
  <c r="A2854" i="9"/>
  <c r="A2855" i="9"/>
  <c r="A2856" i="9"/>
  <c r="A2857" i="9"/>
  <c r="A2858" i="9"/>
  <c r="A2859" i="9"/>
  <c r="A2860" i="9"/>
  <c r="A2861" i="9"/>
  <c r="A2862" i="9"/>
  <c r="A2863" i="9"/>
  <c r="A2864" i="9"/>
  <c r="A2865" i="9"/>
  <c r="A2866" i="9"/>
  <c r="A2867" i="9"/>
  <c r="A2868" i="9"/>
  <c r="A2869" i="9"/>
  <c r="A2870" i="9"/>
  <c r="A2871" i="9"/>
  <c r="A2872" i="9"/>
  <c r="A2873" i="9"/>
  <c r="A2874" i="9"/>
  <c r="A2875" i="9"/>
  <c r="A2876" i="9"/>
  <c r="A2877" i="9"/>
  <c r="A2878" i="9"/>
  <c r="A2879" i="9"/>
  <c r="A2880" i="9"/>
  <c r="A2881" i="9"/>
  <c r="A2882" i="9"/>
  <c r="A2883" i="9"/>
  <c r="A2884" i="9"/>
  <c r="A2885" i="9"/>
  <c r="A2886" i="9"/>
  <c r="A2887" i="9"/>
  <c r="A2888" i="9"/>
  <c r="A2889" i="9"/>
  <c r="A2890" i="9"/>
  <c r="A2891" i="9"/>
  <c r="A2892" i="9"/>
  <c r="A2893" i="9"/>
  <c r="A2894" i="9"/>
  <c r="A2895" i="9"/>
  <c r="A2896" i="9"/>
  <c r="A2897" i="9"/>
  <c r="A2898" i="9"/>
  <c r="A2899" i="9"/>
  <c r="A2900" i="9"/>
  <c r="A2901" i="9"/>
  <c r="A2902" i="9"/>
  <c r="A2903" i="9"/>
  <c r="A2904" i="9"/>
  <c r="A2905" i="9"/>
  <c r="A2906" i="9"/>
  <c r="A2907" i="9"/>
  <c r="A2908" i="9"/>
  <c r="A2909" i="9"/>
  <c r="A2910" i="9"/>
  <c r="A2911" i="9"/>
  <c r="A2912" i="9"/>
  <c r="A2913" i="9"/>
  <c r="A2914" i="9"/>
  <c r="A2915" i="9"/>
  <c r="A2916" i="9"/>
  <c r="A2917" i="9"/>
  <c r="A2918" i="9"/>
  <c r="A2919" i="9"/>
  <c r="A2920" i="9"/>
  <c r="A2921" i="9"/>
  <c r="A2922" i="9"/>
  <c r="A2923" i="9"/>
  <c r="A2924" i="9"/>
  <c r="A2925" i="9"/>
  <c r="A2926" i="9"/>
  <c r="A2927" i="9"/>
  <c r="A2928" i="9"/>
  <c r="A2929" i="9"/>
  <c r="A2930" i="9"/>
  <c r="A2931" i="9"/>
  <c r="A2932" i="9"/>
  <c r="A2933" i="9"/>
  <c r="A2934" i="9"/>
  <c r="A2935" i="9"/>
  <c r="A2936" i="9"/>
  <c r="A2937" i="9"/>
  <c r="A2938" i="9"/>
  <c r="A2939" i="9"/>
  <c r="A2940" i="9"/>
  <c r="A2941" i="9"/>
  <c r="A2942" i="9"/>
  <c r="A2943" i="9"/>
  <c r="A2944" i="9"/>
  <c r="A2945" i="9"/>
  <c r="A2946" i="9"/>
  <c r="A2947" i="9"/>
  <c r="A2948" i="9"/>
  <c r="A2949" i="9"/>
  <c r="A2950" i="9"/>
  <c r="A2951" i="9"/>
  <c r="A2952" i="9"/>
  <c r="A2953" i="9"/>
  <c r="A2954" i="9"/>
  <c r="A2955" i="9"/>
  <c r="A2956" i="9"/>
  <c r="A2957" i="9"/>
  <c r="A2958" i="9"/>
  <c r="A2959" i="9"/>
  <c r="A2960" i="9"/>
  <c r="A2961" i="9"/>
  <c r="A2962" i="9"/>
  <c r="A2963" i="9"/>
  <c r="A2964" i="9"/>
  <c r="A2965" i="9"/>
  <c r="A2966" i="9"/>
  <c r="A2967" i="9"/>
  <c r="A2968" i="9"/>
  <c r="A2969" i="9"/>
  <c r="A2970" i="9"/>
  <c r="A2971" i="9"/>
  <c r="A2972" i="9"/>
  <c r="A2973" i="9"/>
  <c r="A2974" i="9"/>
  <c r="A2975" i="9"/>
  <c r="A2976" i="9"/>
  <c r="A2977" i="9"/>
  <c r="A2978" i="9"/>
  <c r="A2979" i="9"/>
  <c r="A2980" i="9"/>
  <c r="A2981" i="9"/>
  <c r="A2982" i="9"/>
  <c r="A2983" i="9"/>
  <c r="A2984" i="9"/>
  <c r="A2985" i="9"/>
  <c r="A2986" i="9"/>
  <c r="A2987" i="9"/>
  <c r="A2988" i="9"/>
  <c r="A2989" i="9"/>
  <c r="A2990" i="9"/>
  <c r="A2991" i="9"/>
  <c r="A2992" i="9"/>
  <c r="A2993" i="9"/>
  <c r="A2994" i="9"/>
  <c r="A2995" i="9"/>
  <c r="A2996" i="9"/>
  <c r="A2997" i="9"/>
  <c r="A2998" i="9"/>
  <c r="A2999" i="9"/>
  <c r="A3000" i="9"/>
  <c r="A3001" i="9"/>
  <c r="A3002" i="9"/>
  <c r="A3003" i="9"/>
  <c r="A3004" i="9"/>
  <c r="A3005" i="9"/>
  <c r="A3006" i="9"/>
  <c r="A3007" i="9"/>
  <c r="A3008" i="9"/>
  <c r="A3009" i="9"/>
  <c r="A3010" i="9"/>
  <c r="A3011" i="9"/>
  <c r="A3012" i="9"/>
  <c r="A3013" i="9"/>
  <c r="A3014" i="9"/>
  <c r="A3015" i="9"/>
  <c r="A3016" i="9"/>
  <c r="A3017" i="9"/>
  <c r="A3018" i="9"/>
  <c r="A3019" i="9"/>
  <c r="A3020" i="9"/>
  <c r="A3021" i="9"/>
  <c r="A3022" i="9"/>
  <c r="A3023" i="9"/>
  <c r="A3024" i="9"/>
  <c r="A3025" i="9"/>
  <c r="A3026" i="9"/>
  <c r="A3027" i="9"/>
  <c r="A3028" i="9"/>
  <c r="A3029" i="9"/>
  <c r="A3030" i="9"/>
  <c r="A3031" i="9"/>
  <c r="A3032" i="9"/>
  <c r="A3033" i="9"/>
  <c r="A3034" i="9"/>
  <c r="A3035" i="9"/>
  <c r="A3036" i="9"/>
  <c r="A3037" i="9"/>
  <c r="A3038" i="9"/>
  <c r="A3039" i="9"/>
  <c r="A3040" i="9"/>
  <c r="A3041" i="9"/>
  <c r="A3042" i="9"/>
  <c r="A3043" i="9"/>
  <c r="A3044" i="9"/>
  <c r="A3045" i="9"/>
  <c r="A3046" i="9"/>
  <c r="A3047" i="9"/>
  <c r="A3048" i="9"/>
  <c r="A3049" i="9"/>
  <c r="A3050" i="9"/>
  <c r="A3051" i="9"/>
  <c r="A3052" i="9"/>
  <c r="A3053" i="9"/>
  <c r="A3054" i="9"/>
  <c r="A3055" i="9"/>
  <c r="A3056" i="9"/>
  <c r="A3057" i="9"/>
  <c r="A3058" i="9"/>
  <c r="A3059" i="9"/>
  <c r="A3060" i="9"/>
  <c r="A3061" i="9"/>
  <c r="A3062" i="9"/>
  <c r="A3063" i="9"/>
  <c r="A3064" i="9"/>
  <c r="A3065" i="9"/>
  <c r="A3066" i="9"/>
  <c r="A3067" i="9"/>
  <c r="A3068" i="9"/>
  <c r="A3069" i="9"/>
  <c r="A3070" i="9"/>
  <c r="A3071" i="9"/>
  <c r="A3072" i="9"/>
  <c r="A3073" i="9"/>
  <c r="A3074" i="9"/>
  <c r="A3075" i="9"/>
  <c r="A3076" i="9"/>
  <c r="A3077" i="9"/>
  <c r="A3078" i="9"/>
  <c r="A3079" i="9"/>
  <c r="A3080" i="9"/>
  <c r="A3081" i="9"/>
  <c r="A3082" i="9"/>
  <c r="A3083" i="9"/>
  <c r="A3084" i="9"/>
  <c r="A3085" i="9"/>
  <c r="A3086" i="9"/>
  <c r="A3087" i="9"/>
  <c r="A3088" i="9"/>
  <c r="A3089" i="9"/>
  <c r="A3090" i="9"/>
  <c r="A3091" i="9"/>
  <c r="A3092" i="9"/>
  <c r="A3093" i="9"/>
  <c r="A3094" i="9"/>
  <c r="A3095" i="9"/>
  <c r="A3096" i="9"/>
  <c r="A3097" i="9"/>
  <c r="A3098" i="9"/>
  <c r="A3099" i="9"/>
  <c r="A3100" i="9"/>
  <c r="A3101" i="9"/>
  <c r="A3102" i="9"/>
  <c r="A3103" i="9"/>
  <c r="A3104" i="9"/>
  <c r="A3105" i="9"/>
  <c r="A3106" i="9"/>
  <c r="A3107" i="9"/>
  <c r="A3108" i="9"/>
  <c r="A3109" i="9"/>
  <c r="A3110" i="9"/>
  <c r="A3111" i="9"/>
  <c r="A3112" i="9"/>
  <c r="A3113" i="9"/>
  <c r="A3114" i="9"/>
  <c r="A3115" i="9"/>
  <c r="A3116" i="9"/>
  <c r="A3117" i="9"/>
  <c r="A3118" i="9"/>
  <c r="A3119" i="9"/>
  <c r="A3120" i="9"/>
  <c r="A3121" i="9"/>
  <c r="A3122" i="9"/>
  <c r="A3123" i="9"/>
  <c r="A3124" i="9"/>
  <c r="A3125" i="9"/>
  <c r="A3126" i="9"/>
  <c r="A3127" i="9"/>
  <c r="A3128" i="9"/>
  <c r="A3129" i="9"/>
  <c r="A3130" i="9"/>
  <c r="A3131" i="9"/>
  <c r="A3132" i="9"/>
  <c r="A3133" i="9"/>
  <c r="A3134" i="9"/>
  <c r="A3135" i="9"/>
  <c r="A3136" i="9"/>
  <c r="A3137" i="9"/>
  <c r="A3138" i="9"/>
  <c r="A3139" i="9"/>
  <c r="A3140" i="9"/>
  <c r="A3141" i="9"/>
  <c r="A3142" i="9"/>
  <c r="A3143" i="9"/>
  <c r="A3144" i="9"/>
  <c r="A3145" i="9"/>
  <c r="A3146" i="9"/>
  <c r="A3147" i="9"/>
  <c r="A3148" i="9"/>
  <c r="A3149" i="9"/>
  <c r="A3150" i="9"/>
  <c r="A3151" i="9"/>
  <c r="A3152" i="9"/>
  <c r="A3153" i="9"/>
  <c r="A3154" i="9"/>
  <c r="A3155" i="9"/>
  <c r="A3156" i="9"/>
  <c r="A3157" i="9"/>
  <c r="A3158" i="9"/>
  <c r="A3159" i="9"/>
  <c r="A3160" i="9"/>
  <c r="A3161" i="9"/>
  <c r="A3162" i="9"/>
  <c r="A3163" i="9"/>
  <c r="A3164" i="9"/>
  <c r="A3165" i="9"/>
  <c r="A3166" i="9"/>
  <c r="A3167" i="9"/>
  <c r="A3168" i="9"/>
  <c r="A3169" i="9"/>
  <c r="A3170" i="9"/>
  <c r="A3171" i="9"/>
  <c r="A3172" i="9"/>
  <c r="A3173" i="9"/>
  <c r="A3174" i="9"/>
  <c r="A3175" i="9"/>
  <c r="A3176" i="9"/>
  <c r="A3177" i="9"/>
  <c r="A3178" i="9"/>
  <c r="A3179" i="9"/>
  <c r="A3180" i="9"/>
  <c r="A3181" i="9"/>
  <c r="A3182" i="9"/>
  <c r="A3183" i="9"/>
  <c r="A3184" i="9"/>
  <c r="A3185" i="9"/>
  <c r="A3186" i="9"/>
  <c r="A3187" i="9"/>
  <c r="A3188" i="9"/>
  <c r="A3189" i="9"/>
  <c r="A3190" i="9"/>
  <c r="A3191" i="9"/>
  <c r="A3192" i="9"/>
  <c r="A3193" i="9"/>
  <c r="A3194" i="9"/>
  <c r="A3195" i="9"/>
  <c r="A3196" i="9"/>
  <c r="A3197" i="9"/>
  <c r="A3198" i="9"/>
  <c r="A3199" i="9"/>
  <c r="A3200" i="9"/>
  <c r="A3201" i="9"/>
  <c r="A3202" i="9"/>
  <c r="A3203" i="9"/>
  <c r="A3204" i="9"/>
  <c r="A3205" i="9"/>
  <c r="A3206" i="9"/>
  <c r="A3207" i="9"/>
  <c r="A3208" i="9"/>
  <c r="A3209" i="9"/>
  <c r="A3210" i="9"/>
  <c r="A3211" i="9"/>
  <c r="A3212" i="9"/>
  <c r="A3213" i="9"/>
  <c r="A3214" i="9"/>
  <c r="A3215" i="9"/>
  <c r="A3216" i="9"/>
  <c r="A3217" i="9"/>
  <c r="A3218" i="9"/>
  <c r="A3219" i="9"/>
  <c r="A3220" i="9"/>
  <c r="A3221" i="9"/>
  <c r="A3222" i="9"/>
  <c r="A3223" i="9"/>
  <c r="A3224" i="9"/>
  <c r="A3225" i="9"/>
  <c r="A3226" i="9"/>
  <c r="A3227" i="9"/>
  <c r="A3228" i="9"/>
  <c r="A3229" i="9"/>
  <c r="A3230" i="9"/>
  <c r="A3231" i="9"/>
  <c r="A3232" i="9"/>
  <c r="A3233" i="9"/>
  <c r="A3234" i="9"/>
  <c r="A3235" i="9"/>
  <c r="A3236" i="9"/>
  <c r="A3237" i="9"/>
  <c r="A3238" i="9"/>
  <c r="A3239" i="9"/>
  <c r="A3240" i="9"/>
  <c r="A3241" i="9"/>
  <c r="A3242" i="9"/>
  <c r="A3243" i="9"/>
  <c r="A3244" i="9"/>
  <c r="A3245" i="9"/>
  <c r="A3246" i="9"/>
  <c r="A3247" i="9"/>
  <c r="A3248" i="9"/>
  <c r="A3249" i="9"/>
  <c r="A3250" i="9"/>
  <c r="A3251" i="9"/>
  <c r="A3252" i="9"/>
  <c r="A3253" i="9"/>
  <c r="A3254" i="9"/>
  <c r="A3255" i="9"/>
  <c r="A3256" i="9"/>
  <c r="A3257" i="9"/>
  <c r="A3258" i="9"/>
  <c r="A3259" i="9"/>
  <c r="A3260" i="9"/>
  <c r="A3261" i="9"/>
  <c r="A3262" i="9"/>
  <c r="A3263" i="9"/>
  <c r="A3264" i="9"/>
  <c r="A3265" i="9"/>
  <c r="A3266" i="9"/>
  <c r="A3267" i="9"/>
  <c r="A3268" i="9"/>
  <c r="A3269" i="9"/>
  <c r="A3270" i="9"/>
  <c r="A3271" i="9"/>
  <c r="A3272" i="9"/>
  <c r="A3273" i="9"/>
  <c r="A3274" i="9"/>
  <c r="A3275" i="9"/>
  <c r="A3276" i="9"/>
  <c r="A3277" i="9"/>
  <c r="A3278" i="9"/>
  <c r="A3279" i="9"/>
  <c r="A3280" i="9"/>
  <c r="A3281" i="9"/>
  <c r="A3282" i="9"/>
  <c r="A3283" i="9"/>
  <c r="A3284" i="9"/>
  <c r="A3285" i="9"/>
  <c r="A3286" i="9"/>
  <c r="A3287" i="9"/>
  <c r="A3288" i="9"/>
  <c r="A3289" i="9"/>
  <c r="A3290" i="9"/>
  <c r="A3291" i="9"/>
  <c r="A3292" i="9"/>
  <c r="A3293" i="9"/>
  <c r="A3294" i="9"/>
  <c r="A3295" i="9"/>
  <c r="A3296" i="9"/>
  <c r="A3297" i="9"/>
  <c r="A3298" i="9"/>
  <c r="A3299" i="9"/>
  <c r="A3300" i="9"/>
  <c r="A3301" i="9"/>
  <c r="A3302" i="9"/>
  <c r="A3303" i="9"/>
  <c r="A3304" i="9"/>
  <c r="A3305" i="9"/>
  <c r="A3306" i="9"/>
  <c r="A3307" i="9"/>
  <c r="A3308" i="9"/>
  <c r="A3309" i="9"/>
  <c r="A3310" i="9"/>
  <c r="A3311" i="9"/>
  <c r="A3312" i="9"/>
  <c r="A3313" i="9"/>
  <c r="A3314" i="9"/>
  <c r="A3315" i="9"/>
  <c r="A3316" i="9"/>
  <c r="A3317" i="9"/>
  <c r="A3318" i="9"/>
  <c r="A3319" i="9"/>
  <c r="A3320" i="9"/>
  <c r="A3321" i="9"/>
  <c r="A3322" i="9"/>
  <c r="A3323" i="9"/>
  <c r="A3324" i="9"/>
  <c r="A3325" i="9"/>
  <c r="A3326" i="9"/>
  <c r="A3327" i="9"/>
  <c r="A3328" i="9"/>
  <c r="A3329" i="9"/>
  <c r="A3330" i="9"/>
  <c r="A3331" i="9"/>
  <c r="A3332" i="9"/>
  <c r="A3333" i="9"/>
  <c r="A3334" i="9"/>
  <c r="A3335" i="9"/>
  <c r="A3336" i="9"/>
  <c r="A3337" i="9"/>
  <c r="A3338" i="9"/>
  <c r="A3339" i="9"/>
  <c r="A3340" i="9"/>
  <c r="A3341" i="9"/>
  <c r="A3342" i="9"/>
  <c r="A3343" i="9"/>
  <c r="A3344" i="9"/>
  <c r="A3345" i="9"/>
  <c r="A3346" i="9"/>
  <c r="A3347" i="9"/>
  <c r="A3348" i="9"/>
  <c r="A3349" i="9"/>
  <c r="A3350" i="9"/>
  <c r="A3351" i="9"/>
  <c r="A3352" i="9"/>
  <c r="A3353" i="9"/>
  <c r="A3354" i="9"/>
  <c r="A3355" i="9"/>
  <c r="A3356" i="9"/>
  <c r="A3357" i="9"/>
  <c r="A3358" i="9"/>
  <c r="A3359" i="9"/>
  <c r="A3360" i="9"/>
  <c r="A3361" i="9"/>
  <c r="A3362" i="9"/>
  <c r="A3363" i="9"/>
  <c r="A3364" i="9"/>
  <c r="A3365" i="9"/>
  <c r="A3366" i="9"/>
  <c r="A3367" i="9"/>
  <c r="A3368" i="9"/>
  <c r="A3369" i="9"/>
  <c r="A3370" i="9"/>
  <c r="A3371" i="9"/>
  <c r="A3372" i="9"/>
  <c r="A3373" i="9"/>
  <c r="A3374" i="9"/>
  <c r="A3375" i="9"/>
  <c r="A3376" i="9"/>
  <c r="A3377" i="9"/>
  <c r="A3378" i="9"/>
  <c r="A3379" i="9"/>
  <c r="A3380" i="9"/>
  <c r="A3381" i="9"/>
  <c r="A3382" i="9"/>
  <c r="A3383" i="9"/>
  <c r="A3384" i="9"/>
  <c r="A3385" i="9"/>
  <c r="A3386" i="9"/>
  <c r="A3387" i="9"/>
  <c r="A3388" i="9"/>
  <c r="A3389" i="9"/>
  <c r="A3390" i="9"/>
  <c r="A3391" i="9"/>
  <c r="A3392" i="9"/>
  <c r="A3393" i="9"/>
  <c r="A3394" i="9"/>
  <c r="A3395" i="9"/>
  <c r="A3396" i="9"/>
  <c r="A3397" i="9"/>
  <c r="A3398" i="9"/>
  <c r="A3399" i="9"/>
  <c r="A3400" i="9"/>
  <c r="A3401" i="9"/>
  <c r="A3402" i="9"/>
  <c r="A3403" i="9"/>
  <c r="A3404" i="9"/>
  <c r="A3405" i="9"/>
  <c r="A3406" i="9"/>
  <c r="A3407" i="9"/>
  <c r="A3408" i="9"/>
  <c r="A3409" i="9"/>
  <c r="A3410" i="9"/>
  <c r="A3411" i="9"/>
  <c r="A3412" i="9"/>
  <c r="A3413" i="9"/>
  <c r="A3414" i="9"/>
  <c r="A3415" i="9"/>
  <c r="A3416" i="9"/>
  <c r="A3417" i="9"/>
  <c r="A3418" i="9"/>
  <c r="A3419" i="9"/>
  <c r="A3420" i="9"/>
  <c r="A3421" i="9"/>
  <c r="A3422" i="9"/>
  <c r="A3423" i="9"/>
  <c r="A3424" i="9"/>
  <c r="A3425" i="9"/>
  <c r="A3426" i="9"/>
  <c r="A3427" i="9"/>
  <c r="A3428" i="9"/>
  <c r="A3429" i="9"/>
  <c r="A3430" i="9"/>
  <c r="A3431" i="9"/>
  <c r="A3432" i="9"/>
  <c r="A3433" i="9"/>
  <c r="A3434" i="9"/>
  <c r="A3435" i="9"/>
  <c r="A3436" i="9"/>
  <c r="A3437" i="9"/>
  <c r="A3438" i="9"/>
  <c r="A3439" i="9"/>
  <c r="A3440" i="9"/>
  <c r="A3441" i="9"/>
  <c r="A3442" i="9"/>
  <c r="A3443" i="9"/>
  <c r="A3444" i="9"/>
  <c r="A3445" i="9"/>
  <c r="A3446" i="9"/>
  <c r="A3447" i="9"/>
  <c r="A3448" i="9"/>
  <c r="A3449" i="9"/>
  <c r="A3450" i="9"/>
  <c r="A3451" i="9"/>
  <c r="A3452" i="9"/>
  <c r="A3453" i="9"/>
  <c r="A3454" i="9"/>
  <c r="A3455" i="9"/>
  <c r="A3456" i="9"/>
  <c r="A3457" i="9"/>
  <c r="A3458" i="9"/>
  <c r="A3459" i="9"/>
  <c r="A3460" i="9"/>
  <c r="A3461" i="9"/>
  <c r="A3462" i="9"/>
  <c r="A3463" i="9"/>
  <c r="A3464" i="9"/>
  <c r="A3465" i="9"/>
  <c r="A3466" i="9"/>
  <c r="A3467" i="9"/>
  <c r="A3468" i="9"/>
  <c r="A3469" i="9"/>
  <c r="A3470" i="9"/>
  <c r="A3471" i="9"/>
  <c r="A3472" i="9"/>
  <c r="A3473" i="9"/>
  <c r="A3474" i="9"/>
  <c r="A3475" i="9"/>
  <c r="A3476" i="9"/>
  <c r="A3477" i="9"/>
  <c r="A3478" i="9"/>
  <c r="A3479" i="9"/>
  <c r="A3480" i="9"/>
  <c r="A3481" i="9"/>
  <c r="A3482" i="9"/>
  <c r="A3483" i="9"/>
  <c r="A3484" i="9"/>
  <c r="A3485" i="9"/>
  <c r="A3486" i="9"/>
  <c r="A3487" i="9"/>
  <c r="A3488" i="9"/>
  <c r="A3489" i="9"/>
  <c r="A3490" i="9"/>
  <c r="A3491" i="9"/>
  <c r="A3492" i="9"/>
  <c r="A3493" i="9"/>
  <c r="A3494" i="9"/>
  <c r="A3495" i="9"/>
  <c r="A3496" i="9"/>
  <c r="A3497" i="9"/>
  <c r="A3498" i="9"/>
  <c r="A3499" i="9"/>
  <c r="A3500" i="9"/>
  <c r="A3501" i="9"/>
  <c r="A3502" i="9"/>
  <c r="A3503" i="9"/>
  <c r="A3504" i="9"/>
  <c r="A4" i="9"/>
  <c r="J8" i="8" l="1"/>
  <c r="L8" i="8"/>
  <c r="N8" i="8"/>
  <c r="O8" i="8" s="1"/>
  <c r="J9" i="8"/>
  <c r="L9" i="8"/>
  <c r="N9" i="8"/>
  <c r="O9" i="8" s="1"/>
  <c r="J10" i="8"/>
  <c r="L10" i="8"/>
  <c r="N10" i="8"/>
  <c r="O10" i="8" s="1"/>
  <c r="J11" i="8"/>
  <c r="L11" i="8"/>
  <c r="N11" i="8"/>
  <c r="O11" i="8" s="1"/>
  <c r="J12" i="8"/>
  <c r="L12" i="8"/>
  <c r="N12" i="8"/>
  <c r="O12" i="8" s="1"/>
  <c r="J13" i="8"/>
  <c r="L13" i="8"/>
  <c r="N13" i="8"/>
  <c r="O13" i="8" s="1"/>
  <c r="J14" i="8"/>
  <c r="L14" i="8"/>
  <c r="N14" i="8"/>
  <c r="O14" i="8" s="1"/>
  <c r="J15" i="8"/>
  <c r="L15" i="8"/>
  <c r="N15" i="8"/>
  <c r="O15" i="8" s="1"/>
  <c r="J16" i="8"/>
  <c r="L16" i="8"/>
  <c r="N16" i="8"/>
  <c r="O16" i="8" s="1"/>
  <c r="J17" i="8"/>
  <c r="L17" i="8"/>
  <c r="N17" i="8"/>
  <c r="O17" i="8" s="1"/>
  <c r="J18" i="8"/>
  <c r="L18" i="8"/>
  <c r="N18" i="8"/>
  <c r="O18" i="8" s="1"/>
  <c r="J19" i="8"/>
  <c r="L19" i="8"/>
  <c r="N19" i="8"/>
  <c r="O19" i="8" s="1"/>
  <c r="J20" i="8"/>
  <c r="L20" i="8"/>
  <c r="N20" i="8"/>
  <c r="O20" i="8" s="1"/>
  <c r="J21" i="8"/>
  <c r="L21" i="8"/>
  <c r="N21" i="8"/>
  <c r="O21" i="8"/>
  <c r="J22" i="8"/>
  <c r="L22" i="8"/>
  <c r="N22" i="8"/>
  <c r="O22" i="8"/>
  <c r="J23" i="8"/>
  <c r="L23" i="8"/>
  <c r="N23" i="8"/>
  <c r="O23" i="8"/>
  <c r="J24" i="8"/>
  <c r="L24" i="8"/>
  <c r="N24" i="8"/>
  <c r="O24" i="8"/>
  <c r="J25" i="8"/>
  <c r="L25" i="8"/>
  <c r="N25" i="8"/>
  <c r="O25" i="8"/>
  <c r="J26" i="8"/>
  <c r="L26" i="8"/>
  <c r="N26" i="8"/>
  <c r="O26" i="8"/>
  <c r="J27" i="8"/>
  <c r="L27" i="8"/>
  <c r="N27" i="8"/>
  <c r="O27" i="8"/>
  <c r="J28" i="8"/>
  <c r="L28" i="8"/>
  <c r="N28" i="8"/>
  <c r="O28" i="8"/>
  <c r="J29" i="8"/>
  <c r="L29" i="8"/>
  <c r="N29" i="8"/>
  <c r="O29" i="8"/>
  <c r="J30" i="8"/>
  <c r="L30" i="8"/>
  <c r="N30" i="8"/>
  <c r="O30" i="8"/>
  <c r="J31" i="8"/>
  <c r="L31" i="8"/>
  <c r="N31" i="8"/>
  <c r="O31" i="8"/>
  <c r="J32" i="8"/>
  <c r="L32" i="8"/>
  <c r="N32" i="8"/>
  <c r="O32" i="8"/>
  <c r="J33" i="8"/>
  <c r="L33" i="8"/>
  <c r="N33" i="8"/>
  <c r="O33" i="8"/>
  <c r="J34" i="8"/>
  <c r="L34" i="8"/>
  <c r="N34" i="8"/>
  <c r="O34" i="8"/>
  <c r="J35" i="8"/>
  <c r="L35" i="8"/>
  <c r="N35" i="8"/>
  <c r="O35" i="8"/>
  <c r="J36" i="8"/>
  <c r="L36" i="8"/>
  <c r="N36" i="8"/>
  <c r="O36" i="8"/>
  <c r="J37" i="8"/>
  <c r="L37" i="8"/>
  <c r="N37" i="8"/>
  <c r="O37" i="8"/>
  <c r="J38" i="8"/>
  <c r="L38" i="8"/>
  <c r="N38" i="8"/>
  <c r="O38" i="8"/>
  <c r="J39" i="8"/>
  <c r="L39" i="8"/>
  <c r="N39" i="8"/>
  <c r="O39" i="8"/>
  <c r="J40" i="8"/>
  <c r="L40" i="8"/>
  <c r="N40" i="8"/>
  <c r="O40" i="8"/>
  <c r="J41" i="8"/>
  <c r="L41" i="8"/>
  <c r="N41" i="8"/>
  <c r="O41" i="8"/>
  <c r="J42" i="8"/>
  <c r="L42" i="8"/>
  <c r="N42" i="8"/>
  <c r="O42" i="8"/>
  <c r="J43" i="8"/>
  <c r="L43" i="8"/>
  <c r="N43" i="8"/>
  <c r="O43" i="8"/>
  <c r="J44" i="8"/>
  <c r="L44" i="8"/>
  <c r="N44" i="8"/>
  <c r="O44" i="8"/>
  <c r="J45" i="8"/>
  <c r="L45" i="8"/>
  <c r="N45" i="8"/>
  <c r="O45" i="8"/>
  <c r="J46" i="8"/>
  <c r="L46" i="8"/>
  <c r="N46" i="8"/>
  <c r="O46" i="8"/>
  <c r="J47" i="8"/>
  <c r="L47" i="8"/>
  <c r="N47" i="8"/>
  <c r="O47" i="8"/>
  <c r="J48" i="8"/>
  <c r="L48" i="8"/>
  <c r="N48" i="8"/>
  <c r="O48" i="8"/>
  <c r="J49" i="8"/>
  <c r="L49" i="8"/>
  <c r="N49" i="8"/>
  <c r="O49" i="8"/>
  <c r="J50" i="8"/>
  <c r="L50" i="8"/>
  <c r="N50" i="8"/>
  <c r="O50" i="8"/>
  <c r="J51" i="8"/>
  <c r="L51" i="8"/>
  <c r="N51" i="8"/>
  <c r="O51" i="8"/>
  <c r="J52" i="8"/>
  <c r="L52" i="8"/>
  <c r="N52" i="8"/>
  <c r="O52" i="8"/>
  <c r="J53" i="8"/>
  <c r="L53" i="8"/>
  <c r="N53" i="8"/>
  <c r="O53" i="8"/>
  <c r="J54" i="8"/>
  <c r="L54" i="8"/>
  <c r="N54" i="8"/>
  <c r="O54" i="8"/>
  <c r="J55" i="8"/>
  <c r="L55" i="8"/>
  <c r="N55" i="8"/>
  <c r="O55" i="8"/>
  <c r="J56" i="8"/>
  <c r="L56" i="8"/>
  <c r="N56" i="8"/>
  <c r="O56" i="8"/>
  <c r="J57" i="8"/>
  <c r="F55" i="9" s="1"/>
  <c r="L57" i="8"/>
  <c r="N57" i="8"/>
  <c r="H55" i="9" s="1"/>
  <c r="O57" i="8"/>
  <c r="I55" i="9" s="1"/>
  <c r="J58" i="8"/>
  <c r="F56" i="9" s="1"/>
  <c r="L58" i="8"/>
  <c r="N58" i="8"/>
  <c r="H56" i="9" s="1"/>
  <c r="O58" i="8"/>
  <c r="I56" i="9" s="1"/>
  <c r="J59" i="8"/>
  <c r="F57" i="9" s="1"/>
  <c r="L59" i="8"/>
  <c r="N59" i="8"/>
  <c r="H57" i="9" s="1"/>
  <c r="O59" i="8"/>
  <c r="I57" i="9" s="1"/>
  <c r="J60" i="8"/>
  <c r="F58" i="9" s="1"/>
  <c r="L60" i="8"/>
  <c r="N60" i="8"/>
  <c r="H58" i="9" s="1"/>
  <c r="O60" i="8"/>
  <c r="I58" i="9" s="1"/>
  <c r="J61" i="8"/>
  <c r="F59" i="9" s="1"/>
  <c r="L61" i="8"/>
  <c r="N61" i="8"/>
  <c r="H59" i="9" s="1"/>
  <c r="O61" i="8"/>
  <c r="I59" i="9" s="1"/>
  <c r="J62" i="8"/>
  <c r="F60" i="9" s="1"/>
  <c r="L62" i="8"/>
  <c r="N62" i="8"/>
  <c r="H60" i="9" s="1"/>
  <c r="O62" i="8"/>
  <c r="I60" i="9" s="1"/>
  <c r="J63" i="8"/>
  <c r="F61" i="9" s="1"/>
  <c r="L63" i="8"/>
  <c r="N63" i="8"/>
  <c r="H61" i="9" s="1"/>
  <c r="O63" i="8"/>
  <c r="I61" i="9" s="1"/>
  <c r="J64" i="8"/>
  <c r="F62" i="9" s="1"/>
  <c r="L64" i="8"/>
  <c r="N64" i="8"/>
  <c r="H62" i="9" s="1"/>
  <c r="O64" i="8"/>
  <c r="I62" i="9" s="1"/>
  <c r="J65" i="8"/>
  <c r="F63" i="9" s="1"/>
  <c r="L65" i="8"/>
  <c r="N65" i="8"/>
  <c r="H63" i="9" s="1"/>
  <c r="O65" i="8"/>
  <c r="I63" i="9" s="1"/>
  <c r="J66" i="8"/>
  <c r="F64" i="9" s="1"/>
  <c r="L66" i="8"/>
  <c r="N66" i="8"/>
  <c r="H64" i="9" s="1"/>
  <c r="O66" i="8"/>
  <c r="I64" i="9" s="1"/>
  <c r="J67" i="8"/>
  <c r="F65" i="9" s="1"/>
  <c r="L67" i="8"/>
  <c r="N67" i="8"/>
  <c r="H65" i="9" s="1"/>
  <c r="O67" i="8"/>
  <c r="I65" i="9" s="1"/>
  <c r="J68" i="8"/>
  <c r="F66" i="9" s="1"/>
  <c r="L68" i="8"/>
  <c r="N68" i="8"/>
  <c r="H66" i="9" s="1"/>
  <c r="O68" i="8"/>
  <c r="I66" i="9" s="1"/>
  <c r="J69" i="8"/>
  <c r="F67" i="9" s="1"/>
  <c r="L69" i="8"/>
  <c r="N69" i="8"/>
  <c r="H67" i="9" s="1"/>
  <c r="O69" i="8"/>
  <c r="I67" i="9" s="1"/>
  <c r="J70" i="8"/>
  <c r="F68" i="9" s="1"/>
  <c r="L70" i="8"/>
  <c r="N70" i="8"/>
  <c r="H68" i="9" s="1"/>
  <c r="O70" i="8"/>
  <c r="I68" i="9" s="1"/>
  <c r="J71" i="8"/>
  <c r="F69" i="9" s="1"/>
  <c r="L71" i="8"/>
  <c r="N71" i="8"/>
  <c r="H69" i="9" s="1"/>
  <c r="O71" i="8"/>
  <c r="I69" i="9" s="1"/>
  <c r="J72" i="8"/>
  <c r="F70" i="9" s="1"/>
  <c r="L72" i="8"/>
  <c r="N72" i="8"/>
  <c r="H70" i="9" s="1"/>
  <c r="O72" i="8"/>
  <c r="I70" i="9" s="1"/>
  <c r="J73" i="8"/>
  <c r="F71" i="9" s="1"/>
  <c r="L73" i="8"/>
  <c r="N73" i="8"/>
  <c r="H71" i="9" s="1"/>
  <c r="O73" i="8"/>
  <c r="I71" i="9" s="1"/>
  <c r="J74" i="8"/>
  <c r="F72" i="9" s="1"/>
  <c r="L74" i="8"/>
  <c r="N74" i="8"/>
  <c r="H72" i="9" s="1"/>
  <c r="O74" i="8"/>
  <c r="I72" i="9" s="1"/>
  <c r="J75" i="8"/>
  <c r="F73" i="9" s="1"/>
  <c r="L75" i="8"/>
  <c r="N75" i="8"/>
  <c r="H73" i="9" s="1"/>
  <c r="O75" i="8"/>
  <c r="I73" i="9" s="1"/>
  <c r="J76" i="8"/>
  <c r="F74" i="9" s="1"/>
  <c r="L76" i="8"/>
  <c r="N76" i="8"/>
  <c r="H74" i="9" s="1"/>
  <c r="O76" i="8"/>
  <c r="I74" i="9" s="1"/>
  <c r="J77" i="8"/>
  <c r="F75" i="9" s="1"/>
  <c r="L77" i="8"/>
  <c r="N77" i="8"/>
  <c r="H75" i="9" s="1"/>
  <c r="O77" i="8"/>
  <c r="I75" i="9" s="1"/>
  <c r="J78" i="8"/>
  <c r="F76" i="9" s="1"/>
  <c r="L78" i="8"/>
  <c r="N78" i="8"/>
  <c r="H76" i="9" s="1"/>
  <c r="O78" i="8"/>
  <c r="I76" i="9" s="1"/>
  <c r="J79" i="8"/>
  <c r="F77" i="9" s="1"/>
  <c r="L79" i="8"/>
  <c r="N79" i="8"/>
  <c r="H77" i="9" s="1"/>
  <c r="O79" i="8"/>
  <c r="I77" i="9" s="1"/>
  <c r="J80" i="8"/>
  <c r="F78" i="9" s="1"/>
  <c r="L80" i="8"/>
  <c r="N80" i="8"/>
  <c r="H78" i="9" s="1"/>
  <c r="O80" i="8"/>
  <c r="I78" i="9" s="1"/>
  <c r="J81" i="8"/>
  <c r="F79" i="9" s="1"/>
  <c r="L81" i="8"/>
  <c r="N81" i="8"/>
  <c r="H79" i="9" s="1"/>
  <c r="O81" i="8"/>
  <c r="I79" i="9" s="1"/>
  <c r="J82" i="8"/>
  <c r="F80" i="9" s="1"/>
  <c r="L82" i="8"/>
  <c r="N82" i="8"/>
  <c r="H80" i="9" s="1"/>
  <c r="O82" i="8"/>
  <c r="I80" i="9" s="1"/>
  <c r="J83" i="8"/>
  <c r="F81" i="9" s="1"/>
  <c r="L83" i="8"/>
  <c r="N83" i="8"/>
  <c r="H81" i="9" s="1"/>
  <c r="O83" i="8"/>
  <c r="I81" i="9" s="1"/>
  <c r="J84" i="8"/>
  <c r="F82" i="9" s="1"/>
  <c r="L84" i="8"/>
  <c r="N84" i="8"/>
  <c r="H82" i="9" s="1"/>
  <c r="O84" i="8"/>
  <c r="I82" i="9" s="1"/>
  <c r="J85" i="8"/>
  <c r="F83" i="9" s="1"/>
  <c r="L85" i="8"/>
  <c r="N85" i="8"/>
  <c r="H83" i="9" s="1"/>
  <c r="O85" i="8"/>
  <c r="I83" i="9" s="1"/>
  <c r="J86" i="8"/>
  <c r="F84" i="9" s="1"/>
  <c r="L86" i="8"/>
  <c r="N86" i="8"/>
  <c r="H84" i="9" s="1"/>
  <c r="O86" i="8"/>
  <c r="I84" i="9" s="1"/>
  <c r="J87" i="8"/>
  <c r="F85" i="9" s="1"/>
  <c r="L87" i="8"/>
  <c r="N87" i="8"/>
  <c r="H85" i="9" s="1"/>
  <c r="O87" i="8"/>
  <c r="I85" i="9" s="1"/>
  <c r="J88" i="8"/>
  <c r="F86" i="9" s="1"/>
  <c r="L88" i="8"/>
  <c r="N88" i="8"/>
  <c r="H86" i="9" s="1"/>
  <c r="O88" i="8"/>
  <c r="I86" i="9" s="1"/>
  <c r="J89" i="8"/>
  <c r="F87" i="9" s="1"/>
  <c r="L89" i="8"/>
  <c r="N89" i="8"/>
  <c r="H87" i="9" s="1"/>
  <c r="O89" i="8"/>
  <c r="I87" i="9" s="1"/>
  <c r="J90" i="8"/>
  <c r="F88" i="9" s="1"/>
  <c r="L90" i="8"/>
  <c r="N90" i="8"/>
  <c r="H88" i="9" s="1"/>
  <c r="O90" i="8"/>
  <c r="I88" i="9" s="1"/>
  <c r="J91" i="8"/>
  <c r="F89" i="9" s="1"/>
  <c r="L91" i="8"/>
  <c r="N91" i="8"/>
  <c r="H89" i="9" s="1"/>
  <c r="O91" i="8"/>
  <c r="I89" i="9" s="1"/>
  <c r="J92" i="8"/>
  <c r="F90" i="9" s="1"/>
  <c r="L92" i="8"/>
  <c r="N92" i="8"/>
  <c r="H90" i="9" s="1"/>
  <c r="O92" i="8"/>
  <c r="I90" i="9" s="1"/>
  <c r="J93" i="8"/>
  <c r="F91" i="9" s="1"/>
  <c r="L93" i="8"/>
  <c r="N93" i="8"/>
  <c r="H91" i="9" s="1"/>
  <c r="O93" i="8"/>
  <c r="I91" i="9" s="1"/>
  <c r="J94" i="8"/>
  <c r="F92" i="9" s="1"/>
  <c r="L94" i="8"/>
  <c r="N94" i="8"/>
  <c r="H92" i="9" s="1"/>
  <c r="O94" i="8"/>
  <c r="I92" i="9" s="1"/>
  <c r="J95" i="8"/>
  <c r="F93" i="9" s="1"/>
  <c r="L95" i="8"/>
  <c r="N95" i="8"/>
  <c r="H93" i="9" s="1"/>
  <c r="O95" i="8"/>
  <c r="I93" i="9" s="1"/>
  <c r="J96" i="8"/>
  <c r="F94" i="9" s="1"/>
  <c r="L96" i="8"/>
  <c r="N96" i="8"/>
  <c r="H94" i="9" s="1"/>
  <c r="O96" i="8"/>
  <c r="I94" i="9" s="1"/>
  <c r="J97" i="8"/>
  <c r="F95" i="9" s="1"/>
  <c r="L97" i="8"/>
  <c r="N97" i="8"/>
  <c r="H95" i="9" s="1"/>
  <c r="O97" i="8"/>
  <c r="I95" i="9" s="1"/>
  <c r="J98" i="8"/>
  <c r="F96" i="9" s="1"/>
  <c r="L98" i="8"/>
  <c r="N98" i="8"/>
  <c r="H96" i="9" s="1"/>
  <c r="O98" i="8"/>
  <c r="I96" i="9" s="1"/>
  <c r="J99" i="8"/>
  <c r="F97" i="9" s="1"/>
  <c r="L99" i="8"/>
  <c r="N99" i="8"/>
  <c r="H97" i="9" s="1"/>
  <c r="O99" i="8"/>
  <c r="I97" i="9" s="1"/>
  <c r="J100" i="8"/>
  <c r="F98" i="9" s="1"/>
  <c r="L100" i="8"/>
  <c r="N100" i="8"/>
  <c r="H98" i="9" s="1"/>
  <c r="O100" i="8"/>
  <c r="I98" i="9" s="1"/>
  <c r="J101" i="8"/>
  <c r="F99" i="9" s="1"/>
  <c r="L101" i="8"/>
  <c r="N101" i="8"/>
  <c r="H99" i="9" s="1"/>
  <c r="O101" i="8"/>
  <c r="I99" i="9" s="1"/>
  <c r="J102" i="8"/>
  <c r="F100" i="9" s="1"/>
  <c r="L102" i="8"/>
  <c r="N102" i="8"/>
  <c r="H100" i="9" s="1"/>
  <c r="O102" i="8"/>
  <c r="I100" i="9" s="1"/>
  <c r="J103" i="8"/>
  <c r="F101" i="9" s="1"/>
  <c r="L103" i="8"/>
  <c r="N103" i="8"/>
  <c r="H101" i="9" s="1"/>
  <c r="O103" i="8"/>
  <c r="I101" i="9" s="1"/>
  <c r="J104" i="8"/>
  <c r="F102" i="9" s="1"/>
  <c r="L104" i="8"/>
  <c r="N104" i="8"/>
  <c r="H102" i="9" s="1"/>
  <c r="O104" i="8"/>
  <c r="I102" i="9" s="1"/>
  <c r="J105" i="8"/>
  <c r="F103" i="9" s="1"/>
  <c r="L105" i="8"/>
  <c r="N105" i="8"/>
  <c r="H103" i="9" s="1"/>
  <c r="O105" i="8"/>
  <c r="I103" i="9" s="1"/>
  <c r="J106" i="8"/>
  <c r="F104" i="9" s="1"/>
  <c r="L106" i="8"/>
  <c r="N106" i="8"/>
  <c r="H104" i="9" s="1"/>
  <c r="O106" i="8"/>
  <c r="I104" i="9" s="1"/>
  <c r="J107" i="8"/>
  <c r="F105" i="9" s="1"/>
  <c r="L107" i="8"/>
  <c r="N107" i="8"/>
  <c r="H105" i="9" s="1"/>
  <c r="O107" i="8"/>
  <c r="I105" i="9" s="1"/>
  <c r="J108" i="8"/>
  <c r="F106" i="9" s="1"/>
  <c r="L108" i="8"/>
  <c r="N108" i="8"/>
  <c r="H106" i="9" s="1"/>
  <c r="O108" i="8"/>
  <c r="I106" i="9" s="1"/>
  <c r="J109" i="8"/>
  <c r="F107" i="9" s="1"/>
  <c r="L109" i="8"/>
  <c r="N109" i="8"/>
  <c r="H107" i="9" s="1"/>
  <c r="O109" i="8"/>
  <c r="I107" i="9" s="1"/>
  <c r="J110" i="8"/>
  <c r="F108" i="9" s="1"/>
  <c r="L110" i="8"/>
  <c r="N110" i="8"/>
  <c r="H108" i="9" s="1"/>
  <c r="O110" i="8"/>
  <c r="I108" i="9" s="1"/>
  <c r="J111" i="8"/>
  <c r="F109" i="9" s="1"/>
  <c r="L111" i="8"/>
  <c r="N111" i="8"/>
  <c r="H109" i="9" s="1"/>
  <c r="O111" i="8"/>
  <c r="I109" i="9" s="1"/>
  <c r="J112" i="8"/>
  <c r="F110" i="9" s="1"/>
  <c r="L112" i="8"/>
  <c r="N112" i="8"/>
  <c r="H110" i="9" s="1"/>
  <c r="O112" i="8"/>
  <c r="I110" i="9" s="1"/>
  <c r="J113" i="8"/>
  <c r="F111" i="9" s="1"/>
  <c r="L113" i="8"/>
  <c r="N113" i="8"/>
  <c r="H111" i="9" s="1"/>
  <c r="O113" i="8"/>
  <c r="I111" i="9" s="1"/>
  <c r="J114" i="8"/>
  <c r="F112" i="9" s="1"/>
  <c r="L114" i="8"/>
  <c r="N114" i="8"/>
  <c r="H112" i="9" s="1"/>
  <c r="O114" i="8"/>
  <c r="I112" i="9" s="1"/>
  <c r="J115" i="8"/>
  <c r="F113" i="9" s="1"/>
  <c r="L115" i="8"/>
  <c r="N115" i="8"/>
  <c r="H113" i="9" s="1"/>
  <c r="O115" i="8"/>
  <c r="I113" i="9" s="1"/>
  <c r="J116" i="8"/>
  <c r="F114" i="9" s="1"/>
  <c r="L116" i="8"/>
  <c r="N116" i="8"/>
  <c r="H114" i="9" s="1"/>
  <c r="O116" i="8"/>
  <c r="I114" i="9" s="1"/>
  <c r="J117" i="8"/>
  <c r="F115" i="9" s="1"/>
  <c r="L117" i="8"/>
  <c r="N117" i="8"/>
  <c r="H115" i="9" s="1"/>
  <c r="O117" i="8"/>
  <c r="I115" i="9" s="1"/>
  <c r="J118" i="8"/>
  <c r="F116" i="9" s="1"/>
  <c r="L118" i="8"/>
  <c r="N118" i="8"/>
  <c r="H116" i="9" s="1"/>
  <c r="O118" i="8"/>
  <c r="I116" i="9" s="1"/>
  <c r="J119" i="8"/>
  <c r="F117" i="9" s="1"/>
  <c r="L119" i="8"/>
  <c r="N119" i="8"/>
  <c r="H117" i="9" s="1"/>
  <c r="O119" i="8"/>
  <c r="I117" i="9" s="1"/>
  <c r="J120" i="8"/>
  <c r="F118" i="9" s="1"/>
  <c r="L120" i="8"/>
  <c r="N120" i="8"/>
  <c r="H118" i="9" s="1"/>
  <c r="O120" i="8"/>
  <c r="I118" i="9" s="1"/>
  <c r="J121" i="8"/>
  <c r="F119" i="9" s="1"/>
  <c r="L121" i="8"/>
  <c r="N121" i="8"/>
  <c r="H119" i="9" s="1"/>
  <c r="O121" i="8"/>
  <c r="I119" i="9" s="1"/>
  <c r="J122" i="8"/>
  <c r="F120" i="9" s="1"/>
  <c r="L122" i="8"/>
  <c r="N122" i="8"/>
  <c r="H120" i="9" s="1"/>
  <c r="O122" i="8"/>
  <c r="I120" i="9" s="1"/>
  <c r="J123" i="8"/>
  <c r="F121" i="9" s="1"/>
  <c r="L123" i="8"/>
  <c r="N123" i="8"/>
  <c r="H121" i="9" s="1"/>
  <c r="O123" i="8"/>
  <c r="I121" i="9" s="1"/>
  <c r="J124" i="8"/>
  <c r="F122" i="9" s="1"/>
  <c r="L124" i="8"/>
  <c r="N124" i="8"/>
  <c r="H122" i="9" s="1"/>
  <c r="O124" i="8"/>
  <c r="I122" i="9" s="1"/>
  <c r="J125" i="8"/>
  <c r="F123" i="9" s="1"/>
  <c r="L125" i="8"/>
  <c r="N125" i="8"/>
  <c r="H123" i="9" s="1"/>
  <c r="O125" i="8"/>
  <c r="I123" i="9" s="1"/>
  <c r="J126" i="8"/>
  <c r="F124" i="9" s="1"/>
  <c r="L126" i="8"/>
  <c r="N126" i="8"/>
  <c r="H124" i="9" s="1"/>
  <c r="O126" i="8"/>
  <c r="I124" i="9" s="1"/>
  <c r="J127" i="8"/>
  <c r="F125" i="9" s="1"/>
  <c r="L127" i="8"/>
  <c r="N127" i="8"/>
  <c r="H125" i="9" s="1"/>
  <c r="O127" i="8"/>
  <c r="I125" i="9" s="1"/>
  <c r="J128" i="8"/>
  <c r="F126" i="9" s="1"/>
  <c r="L128" i="8"/>
  <c r="N128" i="8"/>
  <c r="H126" i="9" s="1"/>
  <c r="O128" i="8"/>
  <c r="I126" i="9" s="1"/>
  <c r="J129" i="8"/>
  <c r="F127" i="9" s="1"/>
  <c r="L129" i="8"/>
  <c r="N129" i="8"/>
  <c r="H127" i="9" s="1"/>
  <c r="O129" i="8"/>
  <c r="I127" i="9" s="1"/>
  <c r="J130" i="8"/>
  <c r="F128" i="9" s="1"/>
  <c r="L130" i="8"/>
  <c r="N130" i="8"/>
  <c r="H128" i="9" s="1"/>
  <c r="O130" i="8"/>
  <c r="I128" i="9" s="1"/>
  <c r="J131" i="8"/>
  <c r="F129" i="9" s="1"/>
  <c r="L131" i="8"/>
  <c r="N131" i="8"/>
  <c r="H129" i="9" s="1"/>
  <c r="O131" i="8"/>
  <c r="I129" i="9" s="1"/>
  <c r="J132" i="8"/>
  <c r="F130" i="9" s="1"/>
  <c r="L132" i="8"/>
  <c r="N132" i="8"/>
  <c r="H130" i="9" s="1"/>
  <c r="O132" i="8"/>
  <c r="I130" i="9" s="1"/>
  <c r="J133" i="8"/>
  <c r="F131" i="9" s="1"/>
  <c r="L133" i="8"/>
  <c r="N133" i="8"/>
  <c r="H131" i="9" s="1"/>
  <c r="O133" i="8"/>
  <c r="I131" i="9" s="1"/>
  <c r="J134" i="8"/>
  <c r="F132" i="9" s="1"/>
  <c r="L134" i="8"/>
  <c r="N134" i="8"/>
  <c r="H132" i="9" s="1"/>
  <c r="O134" i="8"/>
  <c r="I132" i="9" s="1"/>
  <c r="J135" i="8"/>
  <c r="F133" i="9" s="1"/>
  <c r="L135" i="8"/>
  <c r="N135" i="8"/>
  <c r="H133" i="9" s="1"/>
  <c r="O135" i="8"/>
  <c r="I133" i="9" s="1"/>
  <c r="J136" i="8"/>
  <c r="F134" i="9" s="1"/>
  <c r="L136" i="8"/>
  <c r="N136" i="8"/>
  <c r="H134" i="9" s="1"/>
  <c r="O136" i="8"/>
  <c r="I134" i="9" s="1"/>
  <c r="J137" i="8"/>
  <c r="F135" i="9" s="1"/>
  <c r="L137" i="8"/>
  <c r="N137" i="8"/>
  <c r="H135" i="9" s="1"/>
  <c r="O137" i="8"/>
  <c r="I135" i="9" s="1"/>
  <c r="J138" i="8"/>
  <c r="F136" i="9" s="1"/>
  <c r="L138" i="8"/>
  <c r="N138" i="8"/>
  <c r="H136" i="9" s="1"/>
  <c r="O138" i="8"/>
  <c r="I136" i="9" s="1"/>
  <c r="J139" i="8"/>
  <c r="F137" i="9" s="1"/>
  <c r="L139" i="8"/>
  <c r="N139" i="8"/>
  <c r="H137" i="9" s="1"/>
  <c r="O139" i="8"/>
  <c r="I137" i="9" s="1"/>
  <c r="J140" i="8"/>
  <c r="F138" i="9" s="1"/>
  <c r="L140" i="8"/>
  <c r="N140" i="8"/>
  <c r="H138" i="9" s="1"/>
  <c r="O140" i="8"/>
  <c r="I138" i="9" s="1"/>
  <c r="J141" i="8"/>
  <c r="F139" i="9" s="1"/>
  <c r="L141" i="8"/>
  <c r="N141" i="8"/>
  <c r="H139" i="9" s="1"/>
  <c r="O141" i="8"/>
  <c r="I139" i="9" s="1"/>
  <c r="J142" i="8"/>
  <c r="F140" i="9" s="1"/>
  <c r="L142" i="8"/>
  <c r="N142" i="8"/>
  <c r="H140" i="9" s="1"/>
  <c r="O142" i="8"/>
  <c r="I140" i="9" s="1"/>
  <c r="J143" i="8"/>
  <c r="F141" i="9" s="1"/>
  <c r="L143" i="8"/>
  <c r="N143" i="8"/>
  <c r="H141" i="9" s="1"/>
  <c r="O143" i="8"/>
  <c r="I141" i="9" s="1"/>
  <c r="J144" i="8"/>
  <c r="F142" i="9" s="1"/>
  <c r="L144" i="8"/>
  <c r="N144" i="8"/>
  <c r="H142" i="9" s="1"/>
  <c r="O144" i="8"/>
  <c r="I142" i="9" s="1"/>
  <c r="J145" i="8"/>
  <c r="F143" i="9" s="1"/>
  <c r="L145" i="8"/>
  <c r="N145" i="8"/>
  <c r="H143" i="9" s="1"/>
  <c r="O145" i="8"/>
  <c r="I143" i="9" s="1"/>
  <c r="J146" i="8"/>
  <c r="F144" i="9" s="1"/>
  <c r="L146" i="8"/>
  <c r="N146" i="8"/>
  <c r="H144" i="9" s="1"/>
  <c r="O146" i="8"/>
  <c r="I144" i="9" s="1"/>
  <c r="J147" i="8"/>
  <c r="F145" i="9" s="1"/>
  <c r="L147" i="8"/>
  <c r="N147" i="8"/>
  <c r="H145" i="9" s="1"/>
  <c r="O147" i="8"/>
  <c r="I145" i="9" s="1"/>
  <c r="J148" i="8"/>
  <c r="F146" i="9" s="1"/>
  <c r="L148" i="8"/>
  <c r="N148" i="8"/>
  <c r="H146" i="9" s="1"/>
  <c r="O148" i="8"/>
  <c r="I146" i="9" s="1"/>
  <c r="J149" i="8"/>
  <c r="F147" i="9" s="1"/>
  <c r="L149" i="8"/>
  <c r="N149" i="8"/>
  <c r="H147" i="9" s="1"/>
  <c r="O149" i="8"/>
  <c r="I147" i="9" s="1"/>
  <c r="J150" i="8"/>
  <c r="F148" i="9" s="1"/>
  <c r="L150" i="8"/>
  <c r="N150" i="8"/>
  <c r="H148" i="9" s="1"/>
  <c r="O150" i="8"/>
  <c r="I148" i="9" s="1"/>
  <c r="J151" i="8"/>
  <c r="F149" i="9" s="1"/>
  <c r="L151" i="8"/>
  <c r="N151" i="8"/>
  <c r="H149" i="9" s="1"/>
  <c r="O151" i="8"/>
  <c r="I149" i="9" s="1"/>
  <c r="J152" i="8"/>
  <c r="F150" i="9" s="1"/>
  <c r="L152" i="8"/>
  <c r="N152" i="8"/>
  <c r="H150" i="9" s="1"/>
  <c r="O152" i="8"/>
  <c r="I150" i="9" s="1"/>
  <c r="J153" i="8"/>
  <c r="F151" i="9" s="1"/>
  <c r="L153" i="8"/>
  <c r="N153" i="8"/>
  <c r="H151" i="9" s="1"/>
  <c r="O153" i="8"/>
  <c r="I151" i="9" s="1"/>
  <c r="J154" i="8"/>
  <c r="F152" i="9" s="1"/>
  <c r="L154" i="8"/>
  <c r="N154" i="8"/>
  <c r="H152" i="9" s="1"/>
  <c r="O154" i="8"/>
  <c r="I152" i="9" s="1"/>
  <c r="J155" i="8"/>
  <c r="F153" i="9" s="1"/>
  <c r="L155" i="8"/>
  <c r="N155" i="8"/>
  <c r="H153" i="9" s="1"/>
  <c r="O155" i="8"/>
  <c r="I153" i="9" s="1"/>
  <c r="J156" i="8"/>
  <c r="F154" i="9" s="1"/>
  <c r="L156" i="8"/>
  <c r="N156" i="8"/>
  <c r="H154" i="9" s="1"/>
  <c r="O156" i="8"/>
  <c r="I154" i="9" s="1"/>
  <c r="J157" i="8"/>
  <c r="F155" i="9" s="1"/>
  <c r="L157" i="8"/>
  <c r="N157" i="8"/>
  <c r="H155" i="9" s="1"/>
  <c r="O157" i="8"/>
  <c r="I155" i="9" s="1"/>
  <c r="J158" i="8"/>
  <c r="F156" i="9" s="1"/>
  <c r="L158" i="8"/>
  <c r="N158" i="8"/>
  <c r="H156" i="9" s="1"/>
  <c r="O158" i="8"/>
  <c r="I156" i="9" s="1"/>
  <c r="J159" i="8"/>
  <c r="F157" i="9" s="1"/>
  <c r="L159" i="8"/>
  <c r="N159" i="8"/>
  <c r="H157" i="9" s="1"/>
  <c r="O159" i="8"/>
  <c r="I157" i="9" s="1"/>
  <c r="J160" i="8"/>
  <c r="F158" i="9" s="1"/>
  <c r="L160" i="8"/>
  <c r="N160" i="8"/>
  <c r="H158" i="9" s="1"/>
  <c r="O160" i="8"/>
  <c r="I158" i="9" s="1"/>
  <c r="J161" i="8"/>
  <c r="F159" i="9" s="1"/>
  <c r="L161" i="8"/>
  <c r="N161" i="8"/>
  <c r="H159" i="9" s="1"/>
  <c r="O161" i="8"/>
  <c r="I159" i="9" s="1"/>
  <c r="J162" i="8"/>
  <c r="F160" i="9" s="1"/>
  <c r="L162" i="8"/>
  <c r="N162" i="8"/>
  <c r="H160" i="9" s="1"/>
  <c r="O162" i="8"/>
  <c r="I160" i="9" s="1"/>
  <c r="J163" i="8"/>
  <c r="F161" i="9" s="1"/>
  <c r="L163" i="8"/>
  <c r="N163" i="8"/>
  <c r="H161" i="9" s="1"/>
  <c r="O163" i="8"/>
  <c r="I161" i="9" s="1"/>
  <c r="J164" i="8"/>
  <c r="F162" i="9" s="1"/>
  <c r="L164" i="8"/>
  <c r="N164" i="8"/>
  <c r="H162" i="9" s="1"/>
  <c r="O164" i="8"/>
  <c r="I162" i="9" s="1"/>
  <c r="J165" i="8"/>
  <c r="F163" i="9" s="1"/>
  <c r="L165" i="8"/>
  <c r="N165" i="8"/>
  <c r="H163" i="9" s="1"/>
  <c r="O165" i="8"/>
  <c r="I163" i="9" s="1"/>
  <c r="J166" i="8"/>
  <c r="F164" i="9" s="1"/>
  <c r="L166" i="8"/>
  <c r="N166" i="8"/>
  <c r="H164" i="9" s="1"/>
  <c r="O166" i="8"/>
  <c r="I164" i="9" s="1"/>
  <c r="J167" i="8"/>
  <c r="F165" i="9" s="1"/>
  <c r="L167" i="8"/>
  <c r="N167" i="8"/>
  <c r="H165" i="9" s="1"/>
  <c r="O167" i="8"/>
  <c r="I165" i="9" s="1"/>
  <c r="J168" i="8"/>
  <c r="F166" i="9" s="1"/>
  <c r="L168" i="8"/>
  <c r="N168" i="8"/>
  <c r="H166" i="9" s="1"/>
  <c r="O168" i="8"/>
  <c r="I166" i="9" s="1"/>
  <c r="J169" i="8"/>
  <c r="F167" i="9" s="1"/>
  <c r="L169" i="8"/>
  <c r="N169" i="8"/>
  <c r="H167" i="9" s="1"/>
  <c r="O169" i="8"/>
  <c r="I167" i="9" s="1"/>
  <c r="J170" i="8"/>
  <c r="F168" i="9" s="1"/>
  <c r="L170" i="8"/>
  <c r="N170" i="8"/>
  <c r="H168" i="9" s="1"/>
  <c r="O170" i="8"/>
  <c r="I168" i="9" s="1"/>
  <c r="J171" i="8"/>
  <c r="F169" i="9" s="1"/>
  <c r="L171" i="8"/>
  <c r="N171" i="8"/>
  <c r="H169" i="9" s="1"/>
  <c r="O171" i="8"/>
  <c r="I169" i="9" s="1"/>
  <c r="J172" i="8"/>
  <c r="F170" i="9" s="1"/>
  <c r="L172" i="8"/>
  <c r="N172" i="8"/>
  <c r="H170" i="9" s="1"/>
  <c r="O172" i="8"/>
  <c r="I170" i="9" s="1"/>
  <c r="J173" i="8"/>
  <c r="F171" i="9" s="1"/>
  <c r="L173" i="8"/>
  <c r="N173" i="8"/>
  <c r="H171" i="9" s="1"/>
  <c r="O173" i="8"/>
  <c r="I171" i="9" s="1"/>
  <c r="J174" i="8"/>
  <c r="F172" i="9" s="1"/>
  <c r="L174" i="8"/>
  <c r="N174" i="8"/>
  <c r="H172" i="9" s="1"/>
  <c r="O174" i="8"/>
  <c r="I172" i="9" s="1"/>
  <c r="J175" i="8"/>
  <c r="F173" i="9" s="1"/>
  <c r="L175" i="8"/>
  <c r="N175" i="8"/>
  <c r="H173" i="9" s="1"/>
  <c r="O175" i="8"/>
  <c r="I173" i="9" s="1"/>
  <c r="J176" i="8"/>
  <c r="F174" i="9" s="1"/>
  <c r="L176" i="8"/>
  <c r="N176" i="8"/>
  <c r="H174" i="9" s="1"/>
  <c r="O176" i="8"/>
  <c r="I174" i="9" s="1"/>
  <c r="J177" i="8"/>
  <c r="F175" i="9" s="1"/>
  <c r="L177" i="8"/>
  <c r="N177" i="8"/>
  <c r="H175" i="9" s="1"/>
  <c r="O177" i="8"/>
  <c r="I175" i="9" s="1"/>
  <c r="J178" i="8"/>
  <c r="F176" i="9" s="1"/>
  <c r="L178" i="8"/>
  <c r="N178" i="8"/>
  <c r="H176" i="9" s="1"/>
  <c r="O178" i="8"/>
  <c r="I176" i="9" s="1"/>
  <c r="J179" i="8"/>
  <c r="F177" i="9" s="1"/>
  <c r="L179" i="8"/>
  <c r="N179" i="8"/>
  <c r="H177" i="9" s="1"/>
  <c r="O179" i="8"/>
  <c r="I177" i="9" s="1"/>
  <c r="J180" i="8"/>
  <c r="F178" i="9" s="1"/>
  <c r="L180" i="8"/>
  <c r="N180" i="8"/>
  <c r="H178" i="9" s="1"/>
  <c r="O180" i="8"/>
  <c r="I178" i="9" s="1"/>
  <c r="J181" i="8"/>
  <c r="F179" i="9" s="1"/>
  <c r="L181" i="8"/>
  <c r="N181" i="8"/>
  <c r="H179" i="9" s="1"/>
  <c r="O181" i="8"/>
  <c r="I179" i="9" s="1"/>
  <c r="J182" i="8"/>
  <c r="F180" i="9" s="1"/>
  <c r="L182" i="8"/>
  <c r="N182" i="8"/>
  <c r="H180" i="9" s="1"/>
  <c r="O182" i="8"/>
  <c r="I180" i="9" s="1"/>
  <c r="J183" i="8"/>
  <c r="F181" i="9" s="1"/>
  <c r="L183" i="8"/>
  <c r="N183" i="8"/>
  <c r="H181" i="9" s="1"/>
  <c r="O183" i="8"/>
  <c r="I181" i="9" s="1"/>
  <c r="J184" i="8"/>
  <c r="F182" i="9" s="1"/>
  <c r="L184" i="8"/>
  <c r="N184" i="8"/>
  <c r="H182" i="9" s="1"/>
  <c r="O184" i="8"/>
  <c r="I182" i="9" s="1"/>
  <c r="J185" i="8"/>
  <c r="F183" i="9" s="1"/>
  <c r="L185" i="8"/>
  <c r="N185" i="8"/>
  <c r="H183" i="9" s="1"/>
  <c r="O185" i="8"/>
  <c r="I183" i="9" s="1"/>
  <c r="J186" i="8"/>
  <c r="F184" i="9" s="1"/>
  <c r="L186" i="8"/>
  <c r="N186" i="8"/>
  <c r="H184" i="9" s="1"/>
  <c r="O186" i="8"/>
  <c r="I184" i="9" s="1"/>
  <c r="J187" i="8"/>
  <c r="F185" i="9" s="1"/>
  <c r="L187" i="8"/>
  <c r="N187" i="8"/>
  <c r="H185" i="9" s="1"/>
  <c r="O187" i="8"/>
  <c r="I185" i="9" s="1"/>
  <c r="J188" i="8"/>
  <c r="F186" i="9" s="1"/>
  <c r="L188" i="8"/>
  <c r="N188" i="8"/>
  <c r="H186" i="9" s="1"/>
  <c r="O188" i="8"/>
  <c r="I186" i="9" s="1"/>
  <c r="J189" i="8"/>
  <c r="F187" i="9" s="1"/>
  <c r="L189" i="8"/>
  <c r="N189" i="8"/>
  <c r="H187" i="9" s="1"/>
  <c r="O189" i="8"/>
  <c r="I187" i="9" s="1"/>
  <c r="J190" i="8"/>
  <c r="F188" i="9" s="1"/>
  <c r="L190" i="8"/>
  <c r="N190" i="8"/>
  <c r="H188" i="9" s="1"/>
  <c r="O190" i="8"/>
  <c r="I188" i="9" s="1"/>
  <c r="J191" i="8"/>
  <c r="F189" i="9" s="1"/>
  <c r="L191" i="8"/>
  <c r="N191" i="8"/>
  <c r="H189" i="9" s="1"/>
  <c r="O191" i="8"/>
  <c r="I189" i="9" s="1"/>
  <c r="J192" i="8"/>
  <c r="F190" i="9" s="1"/>
  <c r="L192" i="8"/>
  <c r="N192" i="8"/>
  <c r="H190" i="9" s="1"/>
  <c r="O192" i="8"/>
  <c r="I190" i="9" s="1"/>
  <c r="J193" i="8"/>
  <c r="F191" i="9" s="1"/>
  <c r="L193" i="8"/>
  <c r="N193" i="8"/>
  <c r="H191" i="9" s="1"/>
  <c r="O193" i="8"/>
  <c r="I191" i="9" s="1"/>
  <c r="J194" i="8"/>
  <c r="F192" i="9" s="1"/>
  <c r="L194" i="8"/>
  <c r="N194" i="8"/>
  <c r="H192" i="9" s="1"/>
  <c r="O194" i="8"/>
  <c r="I192" i="9" s="1"/>
  <c r="J195" i="8"/>
  <c r="F193" i="9" s="1"/>
  <c r="L195" i="8"/>
  <c r="N195" i="8"/>
  <c r="H193" i="9" s="1"/>
  <c r="O195" i="8"/>
  <c r="I193" i="9" s="1"/>
  <c r="J196" i="8"/>
  <c r="F194" i="9" s="1"/>
  <c r="L196" i="8"/>
  <c r="N196" i="8"/>
  <c r="H194" i="9" s="1"/>
  <c r="O196" i="8"/>
  <c r="I194" i="9" s="1"/>
  <c r="J197" i="8"/>
  <c r="F195" i="9" s="1"/>
  <c r="L197" i="8"/>
  <c r="N197" i="8"/>
  <c r="H195" i="9" s="1"/>
  <c r="O197" i="8"/>
  <c r="I195" i="9" s="1"/>
  <c r="J198" i="8"/>
  <c r="F196" i="9" s="1"/>
  <c r="L198" i="8"/>
  <c r="N198" i="8"/>
  <c r="H196" i="9" s="1"/>
  <c r="O198" i="8"/>
  <c r="I196" i="9" s="1"/>
  <c r="J199" i="8"/>
  <c r="F197" i="9" s="1"/>
  <c r="L199" i="8"/>
  <c r="N199" i="8"/>
  <c r="H197" i="9" s="1"/>
  <c r="O199" i="8"/>
  <c r="I197" i="9" s="1"/>
  <c r="J200" i="8"/>
  <c r="F198" i="9" s="1"/>
  <c r="L200" i="8"/>
  <c r="N200" i="8"/>
  <c r="H198" i="9" s="1"/>
  <c r="O200" i="8"/>
  <c r="I198" i="9" s="1"/>
  <c r="J201" i="8"/>
  <c r="F199" i="9" s="1"/>
  <c r="L201" i="8"/>
  <c r="N201" i="8"/>
  <c r="H199" i="9" s="1"/>
  <c r="O201" i="8"/>
  <c r="I199" i="9" s="1"/>
  <c r="J202" i="8"/>
  <c r="F200" i="9" s="1"/>
  <c r="L202" i="8"/>
  <c r="N202" i="8"/>
  <c r="H200" i="9" s="1"/>
  <c r="O202" i="8"/>
  <c r="I200" i="9" s="1"/>
  <c r="J203" i="8"/>
  <c r="F201" i="9" s="1"/>
  <c r="L203" i="8"/>
  <c r="N203" i="8"/>
  <c r="H201" i="9" s="1"/>
  <c r="O203" i="8"/>
  <c r="I201" i="9" s="1"/>
  <c r="J204" i="8"/>
  <c r="F202" i="9" s="1"/>
  <c r="L204" i="8"/>
  <c r="N204" i="8"/>
  <c r="H202" i="9" s="1"/>
  <c r="O204" i="8"/>
  <c r="I202" i="9" s="1"/>
  <c r="J205" i="8"/>
  <c r="F203" i="9" s="1"/>
  <c r="L205" i="8"/>
  <c r="N205" i="8"/>
  <c r="H203" i="9" s="1"/>
  <c r="O205" i="8"/>
  <c r="I203" i="9" s="1"/>
  <c r="J206" i="8"/>
  <c r="F204" i="9" s="1"/>
  <c r="L206" i="8"/>
  <c r="N206" i="8"/>
  <c r="H204" i="9" s="1"/>
  <c r="O206" i="8"/>
  <c r="I204" i="9" s="1"/>
  <c r="J207" i="8"/>
  <c r="F205" i="9" s="1"/>
  <c r="L207" i="8"/>
  <c r="N207" i="8"/>
  <c r="H205" i="9" s="1"/>
  <c r="O207" i="8"/>
  <c r="I205" i="9" s="1"/>
  <c r="J208" i="8"/>
  <c r="F206" i="9" s="1"/>
  <c r="L208" i="8"/>
  <c r="N208" i="8"/>
  <c r="H206" i="9" s="1"/>
  <c r="O208" i="8"/>
  <c r="I206" i="9" s="1"/>
  <c r="J209" i="8"/>
  <c r="F207" i="9" s="1"/>
  <c r="L209" i="8"/>
  <c r="N209" i="8"/>
  <c r="H207" i="9" s="1"/>
  <c r="O209" i="8"/>
  <c r="I207" i="9" s="1"/>
  <c r="J210" i="8"/>
  <c r="F208" i="9" s="1"/>
  <c r="L210" i="8"/>
  <c r="N210" i="8"/>
  <c r="H208" i="9" s="1"/>
  <c r="O210" i="8"/>
  <c r="I208" i="9" s="1"/>
  <c r="J211" i="8"/>
  <c r="F209" i="9" s="1"/>
  <c r="L211" i="8"/>
  <c r="N211" i="8"/>
  <c r="H209" i="9" s="1"/>
  <c r="O211" i="8"/>
  <c r="I209" i="9" s="1"/>
  <c r="J212" i="8"/>
  <c r="F210" i="9" s="1"/>
  <c r="L212" i="8"/>
  <c r="N212" i="8"/>
  <c r="H210" i="9" s="1"/>
  <c r="O212" i="8"/>
  <c r="I210" i="9" s="1"/>
  <c r="J213" i="8"/>
  <c r="F211" i="9" s="1"/>
  <c r="L213" i="8"/>
  <c r="N213" i="8"/>
  <c r="H211" i="9" s="1"/>
  <c r="O213" i="8"/>
  <c r="I211" i="9" s="1"/>
  <c r="J214" i="8"/>
  <c r="F212" i="9" s="1"/>
  <c r="L214" i="8"/>
  <c r="N214" i="8"/>
  <c r="H212" i="9" s="1"/>
  <c r="O214" i="8"/>
  <c r="I212" i="9" s="1"/>
  <c r="J215" i="8"/>
  <c r="F213" i="9" s="1"/>
  <c r="L215" i="8"/>
  <c r="N215" i="8"/>
  <c r="H213" i="9" s="1"/>
  <c r="O215" i="8"/>
  <c r="I213" i="9" s="1"/>
  <c r="J216" i="8"/>
  <c r="F214" i="9" s="1"/>
  <c r="L216" i="8"/>
  <c r="N216" i="8"/>
  <c r="H214" i="9" s="1"/>
  <c r="O216" i="8"/>
  <c r="I214" i="9" s="1"/>
  <c r="J217" i="8"/>
  <c r="F215" i="9" s="1"/>
  <c r="L217" i="8"/>
  <c r="N217" i="8"/>
  <c r="H215" i="9" s="1"/>
  <c r="O217" i="8"/>
  <c r="I215" i="9" s="1"/>
  <c r="J218" i="8"/>
  <c r="F216" i="9" s="1"/>
  <c r="L218" i="8"/>
  <c r="N218" i="8"/>
  <c r="H216" i="9" s="1"/>
  <c r="O218" i="8"/>
  <c r="I216" i="9" s="1"/>
  <c r="J219" i="8"/>
  <c r="F217" i="9" s="1"/>
  <c r="L219" i="8"/>
  <c r="N219" i="8"/>
  <c r="H217" i="9" s="1"/>
  <c r="O219" i="8"/>
  <c r="I217" i="9" s="1"/>
  <c r="J220" i="8"/>
  <c r="F218" i="9" s="1"/>
  <c r="L220" i="8"/>
  <c r="N220" i="8"/>
  <c r="H218" i="9" s="1"/>
  <c r="O220" i="8"/>
  <c r="I218" i="9" s="1"/>
  <c r="J221" i="8"/>
  <c r="F219" i="9" s="1"/>
  <c r="L221" i="8"/>
  <c r="N221" i="8"/>
  <c r="H219" i="9" s="1"/>
  <c r="O221" i="8"/>
  <c r="I219" i="9" s="1"/>
  <c r="J222" i="8"/>
  <c r="F220" i="9" s="1"/>
  <c r="L222" i="8"/>
  <c r="N222" i="8"/>
  <c r="H220" i="9" s="1"/>
  <c r="O222" i="8"/>
  <c r="I220" i="9" s="1"/>
  <c r="J223" i="8"/>
  <c r="F221" i="9" s="1"/>
  <c r="L223" i="8"/>
  <c r="N223" i="8"/>
  <c r="H221" i="9" s="1"/>
  <c r="O223" i="8"/>
  <c r="I221" i="9" s="1"/>
  <c r="J224" i="8"/>
  <c r="F222" i="9" s="1"/>
  <c r="L224" i="8"/>
  <c r="N224" i="8"/>
  <c r="H222" i="9" s="1"/>
  <c r="O224" i="8"/>
  <c r="I222" i="9" s="1"/>
  <c r="J225" i="8"/>
  <c r="F223" i="9" s="1"/>
  <c r="L225" i="8"/>
  <c r="N225" i="8"/>
  <c r="H223" i="9" s="1"/>
  <c r="O225" i="8"/>
  <c r="I223" i="9" s="1"/>
  <c r="J226" i="8"/>
  <c r="F224" i="9" s="1"/>
  <c r="L226" i="8"/>
  <c r="N226" i="8"/>
  <c r="H224" i="9" s="1"/>
  <c r="O226" i="8"/>
  <c r="I224" i="9" s="1"/>
  <c r="J227" i="8"/>
  <c r="F225" i="9" s="1"/>
  <c r="L227" i="8"/>
  <c r="N227" i="8"/>
  <c r="H225" i="9" s="1"/>
  <c r="O227" i="8"/>
  <c r="I225" i="9" s="1"/>
  <c r="J228" i="8"/>
  <c r="F226" i="9" s="1"/>
  <c r="L228" i="8"/>
  <c r="N228" i="8"/>
  <c r="H226" i="9" s="1"/>
  <c r="O228" i="8"/>
  <c r="I226" i="9" s="1"/>
  <c r="J229" i="8"/>
  <c r="F227" i="9" s="1"/>
  <c r="L229" i="8"/>
  <c r="N229" i="8"/>
  <c r="H227" i="9" s="1"/>
  <c r="O229" i="8"/>
  <c r="I227" i="9" s="1"/>
  <c r="J230" i="8"/>
  <c r="F228" i="9" s="1"/>
  <c r="L230" i="8"/>
  <c r="N230" i="8"/>
  <c r="H228" i="9" s="1"/>
  <c r="O230" i="8"/>
  <c r="I228" i="9" s="1"/>
  <c r="J231" i="8"/>
  <c r="F229" i="9" s="1"/>
  <c r="L231" i="8"/>
  <c r="N231" i="8"/>
  <c r="H229" i="9" s="1"/>
  <c r="O231" i="8"/>
  <c r="I229" i="9" s="1"/>
  <c r="J232" i="8"/>
  <c r="F230" i="9" s="1"/>
  <c r="L232" i="8"/>
  <c r="N232" i="8"/>
  <c r="H230" i="9" s="1"/>
  <c r="O232" i="8"/>
  <c r="I230" i="9" s="1"/>
  <c r="J233" i="8"/>
  <c r="F231" i="9" s="1"/>
  <c r="L233" i="8"/>
  <c r="N233" i="8"/>
  <c r="H231" i="9" s="1"/>
  <c r="O233" i="8"/>
  <c r="I231" i="9" s="1"/>
  <c r="J234" i="8"/>
  <c r="F232" i="9" s="1"/>
  <c r="L234" i="8"/>
  <c r="N234" i="8"/>
  <c r="H232" i="9" s="1"/>
  <c r="O234" i="8"/>
  <c r="I232" i="9" s="1"/>
  <c r="J235" i="8"/>
  <c r="F233" i="9" s="1"/>
  <c r="L235" i="8"/>
  <c r="N235" i="8"/>
  <c r="H233" i="9" s="1"/>
  <c r="O235" i="8"/>
  <c r="I233" i="9" s="1"/>
  <c r="J236" i="8"/>
  <c r="F234" i="9" s="1"/>
  <c r="L236" i="8"/>
  <c r="N236" i="8"/>
  <c r="H234" i="9" s="1"/>
  <c r="O236" i="8"/>
  <c r="I234" i="9" s="1"/>
  <c r="J237" i="8"/>
  <c r="F235" i="9" s="1"/>
  <c r="L237" i="8"/>
  <c r="N237" i="8"/>
  <c r="H235" i="9" s="1"/>
  <c r="O237" i="8"/>
  <c r="I235" i="9" s="1"/>
  <c r="J238" i="8"/>
  <c r="F236" i="9" s="1"/>
  <c r="L238" i="8"/>
  <c r="N238" i="8"/>
  <c r="H236" i="9" s="1"/>
  <c r="O238" i="8"/>
  <c r="I236" i="9" s="1"/>
  <c r="J239" i="8"/>
  <c r="F237" i="9" s="1"/>
  <c r="L239" i="8"/>
  <c r="N239" i="8"/>
  <c r="H237" i="9" s="1"/>
  <c r="O239" i="8"/>
  <c r="I237" i="9" s="1"/>
  <c r="J240" i="8"/>
  <c r="F238" i="9" s="1"/>
  <c r="L240" i="8"/>
  <c r="N240" i="8"/>
  <c r="H238" i="9" s="1"/>
  <c r="O240" i="8"/>
  <c r="I238" i="9" s="1"/>
  <c r="J241" i="8"/>
  <c r="F239" i="9" s="1"/>
  <c r="L241" i="8"/>
  <c r="N241" i="8"/>
  <c r="H239" i="9" s="1"/>
  <c r="O241" i="8"/>
  <c r="I239" i="9" s="1"/>
  <c r="J242" i="8"/>
  <c r="F240" i="9" s="1"/>
  <c r="L242" i="8"/>
  <c r="N242" i="8"/>
  <c r="H240" i="9" s="1"/>
  <c r="O242" i="8"/>
  <c r="I240" i="9" s="1"/>
  <c r="J243" i="8"/>
  <c r="F241" i="9" s="1"/>
  <c r="L243" i="8"/>
  <c r="N243" i="8"/>
  <c r="H241" i="9" s="1"/>
  <c r="O243" i="8"/>
  <c r="I241" i="9" s="1"/>
  <c r="J244" i="8"/>
  <c r="F242" i="9" s="1"/>
  <c r="L244" i="8"/>
  <c r="N244" i="8"/>
  <c r="H242" i="9" s="1"/>
  <c r="O244" i="8"/>
  <c r="I242" i="9" s="1"/>
  <c r="J245" i="8"/>
  <c r="F243" i="9" s="1"/>
  <c r="L245" i="8"/>
  <c r="N245" i="8"/>
  <c r="H243" i="9" s="1"/>
  <c r="O245" i="8"/>
  <c r="I243" i="9" s="1"/>
  <c r="J246" i="8"/>
  <c r="F244" i="9" s="1"/>
  <c r="L246" i="8"/>
  <c r="N246" i="8"/>
  <c r="H244" i="9" s="1"/>
  <c r="O246" i="8"/>
  <c r="I244" i="9" s="1"/>
  <c r="J247" i="8"/>
  <c r="F245" i="9" s="1"/>
  <c r="L247" i="8"/>
  <c r="N247" i="8"/>
  <c r="H245" i="9" s="1"/>
  <c r="O247" i="8"/>
  <c r="I245" i="9" s="1"/>
  <c r="J248" i="8"/>
  <c r="F246" i="9" s="1"/>
  <c r="L248" i="8"/>
  <c r="N248" i="8"/>
  <c r="H246" i="9" s="1"/>
  <c r="O248" i="8"/>
  <c r="I246" i="9" s="1"/>
  <c r="J249" i="8"/>
  <c r="F247" i="9" s="1"/>
  <c r="L249" i="8"/>
  <c r="N249" i="8"/>
  <c r="H247" i="9" s="1"/>
  <c r="O249" i="8"/>
  <c r="I247" i="9" s="1"/>
  <c r="J250" i="8"/>
  <c r="F248" i="9" s="1"/>
  <c r="L250" i="8"/>
  <c r="N250" i="8"/>
  <c r="H248" i="9" s="1"/>
  <c r="O250" i="8"/>
  <c r="I248" i="9" s="1"/>
  <c r="J251" i="8"/>
  <c r="F249" i="9" s="1"/>
  <c r="L251" i="8"/>
  <c r="N251" i="8"/>
  <c r="H249" i="9" s="1"/>
  <c r="O251" i="8"/>
  <c r="I249" i="9" s="1"/>
  <c r="J252" i="8"/>
  <c r="F250" i="9" s="1"/>
  <c r="L252" i="8"/>
  <c r="N252" i="8"/>
  <c r="H250" i="9" s="1"/>
  <c r="O252" i="8"/>
  <c r="I250" i="9" s="1"/>
  <c r="J253" i="8"/>
  <c r="F251" i="9" s="1"/>
  <c r="L253" i="8"/>
  <c r="N253" i="8"/>
  <c r="H251" i="9" s="1"/>
  <c r="O253" i="8"/>
  <c r="I251" i="9" s="1"/>
  <c r="J254" i="8"/>
  <c r="F252" i="9" s="1"/>
  <c r="L254" i="8"/>
  <c r="N254" i="8"/>
  <c r="H252" i="9" s="1"/>
  <c r="O254" i="8"/>
  <c r="I252" i="9" s="1"/>
  <c r="J255" i="8"/>
  <c r="F253" i="9" s="1"/>
  <c r="L255" i="8"/>
  <c r="N255" i="8"/>
  <c r="H253" i="9" s="1"/>
  <c r="O255" i="8"/>
  <c r="I253" i="9" s="1"/>
  <c r="J256" i="8"/>
  <c r="F254" i="9" s="1"/>
  <c r="L256" i="8"/>
  <c r="N256" i="8"/>
  <c r="H254" i="9" s="1"/>
  <c r="O256" i="8"/>
  <c r="I254" i="9" s="1"/>
  <c r="J257" i="8"/>
  <c r="F255" i="9" s="1"/>
  <c r="L257" i="8"/>
  <c r="N257" i="8"/>
  <c r="H255" i="9" s="1"/>
  <c r="O257" i="8"/>
  <c r="I255" i="9" s="1"/>
  <c r="J258" i="8"/>
  <c r="F256" i="9" s="1"/>
  <c r="L258" i="8"/>
  <c r="N258" i="8"/>
  <c r="H256" i="9" s="1"/>
  <c r="O258" i="8"/>
  <c r="I256" i="9" s="1"/>
  <c r="J259" i="8"/>
  <c r="F257" i="9" s="1"/>
  <c r="L259" i="8"/>
  <c r="N259" i="8"/>
  <c r="H257" i="9" s="1"/>
  <c r="O259" i="8"/>
  <c r="I257" i="9" s="1"/>
  <c r="J260" i="8"/>
  <c r="F258" i="9" s="1"/>
  <c r="L260" i="8"/>
  <c r="N260" i="8"/>
  <c r="H258" i="9" s="1"/>
  <c r="O260" i="8"/>
  <c r="I258" i="9" s="1"/>
  <c r="J261" i="8"/>
  <c r="F259" i="9" s="1"/>
  <c r="L261" i="8"/>
  <c r="N261" i="8"/>
  <c r="H259" i="9" s="1"/>
  <c r="O261" i="8"/>
  <c r="I259" i="9" s="1"/>
  <c r="J262" i="8"/>
  <c r="F260" i="9" s="1"/>
  <c r="L262" i="8"/>
  <c r="N262" i="8"/>
  <c r="H260" i="9" s="1"/>
  <c r="O262" i="8"/>
  <c r="I260" i="9" s="1"/>
  <c r="J263" i="8"/>
  <c r="F261" i="9" s="1"/>
  <c r="L263" i="8"/>
  <c r="N263" i="8"/>
  <c r="H261" i="9" s="1"/>
  <c r="O263" i="8"/>
  <c r="I261" i="9" s="1"/>
  <c r="J264" i="8"/>
  <c r="F262" i="9" s="1"/>
  <c r="L264" i="8"/>
  <c r="N264" i="8"/>
  <c r="H262" i="9" s="1"/>
  <c r="O264" i="8"/>
  <c r="I262" i="9" s="1"/>
  <c r="J265" i="8"/>
  <c r="F263" i="9" s="1"/>
  <c r="L265" i="8"/>
  <c r="N265" i="8"/>
  <c r="H263" i="9" s="1"/>
  <c r="O265" i="8"/>
  <c r="I263" i="9" s="1"/>
  <c r="J266" i="8"/>
  <c r="F264" i="9" s="1"/>
  <c r="L266" i="8"/>
  <c r="N266" i="8"/>
  <c r="H264" i="9" s="1"/>
  <c r="O266" i="8"/>
  <c r="I264" i="9" s="1"/>
  <c r="J267" i="8"/>
  <c r="F265" i="9" s="1"/>
  <c r="L267" i="8"/>
  <c r="N267" i="8"/>
  <c r="H265" i="9" s="1"/>
  <c r="O267" i="8"/>
  <c r="I265" i="9" s="1"/>
  <c r="J268" i="8"/>
  <c r="F266" i="9" s="1"/>
  <c r="L268" i="8"/>
  <c r="N268" i="8"/>
  <c r="H266" i="9" s="1"/>
  <c r="O268" i="8"/>
  <c r="I266" i="9" s="1"/>
  <c r="J269" i="8"/>
  <c r="F267" i="9" s="1"/>
  <c r="L269" i="8"/>
  <c r="N269" i="8"/>
  <c r="H267" i="9" s="1"/>
  <c r="O269" i="8"/>
  <c r="I267" i="9" s="1"/>
  <c r="J270" i="8"/>
  <c r="F268" i="9" s="1"/>
  <c r="L270" i="8"/>
  <c r="N270" i="8"/>
  <c r="H268" i="9" s="1"/>
  <c r="O270" i="8"/>
  <c r="I268" i="9" s="1"/>
  <c r="J271" i="8"/>
  <c r="F269" i="9" s="1"/>
  <c r="L271" i="8"/>
  <c r="N271" i="8"/>
  <c r="H269" i="9" s="1"/>
  <c r="O271" i="8"/>
  <c r="I269" i="9" s="1"/>
  <c r="J272" i="8"/>
  <c r="F270" i="9" s="1"/>
  <c r="L272" i="8"/>
  <c r="N272" i="8"/>
  <c r="H270" i="9" s="1"/>
  <c r="O272" i="8"/>
  <c r="I270" i="9" s="1"/>
  <c r="J273" i="8"/>
  <c r="F271" i="9" s="1"/>
  <c r="L273" i="8"/>
  <c r="N273" i="8"/>
  <c r="H271" i="9" s="1"/>
  <c r="O273" i="8"/>
  <c r="I271" i="9" s="1"/>
  <c r="J274" i="8"/>
  <c r="F272" i="9" s="1"/>
  <c r="L274" i="8"/>
  <c r="N274" i="8"/>
  <c r="H272" i="9" s="1"/>
  <c r="O274" i="8"/>
  <c r="I272" i="9" s="1"/>
  <c r="J275" i="8"/>
  <c r="F273" i="9" s="1"/>
  <c r="L275" i="8"/>
  <c r="N275" i="8"/>
  <c r="H273" i="9" s="1"/>
  <c r="O275" i="8"/>
  <c r="I273" i="9" s="1"/>
  <c r="J276" i="8"/>
  <c r="F274" i="9" s="1"/>
  <c r="L276" i="8"/>
  <c r="N276" i="8"/>
  <c r="H274" i="9" s="1"/>
  <c r="O276" i="8"/>
  <c r="I274" i="9" s="1"/>
  <c r="J277" i="8"/>
  <c r="F275" i="9" s="1"/>
  <c r="L277" i="8"/>
  <c r="N277" i="8"/>
  <c r="H275" i="9" s="1"/>
  <c r="O277" i="8"/>
  <c r="I275" i="9" s="1"/>
  <c r="J278" i="8"/>
  <c r="F276" i="9" s="1"/>
  <c r="L278" i="8"/>
  <c r="N278" i="8"/>
  <c r="H276" i="9" s="1"/>
  <c r="O278" i="8"/>
  <c r="I276" i="9" s="1"/>
  <c r="J279" i="8"/>
  <c r="F277" i="9" s="1"/>
  <c r="L279" i="8"/>
  <c r="N279" i="8"/>
  <c r="H277" i="9" s="1"/>
  <c r="O279" i="8"/>
  <c r="I277" i="9" s="1"/>
  <c r="J280" i="8"/>
  <c r="F278" i="9" s="1"/>
  <c r="L280" i="8"/>
  <c r="N280" i="8"/>
  <c r="H278" i="9" s="1"/>
  <c r="O280" i="8"/>
  <c r="I278" i="9" s="1"/>
  <c r="J281" i="8"/>
  <c r="F279" i="9" s="1"/>
  <c r="L281" i="8"/>
  <c r="N281" i="8"/>
  <c r="H279" i="9" s="1"/>
  <c r="O281" i="8"/>
  <c r="I279" i="9" s="1"/>
  <c r="J282" i="8"/>
  <c r="F280" i="9" s="1"/>
  <c r="L282" i="8"/>
  <c r="N282" i="8"/>
  <c r="H280" i="9" s="1"/>
  <c r="O282" i="8"/>
  <c r="I280" i="9" s="1"/>
  <c r="J283" i="8"/>
  <c r="F281" i="9" s="1"/>
  <c r="L283" i="8"/>
  <c r="N283" i="8"/>
  <c r="H281" i="9" s="1"/>
  <c r="O283" i="8"/>
  <c r="I281" i="9" s="1"/>
  <c r="J284" i="8"/>
  <c r="F282" i="9" s="1"/>
  <c r="L284" i="8"/>
  <c r="N284" i="8"/>
  <c r="H282" i="9" s="1"/>
  <c r="O284" i="8"/>
  <c r="I282" i="9" s="1"/>
  <c r="J285" i="8"/>
  <c r="F283" i="9" s="1"/>
  <c r="L285" i="8"/>
  <c r="N285" i="8"/>
  <c r="H283" i="9" s="1"/>
  <c r="O285" i="8"/>
  <c r="I283" i="9" s="1"/>
  <c r="J286" i="8"/>
  <c r="F284" i="9" s="1"/>
  <c r="L286" i="8"/>
  <c r="N286" i="8"/>
  <c r="H284" i="9" s="1"/>
  <c r="O286" i="8"/>
  <c r="I284" i="9" s="1"/>
  <c r="J287" i="8"/>
  <c r="F285" i="9" s="1"/>
  <c r="L287" i="8"/>
  <c r="N287" i="8"/>
  <c r="H285" i="9" s="1"/>
  <c r="O287" i="8"/>
  <c r="I285" i="9" s="1"/>
  <c r="J288" i="8"/>
  <c r="F286" i="9" s="1"/>
  <c r="L288" i="8"/>
  <c r="N288" i="8"/>
  <c r="H286" i="9" s="1"/>
  <c r="O288" i="8"/>
  <c r="I286" i="9" s="1"/>
  <c r="J289" i="8"/>
  <c r="F287" i="9" s="1"/>
  <c r="L289" i="8"/>
  <c r="N289" i="8"/>
  <c r="H287" i="9" s="1"/>
  <c r="O289" i="8"/>
  <c r="I287" i="9" s="1"/>
  <c r="J290" i="8"/>
  <c r="F288" i="9" s="1"/>
  <c r="L290" i="8"/>
  <c r="N290" i="8"/>
  <c r="H288" i="9" s="1"/>
  <c r="O290" i="8"/>
  <c r="I288" i="9" s="1"/>
  <c r="J291" i="8"/>
  <c r="F289" i="9" s="1"/>
  <c r="L291" i="8"/>
  <c r="N291" i="8"/>
  <c r="H289" i="9" s="1"/>
  <c r="O291" i="8"/>
  <c r="I289" i="9" s="1"/>
  <c r="J292" i="8"/>
  <c r="F290" i="9" s="1"/>
  <c r="L292" i="8"/>
  <c r="N292" i="8"/>
  <c r="H290" i="9" s="1"/>
  <c r="O292" i="8"/>
  <c r="I290" i="9" s="1"/>
  <c r="J293" i="8"/>
  <c r="F291" i="9" s="1"/>
  <c r="L293" i="8"/>
  <c r="N293" i="8"/>
  <c r="H291" i="9" s="1"/>
  <c r="O293" i="8"/>
  <c r="I291" i="9" s="1"/>
  <c r="J294" i="8"/>
  <c r="F292" i="9" s="1"/>
  <c r="L294" i="8"/>
  <c r="N294" i="8"/>
  <c r="H292" i="9" s="1"/>
  <c r="O294" i="8"/>
  <c r="I292" i="9" s="1"/>
  <c r="J295" i="8"/>
  <c r="F293" i="9" s="1"/>
  <c r="L295" i="8"/>
  <c r="N295" i="8"/>
  <c r="H293" i="9" s="1"/>
  <c r="O295" i="8"/>
  <c r="I293" i="9" s="1"/>
  <c r="J296" i="8"/>
  <c r="F294" i="9" s="1"/>
  <c r="L296" i="8"/>
  <c r="N296" i="8"/>
  <c r="H294" i="9" s="1"/>
  <c r="O296" i="8"/>
  <c r="I294" i="9" s="1"/>
  <c r="J297" i="8"/>
  <c r="F295" i="9" s="1"/>
  <c r="L297" i="8"/>
  <c r="N297" i="8"/>
  <c r="H295" i="9" s="1"/>
  <c r="O297" i="8"/>
  <c r="I295" i="9" s="1"/>
  <c r="J298" i="8"/>
  <c r="F296" i="9" s="1"/>
  <c r="L298" i="8"/>
  <c r="N298" i="8"/>
  <c r="H296" i="9" s="1"/>
  <c r="O298" i="8"/>
  <c r="I296" i="9" s="1"/>
  <c r="J299" i="8"/>
  <c r="F297" i="9" s="1"/>
  <c r="L299" i="8"/>
  <c r="N299" i="8"/>
  <c r="H297" i="9" s="1"/>
  <c r="O299" i="8"/>
  <c r="I297" i="9" s="1"/>
  <c r="J300" i="8"/>
  <c r="F298" i="9" s="1"/>
  <c r="L300" i="8"/>
  <c r="N300" i="8"/>
  <c r="H298" i="9" s="1"/>
  <c r="O300" i="8"/>
  <c r="I298" i="9" s="1"/>
  <c r="J301" i="8"/>
  <c r="F299" i="9" s="1"/>
  <c r="L301" i="8"/>
  <c r="N301" i="8"/>
  <c r="H299" i="9" s="1"/>
  <c r="O301" i="8"/>
  <c r="I299" i="9" s="1"/>
  <c r="J302" i="8"/>
  <c r="F300" i="9" s="1"/>
  <c r="L302" i="8"/>
  <c r="N302" i="8"/>
  <c r="H300" i="9" s="1"/>
  <c r="O302" i="8"/>
  <c r="I300" i="9" s="1"/>
  <c r="J303" i="8"/>
  <c r="F301" i="9" s="1"/>
  <c r="L303" i="8"/>
  <c r="N303" i="8"/>
  <c r="H301" i="9" s="1"/>
  <c r="O303" i="8"/>
  <c r="I301" i="9" s="1"/>
  <c r="J304" i="8"/>
  <c r="F302" i="9" s="1"/>
  <c r="L304" i="8"/>
  <c r="N304" i="8"/>
  <c r="H302" i="9" s="1"/>
  <c r="O304" i="8"/>
  <c r="I302" i="9" s="1"/>
  <c r="J305" i="8"/>
  <c r="F303" i="9" s="1"/>
  <c r="L305" i="8"/>
  <c r="N305" i="8"/>
  <c r="H303" i="9" s="1"/>
  <c r="O305" i="8"/>
  <c r="I303" i="9" s="1"/>
  <c r="J306" i="8"/>
  <c r="F304" i="9" s="1"/>
  <c r="L306" i="8"/>
  <c r="N306" i="8"/>
  <c r="H304" i="9" s="1"/>
  <c r="O306" i="8"/>
  <c r="I304" i="9" s="1"/>
  <c r="J307" i="8"/>
  <c r="F305" i="9" s="1"/>
  <c r="L307" i="8"/>
  <c r="N307" i="8"/>
  <c r="H305" i="9" s="1"/>
  <c r="O307" i="8"/>
  <c r="I305" i="9" s="1"/>
  <c r="J308" i="8"/>
  <c r="F306" i="9" s="1"/>
  <c r="L308" i="8"/>
  <c r="N308" i="8"/>
  <c r="H306" i="9" s="1"/>
  <c r="O308" i="8"/>
  <c r="I306" i="9" s="1"/>
  <c r="J309" i="8"/>
  <c r="F307" i="9" s="1"/>
  <c r="L309" i="8"/>
  <c r="N309" i="8"/>
  <c r="H307" i="9" s="1"/>
  <c r="O309" i="8"/>
  <c r="I307" i="9" s="1"/>
  <c r="J310" i="8"/>
  <c r="F308" i="9" s="1"/>
  <c r="L310" i="8"/>
  <c r="N310" i="8"/>
  <c r="H308" i="9" s="1"/>
  <c r="O310" i="8"/>
  <c r="I308" i="9" s="1"/>
  <c r="J311" i="8"/>
  <c r="F309" i="9" s="1"/>
  <c r="L311" i="8"/>
  <c r="N311" i="8"/>
  <c r="H309" i="9" s="1"/>
  <c r="O311" i="8"/>
  <c r="I309" i="9" s="1"/>
  <c r="J312" i="8"/>
  <c r="F310" i="9" s="1"/>
  <c r="L312" i="8"/>
  <c r="N312" i="8"/>
  <c r="H310" i="9" s="1"/>
  <c r="O312" i="8"/>
  <c r="I310" i="9" s="1"/>
  <c r="J313" i="8"/>
  <c r="F311" i="9" s="1"/>
  <c r="L313" i="8"/>
  <c r="N313" i="8"/>
  <c r="H311" i="9" s="1"/>
  <c r="O313" i="8"/>
  <c r="I311" i="9" s="1"/>
  <c r="J314" i="8"/>
  <c r="F312" i="9" s="1"/>
  <c r="L314" i="8"/>
  <c r="N314" i="8"/>
  <c r="H312" i="9" s="1"/>
  <c r="O314" i="8"/>
  <c r="I312" i="9" s="1"/>
  <c r="J315" i="8"/>
  <c r="F313" i="9" s="1"/>
  <c r="L315" i="8"/>
  <c r="N315" i="8"/>
  <c r="H313" i="9" s="1"/>
  <c r="O315" i="8"/>
  <c r="I313" i="9" s="1"/>
  <c r="J316" i="8"/>
  <c r="F314" i="9" s="1"/>
  <c r="L316" i="8"/>
  <c r="N316" i="8"/>
  <c r="H314" i="9" s="1"/>
  <c r="O316" i="8"/>
  <c r="I314" i="9" s="1"/>
  <c r="J317" i="8"/>
  <c r="F315" i="9" s="1"/>
  <c r="L317" i="8"/>
  <c r="N317" i="8"/>
  <c r="H315" i="9" s="1"/>
  <c r="O317" i="8"/>
  <c r="I315" i="9" s="1"/>
  <c r="J318" i="8"/>
  <c r="F316" i="9" s="1"/>
  <c r="L318" i="8"/>
  <c r="N318" i="8"/>
  <c r="H316" i="9" s="1"/>
  <c r="O318" i="8"/>
  <c r="I316" i="9" s="1"/>
  <c r="J319" i="8"/>
  <c r="F317" i="9" s="1"/>
  <c r="L319" i="8"/>
  <c r="N319" i="8"/>
  <c r="H317" i="9" s="1"/>
  <c r="O319" i="8"/>
  <c r="I317" i="9" s="1"/>
  <c r="J320" i="8"/>
  <c r="F318" i="9" s="1"/>
  <c r="L320" i="8"/>
  <c r="N320" i="8"/>
  <c r="H318" i="9" s="1"/>
  <c r="O320" i="8"/>
  <c r="I318" i="9" s="1"/>
  <c r="J321" i="8"/>
  <c r="F319" i="9" s="1"/>
  <c r="L321" i="8"/>
  <c r="N321" i="8"/>
  <c r="H319" i="9" s="1"/>
  <c r="O321" i="8"/>
  <c r="I319" i="9" s="1"/>
  <c r="J322" i="8"/>
  <c r="F320" i="9" s="1"/>
  <c r="L322" i="8"/>
  <c r="N322" i="8"/>
  <c r="H320" i="9" s="1"/>
  <c r="O322" i="8"/>
  <c r="I320" i="9" s="1"/>
  <c r="J323" i="8"/>
  <c r="F321" i="9" s="1"/>
  <c r="L323" i="8"/>
  <c r="N323" i="8"/>
  <c r="H321" i="9" s="1"/>
  <c r="O323" i="8"/>
  <c r="I321" i="9" s="1"/>
  <c r="J324" i="8"/>
  <c r="F322" i="9" s="1"/>
  <c r="L324" i="8"/>
  <c r="N324" i="8"/>
  <c r="H322" i="9" s="1"/>
  <c r="O324" i="8"/>
  <c r="I322" i="9" s="1"/>
  <c r="J325" i="8"/>
  <c r="F323" i="9" s="1"/>
  <c r="L325" i="8"/>
  <c r="N325" i="8"/>
  <c r="H323" i="9" s="1"/>
  <c r="O325" i="8"/>
  <c r="I323" i="9" s="1"/>
  <c r="J326" i="8"/>
  <c r="F324" i="9" s="1"/>
  <c r="L326" i="8"/>
  <c r="N326" i="8"/>
  <c r="H324" i="9" s="1"/>
  <c r="O326" i="8"/>
  <c r="I324" i="9" s="1"/>
  <c r="J327" i="8"/>
  <c r="F325" i="9" s="1"/>
  <c r="L327" i="8"/>
  <c r="N327" i="8"/>
  <c r="H325" i="9" s="1"/>
  <c r="O327" i="8"/>
  <c r="I325" i="9" s="1"/>
  <c r="J328" i="8"/>
  <c r="F326" i="9" s="1"/>
  <c r="L328" i="8"/>
  <c r="N328" i="8"/>
  <c r="H326" i="9" s="1"/>
  <c r="O328" i="8"/>
  <c r="I326" i="9" s="1"/>
  <c r="J329" i="8"/>
  <c r="F327" i="9" s="1"/>
  <c r="L329" i="8"/>
  <c r="N329" i="8"/>
  <c r="H327" i="9" s="1"/>
  <c r="O329" i="8"/>
  <c r="I327" i="9" s="1"/>
  <c r="J330" i="8"/>
  <c r="F328" i="9" s="1"/>
  <c r="L330" i="8"/>
  <c r="N330" i="8"/>
  <c r="H328" i="9" s="1"/>
  <c r="O330" i="8"/>
  <c r="I328" i="9" s="1"/>
  <c r="J331" i="8"/>
  <c r="F329" i="9" s="1"/>
  <c r="L331" i="8"/>
  <c r="N331" i="8"/>
  <c r="H329" i="9" s="1"/>
  <c r="O331" i="8"/>
  <c r="I329" i="9" s="1"/>
  <c r="J332" i="8"/>
  <c r="F330" i="9" s="1"/>
  <c r="L332" i="8"/>
  <c r="N332" i="8"/>
  <c r="H330" i="9" s="1"/>
  <c r="O332" i="8"/>
  <c r="I330" i="9" s="1"/>
  <c r="J333" i="8"/>
  <c r="F331" i="9" s="1"/>
  <c r="L333" i="8"/>
  <c r="N333" i="8"/>
  <c r="H331" i="9" s="1"/>
  <c r="O333" i="8"/>
  <c r="I331" i="9" s="1"/>
  <c r="J334" i="8"/>
  <c r="F332" i="9" s="1"/>
  <c r="L334" i="8"/>
  <c r="N334" i="8"/>
  <c r="H332" i="9" s="1"/>
  <c r="O334" i="8"/>
  <c r="I332" i="9" s="1"/>
  <c r="J335" i="8"/>
  <c r="F333" i="9" s="1"/>
  <c r="L335" i="8"/>
  <c r="N335" i="8"/>
  <c r="H333" i="9" s="1"/>
  <c r="O335" i="8"/>
  <c r="I333" i="9" s="1"/>
  <c r="J336" i="8"/>
  <c r="F334" i="9" s="1"/>
  <c r="L336" i="8"/>
  <c r="N336" i="8"/>
  <c r="H334" i="9" s="1"/>
  <c r="O336" i="8"/>
  <c r="I334" i="9" s="1"/>
  <c r="J337" i="8"/>
  <c r="F335" i="9" s="1"/>
  <c r="L337" i="8"/>
  <c r="N337" i="8"/>
  <c r="H335" i="9" s="1"/>
  <c r="O337" i="8"/>
  <c r="I335" i="9" s="1"/>
  <c r="J338" i="8"/>
  <c r="F336" i="9" s="1"/>
  <c r="L338" i="8"/>
  <c r="N338" i="8"/>
  <c r="H336" i="9" s="1"/>
  <c r="O338" i="8"/>
  <c r="I336" i="9" s="1"/>
  <c r="J339" i="8"/>
  <c r="F337" i="9" s="1"/>
  <c r="L339" i="8"/>
  <c r="N339" i="8"/>
  <c r="H337" i="9" s="1"/>
  <c r="O339" i="8"/>
  <c r="I337" i="9" s="1"/>
  <c r="J340" i="8"/>
  <c r="F338" i="9" s="1"/>
  <c r="L340" i="8"/>
  <c r="N340" i="8"/>
  <c r="H338" i="9" s="1"/>
  <c r="O340" i="8"/>
  <c r="I338" i="9" s="1"/>
  <c r="J341" i="8"/>
  <c r="F339" i="9" s="1"/>
  <c r="L341" i="8"/>
  <c r="N341" i="8"/>
  <c r="H339" i="9" s="1"/>
  <c r="O341" i="8"/>
  <c r="I339" i="9" s="1"/>
  <c r="J342" i="8"/>
  <c r="F340" i="9" s="1"/>
  <c r="L342" i="8"/>
  <c r="N342" i="8"/>
  <c r="H340" i="9" s="1"/>
  <c r="O342" i="8"/>
  <c r="I340" i="9" s="1"/>
  <c r="J343" i="8"/>
  <c r="F341" i="9" s="1"/>
  <c r="L343" i="8"/>
  <c r="N343" i="8"/>
  <c r="H341" i="9" s="1"/>
  <c r="O343" i="8"/>
  <c r="I341" i="9" s="1"/>
  <c r="J344" i="8"/>
  <c r="F342" i="9" s="1"/>
  <c r="L344" i="8"/>
  <c r="N344" i="8"/>
  <c r="H342" i="9" s="1"/>
  <c r="O344" i="8"/>
  <c r="I342" i="9" s="1"/>
  <c r="J345" i="8"/>
  <c r="F343" i="9" s="1"/>
  <c r="L345" i="8"/>
  <c r="N345" i="8"/>
  <c r="H343" i="9" s="1"/>
  <c r="O345" i="8"/>
  <c r="I343" i="9" s="1"/>
  <c r="J346" i="8"/>
  <c r="F344" i="9" s="1"/>
  <c r="L346" i="8"/>
  <c r="N346" i="8"/>
  <c r="H344" i="9" s="1"/>
  <c r="O346" i="8"/>
  <c r="I344" i="9" s="1"/>
  <c r="J347" i="8"/>
  <c r="F345" i="9" s="1"/>
  <c r="L347" i="8"/>
  <c r="N347" i="8"/>
  <c r="H345" i="9" s="1"/>
  <c r="O347" i="8"/>
  <c r="I345" i="9" s="1"/>
  <c r="J348" i="8"/>
  <c r="F346" i="9" s="1"/>
  <c r="L348" i="8"/>
  <c r="N348" i="8"/>
  <c r="H346" i="9" s="1"/>
  <c r="O348" i="8"/>
  <c r="I346" i="9" s="1"/>
  <c r="J349" i="8"/>
  <c r="F347" i="9" s="1"/>
  <c r="L349" i="8"/>
  <c r="N349" i="8"/>
  <c r="H347" i="9" s="1"/>
  <c r="O349" i="8"/>
  <c r="I347" i="9" s="1"/>
  <c r="J350" i="8"/>
  <c r="F348" i="9" s="1"/>
  <c r="L350" i="8"/>
  <c r="N350" i="8"/>
  <c r="H348" i="9" s="1"/>
  <c r="O350" i="8"/>
  <c r="I348" i="9" s="1"/>
  <c r="J351" i="8"/>
  <c r="F349" i="9" s="1"/>
  <c r="L351" i="8"/>
  <c r="N351" i="8"/>
  <c r="H349" i="9" s="1"/>
  <c r="O351" i="8"/>
  <c r="I349" i="9" s="1"/>
  <c r="J352" i="8"/>
  <c r="F350" i="9" s="1"/>
  <c r="L352" i="8"/>
  <c r="N352" i="8"/>
  <c r="H350" i="9" s="1"/>
  <c r="O352" i="8"/>
  <c r="I350" i="9" s="1"/>
  <c r="J353" i="8"/>
  <c r="F351" i="9" s="1"/>
  <c r="L353" i="8"/>
  <c r="N353" i="8"/>
  <c r="H351" i="9" s="1"/>
  <c r="O353" i="8"/>
  <c r="I351" i="9" s="1"/>
  <c r="J354" i="8"/>
  <c r="F352" i="9" s="1"/>
  <c r="L354" i="8"/>
  <c r="N354" i="8"/>
  <c r="H352" i="9" s="1"/>
  <c r="O354" i="8"/>
  <c r="I352" i="9" s="1"/>
  <c r="J355" i="8"/>
  <c r="F353" i="9" s="1"/>
  <c r="L355" i="8"/>
  <c r="N355" i="8"/>
  <c r="H353" i="9" s="1"/>
  <c r="O355" i="8"/>
  <c r="I353" i="9" s="1"/>
  <c r="J356" i="8"/>
  <c r="F354" i="9" s="1"/>
  <c r="L356" i="8"/>
  <c r="N356" i="8"/>
  <c r="H354" i="9" s="1"/>
  <c r="O356" i="8"/>
  <c r="I354" i="9" s="1"/>
  <c r="J357" i="8"/>
  <c r="F355" i="9" s="1"/>
  <c r="L357" i="8"/>
  <c r="N357" i="8"/>
  <c r="H355" i="9" s="1"/>
  <c r="O357" i="8"/>
  <c r="I355" i="9" s="1"/>
  <c r="J358" i="8"/>
  <c r="F356" i="9" s="1"/>
  <c r="L358" i="8"/>
  <c r="N358" i="8"/>
  <c r="H356" i="9" s="1"/>
  <c r="O358" i="8"/>
  <c r="I356" i="9" s="1"/>
  <c r="J359" i="8"/>
  <c r="F357" i="9" s="1"/>
  <c r="L359" i="8"/>
  <c r="N359" i="8"/>
  <c r="H357" i="9" s="1"/>
  <c r="O359" i="8"/>
  <c r="I357" i="9" s="1"/>
  <c r="J360" i="8"/>
  <c r="F358" i="9" s="1"/>
  <c r="L360" i="8"/>
  <c r="N360" i="8"/>
  <c r="H358" i="9" s="1"/>
  <c r="O360" i="8"/>
  <c r="I358" i="9" s="1"/>
  <c r="J361" i="8"/>
  <c r="F359" i="9" s="1"/>
  <c r="L361" i="8"/>
  <c r="N361" i="8"/>
  <c r="H359" i="9" s="1"/>
  <c r="O361" i="8"/>
  <c r="I359" i="9" s="1"/>
  <c r="J362" i="8"/>
  <c r="F360" i="9" s="1"/>
  <c r="L362" i="8"/>
  <c r="N362" i="8"/>
  <c r="H360" i="9" s="1"/>
  <c r="O362" i="8"/>
  <c r="I360" i="9" s="1"/>
  <c r="J363" i="8"/>
  <c r="F361" i="9" s="1"/>
  <c r="L363" i="8"/>
  <c r="N363" i="8"/>
  <c r="H361" i="9" s="1"/>
  <c r="O363" i="8"/>
  <c r="I361" i="9" s="1"/>
  <c r="J364" i="8"/>
  <c r="F362" i="9" s="1"/>
  <c r="L364" i="8"/>
  <c r="N364" i="8"/>
  <c r="H362" i="9" s="1"/>
  <c r="O364" i="8"/>
  <c r="I362" i="9" s="1"/>
  <c r="J365" i="8"/>
  <c r="F363" i="9" s="1"/>
  <c r="L365" i="8"/>
  <c r="N365" i="8"/>
  <c r="H363" i="9" s="1"/>
  <c r="O365" i="8"/>
  <c r="I363" i="9" s="1"/>
  <c r="J366" i="8"/>
  <c r="F364" i="9" s="1"/>
  <c r="L366" i="8"/>
  <c r="N366" i="8"/>
  <c r="H364" i="9" s="1"/>
  <c r="O366" i="8"/>
  <c r="I364" i="9" s="1"/>
  <c r="J367" i="8"/>
  <c r="F365" i="9" s="1"/>
  <c r="L367" i="8"/>
  <c r="N367" i="8"/>
  <c r="H365" i="9" s="1"/>
  <c r="O367" i="8"/>
  <c r="I365" i="9" s="1"/>
  <c r="J368" i="8"/>
  <c r="F366" i="9" s="1"/>
  <c r="L368" i="8"/>
  <c r="N368" i="8"/>
  <c r="H366" i="9" s="1"/>
  <c r="O368" i="8"/>
  <c r="I366" i="9" s="1"/>
  <c r="J369" i="8"/>
  <c r="F367" i="9" s="1"/>
  <c r="L369" i="8"/>
  <c r="N369" i="8"/>
  <c r="H367" i="9" s="1"/>
  <c r="O369" i="8"/>
  <c r="I367" i="9" s="1"/>
  <c r="J370" i="8"/>
  <c r="F368" i="9" s="1"/>
  <c r="L370" i="8"/>
  <c r="N370" i="8"/>
  <c r="H368" i="9" s="1"/>
  <c r="O370" i="8"/>
  <c r="I368" i="9" s="1"/>
  <c r="J371" i="8"/>
  <c r="F369" i="9" s="1"/>
  <c r="L371" i="8"/>
  <c r="N371" i="8"/>
  <c r="H369" i="9" s="1"/>
  <c r="O371" i="8"/>
  <c r="I369" i="9" s="1"/>
  <c r="J372" i="8"/>
  <c r="F370" i="9" s="1"/>
  <c r="L372" i="8"/>
  <c r="N372" i="8"/>
  <c r="H370" i="9" s="1"/>
  <c r="O372" i="8"/>
  <c r="I370" i="9" s="1"/>
  <c r="J373" i="8"/>
  <c r="F371" i="9" s="1"/>
  <c r="L373" i="8"/>
  <c r="N373" i="8"/>
  <c r="H371" i="9" s="1"/>
  <c r="O373" i="8"/>
  <c r="I371" i="9" s="1"/>
  <c r="J374" i="8"/>
  <c r="F372" i="9" s="1"/>
  <c r="L374" i="8"/>
  <c r="N374" i="8"/>
  <c r="H372" i="9" s="1"/>
  <c r="O374" i="8"/>
  <c r="I372" i="9" s="1"/>
  <c r="J375" i="8"/>
  <c r="F373" i="9" s="1"/>
  <c r="L375" i="8"/>
  <c r="N375" i="8"/>
  <c r="H373" i="9" s="1"/>
  <c r="O375" i="8"/>
  <c r="I373" i="9" s="1"/>
  <c r="J376" i="8"/>
  <c r="F374" i="9" s="1"/>
  <c r="L376" i="8"/>
  <c r="N376" i="8"/>
  <c r="H374" i="9" s="1"/>
  <c r="O376" i="8"/>
  <c r="I374" i="9" s="1"/>
  <c r="J377" i="8"/>
  <c r="F375" i="9" s="1"/>
  <c r="L377" i="8"/>
  <c r="N377" i="8"/>
  <c r="H375" i="9" s="1"/>
  <c r="O377" i="8"/>
  <c r="I375" i="9" s="1"/>
  <c r="J378" i="8"/>
  <c r="F376" i="9" s="1"/>
  <c r="L378" i="8"/>
  <c r="N378" i="8"/>
  <c r="H376" i="9" s="1"/>
  <c r="O378" i="8"/>
  <c r="I376" i="9" s="1"/>
  <c r="J379" i="8"/>
  <c r="F377" i="9" s="1"/>
  <c r="L379" i="8"/>
  <c r="N379" i="8"/>
  <c r="H377" i="9" s="1"/>
  <c r="O379" i="8"/>
  <c r="I377" i="9" s="1"/>
  <c r="J380" i="8"/>
  <c r="F378" i="9" s="1"/>
  <c r="L380" i="8"/>
  <c r="N380" i="8"/>
  <c r="H378" i="9" s="1"/>
  <c r="O380" i="8"/>
  <c r="I378" i="9" s="1"/>
  <c r="J381" i="8"/>
  <c r="F379" i="9" s="1"/>
  <c r="L381" i="8"/>
  <c r="N381" i="8"/>
  <c r="H379" i="9" s="1"/>
  <c r="O381" i="8"/>
  <c r="I379" i="9" s="1"/>
  <c r="J382" i="8"/>
  <c r="F380" i="9" s="1"/>
  <c r="L382" i="8"/>
  <c r="N382" i="8"/>
  <c r="H380" i="9" s="1"/>
  <c r="O382" i="8"/>
  <c r="I380" i="9" s="1"/>
  <c r="J383" i="8"/>
  <c r="F381" i="9" s="1"/>
  <c r="L383" i="8"/>
  <c r="N383" i="8"/>
  <c r="H381" i="9" s="1"/>
  <c r="O383" i="8"/>
  <c r="I381" i="9" s="1"/>
  <c r="J384" i="8"/>
  <c r="F382" i="9" s="1"/>
  <c r="L384" i="8"/>
  <c r="N384" i="8"/>
  <c r="H382" i="9" s="1"/>
  <c r="O384" i="8"/>
  <c r="I382" i="9" s="1"/>
  <c r="J385" i="8"/>
  <c r="F383" i="9" s="1"/>
  <c r="L385" i="8"/>
  <c r="N385" i="8"/>
  <c r="H383" i="9" s="1"/>
  <c r="O385" i="8"/>
  <c r="I383" i="9" s="1"/>
  <c r="J386" i="8"/>
  <c r="F384" i="9" s="1"/>
  <c r="L386" i="8"/>
  <c r="N386" i="8"/>
  <c r="H384" i="9" s="1"/>
  <c r="O386" i="8"/>
  <c r="I384" i="9" s="1"/>
  <c r="J387" i="8"/>
  <c r="F385" i="9" s="1"/>
  <c r="L387" i="8"/>
  <c r="N387" i="8"/>
  <c r="H385" i="9" s="1"/>
  <c r="O387" i="8"/>
  <c r="I385" i="9" s="1"/>
  <c r="J388" i="8"/>
  <c r="F386" i="9" s="1"/>
  <c r="L388" i="8"/>
  <c r="N388" i="8"/>
  <c r="H386" i="9" s="1"/>
  <c r="O388" i="8"/>
  <c r="I386" i="9" s="1"/>
  <c r="J389" i="8"/>
  <c r="F387" i="9" s="1"/>
  <c r="L389" i="8"/>
  <c r="N389" i="8"/>
  <c r="H387" i="9" s="1"/>
  <c r="O389" i="8"/>
  <c r="I387" i="9" s="1"/>
  <c r="J390" i="8"/>
  <c r="F388" i="9" s="1"/>
  <c r="L390" i="8"/>
  <c r="N390" i="8"/>
  <c r="H388" i="9" s="1"/>
  <c r="O390" i="8"/>
  <c r="I388" i="9" s="1"/>
  <c r="J391" i="8"/>
  <c r="F389" i="9" s="1"/>
  <c r="L391" i="8"/>
  <c r="N391" i="8"/>
  <c r="H389" i="9" s="1"/>
  <c r="O391" i="8"/>
  <c r="I389" i="9" s="1"/>
  <c r="J392" i="8"/>
  <c r="F390" i="9" s="1"/>
  <c r="L392" i="8"/>
  <c r="N392" i="8"/>
  <c r="H390" i="9" s="1"/>
  <c r="O392" i="8"/>
  <c r="I390" i="9" s="1"/>
  <c r="J393" i="8"/>
  <c r="F391" i="9" s="1"/>
  <c r="L393" i="8"/>
  <c r="N393" i="8"/>
  <c r="H391" i="9" s="1"/>
  <c r="O393" i="8"/>
  <c r="I391" i="9" s="1"/>
  <c r="J394" i="8"/>
  <c r="F392" i="9" s="1"/>
  <c r="L394" i="8"/>
  <c r="N394" i="8"/>
  <c r="H392" i="9" s="1"/>
  <c r="O394" i="8"/>
  <c r="I392" i="9" s="1"/>
  <c r="J395" i="8"/>
  <c r="F393" i="9" s="1"/>
  <c r="L395" i="8"/>
  <c r="N395" i="8"/>
  <c r="H393" i="9" s="1"/>
  <c r="O395" i="8"/>
  <c r="I393" i="9" s="1"/>
  <c r="J396" i="8"/>
  <c r="F394" i="9" s="1"/>
  <c r="L396" i="8"/>
  <c r="N396" i="8"/>
  <c r="H394" i="9" s="1"/>
  <c r="O396" i="8"/>
  <c r="I394" i="9" s="1"/>
  <c r="J397" i="8"/>
  <c r="F395" i="9" s="1"/>
  <c r="L397" i="8"/>
  <c r="N397" i="8"/>
  <c r="H395" i="9" s="1"/>
  <c r="O397" i="8"/>
  <c r="I395" i="9" s="1"/>
  <c r="J398" i="8"/>
  <c r="F396" i="9" s="1"/>
  <c r="L398" i="8"/>
  <c r="N398" i="8"/>
  <c r="H396" i="9" s="1"/>
  <c r="O398" i="8"/>
  <c r="I396" i="9" s="1"/>
  <c r="J399" i="8"/>
  <c r="F397" i="9" s="1"/>
  <c r="L399" i="8"/>
  <c r="N399" i="8"/>
  <c r="H397" i="9" s="1"/>
  <c r="O399" i="8"/>
  <c r="I397" i="9" s="1"/>
  <c r="J400" i="8"/>
  <c r="F398" i="9" s="1"/>
  <c r="L400" i="8"/>
  <c r="N400" i="8"/>
  <c r="H398" i="9" s="1"/>
  <c r="O400" i="8"/>
  <c r="I398" i="9" s="1"/>
  <c r="J401" i="8"/>
  <c r="F399" i="9" s="1"/>
  <c r="L401" i="8"/>
  <c r="N401" i="8"/>
  <c r="H399" i="9" s="1"/>
  <c r="O401" i="8"/>
  <c r="I399" i="9" s="1"/>
  <c r="J402" i="8"/>
  <c r="F400" i="9" s="1"/>
  <c r="L402" i="8"/>
  <c r="N402" i="8"/>
  <c r="H400" i="9" s="1"/>
  <c r="O402" i="8"/>
  <c r="I400" i="9" s="1"/>
  <c r="J403" i="8"/>
  <c r="F401" i="9" s="1"/>
  <c r="L403" i="8"/>
  <c r="N403" i="8"/>
  <c r="H401" i="9" s="1"/>
  <c r="O403" i="8"/>
  <c r="I401" i="9" s="1"/>
  <c r="J404" i="8"/>
  <c r="F402" i="9" s="1"/>
  <c r="L404" i="8"/>
  <c r="N404" i="8"/>
  <c r="H402" i="9" s="1"/>
  <c r="O404" i="8"/>
  <c r="I402" i="9" s="1"/>
  <c r="J405" i="8"/>
  <c r="F403" i="9" s="1"/>
  <c r="L405" i="8"/>
  <c r="N405" i="8"/>
  <c r="H403" i="9" s="1"/>
  <c r="O405" i="8"/>
  <c r="I403" i="9" s="1"/>
  <c r="J406" i="8"/>
  <c r="F404" i="9" s="1"/>
  <c r="L406" i="8"/>
  <c r="N406" i="8"/>
  <c r="H404" i="9" s="1"/>
  <c r="O406" i="8"/>
  <c r="I404" i="9" s="1"/>
  <c r="J407" i="8"/>
  <c r="F405" i="9" s="1"/>
  <c r="L407" i="8"/>
  <c r="N407" i="8"/>
  <c r="H405" i="9" s="1"/>
  <c r="O407" i="8"/>
  <c r="I405" i="9" s="1"/>
  <c r="J408" i="8"/>
  <c r="F406" i="9" s="1"/>
  <c r="L408" i="8"/>
  <c r="N408" i="8"/>
  <c r="H406" i="9" s="1"/>
  <c r="O408" i="8"/>
  <c r="I406" i="9" s="1"/>
  <c r="J409" i="8"/>
  <c r="F407" i="9" s="1"/>
  <c r="L409" i="8"/>
  <c r="N409" i="8"/>
  <c r="H407" i="9" s="1"/>
  <c r="O409" i="8"/>
  <c r="I407" i="9" s="1"/>
  <c r="J410" i="8"/>
  <c r="F408" i="9" s="1"/>
  <c r="L410" i="8"/>
  <c r="N410" i="8"/>
  <c r="H408" i="9" s="1"/>
  <c r="O410" i="8"/>
  <c r="I408" i="9" s="1"/>
  <c r="J411" i="8"/>
  <c r="F409" i="9" s="1"/>
  <c r="L411" i="8"/>
  <c r="N411" i="8"/>
  <c r="H409" i="9" s="1"/>
  <c r="O411" i="8"/>
  <c r="I409" i="9" s="1"/>
  <c r="J412" i="8"/>
  <c r="F410" i="9" s="1"/>
  <c r="L412" i="8"/>
  <c r="N412" i="8"/>
  <c r="H410" i="9" s="1"/>
  <c r="O412" i="8"/>
  <c r="I410" i="9" s="1"/>
  <c r="J413" i="8"/>
  <c r="F411" i="9" s="1"/>
  <c r="L413" i="8"/>
  <c r="N413" i="8"/>
  <c r="H411" i="9" s="1"/>
  <c r="O413" i="8"/>
  <c r="I411" i="9" s="1"/>
  <c r="J414" i="8"/>
  <c r="F412" i="9" s="1"/>
  <c r="L414" i="8"/>
  <c r="N414" i="8"/>
  <c r="H412" i="9" s="1"/>
  <c r="O414" i="8"/>
  <c r="I412" i="9" s="1"/>
  <c r="J415" i="8"/>
  <c r="F413" i="9" s="1"/>
  <c r="L415" i="8"/>
  <c r="N415" i="8"/>
  <c r="H413" i="9" s="1"/>
  <c r="O415" i="8"/>
  <c r="I413" i="9" s="1"/>
  <c r="J416" i="8"/>
  <c r="F414" i="9" s="1"/>
  <c r="L416" i="8"/>
  <c r="N416" i="8"/>
  <c r="H414" i="9" s="1"/>
  <c r="O416" i="8"/>
  <c r="I414" i="9" s="1"/>
  <c r="J417" i="8"/>
  <c r="F415" i="9" s="1"/>
  <c r="L417" i="8"/>
  <c r="N417" i="8"/>
  <c r="H415" i="9" s="1"/>
  <c r="O417" i="8"/>
  <c r="I415" i="9" s="1"/>
  <c r="J418" i="8"/>
  <c r="F416" i="9" s="1"/>
  <c r="L418" i="8"/>
  <c r="N418" i="8"/>
  <c r="H416" i="9" s="1"/>
  <c r="O418" i="8"/>
  <c r="I416" i="9" s="1"/>
  <c r="J419" i="8"/>
  <c r="F417" i="9" s="1"/>
  <c r="L419" i="8"/>
  <c r="N419" i="8"/>
  <c r="H417" i="9" s="1"/>
  <c r="O419" i="8"/>
  <c r="I417" i="9" s="1"/>
  <c r="J420" i="8"/>
  <c r="F418" i="9" s="1"/>
  <c r="L420" i="8"/>
  <c r="N420" i="8"/>
  <c r="H418" i="9" s="1"/>
  <c r="O420" i="8"/>
  <c r="I418" i="9" s="1"/>
  <c r="J421" i="8"/>
  <c r="F419" i="9" s="1"/>
  <c r="L421" i="8"/>
  <c r="N421" i="8"/>
  <c r="H419" i="9" s="1"/>
  <c r="O421" i="8"/>
  <c r="I419" i="9" s="1"/>
  <c r="J422" i="8"/>
  <c r="F420" i="9" s="1"/>
  <c r="L422" i="8"/>
  <c r="N422" i="8"/>
  <c r="H420" i="9" s="1"/>
  <c r="O422" i="8"/>
  <c r="I420" i="9" s="1"/>
  <c r="J423" i="8"/>
  <c r="F421" i="9" s="1"/>
  <c r="L423" i="8"/>
  <c r="N423" i="8"/>
  <c r="H421" i="9" s="1"/>
  <c r="O423" i="8"/>
  <c r="I421" i="9" s="1"/>
  <c r="J424" i="8"/>
  <c r="F422" i="9" s="1"/>
  <c r="L424" i="8"/>
  <c r="N424" i="8"/>
  <c r="H422" i="9" s="1"/>
  <c r="O424" i="8"/>
  <c r="I422" i="9" s="1"/>
  <c r="J425" i="8"/>
  <c r="F423" i="9" s="1"/>
  <c r="L425" i="8"/>
  <c r="N425" i="8"/>
  <c r="H423" i="9" s="1"/>
  <c r="O425" i="8"/>
  <c r="I423" i="9" s="1"/>
  <c r="J426" i="8"/>
  <c r="F424" i="9" s="1"/>
  <c r="L426" i="8"/>
  <c r="N426" i="8"/>
  <c r="H424" i="9" s="1"/>
  <c r="O426" i="8"/>
  <c r="I424" i="9" s="1"/>
  <c r="J427" i="8"/>
  <c r="F425" i="9" s="1"/>
  <c r="L427" i="8"/>
  <c r="N427" i="8"/>
  <c r="H425" i="9" s="1"/>
  <c r="O427" i="8"/>
  <c r="I425" i="9" s="1"/>
  <c r="J428" i="8"/>
  <c r="F426" i="9" s="1"/>
  <c r="L428" i="8"/>
  <c r="N428" i="8"/>
  <c r="H426" i="9" s="1"/>
  <c r="O428" i="8"/>
  <c r="I426" i="9" s="1"/>
  <c r="J429" i="8"/>
  <c r="F427" i="9" s="1"/>
  <c r="L429" i="8"/>
  <c r="N429" i="8"/>
  <c r="H427" i="9" s="1"/>
  <c r="O429" i="8"/>
  <c r="I427" i="9" s="1"/>
  <c r="J430" i="8"/>
  <c r="F428" i="9" s="1"/>
  <c r="L430" i="8"/>
  <c r="N430" i="8"/>
  <c r="H428" i="9" s="1"/>
  <c r="O430" i="8"/>
  <c r="I428" i="9" s="1"/>
  <c r="J431" i="8"/>
  <c r="F429" i="9" s="1"/>
  <c r="L431" i="8"/>
  <c r="N431" i="8"/>
  <c r="H429" i="9" s="1"/>
  <c r="O431" i="8"/>
  <c r="I429" i="9" s="1"/>
  <c r="J432" i="8"/>
  <c r="F430" i="9" s="1"/>
  <c r="L432" i="8"/>
  <c r="N432" i="8"/>
  <c r="H430" i="9" s="1"/>
  <c r="O432" i="8"/>
  <c r="I430" i="9" s="1"/>
  <c r="J433" i="8"/>
  <c r="F431" i="9" s="1"/>
  <c r="L433" i="8"/>
  <c r="N433" i="8"/>
  <c r="H431" i="9" s="1"/>
  <c r="O433" i="8"/>
  <c r="I431" i="9" s="1"/>
  <c r="J434" i="8"/>
  <c r="F432" i="9" s="1"/>
  <c r="L434" i="8"/>
  <c r="N434" i="8"/>
  <c r="H432" i="9" s="1"/>
  <c r="O434" i="8"/>
  <c r="I432" i="9" s="1"/>
  <c r="J435" i="8"/>
  <c r="F433" i="9" s="1"/>
  <c r="L435" i="8"/>
  <c r="N435" i="8"/>
  <c r="H433" i="9" s="1"/>
  <c r="O435" i="8"/>
  <c r="I433" i="9" s="1"/>
  <c r="J436" i="8"/>
  <c r="F434" i="9" s="1"/>
  <c r="L436" i="8"/>
  <c r="N436" i="8"/>
  <c r="H434" i="9" s="1"/>
  <c r="O436" i="8"/>
  <c r="I434" i="9" s="1"/>
  <c r="J437" i="8"/>
  <c r="F435" i="9" s="1"/>
  <c r="L437" i="8"/>
  <c r="N437" i="8"/>
  <c r="H435" i="9" s="1"/>
  <c r="O437" i="8"/>
  <c r="I435" i="9" s="1"/>
  <c r="J438" i="8"/>
  <c r="F436" i="9" s="1"/>
  <c r="L438" i="8"/>
  <c r="N438" i="8"/>
  <c r="H436" i="9" s="1"/>
  <c r="O438" i="8"/>
  <c r="I436" i="9" s="1"/>
  <c r="J439" i="8"/>
  <c r="F437" i="9" s="1"/>
  <c r="L439" i="8"/>
  <c r="N439" i="8"/>
  <c r="H437" i="9" s="1"/>
  <c r="O439" i="8"/>
  <c r="I437" i="9" s="1"/>
  <c r="J440" i="8"/>
  <c r="F438" i="9" s="1"/>
  <c r="L440" i="8"/>
  <c r="N440" i="8"/>
  <c r="H438" i="9" s="1"/>
  <c r="O440" i="8"/>
  <c r="I438" i="9" s="1"/>
  <c r="J441" i="8"/>
  <c r="F439" i="9" s="1"/>
  <c r="L441" i="8"/>
  <c r="N441" i="8"/>
  <c r="H439" i="9" s="1"/>
  <c r="O441" i="8"/>
  <c r="I439" i="9" s="1"/>
  <c r="J442" i="8"/>
  <c r="F440" i="9" s="1"/>
  <c r="L442" i="8"/>
  <c r="N442" i="8"/>
  <c r="H440" i="9" s="1"/>
  <c r="O442" i="8"/>
  <c r="I440" i="9" s="1"/>
  <c r="J443" i="8"/>
  <c r="F441" i="9" s="1"/>
  <c r="L443" i="8"/>
  <c r="N443" i="8"/>
  <c r="H441" i="9" s="1"/>
  <c r="O443" i="8"/>
  <c r="I441" i="9" s="1"/>
  <c r="J444" i="8"/>
  <c r="F442" i="9" s="1"/>
  <c r="L444" i="8"/>
  <c r="N444" i="8"/>
  <c r="H442" i="9" s="1"/>
  <c r="O444" i="8"/>
  <c r="I442" i="9" s="1"/>
  <c r="J445" i="8"/>
  <c r="F443" i="9" s="1"/>
  <c r="L445" i="8"/>
  <c r="N445" i="8"/>
  <c r="H443" i="9" s="1"/>
  <c r="O445" i="8"/>
  <c r="I443" i="9" s="1"/>
  <c r="J446" i="8"/>
  <c r="F444" i="9" s="1"/>
  <c r="L446" i="8"/>
  <c r="N446" i="8"/>
  <c r="H444" i="9" s="1"/>
  <c r="O446" i="8"/>
  <c r="I444" i="9" s="1"/>
  <c r="J447" i="8"/>
  <c r="F445" i="9" s="1"/>
  <c r="L447" i="8"/>
  <c r="N447" i="8"/>
  <c r="H445" i="9" s="1"/>
  <c r="O447" i="8"/>
  <c r="I445" i="9" s="1"/>
  <c r="J448" i="8"/>
  <c r="F446" i="9" s="1"/>
  <c r="L448" i="8"/>
  <c r="N448" i="8"/>
  <c r="H446" i="9" s="1"/>
  <c r="O448" i="8"/>
  <c r="I446" i="9" s="1"/>
  <c r="J449" i="8"/>
  <c r="F447" i="9" s="1"/>
  <c r="L449" i="8"/>
  <c r="N449" i="8"/>
  <c r="H447" i="9" s="1"/>
  <c r="O449" i="8"/>
  <c r="I447" i="9" s="1"/>
  <c r="J450" i="8"/>
  <c r="F448" i="9" s="1"/>
  <c r="L450" i="8"/>
  <c r="N450" i="8"/>
  <c r="H448" i="9" s="1"/>
  <c r="O450" i="8"/>
  <c r="I448" i="9" s="1"/>
  <c r="J451" i="8"/>
  <c r="F449" i="9" s="1"/>
  <c r="L451" i="8"/>
  <c r="N451" i="8"/>
  <c r="H449" i="9" s="1"/>
  <c r="O451" i="8"/>
  <c r="I449" i="9" s="1"/>
  <c r="J452" i="8"/>
  <c r="F450" i="9" s="1"/>
  <c r="L452" i="8"/>
  <c r="N452" i="8"/>
  <c r="H450" i="9" s="1"/>
  <c r="O452" i="8"/>
  <c r="I450" i="9" s="1"/>
  <c r="J453" i="8"/>
  <c r="F451" i="9" s="1"/>
  <c r="L453" i="8"/>
  <c r="N453" i="8"/>
  <c r="H451" i="9" s="1"/>
  <c r="O453" i="8"/>
  <c r="I451" i="9" s="1"/>
  <c r="J454" i="8"/>
  <c r="F452" i="9" s="1"/>
  <c r="L454" i="8"/>
  <c r="N454" i="8"/>
  <c r="H452" i="9" s="1"/>
  <c r="O454" i="8"/>
  <c r="I452" i="9" s="1"/>
  <c r="J455" i="8"/>
  <c r="F453" i="9" s="1"/>
  <c r="L455" i="8"/>
  <c r="N455" i="8"/>
  <c r="H453" i="9" s="1"/>
  <c r="O455" i="8"/>
  <c r="I453" i="9" s="1"/>
  <c r="J456" i="8"/>
  <c r="F454" i="9" s="1"/>
  <c r="L456" i="8"/>
  <c r="N456" i="8"/>
  <c r="H454" i="9" s="1"/>
  <c r="O456" i="8"/>
  <c r="I454" i="9" s="1"/>
  <c r="J457" i="8"/>
  <c r="F455" i="9" s="1"/>
  <c r="L457" i="8"/>
  <c r="N457" i="8"/>
  <c r="H455" i="9" s="1"/>
  <c r="O457" i="8"/>
  <c r="I455" i="9" s="1"/>
  <c r="J458" i="8"/>
  <c r="F456" i="9" s="1"/>
  <c r="L458" i="8"/>
  <c r="N458" i="8"/>
  <c r="H456" i="9" s="1"/>
  <c r="O458" i="8"/>
  <c r="I456" i="9" s="1"/>
  <c r="J459" i="8"/>
  <c r="F457" i="9" s="1"/>
  <c r="L459" i="8"/>
  <c r="N459" i="8"/>
  <c r="H457" i="9" s="1"/>
  <c r="O459" i="8"/>
  <c r="I457" i="9" s="1"/>
  <c r="J460" i="8"/>
  <c r="F458" i="9" s="1"/>
  <c r="L460" i="8"/>
  <c r="N460" i="8"/>
  <c r="H458" i="9" s="1"/>
  <c r="O460" i="8"/>
  <c r="I458" i="9" s="1"/>
  <c r="J461" i="8"/>
  <c r="F459" i="9" s="1"/>
  <c r="L461" i="8"/>
  <c r="N461" i="8"/>
  <c r="H459" i="9" s="1"/>
  <c r="O461" i="8"/>
  <c r="I459" i="9" s="1"/>
  <c r="J462" i="8"/>
  <c r="F460" i="9" s="1"/>
  <c r="L462" i="8"/>
  <c r="N462" i="8"/>
  <c r="H460" i="9" s="1"/>
  <c r="O462" i="8"/>
  <c r="I460" i="9" s="1"/>
  <c r="J463" i="8"/>
  <c r="F461" i="9" s="1"/>
  <c r="L463" i="8"/>
  <c r="N463" i="8"/>
  <c r="H461" i="9" s="1"/>
  <c r="O463" i="8"/>
  <c r="I461" i="9" s="1"/>
  <c r="J464" i="8"/>
  <c r="F462" i="9" s="1"/>
  <c r="L464" i="8"/>
  <c r="N464" i="8"/>
  <c r="H462" i="9" s="1"/>
  <c r="O464" i="8"/>
  <c r="I462" i="9" s="1"/>
  <c r="J465" i="8"/>
  <c r="F463" i="9" s="1"/>
  <c r="L465" i="8"/>
  <c r="N465" i="8"/>
  <c r="H463" i="9" s="1"/>
  <c r="O465" i="8"/>
  <c r="I463" i="9" s="1"/>
  <c r="J466" i="8"/>
  <c r="F464" i="9" s="1"/>
  <c r="L466" i="8"/>
  <c r="N466" i="8"/>
  <c r="H464" i="9" s="1"/>
  <c r="O466" i="8"/>
  <c r="I464" i="9" s="1"/>
  <c r="J467" i="8"/>
  <c r="F465" i="9" s="1"/>
  <c r="L467" i="8"/>
  <c r="N467" i="8"/>
  <c r="H465" i="9" s="1"/>
  <c r="O467" i="8"/>
  <c r="I465" i="9" s="1"/>
  <c r="J468" i="8"/>
  <c r="F466" i="9" s="1"/>
  <c r="L468" i="8"/>
  <c r="N468" i="8"/>
  <c r="H466" i="9" s="1"/>
  <c r="O468" i="8"/>
  <c r="I466" i="9" s="1"/>
  <c r="J469" i="8"/>
  <c r="F467" i="9" s="1"/>
  <c r="L469" i="8"/>
  <c r="N469" i="8"/>
  <c r="H467" i="9" s="1"/>
  <c r="O469" i="8"/>
  <c r="I467" i="9" s="1"/>
  <c r="J470" i="8"/>
  <c r="F468" i="9" s="1"/>
  <c r="L470" i="8"/>
  <c r="N470" i="8"/>
  <c r="H468" i="9" s="1"/>
  <c r="O470" i="8"/>
  <c r="I468" i="9" s="1"/>
  <c r="J471" i="8"/>
  <c r="F469" i="9" s="1"/>
  <c r="L471" i="8"/>
  <c r="N471" i="8"/>
  <c r="H469" i="9" s="1"/>
  <c r="O471" i="8"/>
  <c r="I469" i="9" s="1"/>
  <c r="J472" i="8"/>
  <c r="F470" i="9" s="1"/>
  <c r="L472" i="8"/>
  <c r="N472" i="8"/>
  <c r="H470" i="9" s="1"/>
  <c r="O472" i="8"/>
  <c r="I470" i="9" s="1"/>
  <c r="J473" i="8"/>
  <c r="F471" i="9" s="1"/>
  <c r="L473" i="8"/>
  <c r="N473" i="8"/>
  <c r="H471" i="9" s="1"/>
  <c r="O473" i="8"/>
  <c r="I471" i="9" s="1"/>
  <c r="J474" i="8"/>
  <c r="F472" i="9" s="1"/>
  <c r="L474" i="8"/>
  <c r="N474" i="8"/>
  <c r="H472" i="9" s="1"/>
  <c r="O474" i="8"/>
  <c r="I472" i="9" s="1"/>
  <c r="J475" i="8"/>
  <c r="F473" i="9" s="1"/>
  <c r="L475" i="8"/>
  <c r="N475" i="8"/>
  <c r="H473" i="9" s="1"/>
  <c r="O475" i="8"/>
  <c r="I473" i="9" s="1"/>
  <c r="J476" i="8"/>
  <c r="F474" i="9" s="1"/>
  <c r="L476" i="8"/>
  <c r="N476" i="8"/>
  <c r="H474" i="9" s="1"/>
  <c r="O476" i="8"/>
  <c r="I474" i="9" s="1"/>
  <c r="J477" i="8"/>
  <c r="F475" i="9" s="1"/>
  <c r="L477" i="8"/>
  <c r="N477" i="8"/>
  <c r="H475" i="9" s="1"/>
  <c r="O477" i="8"/>
  <c r="I475" i="9" s="1"/>
  <c r="J478" i="8"/>
  <c r="F476" i="9" s="1"/>
  <c r="L478" i="8"/>
  <c r="N478" i="8"/>
  <c r="H476" i="9" s="1"/>
  <c r="O478" i="8"/>
  <c r="I476" i="9" s="1"/>
  <c r="J479" i="8"/>
  <c r="F477" i="9" s="1"/>
  <c r="L479" i="8"/>
  <c r="N479" i="8"/>
  <c r="H477" i="9" s="1"/>
  <c r="O479" i="8"/>
  <c r="I477" i="9" s="1"/>
  <c r="J480" i="8"/>
  <c r="F478" i="9" s="1"/>
  <c r="L480" i="8"/>
  <c r="N480" i="8"/>
  <c r="H478" i="9" s="1"/>
  <c r="O480" i="8"/>
  <c r="I478" i="9" s="1"/>
  <c r="J481" i="8"/>
  <c r="F479" i="9" s="1"/>
  <c r="L481" i="8"/>
  <c r="N481" i="8"/>
  <c r="H479" i="9" s="1"/>
  <c r="O481" i="8"/>
  <c r="I479" i="9" s="1"/>
  <c r="J482" i="8"/>
  <c r="F480" i="9" s="1"/>
  <c r="L482" i="8"/>
  <c r="N482" i="8"/>
  <c r="H480" i="9" s="1"/>
  <c r="O482" i="8"/>
  <c r="I480" i="9" s="1"/>
  <c r="J483" i="8"/>
  <c r="F481" i="9" s="1"/>
  <c r="L483" i="8"/>
  <c r="N483" i="8"/>
  <c r="H481" i="9" s="1"/>
  <c r="O483" i="8"/>
  <c r="I481" i="9" s="1"/>
  <c r="J484" i="8"/>
  <c r="F482" i="9" s="1"/>
  <c r="L484" i="8"/>
  <c r="N484" i="8"/>
  <c r="H482" i="9" s="1"/>
  <c r="O484" i="8"/>
  <c r="I482" i="9" s="1"/>
  <c r="J485" i="8"/>
  <c r="F483" i="9" s="1"/>
  <c r="L485" i="8"/>
  <c r="N485" i="8"/>
  <c r="H483" i="9" s="1"/>
  <c r="O485" i="8"/>
  <c r="I483" i="9" s="1"/>
  <c r="J486" i="8"/>
  <c r="F484" i="9" s="1"/>
  <c r="L486" i="8"/>
  <c r="N486" i="8"/>
  <c r="H484" i="9" s="1"/>
  <c r="O486" i="8"/>
  <c r="I484" i="9" s="1"/>
  <c r="J487" i="8"/>
  <c r="F485" i="9" s="1"/>
  <c r="L487" i="8"/>
  <c r="N487" i="8"/>
  <c r="H485" i="9" s="1"/>
  <c r="O487" i="8"/>
  <c r="I485" i="9" s="1"/>
  <c r="J488" i="8"/>
  <c r="F486" i="9" s="1"/>
  <c r="L488" i="8"/>
  <c r="N488" i="8"/>
  <c r="H486" i="9" s="1"/>
  <c r="O488" i="8"/>
  <c r="I486" i="9" s="1"/>
  <c r="J489" i="8"/>
  <c r="F487" i="9" s="1"/>
  <c r="L489" i="8"/>
  <c r="N489" i="8"/>
  <c r="H487" i="9" s="1"/>
  <c r="O489" i="8"/>
  <c r="I487" i="9" s="1"/>
  <c r="J490" i="8"/>
  <c r="F488" i="9" s="1"/>
  <c r="L490" i="8"/>
  <c r="N490" i="8"/>
  <c r="H488" i="9" s="1"/>
  <c r="O490" i="8"/>
  <c r="I488" i="9" s="1"/>
  <c r="J491" i="8"/>
  <c r="F489" i="9" s="1"/>
  <c r="L491" i="8"/>
  <c r="N491" i="8"/>
  <c r="H489" i="9" s="1"/>
  <c r="O491" i="8"/>
  <c r="I489" i="9" s="1"/>
  <c r="J492" i="8"/>
  <c r="F490" i="9" s="1"/>
  <c r="L492" i="8"/>
  <c r="N492" i="8"/>
  <c r="H490" i="9" s="1"/>
  <c r="O492" i="8"/>
  <c r="I490" i="9" s="1"/>
  <c r="J493" i="8"/>
  <c r="F491" i="9" s="1"/>
  <c r="L493" i="8"/>
  <c r="N493" i="8"/>
  <c r="H491" i="9" s="1"/>
  <c r="O493" i="8"/>
  <c r="I491" i="9" s="1"/>
  <c r="J494" i="8"/>
  <c r="F492" i="9" s="1"/>
  <c r="L494" i="8"/>
  <c r="N494" i="8"/>
  <c r="H492" i="9" s="1"/>
  <c r="O494" i="8"/>
  <c r="I492" i="9" s="1"/>
  <c r="J495" i="8"/>
  <c r="F493" i="9" s="1"/>
  <c r="L495" i="8"/>
  <c r="N495" i="8"/>
  <c r="H493" i="9" s="1"/>
  <c r="O495" i="8"/>
  <c r="I493" i="9" s="1"/>
  <c r="J496" i="8"/>
  <c r="F494" i="9" s="1"/>
  <c r="L496" i="8"/>
  <c r="N496" i="8"/>
  <c r="H494" i="9" s="1"/>
  <c r="O496" i="8"/>
  <c r="I494" i="9" s="1"/>
  <c r="J497" i="8"/>
  <c r="F495" i="9" s="1"/>
  <c r="L497" i="8"/>
  <c r="N497" i="8"/>
  <c r="H495" i="9" s="1"/>
  <c r="O497" i="8"/>
  <c r="I495" i="9" s="1"/>
  <c r="J498" i="8"/>
  <c r="F496" i="9" s="1"/>
  <c r="L498" i="8"/>
  <c r="N498" i="8"/>
  <c r="H496" i="9" s="1"/>
  <c r="O498" i="8"/>
  <c r="I496" i="9" s="1"/>
  <c r="J499" i="8"/>
  <c r="F497" i="9" s="1"/>
  <c r="L499" i="8"/>
  <c r="N499" i="8"/>
  <c r="H497" i="9" s="1"/>
  <c r="O499" i="8"/>
  <c r="I497" i="9" s="1"/>
  <c r="J500" i="8"/>
  <c r="F498" i="9" s="1"/>
  <c r="L500" i="8"/>
  <c r="N500" i="8"/>
  <c r="H498" i="9" s="1"/>
  <c r="O500" i="8"/>
  <c r="I498" i="9" s="1"/>
  <c r="J501" i="8"/>
  <c r="F499" i="9" s="1"/>
  <c r="L501" i="8"/>
  <c r="N501" i="8"/>
  <c r="H499" i="9" s="1"/>
  <c r="O501" i="8"/>
  <c r="I499" i="9" s="1"/>
  <c r="J502" i="8"/>
  <c r="F500" i="9" s="1"/>
  <c r="L502" i="8"/>
  <c r="N502" i="8"/>
  <c r="H500" i="9" s="1"/>
  <c r="O502" i="8"/>
  <c r="I500" i="9" s="1"/>
  <c r="J503" i="8"/>
  <c r="F501" i="9" s="1"/>
  <c r="L503" i="8"/>
  <c r="N503" i="8"/>
  <c r="H501" i="9" s="1"/>
  <c r="O503" i="8"/>
  <c r="I501" i="9" s="1"/>
  <c r="J504" i="8"/>
  <c r="F502" i="9" s="1"/>
  <c r="L504" i="8"/>
  <c r="N504" i="8"/>
  <c r="H502" i="9" s="1"/>
  <c r="O504" i="8"/>
  <c r="I502" i="9" s="1"/>
  <c r="J505" i="8"/>
  <c r="F503" i="9" s="1"/>
  <c r="L505" i="8"/>
  <c r="N505" i="8"/>
  <c r="H503" i="9" s="1"/>
  <c r="O505" i="8"/>
  <c r="I503" i="9" s="1"/>
  <c r="J506" i="8"/>
  <c r="F504" i="9" s="1"/>
  <c r="L506" i="8"/>
  <c r="N506" i="8"/>
  <c r="H504" i="9" s="1"/>
  <c r="O506" i="8"/>
  <c r="I504" i="9" s="1"/>
  <c r="J507" i="8"/>
  <c r="F505" i="9" s="1"/>
  <c r="L507" i="8"/>
  <c r="N507" i="8"/>
  <c r="H505" i="9" s="1"/>
  <c r="O507" i="8"/>
  <c r="I505" i="9" s="1"/>
  <c r="J508" i="8"/>
  <c r="F506" i="9" s="1"/>
  <c r="L508" i="8"/>
  <c r="N508" i="8"/>
  <c r="H506" i="9" s="1"/>
  <c r="O508" i="8"/>
  <c r="I506" i="9" s="1"/>
  <c r="J509" i="8"/>
  <c r="F507" i="9" s="1"/>
  <c r="L509" i="8"/>
  <c r="N509" i="8"/>
  <c r="H507" i="9" s="1"/>
  <c r="O509" i="8"/>
  <c r="I507" i="9" s="1"/>
  <c r="J510" i="8"/>
  <c r="F508" i="9" s="1"/>
  <c r="L510" i="8"/>
  <c r="N510" i="8"/>
  <c r="H508" i="9" s="1"/>
  <c r="O510" i="8"/>
  <c r="I508" i="9" s="1"/>
  <c r="J511" i="8"/>
  <c r="F509" i="9" s="1"/>
  <c r="L511" i="8"/>
  <c r="N511" i="8"/>
  <c r="H509" i="9" s="1"/>
  <c r="O511" i="8"/>
  <c r="I509" i="9" s="1"/>
  <c r="J512" i="8"/>
  <c r="F510" i="9" s="1"/>
  <c r="L512" i="8"/>
  <c r="N512" i="8"/>
  <c r="H510" i="9" s="1"/>
  <c r="O512" i="8"/>
  <c r="I510" i="9" s="1"/>
  <c r="J513" i="8"/>
  <c r="F511" i="9" s="1"/>
  <c r="L513" i="8"/>
  <c r="N513" i="8"/>
  <c r="H511" i="9" s="1"/>
  <c r="O513" i="8"/>
  <c r="I511" i="9" s="1"/>
  <c r="J514" i="8"/>
  <c r="F512" i="9" s="1"/>
  <c r="L514" i="8"/>
  <c r="N514" i="8"/>
  <c r="H512" i="9" s="1"/>
  <c r="O514" i="8"/>
  <c r="I512" i="9" s="1"/>
  <c r="J515" i="8"/>
  <c r="F513" i="9" s="1"/>
  <c r="L515" i="8"/>
  <c r="N515" i="8"/>
  <c r="H513" i="9" s="1"/>
  <c r="O515" i="8"/>
  <c r="I513" i="9" s="1"/>
  <c r="J516" i="8"/>
  <c r="F514" i="9" s="1"/>
  <c r="L516" i="8"/>
  <c r="N516" i="8"/>
  <c r="H514" i="9" s="1"/>
  <c r="O516" i="8"/>
  <c r="I514" i="9" s="1"/>
  <c r="J517" i="8"/>
  <c r="F515" i="9" s="1"/>
  <c r="L517" i="8"/>
  <c r="N517" i="8"/>
  <c r="H515" i="9" s="1"/>
  <c r="O517" i="8"/>
  <c r="I515" i="9" s="1"/>
  <c r="J518" i="8"/>
  <c r="F516" i="9" s="1"/>
  <c r="L518" i="8"/>
  <c r="N518" i="8"/>
  <c r="H516" i="9" s="1"/>
  <c r="O518" i="8"/>
  <c r="I516" i="9" s="1"/>
  <c r="J519" i="8"/>
  <c r="F517" i="9" s="1"/>
  <c r="L519" i="8"/>
  <c r="N519" i="8"/>
  <c r="H517" i="9" s="1"/>
  <c r="O519" i="8"/>
  <c r="I517" i="9" s="1"/>
  <c r="J520" i="8"/>
  <c r="F518" i="9" s="1"/>
  <c r="L520" i="8"/>
  <c r="N520" i="8"/>
  <c r="H518" i="9" s="1"/>
  <c r="O520" i="8"/>
  <c r="I518" i="9" s="1"/>
  <c r="J521" i="8"/>
  <c r="F519" i="9" s="1"/>
  <c r="L521" i="8"/>
  <c r="N521" i="8"/>
  <c r="H519" i="9" s="1"/>
  <c r="O521" i="8"/>
  <c r="I519" i="9" s="1"/>
  <c r="J522" i="8"/>
  <c r="F520" i="9" s="1"/>
  <c r="L522" i="8"/>
  <c r="N522" i="8"/>
  <c r="H520" i="9" s="1"/>
  <c r="O522" i="8"/>
  <c r="I520" i="9" s="1"/>
  <c r="J523" i="8"/>
  <c r="F521" i="9" s="1"/>
  <c r="L523" i="8"/>
  <c r="N523" i="8"/>
  <c r="H521" i="9" s="1"/>
  <c r="O523" i="8"/>
  <c r="I521" i="9" s="1"/>
  <c r="J524" i="8"/>
  <c r="F522" i="9" s="1"/>
  <c r="L524" i="8"/>
  <c r="N524" i="8"/>
  <c r="H522" i="9" s="1"/>
  <c r="O524" i="8"/>
  <c r="I522" i="9" s="1"/>
  <c r="J525" i="8"/>
  <c r="F523" i="9" s="1"/>
  <c r="L525" i="8"/>
  <c r="N525" i="8"/>
  <c r="H523" i="9" s="1"/>
  <c r="O525" i="8"/>
  <c r="I523" i="9" s="1"/>
  <c r="J526" i="8"/>
  <c r="F524" i="9" s="1"/>
  <c r="L526" i="8"/>
  <c r="N526" i="8"/>
  <c r="H524" i="9" s="1"/>
  <c r="O526" i="8"/>
  <c r="I524" i="9" s="1"/>
  <c r="J527" i="8"/>
  <c r="F525" i="9" s="1"/>
  <c r="L527" i="8"/>
  <c r="N527" i="8"/>
  <c r="H525" i="9" s="1"/>
  <c r="O527" i="8"/>
  <c r="I525" i="9" s="1"/>
  <c r="J528" i="8"/>
  <c r="F526" i="9" s="1"/>
  <c r="L528" i="8"/>
  <c r="N528" i="8"/>
  <c r="H526" i="9" s="1"/>
  <c r="O528" i="8"/>
  <c r="I526" i="9" s="1"/>
  <c r="J529" i="8"/>
  <c r="F527" i="9" s="1"/>
  <c r="L529" i="8"/>
  <c r="N529" i="8"/>
  <c r="H527" i="9" s="1"/>
  <c r="O529" i="8"/>
  <c r="I527" i="9" s="1"/>
  <c r="J530" i="8"/>
  <c r="F528" i="9" s="1"/>
  <c r="L530" i="8"/>
  <c r="N530" i="8"/>
  <c r="H528" i="9" s="1"/>
  <c r="O530" i="8"/>
  <c r="I528" i="9" s="1"/>
  <c r="J531" i="8"/>
  <c r="F529" i="9" s="1"/>
  <c r="L531" i="8"/>
  <c r="N531" i="8"/>
  <c r="H529" i="9" s="1"/>
  <c r="O531" i="8"/>
  <c r="I529" i="9" s="1"/>
  <c r="J532" i="8"/>
  <c r="F530" i="9" s="1"/>
  <c r="L532" i="8"/>
  <c r="N532" i="8"/>
  <c r="H530" i="9" s="1"/>
  <c r="O532" i="8"/>
  <c r="I530" i="9" s="1"/>
  <c r="J533" i="8"/>
  <c r="F531" i="9" s="1"/>
  <c r="L533" i="8"/>
  <c r="N533" i="8"/>
  <c r="H531" i="9" s="1"/>
  <c r="O533" i="8"/>
  <c r="I531" i="9" s="1"/>
  <c r="J534" i="8"/>
  <c r="F532" i="9" s="1"/>
  <c r="L534" i="8"/>
  <c r="N534" i="8"/>
  <c r="H532" i="9" s="1"/>
  <c r="O534" i="8"/>
  <c r="I532" i="9" s="1"/>
  <c r="J535" i="8"/>
  <c r="F533" i="9" s="1"/>
  <c r="L535" i="8"/>
  <c r="N535" i="8"/>
  <c r="H533" i="9" s="1"/>
  <c r="O535" i="8"/>
  <c r="I533" i="9" s="1"/>
  <c r="J536" i="8"/>
  <c r="F534" i="9" s="1"/>
  <c r="L536" i="8"/>
  <c r="N536" i="8"/>
  <c r="H534" i="9" s="1"/>
  <c r="O536" i="8"/>
  <c r="I534" i="9" s="1"/>
  <c r="J537" i="8"/>
  <c r="F535" i="9" s="1"/>
  <c r="L537" i="8"/>
  <c r="N537" i="8"/>
  <c r="H535" i="9" s="1"/>
  <c r="O537" i="8"/>
  <c r="I535" i="9" s="1"/>
  <c r="J538" i="8"/>
  <c r="F536" i="9" s="1"/>
  <c r="L538" i="8"/>
  <c r="N538" i="8"/>
  <c r="H536" i="9" s="1"/>
  <c r="O538" i="8"/>
  <c r="I536" i="9" s="1"/>
  <c r="J539" i="8"/>
  <c r="F537" i="9" s="1"/>
  <c r="L539" i="8"/>
  <c r="N539" i="8"/>
  <c r="H537" i="9" s="1"/>
  <c r="O539" i="8"/>
  <c r="I537" i="9" s="1"/>
  <c r="J540" i="8"/>
  <c r="F538" i="9" s="1"/>
  <c r="L540" i="8"/>
  <c r="N540" i="8"/>
  <c r="H538" i="9" s="1"/>
  <c r="O540" i="8"/>
  <c r="I538" i="9" s="1"/>
  <c r="J541" i="8"/>
  <c r="F539" i="9" s="1"/>
  <c r="L541" i="8"/>
  <c r="N541" i="8"/>
  <c r="H539" i="9" s="1"/>
  <c r="O541" i="8"/>
  <c r="I539" i="9" s="1"/>
  <c r="J542" i="8"/>
  <c r="F540" i="9" s="1"/>
  <c r="L542" i="8"/>
  <c r="N542" i="8"/>
  <c r="H540" i="9" s="1"/>
  <c r="O542" i="8"/>
  <c r="I540" i="9" s="1"/>
  <c r="J543" i="8"/>
  <c r="F541" i="9" s="1"/>
  <c r="L543" i="8"/>
  <c r="N543" i="8"/>
  <c r="H541" i="9" s="1"/>
  <c r="O543" i="8"/>
  <c r="I541" i="9" s="1"/>
  <c r="J544" i="8"/>
  <c r="F542" i="9" s="1"/>
  <c r="L544" i="8"/>
  <c r="N544" i="8"/>
  <c r="H542" i="9" s="1"/>
  <c r="O544" i="8"/>
  <c r="I542" i="9" s="1"/>
  <c r="J545" i="8"/>
  <c r="F543" i="9" s="1"/>
  <c r="L545" i="8"/>
  <c r="N545" i="8"/>
  <c r="H543" i="9" s="1"/>
  <c r="O545" i="8"/>
  <c r="I543" i="9" s="1"/>
  <c r="J546" i="8"/>
  <c r="F544" i="9" s="1"/>
  <c r="L546" i="8"/>
  <c r="N546" i="8"/>
  <c r="H544" i="9" s="1"/>
  <c r="O546" i="8"/>
  <c r="I544" i="9" s="1"/>
  <c r="J547" i="8"/>
  <c r="F545" i="9" s="1"/>
  <c r="L547" i="8"/>
  <c r="N547" i="8"/>
  <c r="H545" i="9" s="1"/>
  <c r="O547" i="8"/>
  <c r="I545" i="9" s="1"/>
  <c r="J548" i="8"/>
  <c r="F546" i="9" s="1"/>
  <c r="L548" i="8"/>
  <c r="N548" i="8"/>
  <c r="H546" i="9" s="1"/>
  <c r="O548" i="8"/>
  <c r="I546" i="9" s="1"/>
  <c r="J549" i="8"/>
  <c r="F547" i="9" s="1"/>
  <c r="L549" i="8"/>
  <c r="N549" i="8"/>
  <c r="H547" i="9" s="1"/>
  <c r="O549" i="8"/>
  <c r="I547" i="9" s="1"/>
  <c r="J550" i="8"/>
  <c r="F548" i="9" s="1"/>
  <c r="L550" i="8"/>
  <c r="N550" i="8"/>
  <c r="H548" i="9" s="1"/>
  <c r="O550" i="8"/>
  <c r="I548" i="9" s="1"/>
  <c r="J551" i="8"/>
  <c r="F549" i="9" s="1"/>
  <c r="L551" i="8"/>
  <c r="N551" i="8"/>
  <c r="H549" i="9" s="1"/>
  <c r="O551" i="8"/>
  <c r="I549" i="9" s="1"/>
  <c r="J552" i="8"/>
  <c r="F550" i="9" s="1"/>
  <c r="L552" i="8"/>
  <c r="N552" i="8"/>
  <c r="H550" i="9" s="1"/>
  <c r="O552" i="8"/>
  <c r="I550" i="9" s="1"/>
  <c r="J553" i="8"/>
  <c r="F551" i="9" s="1"/>
  <c r="L553" i="8"/>
  <c r="N553" i="8"/>
  <c r="H551" i="9" s="1"/>
  <c r="O553" i="8"/>
  <c r="I551" i="9" s="1"/>
  <c r="J554" i="8"/>
  <c r="F552" i="9" s="1"/>
  <c r="L554" i="8"/>
  <c r="N554" i="8"/>
  <c r="H552" i="9" s="1"/>
  <c r="O554" i="8"/>
  <c r="I552" i="9" s="1"/>
  <c r="J555" i="8"/>
  <c r="F553" i="9" s="1"/>
  <c r="L555" i="8"/>
  <c r="N555" i="8"/>
  <c r="H553" i="9" s="1"/>
  <c r="O555" i="8"/>
  <c r="I553" i="9" s="1"/>
  <c r="J556" i="8"/>
  <c r="F554" i="9" s="1"/>
  <c r="L556" i="8"/>
  <c r="N556" i="8"/>
  <c r="H554" i="9" s="1"/>
  <c r="O556" i="8"/>
  <c r="I554" i="9" s="1"/>
  <c r="J557" i="8"/>
  <c r="F555" i="9" s="1"/>
  <c r="L557" i="8"/>
  <c r="N557" i="8"/>
  <c r="H555" i="9" s="1"/>
  <c r="O557" i="8"/>
  <c r="I555" i="9" s="1"/>
  <c r="J558" i="8"/>
  <c r="F556" i="9" s="1"/>
  <c r="L558" i="8"/>
  <c r="N558" i="8"/>
  <c r="H556" i="9" s="1"/>
  <c r="O558" i="8"/>
  <c r="I556" i="9" s="1"/>
  <c r="J559" i="8"/>
  <c r="F557" i="9" s="1"/>
  <c r="L559" i="8"/>
  <c r="N559" i="8"/>
  <c r="H557" i="9" s="1"/>
  <c r="O559" i="8"/>
  <c r="I557" i="9" s="1"/>
  <c r="J560" i="8"/>
  <c r="F558" i="9" s="1"/>
  <c r="L560" i="8"/>
  <c r="N560" i="8"/>
  <c r="H558" i="9" s="1"/>
  <c r="O560" i="8"/>
  <c r="I558" i="9" s="1"/>
  <c r="J561" i="8"/>
  <c r="F559" i="9" s="1"/>
  <c r="L561" i="8"/>
  <c r="N561" i="8"/>
  <c r="H559" i="9" s="1"/>
  <c r="O561" i="8"/>
  <c r="I559" i="9" s="1"/>
  <c r="J562" i="8"/>
  <c r="F560" i="9" s="1"/>
  <c r="L562" i="8"/>
  <c r="N562" i="8"/>
  <c r="H560" i="9" s="1"/>
  <c r="O562" i="8"/>
  <c r="I560" i="9" s="1"/>
  <c r="J563" i="8"/>
  <c r="F561" i="9" s="1"/>
  <c r="L563" i="8"/>
  <c r="N563" i="8"/>
  <c r="H561" i="9" s="1"/>
  <c r="O563" i="8"/>
  <c r="I561" i="9" s="1"/>
  <c r="J564" i="8"/>
  <c r="F562" i="9" s="1"/>
  <c r="L564" i="8"/>
  <c r="N564" i="8"/>
  <c r="H562" i="9" s="1"/>
  <c r="O564" i="8"/>
  <c r="I562" i="9" s="1"/>
  <c r="J565" i="8"/>
  <c r="F563" i="9" s="1"/>
  <c r="L565" i="8"/>
  <c r="N565" i="8"/>
  <c r="H563" i="9" s="1"/>
  <c r="O565" i="8"/>
  <c r="I563" i="9" s="1"/>
  <c r="J566" i="8"/>
  <c r="F564" i="9" s="1"/>
  <c r="L566" i="8"/>
  <c r="N566" i="8"/>
  <c r="H564" i="9" s="1"/>
  <c r="O566" i="8"/>
  <c r="I564" i="9" s="1"/>
  <c r="J567" i="8"/>
  <c r="F565" i="9" s="1"/>
  <c r="L567" i="8"/>
  <c r="N567" i="8"/>
  <c r="H565" i="9" s="1"/>
  <c r="O567" i="8"/>
  <c r="I565" i="9" s="1"/>
  <c r="J568" i="8"/>
  <c r="F566" i="9" s="1"/>
  <c r="L568" i="8"/>
  <c r="N568" i="8"/>
  <c r="H566" i="9" s="1"/>
  <c r="O568" i="8"/>
  <c r="I566" i="9" s="1"/>
  <c r="J569" i="8"/>
  <c r="F567" i="9" s="1"/>
  <c r="L569" i="8"/>
  <c r="N569" i="8"/>
  <c r="H567" i="9" s="1"/>
  <c r="O569" i="8"/>
  <c r="I567" i="9" s="1"/>
  <c r="J570" i="8"/>
  <c r="F568" i="9" s="1"/>
  <c r="L570" i="8"/>
  <c r="N570" i="8"/>
  <c r="H568" i="9" s="1"/>
  <c r="O570" i="8"/>
  <c r="I568" i="9" s="1"/>
  <c r="J571" i="8"/>
  <c r="F569" i="9" s="1"/>
  <c r="L571" i="8"/>
  <c r="N571" i="8"/>
  <c r="H569" i="9" s="1"/>
  <c r="O571" i="8"/>
  <c r="I569" i="9" s="1"/>
  <c r="J572" i="8"/>
  <c r="F570" i="9" s="1"/>
  <c r="L572" i="8"/>
  <c r="N572" i="8"/>
  <c r="H570" i="9" s="1"/>
  <c r="O572" i="8"/>
  <c r="I570" i="9" s="1"/>
  <c r="J573" i="8"/>
  <c r="F571" i="9" s="1"/>
  <c r="L573" i="8"/>
  <c r="N573" i="8"/>
  <c r="H571" i="9" s="1"/>
  <c r="O573" i="8"/>
  <c r="I571" i="9" s="1"/>
  <c r="J574" i="8"/>
  <c r="F572" i="9" s="1"/>
  <c r="L574" i="8"/>
  <c r="N574" i="8"/>
  <c r="H572" i="9" s="1"/>
  <c r="O574" i="8"/>
  <c r="I572" i="9" s="1"/>
  <c r="J575" i="8"/>
  <c r="F573" i="9" s="1"/>
  <c r="L575" i="8"/>
  <c r="N575" i="8"/>
  <c r="H573" i="9" s="1"/>
  <c r="O575" i="8"/>
  <c r="I573" i="9" s="1"/>
  <c r="J576" i="8"/>
  <c r="F574" i="9" s="1"/>
  <c r="L576" i="8"/>
  <c r="N576" i="8"/>
  <c r="H574" i="9" s="1"/>
  <c r="O576" i="8"/>
  <c r="I574" i="9" s="1"/>
  <c r="J577" i="8"/>
  <c r="F575" i="9" s="1"/>
  <c r="L577" i="8"/>
  <c r="N577" i="8"/>
  <c r="H575" i="9" s="1"/>
  <c r="O577" i="8"/>
  <c r="I575" i="9" s="1"/>
  <c r="J578" i="8"/>
  <c r="F576" i="9" s="1"/>
  <c r="L578" i="8"/>
  <c r="N578" i="8"/>
  <c r="H576" i="9" s="1"/>
  <c r="O578" i="8"/>
  <c r="I576" i="9" s="1"/>
  <c r="J579" i="8"/>
  <c r="F577" i="9" s="1"/>
  <c r="L579" i="8"/>
  <c r="N579" i="8"/>
  <c r="H577" i="9" s="1"/>
  <c r="O579" i="8"/>
  <c r="I577" i="9" s="1"/>
  <c r="J580" i="8"/>
  <c r="F578" i="9" s="1"/>
  <c r="L580" i="8"/>
  <c r="N580" i="8"/>
  <c r="H578" i="9" s="1"/>
  <c r="O580" i="8"/>
  <c r="I578" i="9" s="1"/>
  <c r="J581" i="8"/>
  <c r="F579" i="9" s="1"/>
  <c r="L581" i="8"/>
  <c r="N581" i="8"/>
  <c r="H579" i="9" s="1"/>
  <c r="O581" i="8"/>
  <c r="I579" i="9" s="1"/>
  <c r="J582" i="8"/>
  <c r="F580" i="9" s="1"/>
  <c r="L582" i="8"/>
  <c r="N582" i="8"/>
  <c r="H580" i="9" s="1"/>
  <c r="O582" i="8"/>
  <c r="I580" i="9" s="1"/>
  <c r="J583" i="8"/>
  <c r="F581" i="9" s="1"/>
  <c r="L583" i="8"/>
  <c r="N583" i="8"/>
  <c r="H581" i="9" s="1"/>
  <c r="O583" i="8"/>
  <c r="I581" i="9" s="1"/>
  <c r="J584" i="8"/>
  <c r="F582" i="9" s="1"/>
  <c r="L584" i="8"/>
  <c r="N584" i="8"/>
  <c r="H582" i="9" s="1"/>
  <c r="O584" i="8"/>
  <c r="I582" i="9" s="1"/>
  <c r="J585" i="8"/>
  <c r="F583" i="9" s="1"/>
  <c r="L585" i="8"/>
  <c r="N585" i="8"/>
  <c r="H583" i="9" s="1"/>
  <c r="O585" i="8"/>
  <c r="I583" i="9" s="1"/>
  <c r="J586" i="8"/>
  <c r="F584" i="9" s="1"/>
  <c r="L586" i="8"/>
  <c r="N586" i="8"/>
  <c r="H584" i="9" s="1"/>
  <c r="O586" i="8"/>
  <c r="I584" i="9" s="1"/>
  <c r="J587" i="8"/>
  <c r="F585" i="9" s="1"/>
  <c r="L587" i="8"/>
  <c r="N587" i="8"/>
  <c r="H585" i="9" s="1"/>
  <c r="O587" i="8"/>
  <c r="I585" i="9" s="1"/>
  <c r="J588" i="8"/>
  <c r="F586" i="9" s="1"/>
  <c r="L588" i="8"/>
  <c r="N588" i="8"/>
  <c r="H586" i="9" s="1"/>
  <c r="O588" i="8"/>
  <c r="I586" i="9" s="1"/>
  <c r="J589" i="8"/>
  <c r="F587" i="9" s="1"/>
  <c r="L589" i="8"/>
  <c r="N589" i="8"/>
  <c r="H587" i="9" s="1"/>
  <c r="O589" i="8"/>
  <c r="I587" i="9" s="1"/>
  <c r="J590" i="8"/>
  <c r="F588" i="9" s="1"/>
  <c r="L590" i="8"/>
  <c r="N590" i="8"/>
  <c r="H588" i="9" s="1"/>
  <c r="O590" i="8"/>
  <c r="I588" i="9" s="1"/>
  <c r="J591" i="8"/>
  <c r="F589" i="9" s="1"/>
  <c r="L591" i="8"/>
  <c r="N591" i="8"/>
  <c r="H589" i="9" s="1"/>
  <c r="O591" i="8"/>
  <c r="I589" i="9" s="1"/>
  <c r="J592" i="8"/>
  <c r="F590" i="9" s="1"/>
  <c r="L592" i="8"/>
  <c r="N592" i="8"/>
  <c r="H590" i="9" s="1"/>
  <c r="O592" i="8"/>
  <c r="I590" i="9" s="1"/>
  <c r="J593" i="8"/>
  <c r="F591" i="9" s="1"/>
  <c r="L593" i="8"/>
  <c r="N593" i="8"/>
  <c r="H591" i="9" s="1"/>
  <c r="O593" i="8"/>
  <c r="I591" i="9" s="1"/>
  <c r="J594" i="8"/>
  <c r="F592" i="9" s="1"/>
  <c r="L594" i="8"/>
  <c r="N594" i="8"/>
  <c r="H592" i="9" s="1"/>
  <c r="O594" i="8"/>
  <c r="I592" i="9" s="1"/>
  <c r="J595" i="8"/>
  <c r="F593" i="9" s="1"/>
  <c r="L595" i="8"/>
  <c r="N595" i="8"/>
  <c r="H593" i="9" s="1"/>
  <c r="O595" i="8"/>
  <c r="I593" i="9" s="1"/>
  <c r="J596" i="8"/>
  <c r="F594" i="9" s="1"/>
  <c r="L596" i="8"/>
  <c r="N596" i="8"/>
  <c r="H594" i="9" s="1"/>
  <c r="O596" i="8"/>
  <c r="I594" i="9" s="1"/>
  <c r="J597" i="8"/>
  <c r="F595" i="9" s="1"/>
  <c r="L597" i="8"/>
  <c r="N597" i="8"/>
  <c r="H595" i="9" s="1"/>
  <c r="O597" i="8"/>
  <c r="I595" i="9" s="1"/>
  <c r="J598" i="8"/>
  <c r="F596" i="9" s="1"/>
  <c r="L598" i="8"/>
  <c r="N598" i="8"/>
  <c r="H596" i="9" s="1"/>
  <c r="O598" i="8"/>
  <c r="I596" i="9" s="1"/>
  <c r="J599" i="8"/>
  <c r="F597" i="9" s="1"/>
  <c r="L599" i="8"/>
  <c r="N599" i="8"/>
  <c r="H597" i="9" s="1"/>
  <c r="O599" i="8"/>
  <c r="I597" i="9" s="1"/>
  <c r="J600" i="8"/>
  <c r="F598" i="9" s="1"/>
  <c r="L600" i="8"/>
  <c r="N600" i="8"/>
  <c r="H598" i="9" s="1"/>
  <c r="O600" i="8"/>
  <c r="I598" i="9" s="1"/>
  <c r="J601" i="8"/>
  <c r="F599" i="9" s="1"/>
  <c r="L601" i="8"/>
  <c r="N601" i="8"/>
  <c r="H599" i="9" s="1"/>
  <c r="O601" i="8"/>
  <c r="I599" i="9" s="1"/>
  <c r="J602" i="8"/>
  <c r="F600" i="9" s="1"/>
  <c r="L602" i="8"/>
  <c r="N602" i="8"/>
  <c r="H600" i="9" s="1"/>
  <c r="O602" i="8"/>
  <c r="I600" i="9" s="1"/>
  <c r="J603" i="8"/>
  <c r="F601" i="9" s="1"/>
  <c r="L603" i="8"/>
  <c r="N603" i="8"/>
  <c r="H601" i="9" s="1"/>
  <c r="O603" i="8"/>
  <c r="I601" i="9" s="1"/>
  <c r="J604" i="8"/>
  <c r="F602" i="9" s="1"/>
  <c r="L604" i="8"/>
  <c r="N604" i="8"/>
  <c r="H602" i="9" s="1"/>
  <c r="O604" i="8"/>
  <c r="I602" i="9" s="1"/>
  <c r="J605" i="8"/>
  <c r="F603" i="9" s="1"/>
  <c r="L605" i="8"/>
  <c r="N605" i="8"/>
  <c r="H603" i="9" s="1"/>
  <c r="O605" i="8"/>
  <c r="I603" i="9" s="1"/>
  <c r="J606" i="8"/>
  <c r="F604" i="9" s="1"/>
  <c r="L606" i="8"/>
  <c r="N606" i="8"/>
  <c r="H604" i="9" s="1"/>
  <c r="O606" i="8"/>
  <c r="I604" i="9" s="1"/>
  <c r="J607" i="8"/>
  <c r="F605" i="9" s="1"/>
  <c r="L607" i="8"/>
  <c r="N607" i="8"/>
  <c r="H605" i="9" s="1"/>
  <c r="O607" i="8"/>
  <c r="I605" i="9" s="1"/>
  <c r="J608" i="8"/>
  <c r="F606" i="9" s="1"/>
  <c r="L608" i="8"/>
  <c r="N608" i="8"/>
  <c r="H606" i="9" s="1"/>
  <c r="O608" i="8"/>
  <c r="I606" i="9" s="1"/>
  <c r="J609" i="8"/>
  <c r="F607" i="9" s="1"/>
  <c r="L609" i="8"/>
  <c r="N609" i="8"/>
  <c r="H607" i="9" s="1"/>
  <c r="O609" i="8"/>
  <c r="I607" i="9" s="1"/>
  <c r="J610" i="8"/>
  <c r="F608" i="9" s="1"/>
  <c r="L610" i="8"/>
  <c r="N610" i="8"/>
  <c r="H608" i="9" s="1"/>
  <c r="O610" i="8"/>
  <c r="I608" i="9" s="1"/>
  <c r="J611" i="8"/>
  <c r="F609" i="9" s="1"/>
  <c r="L611" i="8"/>
  <c r="N611" i="8"/>
  <c r="H609" i="9" s="1"/>
  <c r="O611" i="8"/>
  <c r="I609" i="9" s="1"/>
  <c r="J612" i="8"/>
  <c r="F610" i="9" s="1"/>
  <c r="L612" i="8"/>
  <c r="N612" i="8"/>
  <c r="H610" i="9" s="1"/>
  <c r="O612" i="8"/>
  <c r="I610" i="9" s="1"/>
  <c r="J613" i="8"/>
  <c r="F611" i="9" s="1"/>
  <c r="L613" i="8"/>
  <c r="N613" i="8"/>
  <c r="H611" i="9" s="1"/>
  <c r="O613" i="8"/>
  <c r="I611" i="9" s="1"/>
  <c r="J614" i="8"/>
  <c r="F612" i="9" s="1"/>
  <c r="L614" i="8"/>
  <c r="N614" i="8"/>
  <c r="H612" i="9" s="1"/>
  <c r="O614" i="8"/>
  <c r="I612" i="9" s="1"/>
  <c r="J615" i="8"/>
  <c r="F613" i="9" s="1"/>
  <c r="L615" i="8"/>
  <c r="N615" i="8"/>
  <c r="H613" i="9" s="1"/>
  <c r="O615" i="8"/>
  <c r="I613" i="9" s="1"/>
  <c r="J616" i="8"/>
  <c r="F614" i="9" s="1"/>
  <c r="L616" i="8"/>
  <c r="N616" i="8"/>
  <c r="H614" i="9" s="1"/>
  <c r="O616" i="8"/>
  <c r="I614" i="9" s="1"/>
  <c r="J617" i="8"/>
  <c r="F615" i="9" s="1"/>
  <c r="L617" i="8"/>
  <c r="N617" i="8"/>
  <c r="H615" i="9" s="1"/>
  <c r="O617" i="8"/>
  <c r="I615" i="9" s="1"/>
  <c r="J618" i="8"/>
  <c r="F616" i="9" s="1"/>
  <c r="L618" i="8"/>
  <c r="N618" i="8"/>
  <c r="H616" i="9" s="1"/>
  <c r="O618" i="8"/>
  <c r="I616" i="9" s="1"/>
  <c r="J619" i="8"/>
  <c r="F617" i="9" s="1"/>
  <c r="L619" i="8"/>
  <c r="N619" i="8"/>
  <c r="H617" i="9" s="1"/>
  <c r="O619" i="8"/>
  <c r="I617" i="9" s="1"/>
  <c r="J620" i="8"/>
  <c r="F618" i="9" s="1"/>
  <c r="L620" i="8"/>
  <c r="N620" i="8"/>
  <c r="H618" i="9" s="1"/>
  <c r="O620" i="8"/>
  <c r="I618" i="9" s="1"/>
  <c r="J621" i="8"/>
  <c r="F619" i="9" s="1"/>
  <c r="L621" i="8"/>
  <c r="N621" i="8"/>
  <c r="H619" i="9" s="1"/>
  <c r="O621" i="8"/>
  <c r="I619" i="9" s="1"/>
  <c r="J622" i="8"/>
  <c r="F620" i="9" s="1"/>
  <c r="L622" i="8"/>
  <c r="N622" i="8"/>
  <c r="H620" i="9" s="1"/>
  <c r="O622" i="8"/>
  <c r="I620" i="9" s="1"/>
  <c r="J623" i="8"/>
  <c r="F621" i="9" s="1"/>
  <c r="L623" i="8"/>
  <c r="N623" i="8"/>
  <c r="H621" i="9" s="1"/>
  <c r="O623" i="8"/>
  <c r="I621" i="9" s="1"/>
  <c r="J624" i="8"/>
  <c r="F622" i="9" s="1"/>
  <c r="L624" i="8"/>
  <c r="N624" i="8"/>
  <c r="H622" i="9" s="1"/>
  <c r="O624" i="8"/>
  <c r="I622" i="9" s="1"/>
  <c r="J625" i="8"/>
  <c r="F623" i="9" s="1"/>
  <c r="L625" i="8"/>
  <c r="N625" i="8"/>
  <c r="H623" i="9" s="1"/>
  <c r="O625" i="8"/>
  <c r="I623" i="9" s="1"/>
  <c r="J626" i="8"/>
  <c r="F624" i="9" s="1"/>
  <c r="L626" i="8"/>
  <c r="N626" i="8"/>
  <c r="H624" i="9" s="1"/>
  <c r="O626" i="8"/>
  <c r="I624" i="9" s="1"/>
  <c r="J627" i="8"/>
  <c r="F625" i="9" s="1"/>
  <c r="L627" i="8"/>
  <c r="N627" i="8"/>
  <c r="H625" i="9" s="1"/>
  <c r="O627" i="8"/>
  <c r="I625" i="9" s="1"/>
  <c r="J628" i="8"/>
  <c r="F626" i="9" s="1"/>
  <c r="L628" i="8"/>
  <c r="N628" i="8"/>
  <c r="H626" i="9" s="1"/>
  <c r="O628" i="8"/>
  <c r="I626" i="9" s="1"/>
  <c r="J629" i="8"/>
  <c r="F627" i="9" s="1"/>
  <c r="L629" i="8"/>
  <c r="N629" i="8"/>
  <c r="H627" i="9" s="1"/>
  <c r="O629" i="8"/>
  <c r="I627" i="9" s="1"/>
  <c r="J630" i="8"/>
  <c r="F628" i="9" s="1"/>
  <c r="L630" i="8"/>
  <c r="N630" i="8"/>
  <c r="H628" i="9" s="1"/>
  <c r="O630" i="8"/>
  <c r="I628" i="9" s="1"/>
  <c r="J631" i="8"/>
  <c r="F629" i="9" s="1"/>
  <c r="L631" i="8"/>
  <c r="N631" i="8"/>
  <c r="H629" i="9" s="1"/>
  <c r="O631" i="8"/>
  <c r="I629" i="9" s="1"/>
  <c r="J632" i="8"/>
  <c r="F630" i="9" s="1"/>
  <c r="L632" i="8"/>
  <c r="N632" i="8"/>
  <c r="H630" i="9" s="1"/>
  <c r="O632" i="8"/>
  <c r="I630" i="9" s="1"/>
  <c r="J633" i="8"/>
  <c r="F631" i="9" s="1"/>
  <c r="L633" i="8"/>
  <c r="N633" i="8"/>
  <c r="H631" i="9" s="1"/>
  <c r="O633" i="8"/>
  <c r="I631" i="9" s="1"/>
  <c r="J634" i="8"/>
  <c r="F632" i="9" s="1"/>
  <c r="L634" i="8"/>
  <c r="N634" i="8"/>
  <c r="H632" i="9" s="1"/>
  <c r="O634" i="8"/>
  <c r="I632" i="9" s="1"/>
  <c r="J635" i="8"/>
  <c r="F633" i="9" s="1"/>
  <c r="L635" i="8"/>
  <c r="N635" i="8"/>
  <c r="H633" i="9" s="1"/>
  <c r="O635" i="8"/>
  <c r="I633" i="9" s="1"/>
  <c r="J636" i="8"/>
  <c r="F634" i="9" s="1"/>
  <c r="L636" i="8"/>
  <c r="N636" i="8"/>
  <c r="H634" i="9" s="1"/>
  <c r="O636" i="8"/>
  <c r="I634" i="9" s="1"/>
  <c r="J637" i="8"/>
  <c r="F635" i="9" s="1"/>
  <c r="L637" i="8"/>
  <c r="N637" i="8"/>
  <c r="H635" i="9" s="1"/>
  <c r="O637" i="8"/>
  <c r="I635" i="9" s="1"/>
  <c r="J638" i="8"/>
  <c r="F636" i="9" s="1"/>
  <c r="L638" i="8"/>
  <c r="N638" i="8"/>
  <c r="H636" i="9" s="1"/>
  <c r="O638" i="8"/>
  <c r="I636" i="9" s="1"/>
  <c r="J639" i="8"/>
  <c r="F637" i="9" s="1"/>
  <c r="L639" i="8"/>
  <c r="N639" i="8"/>
  <c r="H637" i="9" s="1"/>
  <c r="O639" i="8"/>
  <c r="I637" i="9" s="1"/>
  <c r="J640" i="8"/>
  <c r="F638" i="9" s="1"/>
  <c r="L640" i="8"/>
  <c r="N640" i="8"/>
  <c r="H638" i="9" s="1"/>
  <c r="O640" i="8"/>
  <c r="I638" i="9" s="1"/>
  <c r="J641" i="8"/>
  <c r="F639" i="9" s="1"/>
  <c r="L641" i="8"/>
  <c r="N641" i="8"/>
  <c r="H639" i="9" s="1"/>
  <c r="O641" i="8"/>
  <c r="I639" i="9" s="1"/>
  <c r="J642" i="8"/>
  <c r="F640" i="9" s="1"/>
  <c r="L642" i="8"/>
  <c r="N642" i="8"/>
  <c r="H640" i="9" s="1"/>
  <c r="O642" i="8"/>
  <c r="I640" i="9" s="1"/>
  <c r="J643" i="8"/>
  <c r="F641" i="9" s="1"/>
  <c r="L643" i="8"/>
  <c r="N643" i="8"/>
  <c r="H641" i="9" s="1"/>
  <c r="O643" i="8"/>
  <c r="I641" i="9" s="1"/>
  <c r="J644" i="8"/>
  <c r="F642" i="9" s="1"/>
  <c r="L644" i="8"/>
  <c r="N644" i="8"/>
  <c r="H642" i="9" s="1"/>
  <c r="O644" i="8"/>
  <c r="I642" i="9" s="1"/>
  <c r="J645" i="8"/>
  <c r="F643" i="9" s="1"/>
  <c r="L645" i="8"/>
  <c r="N645" i="8"/>
  <c r="H643" i="9" s="1"/>
  <c r="O645" i="8"/>
  <c r="I643" i="9" s="1"/>
  <c r="J646" i="8"/>
  <c r="F644" i="9" s="1"/>
  <c r="L646" i="8"/>
  <c r="N646" i="8"/>
  <c r="H644" i="9" s="1"/>
  <c r="O646" i="8"/>
  <c r="I644" i="9" s="1"/>
  <c r="J647" i="8"/>
  <c r="F645" i="9" s="1"/>
  <c r="L647" i="8"/>
  <c r="N647" i="8"/>
  <c r="H645" i="9" s="1"/>
  <c r="O647" i="8"/>
  <c r="I645" i="9" s="1"/>
  <c r="J648" i="8"/>
  <c r="F646" i="9" s="1"/>
  <c r="L648" i="8"/>
  <c r="N648" i="8"/>
  <c r="H646" i="9" s="1"/>
  <c r="O648" i="8"/>
  <c r="I646" i="9" s="1"/>
  <c r="J649" i="8"/>
  <c r="F647" i="9" s="1"/>
  <c r="L649" i="8"/>
  <c r="N649" i="8"/>
  <c r="H647" i="9" s="1"/>
  <c r="O649" i="8"/>
  <c r="I647" i="9" s="1"/>
  <c r="J650" i="8"/>
  <c r="F648" i="9" s="1"/>
  <c r="L650" i="8"/>
  <c r="N650" i="8"/>
  <c r="H648" i="9" s="1"/>
  <c r="O650" i="8"/>
  <c r="I648" i="9" s="1"/>
  <c r="J651" i="8"/>
  <c r="F649" i="9" s="1"/>
  <c r="L651" i="8"/>
  <c r="N651" i="8"/>
  <c r="H649" i="9" s="1"/>
  <c r="O651" i="8"/>
  <c r="I649" i="9" s="1"/>
  <c r="J652" i="8"/>
  <c r="F650" i="9" s="1"/>
  <c r="L652" i="8"/>
  <c r="N652" i="8"/>
  <c r="H650" i="9" s="1"/>
  <c r="O652" i="8"/>
  <c r="I650" i="9" s="1"/>
  <c r="J653" i="8"/>
  <c r="F651" i="9" s="1"/>
  <c r="L653" i="8"/>
  <c r="N653" i="8"/>
  <c r="H651" i="9" s="1"/>
  <c r="O653" i="8"/>
  <c r="I651" i="9" s="1"/>
  <c r="J654" i="8"/>
  <c r="F652" i="9" s="1"/>
  <c r="L654" i="8"/>
  <c r="N654" i="8"/>
  <c r="H652" i="9" s="1"/>
  <c r="O654" i="8"/>
  <c r="I652" i="9" s="1"/>
  <c r="J655" i="8"/>
  <c r="F653" i="9" s="1"/>
  <c r="L655" i="8"/>
  <c r="N655" i="8"/>
  <c r="H653" i="9" s="1"/>
  <c r="O655" i="8"/>
  <c r="I653" i="9" s="1"/>
  <c r="J656" i="8"/>
  <c r="F654" i="9" s="1"/>
  <c r="L656" i="8"/>
  <c r="N656" i="8"/>
  <c r="H654" i="9" s="1"/>
  <c r="O656" i="8"/>
  <c r="I654" i="9" s="1"/>
  <c r="J657" i="8"/>
  <c r="F655" i="9" s="1"/>
  <c r="L657" i="8"/>
  <c r="N657" i="8"/>
  <c r="H655" i="9" s="1"/>
  <c r="O657" i="8"/>
  <c r="I655" i="9" s="1"/>
  <c r="J658" i="8"/>
  <c r="F656" i="9" s="1"/>
  <c r="L658" i="8"/>
  <c r="N658" i="8"/>
  <c r="H656" i="9" s="1"/>
  <c r="O658" i="8"/>
  <c r="I656" i="9" s="1"/>
  <c r="J659" i="8"/>
  <c r="F657" i="9" s="1"/>
  <c r="L659" i="8"/>
  <c r="N659" i="8"/>
  <c r="H657" i="9" s="1"/>
  <c r="O659" i="8"/>
  <c r="I657" i="9" s="1"/>
  <c r="J660" i="8"/>
  <c r="F658" i="9" s="1"/>
  <c r="L660" i="8"/>
  <c r="N660" i="8"/>
  <c r="H658" i="9" s="1"/>
  <c r="O660" i="8"/>
  <c r="I658" i="9" s="1"/>
  <c r="J661" i="8"/>
  <c r="F659" i="9" s="1"/>
  <c r="L661" i="8"/>
  <c r="N661" i="8"/>
  <c r="H659" i="9" s="1"/>
  <c r="O661" i="8"/>
  <c r="I659" i="9" s="1"/>
  <c r="J662" i="8"/>
  <c r="F660" i="9" s="1"/>
  <c r="L662" i="8"/>
  <c r="N662" i="8"/>
  <c r="H660" i="9" s="1"/>
  <c r="O662" i="8"/>
  <c r="I660" i="9" s="1"/>
  <c r="J663" i="8"/>
  <c r="F661" i="9" s="1"/>
  <c r="L663" i="8"/>
  <c r="N663" i="8"/>
  <c r="H661" i="9" s="1"/>
  <c r="O663" i="8"/>
  <c r="I661" i="9" s="1"/>
  <c r="J664" i="8"/>
  <c r="F662" i="9" s="1"/>
  <c r="L664" i="8"/>
  <c r="N664" i="8"/>
  <c r="H662" i="9" s="1"/>
  <c r="O664" i="8"/>
  <c r="I662" i="9" s="1"/>
  <c r="J665" i="8"/>
  <c r="F663" i="9" s="1"/>
  <c r="L665" i="8"/>
  <c r="N665" i="8"/>
  <c r="H663" i="9" s="1"/>
  <c r="O665" i="8"/>
  <c r="I663" i="9" s="1"/>
  <c r="J666" i="8"/>
  <c r="F664" i="9" s="1"/>
  <c r="L666" i="8"/>
  <c r="N666" i="8"/>
  <c r="H664" i="9" s="1"/>
  <c r="O666" i="8"/>
  <c r="I664" i="9" s="1"/>
  <c r="J667" i="8"/>
  <c r="F665" i="9" s="1"/>
  <c r="L667" i="8"/>
  <c r="N667" i="8"/>
  <c r="H665" i="9" s="1"/>
  <c r="O667" i="8"/>
  <c r="I665" i="9" s="1"/>
  <c r="J668" i="8"/>
  <c r="F666" i="9" s="1"/>
  <c r="L668" i="8"/>
  <c r="N668" i="8"/>
  <c r="H666" i="9" s="1"/>
  <c r="O668" i="8"/>
  <c r="I666" i="9" s="1"/>
  <c r="J669" i="8"/>
  <c r="F667" i="9" s="1"/>
  <c r="L669" i="8"/>
  <c r="N669" i="8"/>
  <c r="H667" i="9" s="1"/>
  <c r="O669" i="8"/>
  <c r="I667" i="9" s="1"/>
  <c r="J670" i="8"/>
  <c r="F668" i="9" s="1"/>
  <c r="L670" i="8"/>
  <c r="N670" i="8"/>
  <c r="H668" i="9" s="1"/>
  <c r="O670" i="8"/>
  <c r="I668" i="9" s="1"/>
  <c r="J671" i="8"/>
  <c r="F669" i="9" s="1"/>
  <c r="L671" i="8"/>
  <c r="N671" i="8"/>
  <c r="H669" i="9" s="1"/>
  <c r="O671" i="8"/>
  <c r="I669" i="9" s="1"/>
  <c r="J672" i="8"/>
  <c r="F670" i="9" s="1"/>
  <c r="L672" i="8"/>
  <c r="N672" i="8"/>
  <c r="H670" i="9" s="1"/>
  <c r="O672" i="8"/>
  <c r="I670" i="9" s="1"/>
  <c r="J673" i="8"/>
  <c r="F671" i="9" s="1"/>
  <c r="L673" i="8"/>
  <c r="N673" i="8"/>
  <c r="H671" i="9" s="1"/>
  <c r="O673" i="8"/>
  <c r="I671" i="9" s="1"/>
  <c r="J674" i="8"/>
  <c r="F672" i="9" s="1"/>
  <c r="L674" i="8"/>
  <c r="N674" i="8"/>
  <c r="H672" i="9" s="1"/>
  <c r="O674" i="8"/>
  <c r="I672" i="9" s="1"/>
  <c r="J675" i="8"/>
  <c r="F673" i="9" s="1"/>
  <c r="L675" i="8"/>
  <c r="N675" i="8"/>
  <c r="H673" i="9" s="1"/>
  <c r="O675" i="8"/>
  <c r="I673" i="9" s="1"/>
  <c r="J676" i="8"/>
  <c r="F674" i="9" s="1"/>
  <c r="L676" i="8"/>
  <c r="N676" i="8"/>
  <c r="H674" i="9" s="1"/>
  <c r="O676" i="8"/>
  <c r="I674" i="9" s="1"/>
  <c r="J677" i="8"/>
  <c r="F675" i="9" s="1"/>
  <c r="L677" i="8"/>
  <c r="N677" i="8"/>
  <c r="H675" i="9" s="1"/>
  <c r="O677" i="8"/>
  <c r="I675" i="9" s="1"/>
  <c r="J678" i="8"/>
  <c r="F676" i="9" s="1"/>
  <c r="L678" i="8"/>
  <c r="N678" i="8"/>
  <c r="H676" i="9" s="1"/>
  <c r="O678" i="8"/>
  <c r="I676" i="9" s="1"/>
  <c r="J679" i="8"/>
  <c r="F677" i="9" s="1"/>
  <c r="L679" i="8"/>
  <c r="N679" i="8"/>
  <c r="H677" i="9" s="1"/>
  <c r="O679" i="8"/>
  <c r="I677" i="9" s="1"/>
  <c r="J680" i="8"/>
  <c r="F678" i="9" s="1"/>
  <c r="L680" i="8"/>
  <c r="N680" i="8"/>
  <c r="H678" i="9" s="1"/>
  <c r="O680" i="8"/>
  <c r="I678" i="9" s="1"/>
  <c r="J681" i="8"/>
  <c r="F679" i="9" s="1"/>
  <c r="L681" i="8"/>
  <c r="N681" i="8"/>
  <c r="H679" i="9" s="1"/>
  <c r="O681" i="8"/>
  <c r="I679" i="9" s="1"/>
  <c r="J682" i="8"/>
  <c r="F680" i="9" s="1"/>
  <c r="L682" i="8"/>
  <c r="N682" i="8"/>
  <c r="H680" i="9" s="1"/>
  <c r="O682" i="8"/>
  <c r="I680" i="9" s="1"/>
  <c r="J683" i="8"/>
  <c r="F681" i="9" s="1"/>
  <c r="L683" i="8"/>
  <c r="N683" i="8"/>
  <c r="H681" i="9" s="1"/>
  <c r="O683" i="8"/>
  <c r="I681" i="9" s="1"/>
  <c r="J684" i="8"/>
  <c r="F682" i="9" s="1"/>
  <c r="L684" i="8"/>
  <c r="N684" i="8"/>
  <c r="H682" i="9" s="1"/>
  <c r="O684" i="8"/>
  <c r="I682" i="9" s="1"/>
  <c r="J685" i="8"/>
  <c r="F683" i="9" s="1"/>
  <c r="L685" i="8"/>
  <c r="N685" i="8"/>
  <c r="H683" i="9" s="1"/>
  <c r="O685" i="8"/>
  <c r="I683" i="9" s="1"/>
  <c r="J686" i="8"/>
  <c r="F684" i="9" s="1"/>
  <c r="L686" i="8"/>
  <c r="N686" i="8"/>
  <c r="H684" i="9" s="1"/>
  <c r="O686" i="8"/>
  <c r="I684" i="9" s="1"/>
  <c r="J687" i="8"/>
  <c r="F685" i="9" s="1"/>
  <c r="L687" i="8"/>
  <c r="N687" i="8"/>
  <c r="H685" i="9" s="1"/>
  <c r="O687" i="8"/>
  <c r="I685" i="9" s="1"/>
  <c r="J688" i="8"/>
  <c r="F686" i="9" s="1"/>
  <c r="L688" i="8"/>
  <c r="N688" i="8"/>
  <c r="H686" i="9" s="1"/>
  <c r="O688" i="8"/>
  <c r="I686" i="9" s="1"/>
  <c r="J689" i="8"/>
  <c r="F687" i="9" s="1"/>
  <c r="L689" i="8"/>
  <c r="N689" i="8"/>
  <c r="H687" i="9" s="1"/>
  <c r="O689" i="8"/>
  <c r="I687" i="9" s="1"/>
  <c r="J690" i="8"/>
  <c r="F688" i="9" s="1"/>
  <c r="L690" i="8"/>
  <c r="N690" i="8"/>
  <c r="H688" i="9" s="1"/>
  <c r="O690" i="8"/>
  <c r="I688" i="9" s="1"/>
  <c r="J691" i="8"/>
  <c r="F689" i="9" s="1"/>
  <c r="L691" i="8"/>
  <c r="N691" i="8"/>
  <c r="H689" i="9" s="1"/>
  <c r="O691" i="8"/>
  <c r="I689" i="9" s="1"/>
  <c r="J692" i="8"/>
  <c r="F690" i="9" s="1"/>
  <c r="L692" i="8"/>
  <c r="N692" i="8"/>
  <c r="H690" i="9" s="1"/>
  <c r="O692" i="8"/>
  <c r="I690" i="9" s="1"/>
  <c r="J693" i="8"/>
  <c r="F691" i="9" s="1"/>
  <c r="L693" i="8"/>
  <c r="N693" i="8"/>
  <c r="H691" i="9" s="1"/>
  <c r="O693" i="8"/>
  <c r="I691" i="9" s="1"/>
  <c r="J694" i="8"/>
  <c r="F692" i="9" s="1"/>
  <c r="L694" i="8"/>
  <c r="N694" i="8"/>
  <c r="H692" i="9" s="1"/>
  <c r="O694" i="8"/>
  <c r="I692" i="9" s="1"/>
  <c r="J695" i="8"/>
  <c r="F693" i="9" s="1"/>
  <c r="L695" i="8"/>
  <c r="N695" i="8"/>
  <c r="H693" i="9" s="1"/>
  <c r="O695" i="8"/>
  <c r="I693" i="9" s="1"/>
  <c r="J696" i="8"/>
  <c r="F694" i="9" s="1"/>
  <c r="L696" i="8"/>
  <c r="N696" i="8"/>
  <c r="H694" i="9" s="1"/>
  <c r="O696" i="8"/>
  <c r="I694" i="9" s="1"/>
  <c r="J697" i="8"/>
  <c r="F695" i="9" s="1"/>
  <c r="L697" i="8"/>
  <c r="N697" i="8"/>
  <c r="H695" i="9" s="1"/>
  <c r="O697" i="8"/>
  <c r="I695" i="9" s="1"/>
  <c r="J698" i="8"/>
  <c r="F696" i="9" s="1"/>
  <c r="L698" i="8"/>
  <c r="N698" i="8"/>
  <c r="H696" i="9" s="1"/>
  <c r="O698" i="8"/>
  <c r="I696" i="9" s="1"/>
  <c r="J699" i="8"/>
  <c r="F697" i="9" s="1"/>
  <c r="L699" i="8"/>
  <c r="N699" i="8"/>
  <c r="H697" i="9" s="1"/>
  <c r="O699" i="8"/>
  <c r="I697" i="9" s="1"/>
  <c r="J700" i="8"/>
  <c r="F698" i="9" s="1"/>
  <c r="L700" i="8"/>
  <c r="N700" i="8"/>
  <c r="H698" i="9" s="1"/>
  <c r="O700" i="8"/>
  <c r="I698" i="9" s="1"/>
  <c r="J701" i="8"/>
  <c r="F699" i="9" s="1"/>
  <c r="L701" i="8"/>
  <c r="N701" i="8"/>
  <c r="H699" i="9" s="1"/>
  <c r="O701" i="8"/>
  <c r="I699" i="9" s="1"/>
  <c r="J702" i="8"/>
  <c r="F700" i="9" s="1"/>
  <c r="L702" i="8"/>
  <c r="N702" i="8"/>
  <c r="H700" i="9" s="1"/>
  <c r="O702" i="8"/>
  <c r="I700" i="9" s="1"/>
  <c r="J703" i="8"/>
  <c r="F701" i="9" s="1"/>
  <c r="L703" i="8"/>
  <c r="N703" i="8"/>
  <c r="H701" i="9" s="1"/>
  <c r="O703" i="8"/>
  <c r="I701" i="9" s="1"/>
  <c r="J704" i="8"/>
  <c r="F702" i="9" s="1"/>
  <c r="L704" i="8"/>
  <c r="N704" i="8"/>
  <c r="H702" i="9" s="1"/>
  <c r="O704" i="8"/>
  <c r="I702" i="9" s="1"/>
  <c r="J705" i="8"/>
  <c r="F703" i="9" s="1"/>
  <c r="L705" i="8"/>
  <c r="N705" i="8"/>
  <c r="H703" i="9" s="1"/>
  <c r="O705" i="8"/>
  <c r="I703" i="9" s="1"/>
  <c r="J706" i="8"/>
  <c r="F704" i="9" s="1"/>
  <c r="L706" i="8"/>
  <c r="N706" i="8"/>
  <c r="H704" i="9" s="1"/>
  <c r="O706" i="8"/>
  <c r="I704" i="9" s="1"/>
  <c r="J707" i="8"/>
  <c r="F705" i="9" s="1"/>
  <c r="L707" i="8"/>
  <c r="N707" i="8"/>
  <c r="H705" i="9" s="1"/>
  <c r="O707" i="8"/>
  <c r="I705" i="9" s="1"/>
  <c r="J708" i="8"/>
  <c r="F706" i="9" s="1"/>
  <c r="L708" i="8"/>
  <c r="N708" i="8"/>
  <c r="H706" i="9" s="1"/>
  <c r="O708" i="8"/>
  <c r="I706" i="9" s="1"/>
  <c r="J709" i="8"/>
  <c r="F707" i="9" s="1"/>
  <c r="L709" i="8"/>
  <c r="N709" i="8"/>
  <c r="H707" i="9" s="1"/>
  <c r="O709" i="8"/>
  <c r="I707" i="9" s="1"/>
  <c r="J710" i="8"/>
  <c r="F708" i="9" s="1"/>
  <c r="L710" i="8"/>
  <c r="N710" i="8"/>
  <c r="H708" i="9" s="1"/>
  <c r="O710" i="8"/>
  <c r="I708" i="9" s="1"/>
  <c r="J711" i="8"/>
  <c r="F709" i="9" s="1"/>
  <c r="L711" i="8"/>
  <c r="N711" i="8"/>
  <c r="H709" i="9" s="1"/>
  <c r="O711" i="8"/>
  <c r="I709" i="9" s="1"/>
  <c r="J712" i="8"/>
  <c r="F710" i="9" s="1"/>
  <c r="L712" i="8"/>
  <c r="N712" i="8"/>
  <c r="H710" i="9" s="1"/>
  <c r="O712" i="8"/>
  <c r="I710" i="9" s="1"/>
  <c r="J713" i="8"/>
  <c r="F711" i="9" s="1"/>
  <c r="L713" i="8"/>
  <c r="N713" i="8"/>
  <c r="H711" i="9" s="1"/>
  <c r="O713" i="8"/>
  <c r="I711" i="9" s="1"/>
  <c r="J714" i="8"/>
  <c r="F712" i="9" s="1"/>
  <c r="L714" i="8"/>
  <c r="N714" i="8"/>
  <c r="H712" i="9" s="1"/>
  <c r="O714" i="8"/>
  <c r="I712" i="9" s="1"/>
  <c r="J715" i="8"/>
  <c r="F713" i="9" s="1"/>
  <c r="L715" i="8"/>
  <c r="N715" i="8"/>
  <c r="H713" i="9" s="1"/>
  <c r="O715" i="8"/>
  <c r="I713" i="9" s="1"/>
  <c r="J716" i="8"/>
  <c r="F714" i="9" s="1"/>
  <c r="L716" i="8"/>
  <c r="N716" i="8"/>
  <c r="H714" i="9" s="1"/>
  <c r="O716" i="8"/>
  <c r="I714" i="9" s="1"/>
  <c r="J717" i="8"/>
  <c r="F715" i="9" s="1"/>
  <c r="L717" i="8"/>
  <c r="N717" i="8"/>
  <c r="H715" i="9" s="1"/>
  <c r="O717" i="8"/>
  <c r="I715" i="9" s="1"/>
  <c r="J718" i="8"/>
  <c r="F716" i="9" s="1"/>
  <c r="L718" i="8"/>
  <c r="N718" i="8"/>
  <c r="H716" i="9" s="1"/>
  <c r="O718" i="8"/>
  <c r="I716" i="9" s="1"/>
  <c r="J719" i="8"/>
  <c r="F717" i="9" s="1"/>
  <c r="L719" i="8"/>
  <c r="N719" i="8"/>
  <c r="H717" i="9" s="1"/>
  <c r="O719" i="8"/>
  <c r="I717" i="9" s="1"/>
  <c r="J720" i="8"/>
  <c r="F718" i="9" s="1"/>
  <c r="L720" i="8"/>
  <c r="N720" i="8"/>
  <c r="H718" i="9" s="1"/>
  <c r="O720" i="8"/>
  <c r="I718" i="9" s="1"/>
  <c r="J721" i="8"/>
  <c r="F719" i="9" s="1"/>
  <c r="L721" i="8"/>
  <c r="N721" i="8"/>
  <c r="H719" i="9" s="1"/>
  <c r="O721" i="8"/>
  <c r="I719" i="9" s="1"/>
  <c r="J722" i="8"/>
  <c r="F720" i="9" s="1"/>
  <c r="L722" i="8"/>
  <c r="N722" i="8"/>
  <c r="H720" i="9" s="1"/>
  <c r="O722" i="8"/>
  <c r="I720" i="9" s="1"/>
  <c r="J723" i="8"/>
  <c r="F721" i="9" s="1"/>
  <c r="L723" i="8"/>
  <c r="N723" i="8"/>
  <c r="H721" i="9" s="1"/>
  <c r="O723" i="8"/>
  <c r="I721" i="9" s="1"/>
  <c r="J724" i="8"/>
  <c r="F722" i="9" s="1"/>
  <c r="L724" i="8"/>
  <c r="N724" i="8"/>
  <c r="H722" i="9" s="1"/>
  <c r="O724" i="8"/>
  <c r="I722" i="9" s="1"/>
  <c r="J725" i="8"/>
  <c r="F723" i="9" s="1"/>
  <c r="L725" i="8"/>
  <c r="N725" i="8"/>
  <c r="H723" i="9" s="1"/>
  <c r="O725" i="8"/>
  <c r="I723" i="9" s="1"/>
  <c r="J726" i="8"/>
  <c r="F724" i="9" s="1"/>
  <c r="L726" i="8"/>
  <c r="N726" i="8"/>
  <c r="H724" i="9" s="1"/>
  <c r="O726" i="8"/>
  <c r="I724" i="9" s="1"/>
  <c r="J727" i="8"/>
  <c r="F725" i="9" s="1"/>
  <c r="L727" i="8"/>
  <c r="N727" i="8"/>
  <c r="H725" i="9" s="1"/>
  <c r="O727" i="8"/>
  <c r="I725" i="9" s="1"/>
  <c r="J728" i="8"/>
  <c r="F726" i="9" s="1"/>
  <c r="L728" i="8"/>
  <c r="N728" i="8"/>
  <c r="H726" i="9" s="1"/>
  <c r="O728" i="8"/>
  <c r="I726" i="9" s="1"/>
  <c r="J729" i="8"/>
  <c r="F727" i="9" s="1"/>
  <c r="L729" i="8"/>
  <c r="N729" i="8"/>
  <c r="H727" i="9" s="1"/>
  <c r="O729" i="8"/>
  <c r="I727" i="9" s="1"/>
  <c r="J730" i="8"/>
  <c r="F728" i="9" s="1"/>
  <c r="L730" i="8"/>
  <c r="N730" i="8"/>
  <c r="H728" i="9" s="1"/>
  <c r="O730" i="8"/>
  <c r="I728" i="9" s="1"/>
  <c r="J731" i="8"/>
  <c r="F729" i="9" s="1"/>
  <c r="L731" i="8"/>
  <c r="N731" i="8"/>
  <c r="H729" i="9" s="1"/>
  <c r="O731" i="8"/>
  <c r="I729" i="9" s="1"/>
  <c r="J732" i="8"/>
  <c r="F730" i="9" s="1"/>
  <c r="L732" i="8"/>
  <c r="N732" i="8"/>
  <c r="H730" i="9" s="1"/>
  <c r="O732" i="8"/>
  <c r="I730" i="9" s="1"/>
  <c r="J733" i="8"/>
  <c r="F731" i="9" s="1"/>
  <c r="L733" i="8"/>
  <c r="N733" i="8"/>
  <c r="H731" i="9" s="1"/>
  <c r="O733" i="8"/>
  <c r="I731" i="9" s="1"/>
  <c r="J734" i="8"/>
  <c r="F732" i="9" s="1"/>
  <c r="L734" i="8"/>
  <c r="N734" i="8"/>
  <c r="H732" i="9" s="1"/>
  <c r="O734" i="8"/>
  <c r="I732" i="9" s="1"/>
  <c r="J735" i="8"/>
  <c r="F733" i="9" s="1"/>
  <c r="L735" i="8"/>
  <c r="N735" i="8"/>
  <c r="H733" i="9" s="1"/>
  <c r="O735" i="8"/>
  <c r="I733" i="9" s="1"/>
  <c r="J736" i="8"/>
  <c r="F734" i="9" s="1"/>
  <c r="L736" i="8"/>
  <c r="N736" i="8"/>
  <c r="H734" i="9" s="1"/>
  <c r="O736" i="8"/>
  <c r="I734" i="9" s="1"/>
  <c r="J737" i="8"/>
  <c r="F735" i="9" s="1"/>
  <c r="L737" i="8"/>
  <c r="N737" i="8"/>
  <c r="H735" i="9" s="1"/>
  <c r="O737" i="8"/>
  <c r="I735" i="9" s="1"/>
  <c r="J738" i="8"/>
  <c r="F736" i="9" s="1"/>
  <c r="L738" i="8"/>
  <c r="N738" i="8"/>
  <c r="H736" i="9" s="1"/>
  <c r="O738" i="8"/>
  <c r="I736" i="9" s="1"/>
  <c r="J739" i="8"/>
  <c r="F737" i="9" s="1"/>
  <c r="L739" i="8"/>
  <c r="N739" i="8"/>
  <c r="H737" i="9" s="1"/>
  <c r="O739" i="8"/>
  <c r="I737" i="9" s="1"/>
  <c r="J740" i="8"/>
  <c r="F738" i="9" s="1"/>
  <c r="L740" i="8"/>
  <c r="N740" i="8"/>
  <c r="H738" i="9" s="1"/>
  <c r="O740" i="8"/>
  <c r="I738" i="9" s="1"/>
  <c r="J741" i="8"/>
  <c r="F739" i="9" s="1"/>
  <c r="L741" i="8"/>
  <c r="N741" i="8"/>
  <c r="H739" i="9" s="1"/>
  <c r="O741" i="8"/>
  <c r="I739" i="9" s="1"/>
  <c r="J742" i="8"/>
  <c r="F740" i="9" s="1"/>
  <c r="L742" i="8"/>
  <c r="N742" i="8"/>
  <c r="H740" i="9" s="1"/>
  <c r="O742" i="8"/>
  <c r="I740" i="9" s="1"/>
  <c r="J743" i="8"/>
  <c r="F741" i="9" s="1"/>
  <c r="L743" i="8"/>
  <c r="N743" i="8"/>
  <c r="H741" i="9" s="1"/>
  <c r="O743" i="8"/>
  <c r="I741" i="9" s="1"/>
  <c r="J744" i="8"/>
  <c r="F742" i="9" s="1"/>
  <c r="L744" i="8"/>
  <c r="N744" i="8"/>
  <c r="H742" i="9" s="1"/>
  <c r="O744" i="8"/>
  <c r="I742" i="9" s="1"/>
  <c r="J745" i="8"/>
  <c r="F743" i="9" s="1"/>
  <c r="L745" i="8"/>
  <c r="N745" i="8"/>
  <c r="H743" i="9" s="1"/>
  <c r="O745" i="8"/>
  <c r="I743" i="9" s="1"/>
  <c r="J746" i="8"/>
  <c r="F744" i="9" s="1"/>
  <c r="L746" i="8"/>
  <c r="N746" i="8"/>
  <c r="H744" i="9" s="1"/>
  <c r="O746" i="8"/>
  <c r="I744" i="9" s="1"/>
  <c r="J747" i="8"/>
  <c r="F745" i="9" s="1"/>
  <c r="L747" i="8"/>
  <c r="N747" i="8"/>
  <c r="H745" i="9" s="1"/>
  <c r="O747" i="8"/>
  <c r="I745" i="9" s="1"/>
  <c r="J748" i="8"/>
  <c r="F746" i="9" s="1"/>
  <c r="L748" i="8"/>
  <c r="N748" i="8"/>
  <c r="H746" i="9" s="1"/>
  <c r="O748" i="8"/>
  <c r="I746" i="9" s="1"/>
  <c r="J749" i="8"/>
  <c r="F747" i="9" s="1"/>
  <c r="L749" i="8"/>
  <c r="N749" i="8"/>
  <c r="H747" i="9" s="1"/>
  <c r="O749" i="8"/>
  <c r="I747" i="9" s="1"/>
  <c r="J750" i="8"/>
  <c r="F748" i="9" s="1"/>
  <c r="L750" i="8"/>
  <c r="N750" i="8"/>
  <c r="H748" i="9" s="1"/>
  <c r="O750" i="8"/>
  <c r="I748" i="9" s="1"/>
  <c r="J751" i="8"/>
  <c r="F749" i="9" s="1"/>
  <c r="L751" i="8"/>
  <c r="N751" i="8"/>
  <c r="H749" i="9" s="1"/>
  <c r="O751" i="8"/>
  <c r="I749" i="9" s="1"/>
  <c r="J752" i="8"/>
  <c r="F750" i="9" s="1"/>
  <c r="L752" i="8"/>
  <c r="N752" i="8"/>
  <c r="H750" i="9" s="1"/>
  <c r="O752" i="8"/>
  <c r="I750" i="9" s="1"/>
  <c r="J753" i="8"/>
  <c r="F751" i="9" s="1"/>
  <c r="L753" i="8"/>
  <c r="N753" i="8"/>
  <c r="H751" i="9" s="1"/>
  <c r="O753" i="8"/>
  <c r="I751" i="9" s="1"/>
  <c r="J754" i="8"/>
  <c r="F752" i="9" s="1"/>
  <c r="L754" i="8"/>
  <c r="N754" i="8"/>
  <c r="H752" i="9" s="1"/>
  <c r="O754" i="8"/>
  <c r="I752" i="9" s="1"/>
  <c r="J755" i="8"/>
  <c r="F753" i="9" s="1"/>
  <c r="L755" i="8"/>
  <c r="N755" i="8"/>
  <c r="H753" i="9" s="1"/>
  <c r="O755" i="8"/>
  <c r="I753" i="9" s="1"/>
  <c r="J756" i="8"/>
  <c r="F754" i="9" s="1"/>
  <c r="L756" i="8"/>
  <c r="N756" i="8"/>
  <c r="H754" i="9" s="1"/>
  <c r="O756" i="8"/>
  <c r="I754" i="9" s="1"/>
  <c r="J757" i="8"/>
  <c r="F755" i="9" s="1"/>
  <c r="L757" i="8"/>
  <c r="N757" i="8"/>
  <c r="H755" i="9" s="1"/>
  <c r="O757" i="8"/>
  <c r="I755" i="9" s="1"/>
  <c r="J758" i="8"/>
  <c r="F756" i="9" s="1"/>
  <c r="L758" i="8"/>
  <c r="N758" i="8"/>
  <c r="H756" i="9" s="1"/>
  <c r="O758" i="8"/>
  <c r="I756" i="9" s="1"/>
  <c r="J759" i="8"/>
  <c r="F757" i="9" s="1"/>
  <c r="L759" i="8"/>
  <c r="N759" i="8"/>
  <c r="H757" i="9" s="1"/>
  <c r="O759" i="8"/>
  <c r="I757" i="9" s="1"/>
  <c r="J760" i="8"/>
  <c r="F758" i="9" s="1"/>
  <c r="L760" i="8"/>
  <c r="N760" i="8"/>
  <c r="H758" i="9" s="1"/>
  <c r="O760" i="8"/>
  <c r="I758" i="9" s="1"/>
  <c r="J761" i="8"/>
  <c r="F759" i="9" s="1"/>
  <c r="L761" i="8"/>
  <c r="N761" i="8"/>
  <c r="H759" i="9" s="1"/>
  <c r="O761" i="8"/>
  <c r="I759" i="9" s="1"/>
  <c r="J762" i="8"/>
  <c r="F760" i="9" s="1"/>
  <c r="L762" i="8"/>
  <c r="N762" i="8"/>
  <c r="H760" i="9" s="1"/>
  <c r="O762" i="8"/>
  <c r="I760" i="9" s="1"/>
  <c r="J763" i="8"/>
  <c r="F761" i="9" s="1"/>
  <c r="L763" i="8"/>
  <c r="N763" i="8"/>
  <c r="H761" i="9" s="1"/>
  <c r="O763" i="8"/>
  <c r="I761" i="9" s="1"/>
  <c r="J764" i="8"/>
  <c r="F762" i="9" s="1"/>
  <c r="L764" i="8"/>
  <c r="N764" i="8"/>
  <c r="H762" i="9" s="1"/>
  <c r="O764" i="8"/>
  <c r="I762" i="9" s="1"/>
  <c r="J765" i="8"/>
  <c r="F763" i="9" s="1"/>
  <c r="L765" i="8"/>
  <c r="N765" i="8"/>
  <c r="H763" i="9" s="1"/>
  <c r="O765" i="8"/>
  <c r="I763" i="9" s="1"/>
  <c r="J766" i="8"/>
  <c r="F764" i="9" s="1"/>
  <c r="L766" i="8"/>
  <c r="N766" i="8"/>
  <c r="H764" i="9" s="1"/>
  <c r="O766" i="8"/>
  <c r="I764" i="9" s="1"/>
  <c r="J767" i="8"/>
  <c r="F765" i="9" s="1"/>
  <c r="L767" i="8"/>
  <c r="N767" i="8"/>
  <c r="H765" i="9" s="1"/>
  <c r="O767" i="8"/>
  <c r="I765" i="9" s="1"/>
  <c r="J768" i="8"/>
  <c r="F766" i="9" s="1"/>
  <c r="L768" i="8"/>
  <c r="N768" i="8"/>
  <c r="H766" i="9" s="1"/>
  <c r="O768" i="8"/>
  <c r="I766" i="9" s="1"/>
  <c r="J769" i="8"/>
  <c r="F767" i="9" s="1"/>
  <c r="L769" i="8"/>
  <c r="N769" i="8"/>
  <c r="H767" i="9" s="1"/>
  <c r="O769" i="8"/>
  <c r="I767" i="9" s="1"/>
  <c r="J770" i="8"/>
  <c r="F768" i="9" s="1"/>
  <c r="L770" i="8"/>
  <c r="N770" i="8"/>
  <c r="H768" i="9" s="1"/>
  <c r="O770" i="8"/>
  <c r="I768" i="9" s="1"/>
  <c r="J771" i="8"/>
  <c r="F769" i="9" s="1"/>
  <c r="L771" i="8"/>
  <c r="N771" i="8"/>
  <c r="H769" i="9" s="1"/>
  <c r="O771" i="8"/>
  <c r="I769" i="9" s="1"/>
  <c r="J772" i="8"/>
  <c r="F770" i="9" s="1"/>
  <c r="L772" i="8"/>
  <c r="N772" i="8"/>
  <c r="H770" i="9" s="1"/>
  <c r="O772" i="8"/>
  <c r="I770" i="9" s="1"/>
  <c r="J773" i="8"/>
  <c r="F771" i="9" s="1"/>
  <c r="L773" i="8"/>
  <c r="N773" i="8"/>
  <c r="H771" i="9" s="1"/>
  <c r="O773" i="8"/>
  <c r="I771" i="9" s="1"/>
  <c r="J774" i="8"/>
  <c r="F772" i="9" s="1"/>
  <c r="L774" i="8"/>
  <c r="N774" i="8"/>
  <c r="H772" i="9" s="1"/>
  <c r="O774" i="8"/>
  <c r="I772" i="9" s="1"/>
  <c r="J775" i="8"/>
  <c r="F773" i="9" s="1"/>
  <c r="L775" i="8"/>
  <c r="N775" i="8"/>
  <c r="H773" i="9" s="1"/>
  <c r="O775" i="8"/>
  <c r="I773" i="9" s="1"/>
  <c r="J776" i="8"/>
  <c r="F774" i="9" s="1"/>
  <c r="L776" i="8"/>
  <c r="N776" i="8"/>
  <c r="H774" i="9" s="1"/>
  <c r="O776" i="8"/>
  <c r="I774" i="9" s="1"/>
  <c r="J777" i="8"/>
  <c r="F775" i="9" s="1"/>
  <c r="L777" i="8"/>
  <c r="N777" i="8"/>
  <c r="H775" i="9" s="1"/>
  <c r="O777" i="8"/>
  <c r="I775" i="9" s="1"/>
  <c r="J778" i="8"/>
  <c r="F776" i="9" s="1"/>
  <c r="L778" i="8"/>
  <c r="N778" i="8"/>
  <c r="H776" i="9" s="1"/>
  <c r="O778" i="8"/>
  <c r="I776" i="9" s="1"/>
  <c r="J779" i="8"/>
  <c r="F777" i="9" s="1"/>
  <c r="L779" i="8"/>
  <c r="N779" i="8"/>
  <c r="H777" i="9" s="1"/>
  <c r="O779" i="8"/>
  <c r="I777" i="9" s="1"/>
  <c r="J780" i="8"/>
  <c r="F778" i="9" s="1"/>
  <c r="L780" i="8"/>
  <c r="N780" i="8"/>
  <c r="H778" i="9" s="1"/>
  <c r="O780" i="8"/>
  <c r="I778" i="9" s="1"/>
  <c r="J781" i="8"/>
  <c r="F779" i="9" s="1"/>
  <c r="L781" i="8"/>
  <c r="N781" i="8"/>
  <c r="H779" i="9" s="1"/>
  <c r="O781" i="8"/>
  <c r="I779" i="9" s="1"/>
  <c r="J782" i="8"/>
  <c r="F780" i="9" s="1"/>
  <c r="L782" i="8"/>
  <c r="N782" i="8"/>
  <c r="H780" i="9" s="1"/>
  <c r="O782" i="8"/>
  <c r="I780" i="9" s="1"/>
  <c r="J783" i="8"/>
  <c r="F781" i="9" s="1"/>
  <c r="L783" i="8"/>
  <c r="N783" i="8"/>
  <c r="H781" i="9" s="1"/>
  <c r="O783" i="8"/>
  <c r="I781" i="9" s="1"/>
  <c r="J784" i="8"/>
  <c r="F782" i="9" s="1"/>
  <c r="L784" i="8"/>
  <c r="N784" i="8"/>
  <c r="H782" i="9" s="1"/>
  <c r="O784" i="8"/>
  <c r="I782" i="9" s="1"/>
  <c r="J785" i="8"/>
  <c r="F783" i="9" s="1"/>
  <c r="L785" i="8"/>
  <c r="N785" i="8"/>
  <c r="H783" i="9" s="1"/>
  <c r="O785" i="8"/>
  <c r="I783" i="9" s="1"/>
  <c r="J786" i="8"/>
  <c r="F784" i="9" s="1"/>
  <c r="L786" i="8"/>
  <c r="N786" i="8"/>
  <c r="H784" i="9" s="1"/>
  <c r="O786" i="8"/>
  <c r="I784" i="9" s="1"/>
  <c r="J787" i="8"/>
  <c r="F785" i="9" s="1"/>
  <c r="L787" i="8"/>
  <c r="N787" i="8"/>
  <c r="H785" i="9" s="1"/>
  <c r="O787" i="8"/>
  <c r="I785" i="9" s="1"/>
  <c r="J788" i="8"/>
  <c r="F786" i="9" s="1"/>
  <c r="L788" i="8"/>
  <c r="N788" i="8"/>
  <c r="H786" i="9" s="1"/>
  <c r="O788" i="8"/>
  <c r="I786" i="9" s="1"/>
  <c r="J789" i="8"/>
  <c r="F787" i="9" s="1"/>
  <c r="L789" i="8"/>
  <c r="N789" i="8"/>
  <c r="H787" i="9" s="1"/>
  <c r="O789" i="8"/>
  <c r="I787" i="9" s="1"/>
  <c r="J790" i="8"/>
  <c r="F788" i="9" s="1"/>
  <c r="L790" i="8"/>
  <c r="N790" i="8"/>
  <c r="H788" i="9" s="1"/>
  <c r="O790" i="8"/>
  <c r="I788" i="9" s="1"/>
  <c r="J791" i="8"/>
  <c r="F789" i="9" s="1"/>
  <c r="L791" i="8"/>
  <c r="N791" i="8"/>
  <c r="H789" i="9" s="1"/>
  <c r="O791" i="8"/>
  <c r="I789" i="9" s="1"/>
  <c r="J792" i="8"/>
  <c r="F790" i="9" s="1"/>
  <c r="L792" i="8"/>
  <c r="N792" i="8"/>
  <c r="H790" i="9" s="1"/>
  <c r="O792" i="8"/>
  <c r="I790" i="9" s="1"/>
  <c r="J793" i="8"/>
  <c r="F791" i="9" s="1"/>
  <c r="L793" i="8"/>
  <c r="N793" i="8"/>
  <c r="H791" i="9" s="1"/>
  <c r="O793" i="8"/>
  <c r="I791" i="9" s="1"/>
  <c r="J794" i="8"/>
  <c r="F792" i="9" s="1"/>
  <c r="L794" i="8"/>
  <c r="N794" i="8"/>
  <c r="H792" i="9" s="1"/>
  <c r="O794" i="8"/>
  <c r="I792" i="9" s="1"/>
  <c r="J795" i="8"/>
  <c r="F793" i="9" s="1"/>
  <c r="L795" i="8"/>
  <c r="N795" i="8"/>
  <c r="H793" i="9" s="1"/>
  <c r="O795" i="8"/>
  <c r="I793" i="9" s="1"/>
  <c r="J796" i="8"/>
  <c r="F794" i="9" s="1"/>
  <c r="L796" i="8"/>
  <c r="N796" i="8"/>
  <c r="H794" i="9" s="1"/>
  <c r="O796" i="8"/>
  <c r="I794" i="9" s="1"/>
  <c r="J797" i="8"/>
  <c r="F795" i="9" s="1"/>
  <c r="L797" i="8"/>
  <c r="N797" i="8"/>
  <c r="H795" i="9" s="1"/>
  <c r="O797" i="8"/>
  <c r="I795" i="9" s="1"/>
  <c r="J798" i="8"/>
  <c r="F796" i="9" s="1"/>
  <c r="L798" i="8"/>
  <c r="N798" i="8"/>
  <c r="H796" i="9" s="1"/>
  <c r="O798" i="8"/>
  <c r="I796" i="9" s="1"/>
  <c r="J799" i="8"/>
  <c r="F797" i="9" s="1"/>
  <c r="L799" i="8"/>
  <c r="N799" i="8"/>
  <c r="H797" i="9" s="1"/>
  <c r="O799" i="8"/>
  <c r="I797" i="9" s="1"/>
  <c r="J800" i="8"/>
  <c r="F798" i="9" s="1"/>
  <c r="L800" i="8"/>
  <c r="N800" i="8"/>
  <c r="H798" i="9" s="1"/>
  <c r="O800" i="8"/>
  <c r="I798" i="9" s="1"/>
  <c r="J801" i="8"/>
  <c r="F799" i="9" s="1"/>
  <c r="L801" i="8"/>
  <c r="N801" i="8"/>
  <c r="H799" i="9" s="1"/>
  <c r="O801" i="8"/>
  <c r="I799" i="9" s="1"/>
  <c r="J802" i="8"/>
  <c r="F800" i="9" s="1"/>
  <c r="L802" i="8"/>
  <c r="N802" i="8"/>
  <c r="H800" i="9" s="1"/>
  <c r="O802" i="8"/>
  <c r="I800" i="9" s="1"/>
  <c r="J803" i="8"/>
  <c r="F801" i="9" s="1"/>
  <c r="L803" i="8"/>
  <c r="N803" i="8"/>
  <c r="H801" i="9" s="1"/>
  <c r="O803" i="8"/>
  <c r="I801" i="9" s="1"/>
  <c r="J804" i="8"/>
  <c r="F802" i="9" s="1"/>
  <c r="L804" i="8"/>
  <c r="N804" i="8"/>
  <c r="H802" i="9" s="1"/>
  <c r="O804" i="8"/>
  <c r="I802" i="9" s="1"/>
  <c r="J805" i="8"/>
  <c r="F803" i="9" s="1"/>
  <c r="L805" i="8"/>
  <c r="N805" i="8"/>
  <c r="H803" i="9" s="1"/>
  <c r="O805" i="8"/>
  <c r="I803" i="9" s="1"/>
  <c r="J806" i="8"/>
  <c r="F804" i="9" s="1"/>
  <c r="L806" i="8"/>
  <c r="N806" i="8"/>
  <c r="H804" i="9" s="1"/>
  <c r="O806" i="8"/>
  <c r="I804" i="9" s="1"/>
  <c r="J807" i="8"/>
  <c r="F805" i="9" s="1"/>
  <c r="L807" i="8"/>
  <c r="N807" i="8"/>
  <c r="H805" i="9" s="1"/>
  <c r="O807" i="8"/>
  <c r="I805" i="9" s="1"/>
  <c r="J808" i="8"/>
  <c r="F806" i="9" s="1"/>
  <c r="L808" i="8"/>
  <c r="N808" i="8"/>
  <c r="H806" i="9" s="1"/>
  <c r="O808" i="8"/>
  <c r="I806" i="9" s="1"/>
  <c r="J809" i="8"/>
  <c r="F807" i="9" s="1"/>
  <c r="L809" i="8"/>
  <c r="N809" i="8"/>
  <c r="H807" i="9" s="1"/>
  <c r="O809" i="8"/>
  <c r="I807" i="9" s="1"/>
  <c r="J810" i="8"/>
  <c r="F808" i="9" s="1"/>
  <c r="L810" i="8"/>
  <c r="N810" i="8"/>
  <c r="H808" i="9" s="1"/>
  <c r="O810" i="8"/>
  <c r="I808" i="9" s="1"/>
  <c r="J811" i="8"/>
  <c r="F809" i="9" s="1"/>
  <c r="L811" i="8"/>
  <c r="N811" i="8"/>
  <c r="H809" i="9" s="1"/>
  <c r="O811" i="8"/>
  <c r="I809" i="9" s="1"/>
  <c r="J812" i="8"/>
  <c r="F810" i="9" s="1"/>
  <c r="L812" i="8"/>
  <c r="N812" i="8"/>
  <c r="H810" i="9" s="1"/>
  <c r="O812" i="8"/>
  <c r="I810" i="9" s="1"/>
  <c r="J813" i="8"/>
  <c r="F811" i="9" s="1"/>
  <c r="L813" i="8"/>
  <c r="N813" i="8"/>
  <c r="H811" i="9" s="1"/>
  <c r="O813" i="8"/>
  <c r="I811" i="9" s="1"/>
  <c r="J814" i="8"/>
  <c r="F812" i="9" s="1"/>
  <c r="L814" i="8"/>
  <c r="N814" i="8"/>
  <c r="H812" i="9" s="1"/>
  <c r="O814" i="8"/>
  <c r="I812" i="9" s="1"/>
  <c r="J815" i="8"/>
  <c r="F813" i="9" s="1"/>
  <c r="L815" i="8"/>
  <c r="N815" i="8"/>
  <c r="H813" i="9" s="1"/>
  <c r="O815" i="8"/>
  <c r="I813" i="9" s="1"/>
  <c r="J816" i="8"/>
  <c r="F814" i="9" s="1"/>
  <c r="L816" i="8"/>
  <c r="N816" i="8"/>
  <c r="H814" i="9" s="1"/>
  <c r="O816" i="8"/>
  <c r="I814" i="9" s="1"/>
  <c r="J817" i="8"/>
  <c r="F815" i="9" s="1"/>
  <c r="L817" i="8"/>
  <c r="N817" i="8"/>
  <c r="H815" i="9" s="1"/>
  <c r="O817" i="8"/>
  <c r="I815" i="9" s="1"/>
  <c r="J818" i="8"/>
  <c r="F816" i="9" s="1"/>
  <c r="L818" i="8"/>
  <c r="N818" i="8"/>
  <c r="H816" i="9" s="1"/>
  <c r="O818" i="8"/>
  <c r="I816" i="9" s="1"/>
  <c r="J819" i="8"/>
  <c r="F817" i="9" s="1"/>
  <c r="L819" i="8"/>
  <c r="N819" i="8"/>
  <c r="H817" i="9" s="1"/>
  <c r="O819" i="8"/>
  <c r="I817" i="9" s="1"/>
  <c r="J820" i="8"/>
  <c r="F818" i="9" s="1"/>
  <c r="L820" i="8"/>
  <c r="N820" i="8"/>
  <c r="H818" i="9" s="1"/>
  <c r="O820" i="8"/>
  <c r="I818" i="9" s="1"/>
  <c r="J821" i="8"/>
  <c r="F819" i="9" s="1"/>
  <c r="L821" i="8"/>
  <c r="N821" i="8"/>
  <c r="H819" i="9" s="1"/>
  <c r="O821" i="8"/>
  <c r="I819" i="9" s="1"/>
  <c r="J822" i="8"/>
  <c r="F820" i="9" s="1"/>
  <c r="L822" i="8"/>
  <c r="N822" i="8"/>
  <c r="H820" i="9" s="1"/>
  <c r="O822" i="8"/>
  <c r="I820" i="9" s="1"/>
  <c r="J823" i="8"/>
  <c r="F821" i="9" s="1"/>
  <c r="L823" i="8"/>
  <c r="N823" i="8"/>
  <c r="H821" i="9" s="1"/>
  <c r="O823" i="8"/>
  <c r="I821" i="9" s="1"/>
  <c r="J824" i="8"/>
  <c r="F822" i="9" s="1"/>
  <c r="L824" i="8"/>
  <c r="N824" i="8"/>
  <c r="H822" i="9" s="1"/>
  <c r="O824" i="8"/>
  <c r="I822" i="9" s="1"/>
  <c r="J825" i="8"/>
  <c r="F823" i="9" s="1"/>
  <c r="L825" i="8"/>
  <c r="N825" i="8"/>
  <c r="H823" i="9" s="1"/>
  <c r="O825" i="8"/>
  <c r="I823" i="9" s="1"/>
  <c r="J826" i="8"/>
  <c r="F824" i="9" s="1"/>
  <c r="L826" i="8"/>
  <c r="N826" i="8"/>
  <c r="H824" i="9" s="1"/>
  <c r="O826" i="8"/>
  <c r="I824" i="9" s="1"/>
  <c r="J827" i="8"/>
  <c r="F825" i="9" s="1"/>
  <c r="L827" i="8"/>
  <c r="N827" i="8"/>
  <c r="H825" i="9" s="1"/>
  <c r="O827" i="8"/>
  <c r="I825" i="9" s="1"/>
  <c r="J828" i="8"/>
  <c r="F826" i="9" s="1"/>
  <c r="L828" i="8"/>
  <c r="N828" i="8"/>
  <c r="H826" i="9" s="1"/>
  <c r="O828" i="8"/>
  <c r="I826" i="9" s="1"/>
  <c r="J829" i="8"/>
  <c r="F827" i="9" s="1"/>
  <c r="L829" i="8"/>
  <c r="N829" i="8"/>
  <c r="H827" i="9" s="1"/>
  <c r="O829" i="8"/>
  <c r="I827" i="9" s="1"/>
  <c r="J830" i="8"/>
  <c r="F828" i="9" s="1"/>
  <c r="L830" i="8"/>
  <c r="N830" i="8"/>
  <c r="H828" i="9" s="1"/>
  <c r="O830" i="8"/>
  <c r="I828" i="9" s="1"/>
  <c r="J831" i="8"/>
  <c r="F829" i="9" s="1"/>
  <c r="L831" i="8"/>
  <c r="N831" i="8"/>
  <c r="H829" i="9" s="1"/>
  <c r="O831" i="8"/>
  <c r="I829" i="9" s="1"/>
  <c r="J832" i="8"/>
  <c r="F830" i="9" s="1"/>
  <c r="L832" i="8"/>
  <c r="N832" i="8"/>
  <c r="H830" i="9" s="1"/>
  <c r="O832" i="8"/>
  <c r="I830" i="9" s="1"/>
  <c r="J833" i="8"/>
  <c r="F831" i="9" s="1"/>
  <c r="L833" i="8"/>
  <c r="N833" i="8"/>
  <c r="H831" i="9" s="1"/>
  <c r="O833" i="8"/>
  <c r="I831" i="9" s="1"/>
  <c r="J834" i="8"/>
  <c r="F832" i="9" s="1"/>
  <c r="L834" i="8"/>
  <c r="N834" i="8"/>
  <c r="H832" i="9" s="1"/>
  <c r="O834" i="8"/>
  <c r="I832" i="9" s="1"/>
  <c r="J835" i="8"/>
  <c r="F833" i="9" s="1"/>
  <c r="L835" i="8"/>
  <c r="N835" i="8"/>
  <c r="H833" i="9" s="1"/>
  <c r="O835" i="8"/>
  <c r="I833" i="9" s="1"/>
  <c r="J836" i="8"/>
  <c r="F834" i="9" s="1"/>
  <c r="L836" i="8"/>
  <c r="N836" i="8"/>
  <c r="H834" i="9" s="1"/>
  <c r="O836" i="8"/>
  <c r="I834" i="9" s="1"/>
  <c r="J837" i="8"/>
  <c r="F835" i="9" s="1"/>
  <c r="L837" i="8"/>
  <c r="N837" i="8"/>
  <c r="H835" i="9" s="1"/>
  <c r="O837" i="8"/>
  <c r="I835" i="9" s="1"/>
  <c r="J838" i="8"/>
  <c r="F836" i="9" s="1"/>
  <c r="L838" i="8"/>
  <c r="N838" i="8"/>
  <c r="H836" i="9" s="1"/>
  <c r="O838" i="8"/>
  <c r="I836" i="9" s="1"/>
  <c r="J839" i="8"/>
  <c r="F837" i="9" s="1"/>
  <c r="L839" i="8"/>
  <c r="N839" i="8"/>
  <c r="H837" i="9" s="1"/>
  <c r="O839" i="8"/>
  <c r="I837" i="9" s="1"/>
  <c r="J840" i="8"/>
  <c r="F838" i="9" s="1"/>
  <c r="L840" i="8"/>
  <c r="N840" i="8"/>
  <c r="H838" i="9" s="1"/>
  <c r="O840" i="8"/>
  <c r="I838" i="9" s="1"/>
  <c r="J841" i="8"/>
  <c r="F839" i="9" s="1"/>
  <c r="L841" i="8"/>
  <c r="N841" i="8"/>
  <c r="H839" i="9" s="1"/>
  <c r="O841" i="8"/>
  <c r="I839" i="9" s="1"/>
  <c r="J842" i="8"/>
  <c r="F840" i="9" s="1"/>
  <c r="L842" i="8"/>
  <c r="N842" i="8"/>
  <c r="H840" i="9" s="1"/>
  <c r="O842" i="8"/>
  <c r="I840" i="9" s="1"/>
  <c r="J843" i="8"/>
  <c r="F841" i="9" s="1"/>
  <c r="L843" i="8"/>
  <c r="N843" i="8"/>
  <c r="H841" i="9" s="1"/>
  <c r="O843" i="8"/>
  <c r="I841" i="9" s="1"/>
  <c r="J844" i="8"/>
  <c r="F842" i="9" s="1"/>
  <c r="L844" i="8"/>
  <c r="N844" i="8"/>
  <c r="H842" i="9" s="1"/>
  <c r="O844" i="8"/>
  <c r="I842" i="9" s="1"/>
  <c r="J845" i="8"/>
  <c r="F843" i="9" s="1"/>
  <c r="L845" i="8"/>
  <c r="N845" i="8"/>
  <c r="H843" i="9" s="1"/>
  <c r="O845" i="8"/>
  <c r="I843" i="9" s="1"/>
  <c r="J846" i="8"/>
  <c r="F844" i="9" s="1"/>
  <c r="L846" i="8"/>
  <c r="N846" i="8"/>
  <c r="H844" i="9" s="1"/>
  <c r="O846" i="8"/>
  <c r="I844" i="9" s="1"/>
  <c r="J847" i="8"/>
  <c r="F845" i="9" s="1"/>
  <c r="L847" i="8"/>
  <c r="N847" i="8"/>
  <c r="H845" i="9" s="1"/>
  <c r="O847" i="8"/>
  <c r="I845" i="9" s="1"/>
  <c r="J848" i="8"/>
  <c r="F846" i="9" s="1"/>
  <c r="L848" i="8"/>
  <c r="N848" i="8"/>
  <c r="H846" i="9" s="1"/>
  <c r="O848" i="8"/>
  <c r="I846" i="9" s="1"/>
  <c r="J849" i="8"/>
  <c r="F847" i="9" s="1"/>
  <c r="L849" i="8"/>
  <c r="N849" i="8"/>
  <c r="H847" i="9" s="1"/>
  <c r="O849" i="8"/>
  <c r="I847" i="9" s="1"/>
  <c r="J850" i="8"/>
  <c r="F848" i="9" s="1"/>
  <c r="L850" i="8"/>
  <c r="N850" i="8"/>
  <c r="H848" i="9" s="1"/>
  <c r="O850" i="8"/>
  <c r="I848" i="9" s="1"/>
  <c r="J851" i="8"/>
  <c r="F849" i="9" s="1"/>
  <c r="L851" i="8"/>
  <c r="N851" i="8"/>
  <c r="H849" i="9" s="1"/>
  <c r="O851" i="8"/>
  <c r="I849" i="9" s="1"/>
  <c r="J852" i="8"/>
  <c r="F850" i="9" s="1"/>
  <c r="L852" i="8"/>
  <c r="N852" i="8"/>
  <c r="H850" i="9" s="1"/>
  <c r="O852" i="8"/>
  <c r="I850" i="9" s="1"/>
  <c r="J853" i="8"/>
  <c r="F851" i="9" s="1"/>
  <c r="L853" i="8"/>
  <c r="N853" i="8"/>
  <c r="H851" i="9" s="1"/>
  <c r="O853" i="8"/>
  <c r="I851" i="9" s="1"/>
  <c r="J854" i="8"/>
  <c r="F852" i="9" s="1"/>
  <c r="L854" i="8"/>
  <c r="N854" i="8"/>
  <c r="H852" i="9" s="1"/>
  <c r="O854" i="8"/>
  <c r="I852" i="9" s="1"/>
  <c r="J855" i="8"/>
  <c r="F853" i="9" s="1"/>
  <c r="L855" i="8"/>
  <c r="N855" i="8"/>
  <c r="H853" i="9" s="1"/>
  <c r="O855" i="8"/>
  <c r="I853" i="9" s="1"/>
  <c r="J856" i="8"/>
  <c r="F854" i="9" s="1"/>
  <c r="L856" i="8"/>
  <c r="N856" i="8"/>
  <c r="H854" i="9" s="1"/>
  <c r="O856" i="8"/>
  <c r="I854" i="9" s="1"/>
  <c r="J857" i="8"/>
  <c r="F855" i="9" s="1"/>
  <c r="L857" i="8"/>
  <c r="N857" i="8"/>
  <c r="H855" i="9" s="1"/>
  <c r="O857" i="8"/>
  <c r="I855" i="9" s="1"/>
  <c r="J858" i="8"/>
  <c r="F856" i="9" s="1"/>
  <c r="L858" i="8"/>
  <c r="N858" i="8"/>
  <c r="H856" i="9" s="1"/>
  <c r="O858" i="8"/>
  <c r="I856" i="9" s="1"/>
  <c r="J859" i="8"/>
  <c r="F857" i="9" s="1"/>
  <c r="L859" i="8"/>
  <c r="N859" i="8"/>
  <c r="H857" i="9" s="1"/>
  <c r="O859" i="8"/>
  <c r="I857" i="9" s="1"/>
  <c r="J860" i="8"/>
  <c r="F858" i="9" s="1"/>
  <c r="L860" i="8"/>
  <c r="N860" i="8"/>
  <c r="H858" i="9" s="1"/>
  <c r="O860" i="8"/>
  <c r="I858" i="9" s="1"/>
  <c r="J861" i="8"/>
  <c r="F859" i="9" s="1"/>
  <c r="L861" i="8"/>
  <c r="N861" i="8"/>
  <c r="H859" i="9" s="1"/>
  <c r="O861" i="8"/>
  <c r="I859" i="9" s="1"/>
  <c r="J862" i="8"/>
  <c r="F860" i="9" s="1"/>
  <c r="L862" i="8"/>
  <c r="N862" i="8"/>
  <c r="H860" i="9" s="1"/>
  <c r="O862" i="8"/>
  <c r="I860" i="9" s="1"/>
  <c r="J863" i="8"/>
  <c r="F861" i="9" s="1"/>
  <c r="L863" i="8"/>
  <c r="N863" i="8"/>
  <c r="H861" i="9" s="1"/>
  <c r="O863" i="8"/>
  <c r="I861" i="9" s="1"/>
  <c r="J864" i="8"/>
  <c r="F862" i="9" s="1"/>
  <c r="L864" i="8"/>
  <c r="N864" i="8"/>
  <c r="H862" i="9" s="1"/>
  <c r="O864" i="8"/>
  <c r="I862" i="9" s="1"/>
  <c r="J865" i="8"/>
  <c r="F863" i="9" s="1"/>
  <c r="L865" i="8"/>
  <c r="N865" i="8"/>
  <c r="H863" i="9" s="1"/>
  <c r="O865" i="8"/>
  <c r="I863" i="9" s="1"/>
  <c r="J866" i="8"/>
  <c r="F864" i="9" s="1"/>
  <c r="L866" i="8"/>
  <c r="N866" i="8"/>
  <c r="H864" i="9" s="1"/>
  <c r="O866" i="8"/>
  <c r="I864" i="9" s="1"/>
  <c r="J867" i="8"/>
  <c r="F865" i="9" s="1"/>
  <c r="L867" i="8"/>
  <c r="N867" i="8"/>
  <c r="H865" i="9" s="1"/>
  <c r="O867" i="8"/>
  <c r="I865" i="9" s="1"/>
  <c r="J868" i="8"/>
  <c r="F866" i="9" s="1"/>
  <c r="L868" i="8"/>
  <c r="N868" i="8"/>
  <c r="H866" i="9" s="1"/>
  <c r="O868" i="8"/>
  <c r="I866" i="9" s="1"/>
  <c r="J869" i="8"/>
  <c r="F867" i="9" s="1"/>
  <c r="L869" i="8"/>
  <c r="N869" i="8"/>
  <c r="H867" i="9" s="1"/>
  <c r="O869" i="8"/>
  <c r="I867" i="9" s="1"/>
  <c r="J870" i="8"/>
  <c r="F868" i="9" s="1"/>
  <c r="L870" i="8"/>
  <c r="N870" i="8"/>
  <c r="H868" i="9" s="1"/>
  <c r="O870" i="8"/>
  <c r="I868" i="9" s="1"/>
  <c r="J871" i="8"/>
  <c r="F869" i="9" s="1"/>
  <c r="L871" i="8"/>
  <c r="N871" i="8"/>
  <c r="H869" i="9" s="1"/>
  <c r="O871" i="8"/>
  <c r="I869" i="9" s="1"/>
  <c r="J872" i="8"/>
  <c r="F870" i="9" s="1"/>
  <c r="L872" i="8"/>
  <c r="N872" i="8"/>
  <c r="H870" i="9" s="1"/>
  <c r="O872" i="8"/>
  <c r="I870" i="9" s="1"/>
  <c r="J873" i="8"/>
  <c r="F871" i="9" s="1"/>
  <c r="L873" i="8"/>
  <c r="N873" i="8"/>
  <c r="H871" i="9" s="1"/>
  <c r="O873" i="8"/>
  <c r="I871" i="9" s="1"/>
  <c r="J874" i="8"/>
  <c r="F872" i="9" s="1"/>
  <c r="L874" i="8"/>
  <c r="N874" i="8"/>
  <c r="H872" i="9" s="1"/>
  <c r="O874" i="8"/>
  <c r="I872" i="9" s="1"/>
  <c r="J875" i="8"/>
  <c r="F873" i="9" s="1"/>
  <c r="L875" i="8"/>
  <c r="N875" i="8"/>
  <c r="H873" i="9" s="1"/>
  <c r="O875" i="8"/>
  <c r="I873" i="9" s="1"/>
  <c r="J876" i="8"/>
  <c r="F874" i="9" s="1"/>
  <c r="L876" i="8"/>
  <c r="N876" i="8"/>
  <c r="H874" i="9" s="1"/>
  <c r="O876" i="8"/>
  <c r="I874" i="9" s="1"/>
  <c r="J877" i="8"/>
  <c r="F875" i="9" s="1"/>
  <c r="L877" i="8"/>
  <c r="N877" i="8"/>
  <c r="H875" i="9" s="1"/>
  <c r="O877" i="8"/>
  <c r="I875" i="9" s="1"/>
  <c r="J878" i="8"/>
  <c r="F876" i="9" s="1"/>
  <c r="L878" i="8"/>
  <c r="N878" i="8"/>
  <c r="H876" i="9" s="1"/>
  <c r="O878" i="8"/>
  <c r="I876" i="9" s="1"/>
  <c r="J879" i="8"/>
  <c r="F877" i="9" s="1"/>
  <c r="L879" i="8"/>
  <c r="N879" i="8"/>
  <c r="H877" i="9" s="1"/>
  <c r="O879" i="8"/>
  <c r="I877" i="9" s="1"/>
  <c r="J880" i="8"/>
  <c r="F878" i="9" s="1"/>
  <c r="L880" i="8"/>
  <c r="N880" i="8"/>
  <c r="H878" i="9" s="1"/>
  <c r="O880" i="8"/>
  <c r="I878" i="9" s="1"/>
  <c r="J881" i="8"/>
  <c r="F879" i="9" s="1"/>
  <c r="L881" i="8"/>
  <c r="N881" i="8"/>
  <c r="H879" i="9" s="1"/>
  <c r="O881" i="8"/>
  <c r="I879" i="9" s="1"/>
  <c r="J882" i="8"/>
  <c r="F880" i="9" s="1"/>
  <c r="L882" i="8"/>
  <c r="N882" i="8"/>
  <c r="H880" i="9" s="1"/>
  <c r="O882" i="8"/>
  <c r="I880" i="9" s="1"/>
  <c r="J883" i="8"/>
  <c r="F881" i="9" s="1"/>
  <c r="L883" i="8"/>
  <c r="N883" i="8"/>
  <c r="H881" i="9" s="1"/>
  <c r="O883" i="8"/>
  <c r="I881" i="9" s="1"/>
  <c r="J884" i="8"/>
  <c r="F882" i="9" s="1"/>
  <c r="L884" i="8"/>
  <c r="N884" i="8"/>
  <c r="H882" i="9" s="1"/>
  <c r="O884" i="8"/>
  <c r="I882" i="9" s="1"/>
  <c r="J885" i="8"/>
  <c r="F883" i="9" s="1"/>
  <c r="L885" i="8"/>
  <c r="N885" i="8"/>
  <c r="H883" i="9" s="1"/>
  <c r="O885" i="8"/>
  <c r="I883" i="9" s="1"/>
  <c r="J886" i="8"/>
  <c r="F884" i="9" s="1"/>
  <c r="L886" i="8"/>
  <c r="N886" i="8"/>
  <c r="H884" i="9" s="1"/>
  <c r="O886" i="8"/>
  <c r="I884" i="9" s="1"/>
  <c r="J887" i="8"/>
  <c r="F885" i="9" s="1"/>
  <c r="L887" i="8"/>
  <c r="N887" i="8"/>
  <c r="H885" i="9" s="1"/>
  <c r="O887" i="8"/>
  <c r="I885" i="9" s="1"/>
  <c r="J888" i="8"/>
  <c r="F886" i="9" s="1"/>
  <c r="L888" i="8"/>
  <c r="N888" i="8"/>
  <c r="H886" i="9" s="1"/>
  <c r="O888" i="8"/>
  <c r="I886" i="9" s="1"/>
  <c r="J889" i="8"/>
  <c r="F887" i="9" s="1"/>
  <c r="L889" i="8"/>
  <c r="N889" i="8"/>
  <c r="H887" i="9" s="1"/>
  <c r="O889" i="8"/>
  <c r="I887" i="9" s="1"/>
  <c r="J890" i="8"/>
  <c r="F888" i="9" s="1"/>
  <c r="L890" i="8"/>
  <c r="N890" i="8"/>
  <c r="H888" i="9" s="1"/>
  <c r="O890" i="8"/>
  <c r="I888" i="9" s="1"/>
  <c r="J891" i="8"/>
  <c r="F889" i="9" s="1"/>
  <c r="L891" i="8"/>
  <c r="N891" i="8"/>
  <c r="H889" i="9" s="1"/>
  <c r="O891" i="8"/>
  <c r="I889" i="9" s="1"/>
  <c r="J892" i="8"/>
  <c r="F890" i="9" s="1"/>
  <c r="L892" i="8"/>
  <c r="N892" i="8"/>
  <c r="H890" i="9" s="1"/>
  <c r="O892" i="8"/>
  <c r="I890" i="9" s="1"/>
  <c r="J893" i="8"/>
  <c r="F891" i="9" s="1"/>
  <c r="L893" i="8"/>
  <c r="N893" i="8"/>
  <c r="H891" i="9" s="1"/>
  <c r="O893" i="8"/>
  <c r="I891" i="9" s="1"/>
  <c r="J894" i="8"/>
  <c r="F892" i="9" s="1"/>
  <c r="L894" i="8"/>
  <c r="N894" i="8"/>
  <c r="H892" i="9" s="1"/>
  <c r="O894" i="8"/>
  <c r="I892" i="9" s="1"/>
  <c r="J895" i="8"/>
  <c r="F893" i="9" s="1"/>
  <c r="L895" i="8"/>
  <c r="N895" i="8"/>
  <c r="H893" i="9" s="1"/>
  <c r="O895" i="8"/>
  <c r="I893" i="9" s="1"/>
  <c r="J896" i="8"/>
  <c r="F894" i="9" s="1"/>
  <c r="L896" i="8"/>
  <c r="N896" i="8"/>
  <c r="H894" i="9" s="1"/>
  <c r="O896" i="8"/>
  <c r="I894" i="9" s="1"/>
  <c r="J897" i="8"/>
  <c r="F895" i="9" s="1"/>
  <c r="L897" i="8"/>
  <c r="N897" i="8"/>
  <c r="H895" i="9" s="1"/>
  <c r="O897" i="8"/>
  <c r="I895" i="9" s="1"/>
  <c r="J898" i="8"/>
  <c r="F896" i="9" s="1"/>
  <c r="L898" i="8"/>
  <c r="N898" i="8"/>
  <c r="H896" i="9" s="1"/>
  <c r="O898" i="8"/>
  <c r="I896" i="9" s="1"/>
  <c r="J899" i="8"/>
  <c r="F897" i="9" s="1"/>
  <c r="L899" i="8"/>
  <c r="N899" i="8"/>
  <c r="H897" i="9" s="1"/>
  <c r="O899" i="8"/>
  <c r="I897" i="9" s="1"/>
  <c r="J900" i="8"/>
  <c r="F898" i="9" s="1"/>
  <c r="L900" i="8"/>
  <c r="N900" i="8"/>
  <c r="H898" i="9" s="1"/>
  <c r="O900" i="8"/>
  <c r="I898" i="9" s="1"/>
  <c r="J901" i="8"/>
  <c r="F899" i="9" s="1"/>
  <c r="L901" i="8"/>
  <c r="N901" i="8"/>
  <c r="H899" i="9" s="1"/>
  <c r="O901" i="8"/>
  <c r="I899" i="9" s="1"/>
  <c r="J902" i="8"/>
  <c r="F900" i="9" s="1"/>
  <c r="L902" i="8"/>
  <c r="N902" i="8"/>
  <c r="H900" i="9" s="1"/>
  <c r="O902" i="8"/>
  <c r="I900" i="9" s="1"/>
  <c r="J903" i="8"/>
  <c r="F901" i="9" s="1"/>
  <c r="L903" i="8"/>
  <c r="N903" i="8"/>
  <c r="H901" i="9" s="1"/>
  <c r="O903" i="8"/>
  <c r="I901" i="9" s="1"/>
  <c r="J904" i="8"/>
  <c r="F902" i="9" s="1"/>
  <c r="L904" i="8"/>
  <c r="N904" i="8"/>
  <c r="H902" i="9" s="1"/>
  <c r="O904" i="8"/>
  <c r="I902" i="9" s="1"/>
  <c r="J905" i="8"/>
  <c r="F903" i="9" s="1"/>
  <c r="L905" i="8"/>
  <c r="N905" i="8"/>
  <c r="H903" i="9" s="1"/>
  <c r="O905" i="8"/>
  <c r="I903" i="9" s="1"/>
  <c r="J906" i="8"/>
  <c r="F904" i="9" s="1"/>
  <c r="L906" i="8"/>
  <c r="N906" i="8"/>
  <c r="H904" i="9" s="1"/>
  <c r="O906" i="8"/>
  <c r="I904" i="9" s="1"/>
  <c r="J907" i="8"/>
  <c r="F905" i="9" s="1"/>
  <c r="L907" i="8"/>
  <c r="N907" i="8"/>
  <c r="H905" i="9" s="1"/>
  <c r="O907" i="8"/>
  <c r="I905" i="9" s="1"/>
  <c r="J908" i="8"/>
  <c r="F906" i="9" s="1"/>
  <c r="L908" i="8"/>
  <c r="N908" i="8"/>
  <c r="H906" i="9" s="1"/>
  <c r="O908" i="8"/>
  <c r="I906" i="9" s="1"/>
  <c r="J909" i="8"/>
  <c r="F907" i="9" s="1"/>
  <c r="L909" i="8"/>
  <c r="N909" i="8"/>
  <c r="H907" i="9" s="1"/>
  <c r="O909" i="8"/>
  <c r="I907" i="9" s="1"/>
  <c r="J910" i="8"/>
  <c r="F908" i="9" s="1"/>
  <c r="L910" i="8"/>
  <c r="N910" i="8"/>
  <c r="H908" i="9" s="1"/>
  <c r="O910" i="8"/>
  <c r="I908" i="9" s="1"/>
  <c r="J911" i="8"/>
  <c r="F909" i="9" s="1"/>
  <c r="L911" i="8"/>
  <c r="N911" i="8"/>
  <c r="H909" i="9" s="1"/>
  <c r="O911" i="8"/>
  <c r="I909" i="9" s="1"/>
  <c r="J912" i="8"/>
  <c r="F910" i="9" s="1"/>
  <c r="L912" i="8"/>
  <c r="N912" i="8"/>
  <c r="H910" i="9" s="1"/>
  <c r="O912" i="8"/>
  <c r="I910" i="9" s="1"/>
  <c r="J913" i="8"/>
  <c r="F911" i="9" s="1"/>
  <c r="L913" i="8"/>
  <c r="N913" i="8"/>
  <c r="H911" i="9" s="1"/>
  <c r="O913" i="8"/>
  <c r="I911" i="9" s="1"/>
  <c r="J914" i="8"/>
  <c r="F912" i="9" s="1"/>
  <c r="L914" i="8"/>
  <c r="N914" i="8"/>
  <c r="H912" i="9" s="1"/>
  <c r="O914" i="8"/>
  <c r="I912" i="9" s="1"/>
  <c r="J915" i="8"/>
  <c r="F913" i="9" s="1"/>
  <c r="L915" i="8"/>
  <c r="N915" i="8"/>
  <c r="H913" i="9" s="1"/>
  <c r="O915" i="8"/>
  <c r="I913" i="9" s="1"/>
  <c r="J916" i="8"/>
  <c r="F914" i="9" s="1"/>
  <c r="L916" i="8"/>
  <c r="N916" i="8"/>
  <c r="H914" i="9" s="1"/>
  <c r="O916" i="8"/>
  <c r="I914" i="9" s="1"/>
  <c r="J917" i="8"/>
  <c r="F915" i="9" s="1"/>
  <c r="L917" i="8"/>
  <c r="N917" i="8"/>
  <c r="H915" i="9" s="1"/>
  <c r="O917" i="8"/>
  <c r="I915" i="9" s="1"/>
  <c r="J918" i="8"/>
  <c r="F916" i="9" s="1"/>
  <c r="L918" i="8"/>
  <c r="N918" i="8"/>
  <c r="H916" i="9" s="1"/>
  <c r="O918" i="8"/>
  <c r="I916" i="9" s="1"/>
  <c r="J919" i="8"/>
  <c r="F917" i="9" s="1"/>
  <c r="L919" i="8"/>
  <c r="N919" i="8"/>
  <c r="H917" i="9" s="1"/>
  <c r="O919" i="8"/>
  <c r="I917" i="9" s="1"/>
  <c r="J920" i="8"/>
  <c r="F918" i="9" s="1"/>
  <c r="L920" i="8"/>
  <c r="N920" i="8"/>
  <c r="H918" i="9" s="1"/>
  <c r="O920" i="8"/>
  <c r="I918" i="9" s="1"/>
  <c r="J921" i="8"/>
  <c r="F919" i="9" s="1"/>
  <c r="L921" i="8"/>
  <c r="N921" i="8"/>
  <c r="H919" i="9" s="1"/>
  <c r="O921" i="8"/>
  <c r="I919" i="9" s="1"/>
  <c r="J922" i="8"/>
  <c r="F920" i="9" s="1"/>
  <c r="L922" i="8"/>
  <c r="N922" i="8"/>
  <c r="H920" i="9" s="1"/>
  <c r="O922" i="8"/>
  <c r="I920" i="9" s="1"/>
  <c r="J923" i="8"/>
  <c r="F921" i="9" s="1"/>
  <c r="L923" i="8"/>
  <c r="N923" i="8"/>
  <c r="H921" i="9" s="1"/>
  <c r="O923" i="8"/>
  <c r="I921" i="9" s="1"/>
  <c r="J924" i="8"/>
  <c r="F922" i="9" s="1"/>
  <c r="L924" i="8"/>
  <c r="N924" i="8"/>
  <c r="H922" i="9" s="1"/>
  <c r="O924" i="8"/>
  <c r="I922" i="9" s="1"/>
  <c r="J925" i="8"/>
  <c r="F923" i="9" s="1"/>
  <c r="L925" i="8"/>
  <c r="N925" i="8"/>
  <c r="H923" i="9" s="1"/>
  <c r="O925" i="8"/>
  <c r="I923" i="9" s="1"/>
  <c r="J926" i="8"/>
  <c r="F924" i="9" s="1"/>
  <c r="L926" i="8"/>
  <c r="N926" i="8"/>
  <c r="H924" i="9" s="1"/>
  <c r="O926" i="8"/>
  <c r="I924" i="9" s="1"/>
  <c r="J927" i="8"/>
  <c r="F925" i="9" s="1"/>
  <c r="L927" i="8"/>
  <c r="N927" i="8"/>
  <c r="H925" i="9" s="1"/>
  <c r="O927" i="8"/>
  <c r="I925" i="9" s="1"/>
  <c r="J928" i="8"/>
  <c r="F926" i="9" s="1"/>
  <c r="L928" i="8"/>
  <c r="N928" i="8"/>
  <c r="H926" i="9" s="1"/>
  <c r="O928" i="8"/>
  <c r="I926" i="9" s="1"/>
  <c r="J929" i="8"/>
  <c r="F927" i="9" s="1"/>
  <c r="L929" i="8"/>
  <c r="N929" i="8"/>
  <c r="H927" i="9" s="1"/>
  <c r="O929" i="8"/>
  <c r="I927" i="9" s="1"/>
  <c r="J930" i="8"/>
  <c r="F928" i="9" s="1"/>
  <c r="L930" i="8"/>
  <c r="N930" i="8"/>
  <c r="H928" i="9" s="1"/>
  <c r="O930" i="8"/>
  <c r="I928" i="9" s="1"/>
  <c r="J931" i="8"/>
  <c r="F929" i="9" s="1"/>
  <c r="L931" i="8"/>
  <c r="N931" i="8"/>
  <c r="H929" i="9" s="1"/>
  <c r="O931" i="8"/>
  <c r="I929" i="9" s="1"/>
  <c r="J932" i="8"/>
  <c r="F930" i="9" s="1"/>
  <c r="L932" i="8"/>
  <c r="N932" i="8"/>
  <c r="H930" i="9" s="1"/>
  <c r="O932" i="8"/>
  <c r="I930" i="9" s="1"/>
  <c r="J933" i="8"/>
  <c r="F931" i="9" s="1"/>
  <c r="L933" i="8"/>
  <c r="N933" i="8"/>
  <c r="H931" i="9" s="1"/>
  <c r="O933" i="8"/>
  <c r="I931" i="9" s="1"/>
  <c r="J934" i="8"/>
  <c r="F932" i="9" s="1"/>
  <c r="L934" i="8"/>
  <c r="N934" i="8"/>
  <c r="H932" i="9" s="1"/>
  <c r="O934" i="8"/>
  <c r="I932" i="9" s="1"/>
  <c r="J935" i="8"/>
  <c r="F933" i="9" s="1"/>
  <c r="L935" i="8"/>
  <c r="N935" i="8"/>
  <c r="H933" i="9" s="1"/>
  <c r="O935" i="8"/>
  <c r="I933" i="9" s="1"/>
  <c r="J936" i="8"/>
  <c r="F934" i="9" s="1"/>
  <c r="L936" i="8"/>
  <c r="N936" i="8"/>
  <c r="H934" i="9" s="1"/>
  <c r="O936" i="8"/>
  <c r="I934" i="9" s="1"/>
  <c r="J937" i="8"/>
  <c r="F935" i="9" s="1"/>
  <c r="L937" i="8"/>
  <c r="N937" i="8"/>
  <c r="H935" i="9" s="1"/>
  <c r="O937" i="8"/>
  <c r="I935" i="9" s="1"/>
  <c r="J938" i="8"/>
  <c r="F936" i="9" s="1"/>
  <c r="L938" i="8"/>
  <c r="N938" i="8"/>
  <c r="H936" i="9" s="1"/>
  <c r="O938" i="8"/>
  <c r="I936" i="9" s="1"/>
  <c r="J939" i="8"/>
  <c r="F937" i="9" s="1"/>
  <c r="L939" i="8"/>
  <c r="N939" i="8"/>
  <c r="H937" i="9" s="1"/>
  <c r="O939" i="8"/>
  <c r="I937" i="9" s="1"/>
  <c r="J940" i="8"/>
  <c r="F938" i="9" s="1"/>
  <c r="L940" i="8"/>
  <c r="N940" i="8"/>
  <c r="H938" i="9" s="1"/>
  <c r="O940" i="8"/>
  <c r="I938" i="9" s="1"/>
  <c r="J941" i="8"/>
  <c r="F939" i="9" s="1"/>
  <c r="L941" i="8"/>
  <c r="N941" i="8"/>
  <c r="H939" i="9" s="1"/>
  <c r="O941" i="8"/>
  <c r="I939" i="9" s="1"/>
  <c r="J942" i="8"/>
  <c r="F940" i="9" s="1"/>
  <c r="L942" i="8"/>
  <c r="N942" i="8"/>
  <c r="H940" i="9" s="1"/>
  <c r="O942" i="8"/>
  <c r="I940" i="9" s="1"/>
  <c r="J943" i="8"/>
  <c r="F941" i="9" s="1"/>
  <c r="L943" i="8"/>
  <c r="N943" i="8"/>
  <c r="H941" i="9" s="1"/>
  <c r="O943" i="8"/>
  <c r="I941" i="9" s="1"/>
  <c r="J944" i="8"/>
  <c r="F942" i="9" s="1"/>
  <c r="L944" i="8"/>
  <c r="N944" i="8"/>
  <c r="H942" i="9" s="1"/>
  <c r="O944" i="8"/>
  <c r="I942" i="9" s="1"/>
  <c r="J945" i="8"/>
  <c r="F943" i="9" s="1"/>
  <c r="L945" i="8"/>
  <c r="N945" i="8"/>
  <c r="H943" i="9" s="1"/>
  <c r="O945" i="8"/>
  <c r="I943" i="9" s="1"/>
  <c r="J946" i="8"/>
  <c r="F944" i="9" s="1"/>
  <c r="L946" i="8"/>
  <c r="N946" i="8"/>
  <c r="H944" i="9" s="1"/>
  <c r="O946" i="8"/>
  <c r="I944" i="9" s="1"/>
  <c r="J947" i="8"/>
  <c r="F945" i="9" s="1"/>
  <c r="L947" i="8"/>
  <c r="N947" i="8"/>
  <c r="H945" i="9" s="1"/>
  <c r="O947" i="8"/>
  <c r="I945" i="9" s="1"/>
  <c r="J948" i="8"/>
  <c r="F946" i="9" s="1"/>
  <c r="L948" i="8"/>
  <c r="N948" i="8"/>
  <c r="H946" i="9" s="1"/>
  <c r="O948" i="8"/>
  <c r="I946" i="9" s="1"/>
  <c r="J949" i="8"/>
  <c r="F947" i="9" s="1"/>
  <c r="L949" i="8"/>
  <c r="N949" i="8"/>
  <c r="H947" i="9" s="1"/>
  <c r="O949" i="8"/>
  <c r="I947" i="9" s="1"/>
  <c r="J950" i="8"/>
  <c r="F948" i="9" s="1"/>
  <c r="L950" i="8"/>
  <c r="N950" i="8"/>
  <c r="H948" i="9" s="1"/>
  <c r="O950" i="8"/>
  <c r="I948" i="9" s="1"/>
  <c r="J951" i="8"/>
  <c r="F949" i="9" s="1"/>
  <c r="L951" i="8"/>
  <c r="N951" i="8"/>
  <c r="H949" i="9" s="1"/>
  <c r="O951" i="8"/>
  <c r="I949" i="9" s="1"/>
  <c r="J952" i="8"/>
  <c r="F950" i="9" s="1"/>
  <c r="L952" i="8"/>
  <c r="N952" i="8"/>
  <c r="H950" i="9" s="1"/>
  <c r="O952" i="8"/>
  <c r="I950" i="9" s="1"/>
  <c r="J953" i="8"/>
  <c r="F951" i="9" s="1"/>
  <c r="L953" i="8"/>
  <c r="N953" i="8"/>
  <c r="H951" i="9" s="1"/>
  <c r="O953" i="8"/>
  <c r="I951" i="9" s="1"/>
  <c r="J954" i="8"/>
  <c r="F952" i="9" s="1"/>
  <c r="L954" i="8"/>
  <c r="N954" i="8"/>
  <c r="H952" i="9" s="1"/>
  <c r="O954" i="8"/>
  <c r="I952" i="9" s="1"/>
  <c r="J955" i="8"/>
  <c r="F953" i="9" s="1"/>
  <c r="L955" i="8"/>
  <c r="N955" i="8"/>
  <c r="H953" i="9" s="1"/>
  <c r="O955" i="8"/>
  <c r="I953" i="9" s="1"/>
  <c r="J956" i="8"/>
  <c r="F954" i="9" s="1"/>
  <c r="L956" i="8"/>
  <c r="N956" i="8"/>
  <c r="H954" i="9" s="1"/>
  <c r="O956" i="8"/>
  <c r="I954" i="9" s="1"/>
  <c r="J957" i="8"/>
  <c r="F955" i="9" s="1"/>
  <c r="L957" i="8"/>
  <c r="N957" i="8"/>
  <c r="H955" i="9" s="1"/>
  <c r="O957" i="8"/>
  <c r="I955" i="9" s="1"/>
  <c r="J958" i="8"/>
  <c r="F956" i="9" s="1"/>
  <c r="L958" i="8"/>
  <c r="N958" i="8"/>
  <c r="H956" i="9" s="1"/>
  <c r="O958" i="8"/>
  <c r="I956" i="9" s="1"/>
  <c r="J959" i="8"/>
  <c r="F957" i="9" s="1"/>
  <c r="L959" i="8"/>
  <c r="N959" i="8"/>
  <c r="H957" i="9" s="1"/>
  <c r="O959" i="8"/>
  <c r="I957" i="9" s="1"/>
  <c r="J960" i="8"/>
  <c r="F958" i="9" s="1"/>
  <c r="L960" i="8"/>
  <c r="N960" i="8"/>
  <c r="H958" i="9" s="1"/>
  <c r="O960" i="8"/>
  <c r="I958" i="9" s="1"/>
  <c r="J961" i="8"/>
  <c r="F959" i="9" s="1"/>
  <c r="L961" i="8"/>
  <c r="N961" i="8"/>
  <c r="H959" i="9" s="1"/>
  <c r="O961" i="8"/>
  <c r="I959" i="9" s="1"/>
  <c r="J962" i="8"/>
  <c r="F960" i="9" s="1"/>
  <c r="L962" i="8"/>
  <c r="N962" i="8"/>
  <c r="H960" i="9" s="1"/>
  <c r="O962" i="8"/>
  <c r="I960" i="9" s="1"/>
  <c r="J963" i="8"/>
  <c r="F961" i="9" s="1"/>
  <c r="L963" i="8"/>
  <c r="N963" i="8"/>
  <c r="H961" i="9" s="1"/>
  <c r="O963" i="8"/>
  <c r="I961" i="9" s="1"/>
  <c r="J964" i="8"/>
  <c r="F962" i="9" s="1"/>
  <c r="L964" i="8"/>
  <c r="N964" i="8"/>
  <c r="H962" i="9" s="1"/>
  <c r="O964" i="8"/>
  <c r="I962" i="9" s="1"/>
  <c r="J965" i="8"/>
  <c r="F963" i="9" s="1"/>
  <c r="L965" i="8"/>
  <c r="N965" i="8"/>
  <c r="H963" i="9" s="1"/>
  <c r="O965" i="8"/>
  <c r="I963" i="9" s="1"/>
  <c r="J966" i="8"/>
  <c r="F964" i="9" s="1"/>
  <c r="L966" i="8"/>
  <c r="N966" i="8"/>
  <c r="H964" i="9" s="1"/>
  <c r="O966" i="8"/>
  <c r="I964" i="9" s="1"/>
  <c r="J967" i="8"/>
  <c r="F965" i="9" s="1"/>
  <c r="L967" i="8"/>
  <c r="N967" i="8"/>
  <c r="H965" i="9" s="1"/>
  <c r="O967" i="8"/>
  <c r="I965" i="9" s="1"/>
  <c r="J968" i="8"/>
  <c r="F966" i="9" s="1"/>
  <c r="L968" i="8"/>
  <c r="N968" i="8"/>
  <c r="H966" i="9" s="1"/>
  <c r="O968" i="8"/>
  <c r="I966" i="9" s="1"/>
  <c r="J969" i="8"/>
  <c r="F967" i="9" s="1"/>
  <c r="L969" i="8"/>
  <c r="N969" i="8"/>
  <c r="H967" i="9" s="1"/>
  <c r="O969" i="8"/>
  <c r="I967" i="9" s="1"/>
  <c r="J970" i="8"/>
  <c r="F968" i="9" s="1"/>
  <c r="L970" i="8"/>
  <c r="N970" i="8"/>
  <c r="H968" i="9" s="1"/>
  <c r="O970" i="8"/>
  <c r="I968" i="9" s="1"/>
  <c r="J971" i="8"/>
  <c r="F969" i="9" s="1"/>
  <c r="L971" i="8"/>
  <c r="N971" i="8"/>
  <c r="H969" i="9" s="1"/>
  <c r="O971" i="8"/>
  <c r="I969" i="9" s="1"/>
  <c r="J972" i="8"/>
  <c r="F970" i="9" s="1"/>
  <c r="L972" i="8"/>
  <c r="N972" i="8"/>
  <c r="H970" i="9" s="1"/>
  <c r="O972" i="8"/>
  <c r="I970" i="9" s="1"/>
  <c r="J973" i="8"/>
  <c r="F971" i="9" s="1"/>
  <c r="L973" i="8"/>
  <c r="N973" i="8"/>
  <c r="H971" i="9" s="1"/>
  <c r="O973" i="8"/>
  <c r="I971" i="9" s="1"/>
  <c r="J974" i="8"/>
  <c r="F972" i="9" s="1"/>
  <c r="L974" i="8"/>
  <c r="N974" i="8"/>
  <c r="H972" i="9" s="1"/>
  <c r="O974" i="8"/>
  <c r="I972" i="9" s="1"/>
  <c r="J975" i="8"/>
  <c r="F973" i="9" s="1"/>
  <c r="L975" i="8"/>
  <c r="N975" i="8"/>
  <c r="H973" i="9" s="1"/>
  <c r="O975" i="8"/>
  <c r="I973" i="9" s="1"/>
  <c r="J976" i="8"/>
  <c r="F974" i="9" s="1"/>
  <c r="L976" i="8"/>
  <c r="N976" i="8"/>
  <c r="H974" i="9" s="1"/>
  <c r="O976" i="8"/>
  <c r="I974" i="9" s="1"/>
  <c r="J977" i="8"/>
  <c r="F975" i="9" s="1"/>
  <c r="L977" i="8"/>
  <c r="N977" i="8"/>
  <c r="H975" i="9" s="1"/>
  <c r="O977" i="8"/>
  <c r="I975" i="9" s="1"/>
  <c r="J978" i="8"/>
  <c r="F976" i="9" s="1"/>
  <c r="L978" i="8"/>
  <c r="N978" i="8"/>
  <c r="H976" i="9" s="1"/>
  <c r="O978" i="8"/>
  <c r="I976" i="9" s="1"/>
  <c r="J979" i="8"/>
  <c r="F977" i="9" s="1"/>
  <c r="L979" i="8"/>
  <c r="N979" i="8"/>
  <c r="H977" i="9" s="1"/>
  <c r="O979" i="8"/>
  <c r="I977" i="9" s="1"/>
  <c r="J980" i="8"/>
  <c r="F978" i="9" s="1"/>
  <c r="L980" i="8"/>
  <c r="N980" i="8"/>
  <c r="H978" i="9" s="1"/>
  <c r="O980" i="8"/>
  <c r="I978" i="9" s="1"/>
  <c r="J981" i="8"/>
  <c r="F979" i="9" s="1"/>
  <c r="L981" i="8"/>
  <c r="N981" i="8"/>
  <c r="H979" i="9" s="1"/>
  <c r="O981" i="8"/>
  <c r="I979" i="9" s="1"/>
  <c r="J982" i="8"/>
  <c r="F980" i="9" s="1"/>
  <c r="L982" i="8"/>
  <c r="N982" i="8"/>
  <c r="H980" i="9" s="1"/>
  <c r="O982" i="8"/>
  <c r="I980" i="9" s="1"/>
  <c r="J983" i="8"/>
  <c r="F981" i="9" s="1"/>
  <c r="L983" i="8"/>
  <c r="N983" i="8"/>
  <c r="H981" i="9" s="1"/>
  <c r="O983" i="8"/>
  <c r="I981" i="9" s="1"/>
  <c r="J984" i="8"/>
  <c r="F982" i="9" s="1"/>
  <c r="L984" i="8"/>
  <c r="N984" i="8"/>
  <c r="H982" i="9" s="1"/>
  <c r="O984" i="8"/>
  <c r="I982" i="9" s="1"/>
  <c r="J985" i="8"/>
  <c r="F983" i="9" s="1"/>
  <c r="L985" i="8"/>
  <c r="N985" i="8"/>
  <c r="H983" i="9" s="1"/>
  <c r="O985" i="8"/>
  <c r="I983" i="9" s="1"/>
  <c r="J986" i="8"/>
  <c r="F984" i="9" s="1"/>
  <c r="L986" i="8"/>
  <c r="N986" i="8"/>
  <c r="H984" i="9" s="1"/>
  <c r="O986" i="8"/>
  <c r="I984" i="9" s="1"/>
  <c r="J987" i="8"/>
  <c r="F985" i="9" s="1"/>
  <c r="L987" i="8"/>
  <c r="N987" i="8"/>
  <c r="H985" i="9" s="1"/>
  <c r="O987" i="8"/>
  <c r="I985" i="9" s="1"/>
  <c r="J988" i="8"/>
  <c r="F986" i="9" s="1"/>
  <c r="L988" i="8"/>
  <c r="N988" i="8"/>
  <c r="H986" i="9" s="1"/>
  <c r="O988" i="8"/>
  <c r="I986" i="9" s="1"/>
  <c r="J989" i="8"/>
  <c r="F987" i="9" s="1"/>
  <c r="L989" i="8"/>
  <c r="N989" i="8"/>
  <c r="H987" i="9" s="1"/>
  <c r="O989" i="8"/>
  <c r="I987" i="9" s="1"/>
  <c r="J990" i="8"/>
  <c r="F988" i="9" s="1"/>
  <c r="L990" i="8"/>
  <c r="N990" i="8"/>
  <c r="H988" i="9" s="1"/>
  <c r="O990" i="8"/>
  <c r="I988" i="9" s="1"/>
  <c r="J991" i="8"/>
  <c r="F989" i="9" s="1"/>
  <c r="L991" i="8"/>
  <c r="N991" i="8"/>
  <c r="H989" i="9" s="1"/>
  <c r="O991" i="8"/>
  <c r="I989" i="9" s="1"/>
  <c r="J992" i="8"/>
  <c r="F990" i="9" s="1"/>
  <c r="L992" i="8"/>
  <c r="N992" i="8"/>
  <c r="H990" i="9" s="1"/>
  <c r="O992" i="8"/>
  <c r="I990" i="9" s="1"/>
  <c r="J993" i="8"/>
  <c r="F991" i="9" s="1"/>
  <c r="L993" i="8"/>
  <c r="N993" i="8"/>
  <c r="H991" i="9" s="1"/>
  <c r="O993" i="8"/>
  <c r="I991" i="9" s="1"/>
  <c r="J994" i="8"/>
  <c r="F992" i="9" s="1"/>
  <c r="L994" i="8"/>
  <c r="N994" i="8"/>
  <c r="H992" i="9" s="1"/>
  <c r="O994" i="8"/>
  <c r="I992" i="9" s="1"/>
  <c r="J995" i="8"/>
  <c r="F993" i="9" s="1"/>
  <c r="L995" i="8"/>
  <c r="N995" i="8"/>
  <c r="H993" i="9" s="1"/>
  <c r="O995" i="8"/>
  <c r="I993" i="9" s="1"/>
  <c r="J996" i="8"/>
  <c r="F994" i="9" s="1"/>
  <c r="L996" i="8"/>
  <c r="N996" i="8"/>
  <c r="H994" i="9" s="1"/>
  <c r="O996" i="8"/>
  <c r="I994" i="9" s="1"/>
  <c r="J997" i="8"/>
  <c r="F995" i="9" s="1"/>
  <c r="L997" i="8"/>
  <c r="N997" i="8"/>
  <c r="H995" i="9" s="1"/>
  <c r="O997" i="8"/>
  <c r="I995" i="9" s="1"/>
  <c r="J998" i="8"/>
  <c r="F996" i="9" s="1"/>
  <c r="L998" i="8"/>
  <c r="N998" i="8"/>
  <c r="H996" i="9" s="1"/>
  <c r="O998" i="8"/>
  <c r="I996" i="9" s="1"/>
  <c r="J999" i="8"/>
  <c r="F997" i="9" s="1"/>
  <c r="L999" i="8"/>
  <c r="N999" i="8"/>
  <c r="H997" i="9" s="1"/>
  <c r="O999" i="8"/>
  <c r="I997" i="9" s="1"/>
  <c r="J1000" i="8"/>
  <c r="F998" i="9" s="1"/>
  <c r="L1000" i="8"/>
  <c r="N1000" i="8"/>
  <c r="H998" i="9" s="1"/>
  <c r="O1000" i="8"/>
  <c r="I998" i="9" s="1"/>
  <c r="J1001" i="8"/>
  <c r="F999" i="9" s="1"/>
  <c r="L1001" i="8"/>
  <c r="N1001" i="8"/>
  <c r="H999" i="9" s="1"/>
  <c r="O1001" i="8"/>
  <c r="I999" i="9" s="1"/>
  <c r="J1002" i="8"/>
  <c r="F1000" i="9" s="1"/>
  <c r="L1002" i="8"/>
  <c r="N1002" i="8"/>
  <c r="H1000" i="9" s="1"/>
  <c r="O1002" i="8"/>
  <c r="I1000" i="9" s="1"/>
  <c r="J1003" i="8"/>
  <c r="F1001" i="9" s="1"/>
  <c r="L1003" i="8"/>
  <c r="N1003" i="8"/>
  <c r="H1001" i="9" s="1"/>
  <c r="O1003" i="8"/>
  <c r="I1001" i="9" s="1"/>
  <c r="J1004" i="8"/>
  <c r="F1002" i="9" s="1"/>
  <c r="L1004" i="8"/>
  <c r="N1004" i="8"/>
  <c r="H1002" i="9" s="1"/>
  <c r="O1004" i="8"/>
  <c r="I1002" i="9" s="1"/>
  <c r="J1005" i="8"/>
  <c r="F1003" i="9" s="1"/>
  <c r="L1005" i="8"/>
  <c r="N1005" i="8"/>
  <c r="H1003" i="9" s="1"/>
  <c r="O1005" i="8"/>
  <c r="I1003" i="9" s="1"/>
  <c r="J1006" i="8"/>
  <c r="F1004" i="9" s="1"/>
  <c r="L1006" i="8"/>
  <c r="N1006" i="8"/>
  <c r="H1004" i="9" s="1"/>
  <c r="O1006" i="8"/>
  <c r="I1004" i="9" s="1"/>
  <c r="J1007" i="8"/>
  <c r="F1005" i="9" s="1"/>
  <c r="L1007" i="8"/>
  <c r="N1007" i="8"/>
  <c r="H1005" i="9" s="1"/>
  <c r="O1007" i="8"/>
  <c r="I1005" i="9" s="1"/>
  <c r="J1008" i="8"/>
  <c r="F1006" i="9" s="1"/>
  <c r="L1008" i="8"/>
  <c r="N1008" i="8"/>
  <c r="H1006" i="9" s="1"/>
  <c r="O1008" i="8"/>
  <c r="I1006" i="9" s="1"/>
  <c r="J1009" i="8"/>
  <c r="F1007" i="9" s="1"/>
  <c r="L1009" i="8"/>
  <c r="N1009" i="8"/>
  <c r="H1007" i="9" s="1"/>
  <c r="O1009" i="8"/>
  <c r="I1007" i="9" s="1"/>
  <c r="J1010" i="8"/>
  <c r="F1008" i="9" s="1"/>
  <c r="L1010" i="8"/>
  <c r="N1010" i="8"/>
  <c r="H1008" i="9" s="1"/>
  <c r="O1010" i="8"/>
  <c r="I1008" i="9" s="1"/>
  <c r="J1011" i="8"/>
  <c r="F1009" i="9" s="1"/>
  <c r="L1011" i="8"/>
  <c r="N1011" i="8"/>
  <c r="H1009" i="9" s="1"/>
  <c r="O1011" i="8"/>
  <c r="I1009" i="9" s="1"/>
  <c r="J1012" i="8"/>
  <c r="F1010" i="9" s="1"/>
  <c r="L1012" i="8"/>
  <c r="N1012" i="8"/>
  <c r="H1010" i="9" s="1"/>
  <c r="O1012" i="8"/>
  <c r="I1010" i="9" s="1"/>
  <c r="J1013" i="8"/>
  <c r="F1011" i="9" s="1"/>
  <c r="L1013" i="8"/>
  <c r="N1013" i="8"/>
  <c r="H1011" i="9" s="1"/>
  <c r="O1013" i="8"/>
  <c r="I1011" i="9" s="1"/>
  <c r="J1014" i="8"/>
  <c r="F1012" i="9" s="1"/>
  <c r="L1014" i="8"/>
  <c r="N1014" i="8"/>
  <c r="H1012" i="9" s="1"/>
  <c r="O1014" i="8"/>
  <c r="I1012" i="9" s="1"/>
  <c r="J1015" i="8"/>
  <c r="F1013" i="9" s="1"/>
  <c r="L1015" i="8"/>
  <c r="N1015" i="8"/>
  <c r="H1013" i="9" s="1"/>
  <c r="O1015" i="8"/>
  <c r="I1013" i="9" s="1"/>
  <c r="J1016" i="8"/>
  <c r="F1014" i="9" s="1"/>
  <c r="L1016" i="8"/>
  <c r="N1016" i="8"/>
  <c r="H1014" i="9" s="1"/>
  <c r="O1016" i="8"/>
  <c r="I1014" i="9" s="1"/>
  <c r="J1017" i="8"/>
  <c r="F1015" i="9" s="1"/>
  <c r="L1017" i="8"/>
  <c r="N1017" i="8"/>
  <c r="H1015" i="9" s="1"/>
  <c r="O1017" i="8"/>
  <c r="I1015" i="9" s="1"/>
  <c r="J1018" i="8"/>
  <c r="F1016" i="9" s="1"/>
  <c r="L1018" i="8"/>
  <c r="N1018" i="8"/>
  <c r="H1016" i="9" s="1"/>
  <c r="O1018" i="8"/>
  <c r="I1016" i="9" s="1"/>
  <c r="J1019" i="8"/>
  <c r="F1017" i="9" s="1"/>
  <c r="L1019" i="8"/>
  <c r="N1019" i="8"/>
  <c r="H1017" i="9" s="1"/>
  <c r="O1019" i="8"/>
  <c r="I1017" i="9" s="1"/>
  <c r="J1020" i="8"/>
  <c r="F1018" i="9" s="1"/>
  <c r="L1020" i="8"/>
  <c r="N1020" i="8"/>
  <c r="H1018" i="9" s="1"/>
  <c r="O1020" i="8"/>
  <c r="I1018" i="9" s="1"/>
  <c r="J1021" i="8"/>
  <c r="F1019" i="9" s="1"/>
  <c r="L1021" i="8"/>
  <c r="N1021" i="8"/>
  <c r="H1019" i="9" s="1"/>
  <c r="O1021" i="8"/>
  <c r="I1019" i="9" s="1"/>
  <c r="J1022" i="8"/>
  <c r="F1020" i="9" s="1"/>
  <c r="L1022" i="8"/>
  <c r="N1022" i="8"/>
  <c r="H1020" i="9" s="1"/>
  <c r="O1022" i="8"/>
  <c r="I1020" i="9" s="1"/>
  <c r="J1023" i="8"/>
  <c r="F1021" i="9" s="1"/>
  <c r="L1023" i="8"/>
  <c r="N1023" i="8"/>
  <c r="H1021" i="9" s="1"/>
  <c r="O1023" i="8"/>
  <c r="I1021" i="9" s="1"/>
  <c r="J1024" i="8"/>
  <c r="F1022" i="9" s="1"/>
  <c r="L1024" i="8"/>
  <c r="N1024" i="8"/>
  <c r="H1022" i="9" s="1"/>
  <c r="O1024" i="8"/>
  <c r="I1022" i="9" s="1"/>
  <c r="J1025" i="8"/>
  <c r="F1023" i="9" s="1"/>
  <c r="L1025" i="8"/>
  <c r="N1025" i="8"/>
  <c r="H1023" i="9" s="1"/>
  <c r="O1025" i="8"/>
  <c r="I1023" i="9" s="1"/>
  <c r="J1026" i="8"/>
  <c r="F1024" i="9" s="1"/>
  <c r="L1026" i="8"/>
  <c r="N1026" i="8"/>
  <c r="H1024" i="9" s="1"/>
  <c r="O1026" i="8"/>
  <c r="I1024" i="9" s="1"/>
  <c r="J1027" i="8"/>
  <c r="F1025" i="9" s="1"/>
  <c r="L1027" i="8"/>
  <c r="N1027" i="8"/>
  <c r="H1025" i="9" s="1"/>
  <c r="O1027" i="8"/>
  <c r="I1025" i="9" s="1"/>
  <c r="J1028" i="8"/>
  <c r="F1026" i="9" s="1"/>
  <c r="L1028" i="8"/>
  <c r="N1028" i="8"/>
  <c r="H1026" i="9" s="1"/>
  <c r="O1028" i="8"/>
  <c r="I1026" i="9" s="1"/>
  <c r="J1029" i="8"/>
  <c r="F1027" i="9" s="1"/>
  <c r="L1029" i="8"/>
  <c r="N1029" i="8"/>
  <c r="H1027" i="9" s="1"/>
  <c r="O1029" i="8"/>
  <c r="I1027" i="9" s="1"/>
  <c r="J1030" i="8"/>
  <c r="F1028" i="9" s="1"/>
  <c r="L1030" i="8"/>
  <c r="N1030" i="8"/>
  <c r="H1028" i="9" s="1"/>
  <c r="O1030" i="8"/>
  <c r="I1028" i="9" s="1"/>
  <c r="J1031" i="8"/>
  <c r="F1029" i="9" s="1"/>
  <c r="L1031" i="8"/>
  <c r="N1031" i="8"/>
  <c r="H1029" i="9" s="1"/>
  <c r="O1031" i="8"/>
  <c r="I1029" i="9" s="1"/>
  <c r="J1032" i="8"/>
  <c r="F1030" i="9" s="1"/>
  <c r="L1032" i="8"/>
  <c r="N1032" i="8"/>
  <c r="H1030" i="9" s="1"/>
  <c r="O1032" i="8"/>
  <c r="I1030" i="9" s="1"/>
  <c r="J1033" i="8"/>
  <c r="F1031" i="9" s="1"/>
  <c r="L1033" i="8"/>
  <c r="N1033" i="8"/>
  <c r="H1031" i="9" s="1"/>
  <c r="O1033" i="8"/>
  <c r="I1031" i="9" s="1"/>
  <c r="J1034" i="8"/>
  <c r="F1032" i="9" s="1"/>
  <c r="L1034" i="8"/>
  <c r="N1034" i="8"/>
  <c r="H1032" i="9" s="1"/>
  <c r="O1034" i="8"/>
  <c r="I1032" i="9" s="1"/>
  <c r="J1035" i="8"/>
  <c r="F1033" i="9" s="1"/>
  <c r="L1035" i="8"/>
  <c r="N1035" i="8"/>
  <c r="H1033" i="9" s="1"/>
  <c r="O1035" i="8"/>
  <c r="I1033" i="9" s="1"/>
  <c r="J1036" i="8"/>
  <c r="F1034" i="9" s="1"/>
  <c r="L1036" i="8"/>
  <c r="N1036" i="8"/>
  <c r="H1034" i="9" s="1"/>
  <c r="O1036" i="8"/>
  <c r="I1034" i="9" s="1"/>
  <c r="J1037" i="8"/>
  <c r="F1035" i="9" s="1"/>
  <c r="L1037" i="8"/>
  <c r="N1037" i="8"/>
  <c r="H1035" i="9" s="1"/>
  <c r="O1037" i="8"/>
  <c r="I1035" i="9" s="1"/>
  <c r="J1038" i="8"/>
  <c r="F1036" i="9" s="1"/>
  <c r="L1038" i="8"/>
  <c r="N1038" i="8"/>
  <c r="H1036" i="9" s="1"/>
  <c r="O1038" i="8"/>
  <c r="I1036" i="9" s="1"/>
  <c r="J1039" i="8"/>
  <c r="F1037" i="9" s="1"/>
  <c r="L1039" i="8"/>
  <c r="N1039" i="8"/>
  <c r="H1037" i="9" s="1"/>
  <c r="O1039" i="8"/>
  <c r="I1037" i="9" s="1"/>
  <c r="J1040" i="8"/>
  <c r="F1038" i="9" s="1"/>
  <c r="L1040" i="8"/>
  <c r="N1040" i="8"/>
  <c r="H1038" i="9" s="1"/>
  <c r="O1040" i="8"/>
  <c r="I1038" i="9" s="1"/>
  <c r="J1041" i="8"/>
  <c r="F1039" i="9" s="1"/>
  <c r="L1041" i="8"/>
  <c r="N1041" i="8"/>
  <c r="H1039" i="9" s="1"/>
  <c r="O1041" i="8"/>
  <c r="I1039" i="9" s="1"/>
  <c r="J1042" i="8"/>
  <c r="F1040" i="9" s="1"/>
  <c r="L1042" i="8"/>
  <c r="N1042" i="8"/>
  <c r="H1040" i="9" s="1"/>
  <c r="O1042" i="8"/>
  <c r="I1040" i="9" s="1"/>
  <c r="J1043" i="8"/>
  <c r="F1041" i="9" s="1"/>
  <c r="L1043" i="8"/>
  <c r="N1043" i="8"/>
  <c r="H1041" i="9" s="1"/>
  <c r="O1043" i="8"/>
  <c r="I1041" i="9" s="1"/>
  <c r="J1044" i="8"/>
  <c r="F1042" i="9" s="1"/>
  <c r="L1044" i="8"/>
  <c r="N1044" i="8"/>
  <c r="H1042" i="9" s="1"/>
  <c r="O1044" i="8"/>
  <c r="I1042" i="9" s="1"/>
  <c r="J1045" i="8"/>
  <c r="F1043" i="9" s="1"/>
  <c r="L1045" i="8"/>
  <c r="N1045" i="8"/>
  <c r="H1043" i="9" s="1"/>
  <c r="O1045" i="8"/>
  <c r="I1043" i="9" s="1"/>
  <c r="J1046" i="8"/>
  <c r="F1044" i="9" s="1"/>
  <c r="L1046" i="8"/>
  <c r="N1046" i="8"/>
  <c r="H1044" i="9" s="1"/>
  <c r="O1046" i="8"/>
  <c r="I1044" i="9" s="1"/>
  <c r="J1047" i="8"/>
  <c r="F1045" i="9" s="1"/>
  <c r="L1047" i="8"/>
  <c r="N1047" i="8"/>
  <c r="H1045" i="9" s="1"/>
  <c r="O1047" i="8"/>
  <c r="I1045" i="9" s="1"/>
  <c r="J1048" i="8"/>
  <c r="F1046" i="9" s="1"/>
  <c r="L1048" i="8"/>
  <c r="N1048" i="8"/>
  <c r="H1046" i="9" s="1"/>
  <c r="O1048" i="8"/>
  <c r="I1046" i="9" s="1"/>
  <c r="J1049" i="8"/>
  <c r="F1047" i="9" s="1"/>
  <c r="L1049" i="8"/>
  <c r="N1049" i="8"/>
  <c r="H1047" i="9" s="1"/>
  <c r="O1049" i="8"/>
  <c r="I1047" i="9" s="1"/>
  <c r="J1050" i="8"/>
  <c r="F1048" i="9" s="1"/>
  <c r="L1050" i="8"/>
  <c r="N1050" i="8"/>
  <c r="H1048" i="9" s="1"/>
  <c r="O1050" i="8"/>
  <c r="I1048" i="9" s="1"/>
  <c r="J1051" i="8"/>
  <c r="F1049" i="9" s="1"/>
  <c r="L1051" i="8"/>
  <c r="N1051" i="8"/>
  <c r="H1049" i="9" s="1"/>
  <c r="O1051" i="8"/>
  <c r="I1049" i="9" s="1"/>
  <c r="J1052" i="8"/>
  <c r="F1050" i="9" s="1"/>
  <c r="L1052" i="8"/>
  <c r="N1052" i="8"/>
  <c r="H1050" i="9" s="1"/>
  <c r="O1052" i="8"/>
  <c r="I1050" i="9" s="1"/>
  <c r="J1053" i="8"/>
  <c r="F1051" i="9" s="1"/>
  <c r="L1053" i="8"/>
  <c r="N1053" i="8"/>
  <c r="H1051" i="9" s="1"/>
  <c r="O1053" i="8"/>
  <c r="I1051" i="9" s="1"/>
  <c r="J1054" i="8"/>
  <c r="F1052" i="9" s="1"/>
  <c r="L1054" i="8"/>
  <c r="N1054" i="8"/>
  <c r="H1052" i="9" s="1"/>
  <c r="O1054" i="8"/>
  <c r="I1052" i="9" s="1"/>
  <c r="J1055" i="8"/>
  <c r="F1053" i="9" s="1"/>
  <c r="L1055" i="8"/>
  <c r="N1055" i="8"/>
  <c r="H1053" i="9" s="1"/>
  <c r="O1055" i="8"/>
  <c r="I1053" i="9" s="1"/>
  <c r="J1056" i="8"/>
  <c r="F1054" i="9" s="1"/>
  <c r="L1056" i="8"/>
  <c r="N1056" i="8"/>
  <c r="H1054" i="9" s="1"/>
  <c r="O1056" i="8"/>
  <c r="I1054" i="9" s="1"/>
  <c r="J1057" i="8"/>
  <c r="F1055" i="9" s="1"/>
  <c r="L1057" i="8"/>
  <c r="N1057" i="8"/>
  <c r="H1055" i="9" s="1"/>
  <c r="O1057" i="8"/>
  <c r="I1055" i="9" s="1"/>
  <c r="J1058" i="8"/>
  <c r="F1056" i="9" s="1"/>
  <c r="L1058" i="8"/>
  <c r="N1058" i="8"/>
  <c r="H1056" i="9" s="1"/>
  <c r="O1058" i="8"/>
  <c r="I1056" i="9" s="1"/>
  <c r="J1059" i="8"/>
  <c r="F1057" i="9" s="1"/>
  <c r="L1059" i="8"/>
  <c r="N1059" i="8"/>
  <c r="H1057" i="9" s="1"/>
  <c r="O1059" i="8"/>
  <c r="I1057" i="9" s="1"/>
  <c r="J1060" i="8"/>
  <c r="F1058" i="9" s="1"/>
  <c r="L1060" i="8"/>
  <c r="N1060" i="8"/>
  <c r="H1058" i="9" s="1"/>
  <c r="O1060" i="8"/>
  <c r="I1058" i="9" s="1"/>
  <c r="J1061" i="8"/>
  <c r="F1059" i="9" s="1"/>
  <c r="L1061" i="8"/>
  <c r="N1061" i="8"/>
  <c r="H1059" i="9" s="1"/>
  <c r="O1061" i="8"/>
  <c r="I1059" i="9" s="1"/>
  <c r="J1062" i="8"/>
  <c r="F1060" i="9" s="1"/>
  <c r="L1062" i="8"/>
  <c r="N1062" i="8"/>
  <c r="H1060" i="9" s="1"/>
  <c r="O1062" i="8"/>
  <c r="I1060" i="9" s="1"/>
  <c r="J1063" i="8"/>
  <c r="F1061" i="9" s="1"/>
  <c r="L1063" i="8"/>
  <c r="N1063" i="8"/>
  <c r="H1061" i="9" s="1"/>
  <c r="O1063" i="8"/>
  <c r="I1061" i="9" s="1"/>
  <c r="J1064" i="8"/>
  <c r="F1062" i="9" s="1"/>
  <c r="L1064" i="8"/>
  <c r="N1064" i="8"/>
  <c r="H1062" i="9" s="1"/>
  <c r="O1064" i="8"/>
  <c r="I1062" i="9" s="1"/>
  <c r="J1065" i="8"/>
  <c r="F1063" i="9" s="1"/>
  <c r="L1065" i="8"/>
  <c r="N1065" i="8"/>
  <c r="H1063" i="9" s="1"/>
  <c r="O1065" i="8"/>
  <c r="I1063" i="9" s="1"/>
  <c r="J1066" i="8"/>
  <c r="F1064" i="9" s="1"/>
  <c r="L1066" i="8"/>
  <c r="N1066" i="8"/>
  <c r="H1064" i="9" s="1"/>
  <c r="O1066" i="8"/>
  <c r="I1064" i="9" s="1"/>
  <c r="J1067" i="8"/>
  <c r="F1065" i="9" s="1"/>
  <c r="L1067" i="8"/>
  <c r="N1067" i="8"/>
  <c r="H1065" i="9" s="1"/>
  <c r="O1067" i="8"/>
  <c r="I1065" i="9" s="1"/>
  <c r="J1068" i="8"/>
  <c r="F1066" i="9" s="1"/>
  <c r="L1068" i="8"/>
  <c r="N1068" i="8"/>
  <c r="H1066" i="9" s="1"/>
  <c r="O1068" i="8"/>
  <c r="I1066" i="9" s="1"/>
  <c r="J1069" i="8"/>
  <c r="F1067" i="9" s="1"/>
  <c r="L1069" i="8"/>
  <c r="N1069" i="8"/>
  <c r="H1067" i="9" s="1"/>
  <c r="O1069" i="8"/>
  <c r="I1067" i="9" s="1"/>
  <c r="J1070" i="8"/>
  <c r="F1068" i="9" s="1"/>
  <c r="L1070" i="8"/>
  <c r="N1070" i="8"/>
  <c r="H1068" i="9" s="1"/>
  <c r="O1070" i="8"/>
  <c r="I1068" i="9" s="1"/>
  <c r="J1071" i="8"/>
  <c r="F1069" i="9" s="1"/>
  <c r="L1071" i="8"/>
  <c r="N1071" i="8"/>
  <c r="H1069" i="9" s="1"/>
  <c r="O1071" i="8"/>
  <c r="I1069" i="9" s="1"/>
  <c r="J1072" i="8"/>
  <c r="F1070" i="9" s="1"/>
  <c r="L1072" i="8"/>
  <c r="N1072" i="8"/>
  <c r="H1070" i="9" s="1"/>
  <c r="O1072" i="8"/>
  <c r="I1070" i="9" s="1"/>
  <c r="J1073" i="8"/>
  <c r="F1071" i="9" s="1"/>
  <c r="L1073" i="8"/>
  <c r="N1073" i="8"/>
  <c r="H1071" i="9" s="1"/>
  <c r="O1073" i="8"/>
  <c r="I1071" i="9" s="1"/>
  <c r="J1074" i="8"/>
  <c r="F1072" i="9" s="1"/>
  <c r="L1074" i="8"/>
  <c r="N1074" i="8"/>
  <c r="H1072" i="9" s="1"/>
  <c r="O1074" i="8"/>
  <c r="I1072" i="9" s="1"/>
  <c r="J1075" i="8"/>
  <c r="F1073" i="9" s="1"/>
  <c r="L1075" i="8"/>
  <c r="N1075" i="8"/>
  <c r="H1073" i="9" s="1"/>
  <c r="O1075" i="8"/>
  <c r="I1073" i="9" s="1"/>
  <c r="J1076" i="8"/>
  <c r="F1074" i="9" s="1"/>
  <c r="L1076" i="8"/>
  <c r="N1076" i="8"/>
  <c r="H1074" i="9" s="1"/>
  <c r="O1076" i="8"/>
  <c r="I1074" i="9" s="1"/>
  <c r="J1077" i="8"/>
  <c r="F1075" i="9" s="1"/>
  <c r="L1077" i="8"/>
  <c r="N1077" i="8"/>
  <c r="H1075" i="9" s="1"/>
  <c r="O1077" i="8"/>
  <c r="I1075" i="9" s="1"/>
  <c r="J1078" i="8"/>
  <c r="F1076" i="9" s="1"/>
  <c r="L1078" i="8"/>
  <c r="N1078" i="8"/>
  <c r="H1076" i="9" s="1"/>
  <c r="O1078" i="8"/>
  <c r="I1076" i="9" s="1"/>
  <c r="J1079" i="8"/>
  <c r="F1077" i="9" s="1"/>
  <c r="L1079" i="8"/>
  <c r="N1079" i="8"/>
  <c r="H1077" i="9" s="1"/>
  <c r="O1079" i="8"/>
  <c r="I1077" i="9" s="1"/>
  <c r="J1080" i="8"/>
  <c r="F1078" i="9" s="1"/>
  <c r="L1080" i="8"/>
  <c r="N1080" i="8"/>
  <c r="H1078" i="9" s="1"/>
  <c r="O1080" i="8"/>
  <c r="I1078" i="9" s="1"/>
  <c r="J1081" i="8"/>
  <c r="F1079" i="9" s="1"/>
  <c r="L1081" i="8"/>
  <c r="N1081" i="8"/>
  <c r="H1079" i="9" s="1"/>
  <c r="O1081" i="8"/>
  <c r="I1079" i="9" s="1"/>
  <c r="J1082" i="8"/>
  <c r="F1080" i="9" s="1"/>
  <c r="L1082" i="8"/>
  <c r="N1082" i="8"/>
  <c r="H1080" i="9" s="1"/>
  <c r="O1082" i="8"/>
  <c r="I1080" i="9" s="1"/>
  <c r="J1083" i="8"/>
  <c r="F1081" i="9" s="1"/>
  <c r="L1083" i="8"/>
  <c r="N1083" i="8"/>
  <c r="H1081" i="9" s="1"/>
  <c r="O1083" i="8"/>
  <c r="I1081" i="9" s="1"/>
  <c r="J1084" i="8"/>
  <c r="F1082" i="9" s="1"/>
  <c r="L1084" i="8"/>
  <c r="N1084" i="8"/>
  <c r="H1082" i="9" s="1"/>
  <c r="O1084" i="8"/>
  <c r="I1082" i="9" s="1"/>
  <c r="J1085" i="8"/>
  <c r="F1083" i="9" s="1"/>
  <c r="L1085" i="8"/>
  <c r="N1085" i="8"/>
  <c r="H1083" i="9" s="1"/>
  <c r="O1085" i="8"/>
  <c r="I1083" i="9" s="1"/>
  <c r="J1086" i="8"/>
  <c r="F1084" i="9" s="1"/>
  <c r="L1086" i="8"/>
  <c r="N1086" i="8"/>
  <c r="H1084" i="9" s="1"/>
  <c r="O1086" i="8"/>
  <c r="I1084" i="9" s="1"/>
  <c r="J1087" i="8"/>
  <c r="F1085" i="9" s="1"/>
  <c r="L1087" i="8"/>
  <c r="N1087" i="8"/>
  <c r="H1085" i="9" s="1"/>
  <c r="O1087" i="8"/>
  <c r="I1085" i="9" s="1"/>
  <c r="J1088" i="8"/>
  <c r="F1086" i="9" s="1"/>
  <c r="L1088" i="8"/>
  <c r="N1088" i="8"/>
  <c r="H1086" i="9" s="1"/>
  <c r="O1088" i="8"/>
  <c r="I1086" i="9" s="1"/>
  <c r="J1089" i="8"/>
  <c r="F1087" i="9" s="1"/>
  <c r="L1089" i="8"/>
  <c r="N1089" i="8"/>
  <c r="H1087" i="9" s="1"/>
  <c r="O1089" i="8"/>
  <c r="I1087" i="9" s="1"/>
  <c r="J1090" i="8"/>
  <c r="F1088" i="9" s="1"/>
  <c r="L1090" i="8"/>
  <c r="N1090" i="8"/>
  <c r="H1088" i="9" s="1"/>
  <c r="O1090" i="8"/>
  <c r="I1088" i="9" s="1"/>
  <c r="J1091" i="8"/>
  <c r="F1089" i="9" s="1"/>
  <c r="L1091" i="8"/>
  <c r="N1091" i="8"/>
  <c r="H1089" i="9" s="1"/>
  <c r="O1091" i="8"/>
  <c r="I1089" i="9" s="1"/>
  <c r="J1092" i="8"/>
  <c r="F1090" i="9" s="1"/>
  <c r="L1092" i="8"/>
  <c r="N1092" i="8"/>
  <c r="H1090" i="9" s="1"/>
  <c r="O1092" i="8"/>
  <c r="I1090" i="9" s="1"/>
  <c r="J1093" i="8"/>
  <c r="F1091" i="9" s="1"/>
  <c r="L1093" i="8"/>
  <c r="N1093" i="8"/>
  <c r="H1091" i="9" s="1"/>
  <c r="O1093" i="8"/>
  <c r="I1091" i="9" s="1"/>
  <c r="J1094" i="8"/>
  <c r="F1092" i="9" s="1"/>
  <c r="L1094" i="8"/>
  <c r="N1094" i="8"/>
  <c r="H1092" i="9" s="1"/>
  <c r="O1094" i="8"/>
  <c r="I1092" i="9" s="1"/>
  <c r="J1095" i="8"/>
  <c r="F1093" i="9" s="1"/>
  <c r="L1095" i="8"/>
  <c r="N1095" i="8"/>
  <c r="H1093" i="9" s="1"/>
  <c r="O1095" i="8"/>
  <c r="I1093" i="9" s="1"/>
  <c r="J1096" i="8"/>
  <c r="F1094" i="9" s="1"/>
  <c r="L1096" i="8"/>
  <c r="N1096" i="8"/>
  <c r="H1094" i="9" s="1"/>
  <c r="O1096" i="8"/>
  <c r="I1094" i="9" s="1"/>
  <c r="J1097" i="8"/>
  <c r="F1095" i="9" s="1"/>
  <c r="L1097" i="8"/>
  <c r="N1097" i="8"/>
  <c r="H1095" i="9" s="1"/>
  <c r="O1097" i="8"/>
  <c r="I1095" i="9" s="1"/>
  <c r="J1098" i="8"/>
  <c r="F1096" i="9" s="1"/>
  <c r="L1098" i="8"/>
  <c r="N1098" i="8"/>
  <c r="H1096" i="9" s="1"/>
  <c r="O1098" i="8"/>
  <c r="I1096" i="9" s="1"/>
  <c r="J1099" i="8"/>
  <c r="F1097" i="9" s="1"/>
  <c r="L1099" i="8"/>
  <c r="N1099" i="8"/>
  <c r="H1097" i="9" s="1"/>
  <c r="O1099" i="8"/>
  <c r="I1097" i="9" s="1"/>
  <c r="J1100" i="8"/>
  <c r="F1098" i="9" s="1"/>
  <c r="L1100" i="8"/>
  <c r="N1100" i="8"/>
  <c r="H1098" i="9" s="1"/>
  <c r="O1100" i="8"/>
  <c r="I1098" i="9" s="1"/>
  <c r="J1101" i="8"/>
  <c r="F1099" i="9" s="1"/>
  <c r="L1101" i="8"/>
  <c r="N1101" i="8"/>
  <c r="H1099" i="9" s="1"/>
  <c r="O1101" i="8"/>
  <c r="I1099" i="9" s="1"/>
  <c r="J1102" i="8"/>
  <c r="F1100" i="9" s="1"/>
  <c r="L1102" i="8"/>
  <c r="N1102" i="8"/>
  <c r="H1100" i="9" s="1"/>
  <c r="O1102" i="8"/>
  <c r="I1100" i="9" s="1"/>
  <c r="J1103" i="8"/>
  <c r="F1101" i="9" s="1"/>
  <c r="L1103" i="8"/>
  <c r="N1103" i="8"/>
  <c r="H1101" i="9" s="1"/>
  <c r="O1103" i="8"/>
  <c r="I1101" i="9" s="1"/>
  <c r="J1104" i="8"/>
  <c r="F1102" i="9" s="1"/>
  <c r="L1104" i="8"/>
  <c r="N1104" i="8"/>
  <c r="H1102" i="9" s="1"/>
  <c r="O1104" i="8"/>
  <c r="I1102" i="9" s="1"/>
  <c r="J1105" i="8"/>
  <c r="F1103" i="9" s="1"/>
  <c r="L1105" i="8"/>
  <c r="N1105" i="8"/>
  <c r="H1103" i="9" s="1"/>
  <c r="O1105" i="8"/>
  <c r="I1103" i="9" s="1"/>
  <c r="J1106" i="8"/>
  <c r="F1104" i="9" s="1"/>
  <c r="L1106" i="8"/>
  <c r="N1106" i="8"/>
  <c r="H1104" i="9" s="1"/>
  <c r="O1106" i="8"/>
  <c r="I1104" i="9" s="1"/>
  <c r="J1107" i="8"/>
  <c r="F1105" i="9" s="1"/>
  <c r="L1107" i="8"/>
  <c r="N1107" i="8"/>
  <c r="H1105" i="9" s="1"/>
  <c r="O1107" i="8"/>
  <c r="I1105" i="9" s="1"/>
  <c r="J1108" i="8"/>
  <c r="F1106" i="9" s="1"/>
  <c r="L1108" i="8"/>
  <c r="N1108" i="8"/>
  <c r="H1106" i="9" s="1"/>
  <c r="O1108" i="8"/>
  <c r="I1106" i="9" s="1"/>
  <c r="J1109" i="8"/>
  <c r="F1107" i="9" s="1"/>
  <c r="L1109" i="8"/>
  <c r="N1109" i="8"/>
  <c r="H1107" i="9" s="1"/>
  <c r="O1109" i="8"/>
  <c r="I1107" i="9" s="1"/>
  <c r="J1110" i="8"/>
  <c r="F1108" i="9" s="1"/>
  <c r="L1110" i="8"/>
  <c r="N1110" i="8"/>
  <c r="H1108" i="9" s="1"/>
  <c r="O1110" i="8"/>
  <c r="I1108" i="9" s="1"/>
  <c r="J1111" i="8"/>
  <c r="F1109" i="9" s="1"/>
  <c r="L1111" i="8"/>
  <c r="N1111" i="8"/>
  <c r="H1109" i="9" s="1"/>
  <c r="O1111" i="8"/>
  <c r="I1109" i="9" s="1"/>
  <c r="J1112" i="8"/>
  <c r="F1110" i="9" s="1"/>
  <c r="L1112" i="8"/>
  <c r="N1112" i="8"/>
  <c r="H1110" i="9" s="1"/>
  <c r="O1112" i="8"/>
  <c r="I1110" i="9" s="1"/>
  <c r="J1113" i="8"/>
  <c r="F1111" i="9" s="1"/>
  <c r="L1113" i="8"/>
  <c r="N1113" i="8"/>
  <c r="H1111" i="9" s="1"/>
  <c r="O1113" i="8"/>
  <c r="I1111" i="9" s="1"/>
  <c r="J1114" i="8"/>
  <c r="F1112" i="9" s="1"/>
  <c r="L1114" i="8"/>
  <c r="N1114" i="8"/>
  <c r="H1112" i="9" s="1"/>
  <c r="O1114" i="8"/>
  <c r="I1112" i="9" s="1"/>
  <c r="J1115" i="8"/>
  <c r="F1113" i="9" s="1"/>
  <c r="L1115" i="8"/>
  <c r="N1115" i="8"/>
  <c r="H1113" i="9" s="1"/>
  <c r="O1115" i="8"/>
  <c r="I1113" i="9" s="1"/>
  <c r="J1116" i="8"/>
  <c r="F1114" i="9" s="1"/>
  <c r="L1116" i="8"/>
  <c r="N1116" i="8"/>
  <c r="H1114" i="9" s="1"/>
  <c r="O1116" i="8"/>
  <c r="I1114" i="9" s="1"/>
  <c r="J1117" i="8"/>
  <c r="F1115" i="9" s="1"/>
  <c r="L1117" i="8"/>
  <c r="N1117" i="8"/>
  <c r="H1115" i="9" s="1"/>
  <c r="O1117" i="8"/>
  <c r="I1115" i="9" s="1"/>
  <c r="J1118" i="8"/>
  <c r="F1116" i="9" s="1"/>
  <c r="L1118" i="8"/>
  <c r="N1118" i="8"/>
  <c r="H1116" i="9" s="1"/>
  <c r="O1118" i="8"/>
  <c r="I1116" i="9" s="1"/>
  <c r="J1119" i="8"/>
  <c r="F1117" i="9" s="1"/>
  <c r="L1119" i="8"/>
  <c r="N1119" i="8"/>
  <c r="H1117" i="9" s="1"/>
  <c r="O1119" i="8"/>
  <c r="I1117" i="9" s="1"/>
  <c r="J1120" i="8"/>
  <c r="F1118" i="9" s="1"/>
  <c r="L1120" i="8"/>
  <c r="N1120" i="8"/>
  <c r="H1118" i="9" s="1"/>
  <c r="O1120" i="8"/>
  <c r="I1118" i="9" s="1"/>
  <c r="J1121" i="8"/>
  <c r="F1119" i="9" s="1"/>
  <c r="L1121" i="8"/>
  <c r="N1121" i="8"/>
  <c r="H1119" i="9" s="1"/>
  <c r="O1121" i="8"/>
  <c r="I1119" i="9" s="1"/>
  <c r="J1122" i="8"/>
  <c r="F1120" i="9" s="1"/>
  <c r="L1122" i="8"/>
  <c r="N1122" i="8"/>
  <c r="H1120" i="9" s="1"/>
  <c r="O1122" i="8"/>
  <c r="I1120" i="9" s="1"/>
  <c r="J1123" i="8"/>
  <c r="F1121" i="9" s="1"/>
  <c r="L1123" i="8"/>
  <c r="N1123" i="8"/>
  <c r="H1121" i="9" s="1"/>
  <c r="O1123" i="8"/>
  <c r="I1121" i="9" s="1"/>
  <c r="J1124" i="8"/>
  <c r="F1122" i="9" s="1"/>
  <c r="L1124" i="8"/>
  <c r="N1124" i="8"/>
  <c r="H1122" i="9" s="1"/>
  <c r="O1124" i="8"/>
  <c r="I1122" i="9" s="1"/>
  <c r="J1125" i="8"/>
  <c r="F1123" i="9" s="1"/>
  <c r="L1125" i="8"/>
  <c r="N1125" i="8"/>
  <c r="H1123" i="9" s="1"/>
  <c r="O1125" i="8"/>
  <c r="I1123" i="9" s="1"/>
  <c r="J1126" i="8"/>
  <c r="F1124" i="9" s="1"/>
  <c r="L1126" i="8"/>
  <c r="N1126" i="8"/>
  <c r="H1124" i="9" s="1"/>
  <c r="O1126" i="8"/>
  <c r="I1124" i="9" s="1"/>
  <c r="J1127" i="8"/>
  <c r="F1125" i="9" s="1"/>
  <c r="L1127" i="8"/>
  <c r="N1127" i="8"/>
  <c r="H1125" i="9" s="1"/>
  <c r="O1127" i="8"/>
  <c r="I1125" i="9" s="1"/>
  <c r="J1128" i="8"/>
  <c r="F1126" i="9" s="1"/>
  <c r="L1128" i="8"/>
  <c r="N1128" i="8"/>
  <c r="H1126" i="9" s="1"/>
  <c r="O1128" i="8"/>
  <c r="I1126" i="9" s="1"/>
  <c r="J1129" i="8"/>
  <c r="F1127" i="9" s="1"/>
  <c r="L1129" i="8"/>
  <c r="N1129" i="8"/>
  <c r="H1127" i="9" s="1"/>
  <c r="O1129" i="8"/>
  <c r="I1127" i="9" s="1"/>
  <c r="J1130" i="8"/>
  <c r="F1128" i="9" s="1"/>
  <c r="L1130" i="8"/>
  <c r="N1130" i="8"/>
  <c r="H1128" i="9" s="1"/>
  <c r="O1130" i="8"/>
  <c r="I1128" i="9" s="1"/>
  <c r="J1131" i="8"/>
  <c r="F1129" i="9" s="1"/>
  <c r="L1131" i="8"/>
  <c r="N1131" i="8"/>
  <c r="H1129" i="9" s="1"/>
  <c r="O1131" i="8"/>
  <c r="I1129" i="9" s="1"/>
  <c r="J1132" i="8"/>
  <c r="F1130" i="9" s="1"/>
  <c r="L1132" i="8"/>
  <c r="N1132" i="8"/>
  <c r="H1130" i="9" s="1"/>
  <c r="O1132" i="8"/>
  <c r="I1130" i="9" s="1"/>
  <c r="J1133" i="8"/>
  <c r="F1131" i="9" s="1"/>
  <c r="L1133" i="8"/>
  <c r="N1133" i="8"/>
  <c r="H1131" i="9" s="1"/>
  <c r="O1133" i="8"/>
  <c r="I1131" i="9" s="1"/>
  <c r="J1134" i="8"/>
  <c r="F1132" i="9" s="1"/>
  <c r="L1134" i="8"/>
  <c r="N1134" i="8"/>
  <c r="H1132" i="9" s="1"/>
  <c r="O1134" i="8"/>
  <c r="I1132" i="9" s="1"/>
  <c r="J1135" i="8"/>
  <c r="F1133" i="9" s="1"/>
  <c r="L1135" i="8"/>
  <c r="N1135" i="8"/>
  <c r="H1133" i="9" s="1"/>
  <c r="O1135" i="8"/>
  <c r="I1133" i="9" s="1"/>
  <c r="J1136" i="8"/>
  <c r="F1134" i="9" s="1"/>
  <c r="L1136" i="8"/>
  <c r="N1136" i="8"/>
  <c r="H1134" i="9" s="1"/>
  <c r="O1136" i="8"/>
  <c r="I1134" i="9" s="1"/>
  <c r="J1137" i="8"/>
  <c r="F1135" i="9" s="1"/>
  <c r="L1137" i="8"/>
  <c r="N1137" i="8"/>
  <c r="H1135" i="9" s="1"/>
  <c r="O1137" i="8"/>
  <c r="I1135" i="9" s="1"/>
  <c r="J1138" i="8"/>
  <c r="F1136" i="9" s="1"/>
  <c r="L1138" i="8"/>
  <c r="N1138" i="8"/>
  <c r="H1136" i="9" s="1"/>
  <c r="O1138" i="8"/>
  <c r="I1136" i="9" s="1"/>
  <c r="J1139" i="8"/>
  <c r="F1137" i="9" s="1"/>
  <c r="L1139" i="8"/>
  <c r="N1139" i="8"/>
  <c r="H1137" i="9" s="1"/>
  <c r="O1139" i="8"/>
  <c r="I1137" i="9" s="1"/>
  <c r="J1140" i="8"/>
  <c r="F1138" i="9" s="1"/>
  <c r="L1140" i="8"/>
  <c r="N1140" i="8"/>
  <c r="H1138" i="9" s="1"/>
  <c r="O1140" i="8"/>
  <c r="I1138" i="9" s="1"/>
  <c r="J1141" i="8"/>
  <c r="F1139" i="9" s="1"/>
  <c r="L1141" i="8"/>
  <c r="N1141" i="8"/>
  <c r="H1139" i="9" s="1"/>
  <c r="O1141" i="8"/>
  <c r="I1139" i="9" s="1"/>
  <c r="J1142" i="8"/>
  <c r="F1140" i="9" s="1"/>
  <c r="L1142" i="8"/>
  <c r="N1142" i="8"/>
  <c r="H1140" i="9" s="1"/>
  <c r="O1142" i="8"/>
  <c r="I1140" i="9" s="1"/>
  <c r="J1143" i="8"/>
  <c r="F1141" i="9" s="1"/>
  <c r="L1143" i="8"/>
  <c r="N1143" i="8"/>
  <c r="H1141" i="9" s="1"/>
  <c r="O1143" i="8"/>
  <c r="I1141" i="9" s="1"/>
  <c r="J1144" i="8"/>
  <c r="F1142" i="9" s="1"/>
  <c r="L1144" i="8"/>
  <c r="N1144" i="8"/>
  <c r="H1142" i="9" s="1"/>
  <c r="O1144" i="8"/>
  <c r="I1142" i="9" s="1"/>
  <c r="J1145" i="8"/>
  <c r="F1143" i="9" s="1"/>
  <c r="L1145" i="8"/>
  <c r="N1145" i="8"/>
  <c r="H1143" i="9" s="1"/>
  <c r="O1145" i="8"/>
  <c r="I1143" i="9" s="1"/>
  <c r="J1146" i="8"/>
  <c r="F1144" i="9" s="1"/>
  <c r="L1146" i="8"/>
  <c r="N1146" i="8"/>
  <c r="H1144" i="9" s="1"/>
  <c r="O1146" i="8"/>
  <c r="I1144" i="9" s="1"/>
  <c r="J1147" i="8"/>
  <c r="F1145" i="9" s="1"/>
  <c r="L1147" i="8"/>
  <c r="N1147" i="8"/>
  <c r="H1145" i="9" s="1"/>
  <c r="O1147" i="8"/>
  <c r="I1145" i="9" s="1"/>
  <c r="J1148" i="8"/>
  <c r="F1146" i="9" s="1"/>
  <c r="L1148" i="8"/>
  <c r="N1148" i="8"/>
  <c r="H1146" i="9" s="1"/>
  <c r="O1148" i="8"/>
  <c r="I1146" i="9" s="1"/>
  <c r="J1149" i="8"/>
  <c r="F1147" i="9" s="1"/>
  <c r="L1149" i="8"/>
  <c r="N1149" i="8"/>
  <c r="H1147" i="9" s="1"/>
  <c r="O1149" i="8"/>
  <c r="I1147" i="9" s="1"/>
  <c r="J1150" i="8"/>
  <c r="F1148" i="9" s="1"/>
  <c r="L1150" i="8"/>
  <c r="N1150" i="8"/>
  <c r="H1148" i="9" s="1"/>
  <c r="O1150" i="8"/>
  <c r="I1148" i="9" s="1"/>
  <c r="J1151" i="8"/>
  <c r="F1149" i="9" s="1"/>
  <c r="L1151" i="8"/>
  <c r="N1151" i="8"/>
  <c r="H1149" i="9" s="1"/>
  <c r="O1151" i="8"/>
  <c r="I1149" i="9" s="1"/>
  <c r="J1152" i="8"/>
  <c r="F1150" i="9" s="1"/>
  <c r="L1152" i="8"/>
  <c r="N1152" i="8"/>
  <c r="H1150" i="9" s="1"/>
  <c r="O1152" i="8"/>
  <c r="I1150" i="9" s="1"/>
  <c r="J1153" i="8"/>
  <c r="F1151" i="9" s="1"/>
  <c r="L1153" i="8"/>
  <c r="N1153" i="8"/>
  <c r="H1151" i="9" s="1"/>
  <c r="O1153" i="8"/>
  <c r="I1151" i="9" s="1"/>
  <c r="J1154" i="8"/>
  <c r="F1152" i="9" s="1"/>
  <c r="L1154" i="8"/>
  <c r="N1154" i="8"/>
  <c r="H1152" i="9" s="1"/>
  <c r="O1154" i="8"/>
  <c r="I1152" i="9" s="1"/>
  <c r="J1155" i="8"/>
  <c r="F1153" i="9" s="1"/>
  <c r="L1155" i="8"/>
  <c r="N1155" i="8"/>
  <c r="H1153" i="9" s="1"/>
  <c r="O1155" i="8"/>
  <c r="I1153" i="9" s="1"/>
  <c r="J1156" i="8"/>
  <c r="F1154" i="9" s="1"/>
  <c r="L1156" i="8"/>
  <c r="N1156" i="8"/>
  <c r="H1154" i="9" s="1"/>
  <c r="O1156" i="8"/>
  <c r="I1154" i="9" s="1"/>
  <c r="J1157" i="8"/>
  <c r="F1155" i="9" s="1"/>
  <c r="L1157" i="8"/>
  <c r="N1157" i="8"/>
  <c r="H1155" i="9" s="1"/>
  <c r="O1157" i="8"/>
  <c r="I1155" i="9" s="1"/>
  <c r="J1158" i="8"/>
  <c r="F1156" i="9" s="1"/>
  <c r="L1158" i="8"/>
  <c r="N1158" i="8"/>
  <c r="H1156" i="9" s="1"/>
  <c r="O1158" i="8"/>
  <c r="I1156" i="9" s="1"/>
  <c r="J1159" i="8"/>
  <c r="F1157" i="9" s="1"/>
  <c r="L1159" i="8"/>
  <c r="N1159" i="8"/>
  <c r="H1157" i="9" s="1"/>
  <c r="O1159" i="8"/>
  <c r="I1157" i="9" s="1"/>
  <c r="J1160" i="8"/>
  <c r="F1158" i="9" s="1"/>
  <c r="L1160" i="8"/>
  <c r="N1160" i="8"/>
  <c r="H1158" i="9" s="1"/>
  <c r="O1160" i="8"/>
  <c r="I1158" i="9" s="1"/>
  <c r="J1161" i="8"/>
  <c r="F1159" i="9" s="1"/>
  <c r="L1161" i="8"/>
  <c r="N1161" i="8"/>
  <c r="H1159" i="9" s="1"/>
  <c r="O1161" i="8"/>
  <c r="I1159" i="9" s="1"/>
  <c r="J1162" i="8"/>
  <c r="F1160" i="9" s="1"/>
  <c r="L1162" i="8"/>
  <c r="N1162" i="8"/>
  <c r="H1160" i="9" s="1"/>
  <c r="O1162" i="8"/>
  <c r="I1160" i="9" s="1"/>
  <c r="J1163" i="8"/>
  <c r="F1161" i="9" s="1"/>
  <c r="L1163" i="8"/>
  <c r="N1163" i="8"/>
  <c r="H1161" i="9" s="1"/>
  <c r="O1163" i="8"/>
  <c r="I1161" i="9" s="1"/>
  <c r="J1164" i="8"/>
  <c r="F1162" i="9" s="1"/>
  <c r="L1164" i="8"/>
  <c r="N1164" i="8"/>
  <c r="H1162" i="9" s="1"/>
  <c r="O1164" i="8"/>
  <c r="I1162" i="9" s="1"/>
  <c r="J1165" i="8"/>
  <c r="F1163" i="9" s="1"/>
  <c r="L1165" i="8"/>
  <c r="N1165" i="8"/>
  <c r="H1163" i="9" s="1"/>
  <c r="O1165" i="8"/>
  <c r="I1163" i="9" s="1"/>
  <c r="J1166" i="8"/>
  <c r="F1164" i="9" s="1"/>
  <c r="L1166" i="8"/>
  <c r="N1166" i="8"/>
  <c r="H1164" i="9" s="1"/>
  <c r="O1166" i="8"/>
  <c r="I1164" i="9" s="1"/>
  <c r="J1167" i="8"/>
  <c r="F1165" i="9" s="1"/>
  <c r="L1167" i="8"/>
  <c r="N1167" i="8"/>
  <c r="H1165" i="9" s="1"/>
  <c r="O1167" i="8"/>
  <c r="I1165" i="9" s="1"/>
  <c r="J1168" i="8"/>
  <c r="F1166" i="9" s="1"/>
  <c r="L1168" i="8"/>
  <c r="N1168" i="8"/>
  <c r="H1166" i="9" s="1"/>
  <c r="O1168" i="8"/>
  <c r="I1166" i="9" s="1"/>
  <c r="J1169" i="8"/>
  <c r="F1167" i="9" s="1"/>
  <c r="L1169" i="8"/>
  <c r="N1169" i="8"/>
  <c r="H1167" i="9" s="1"/>
  <c r="O1169" i="8"/>
  <c r="I1167" i="9" s="1"/>
  <c r="J1170" i="8"/>
  <c r="F1168" i="9" s="1"/>
  <c r="L1170" i="8"/>
  <c r="N1170" i="8"/>
  <c r="H1168" i="9" s="1"/>
  <c r="O1170" i="8"/>
  <c r="I1168" i="9" s="1"/>
  <c r="J1171" i="8"/>
  <c r="F1169" i="9" s="1"/>
  <c r="L1171" i="8"/>
  <c r="N1171" i="8"/>
  <c r="H1169" i="9" s="1"/>
  <c r="O1171" i="8"/>
  <c r="I1169" i="9" s="1"/>
  <c r="J1172" i="8"/>
  <c r="F1170" i="9" s="1"/>
  <c r="L1172" i="8"/>
  <c r="N1172" i="8"/>
  <c r="H1170" i="9" s="1"/>
  <c r="O1172" i="8"/>
  <c r="I1170" i="9" s="1"/>
  <c r="J1173" i="8"/>
  <c r="F1171" i="9" s="1"/>
  <c r="L1173" i="8"/>
  <c r="N1173" i="8"/>
  <c r="H1171" i="9" s="1"/>
  <c r="O1173" i="8"/>
  <c r="I1171" i="9" s="1"/>
  <c r="J1174" i="8"/>
  <c r="F1172" i="9" s="1"/>
  <c r="L1174" i="8"/>
  <c r="N1174" i="8"/>
  <c r="H1172" i="9" s="1"/>
  <c r="O1174" i="8"/>
  <c r="I1172" i="9" s="1"/>
  <c r="J1175" i="8"/>
  <c r="F1173" i="9" s="1"/>
  <c r="L1175" i="8"/>
  <c r="N1175" i="8"/>
  <c r="H1173" i="9" s="1"/>
  <c r="O1175" i="8"/>
  <c r="I1173" i="9" s="1"/>
  <c r="J1176" i="8"/>
  <c r="F1174" i="9" s="1"/>
  <c r="L1176" i="8"/>
  <c r="N1176" i="8"/>
  <c r="H1174" i="9" s="1"/>
  <c r="O1176" i="8"/>
  <c r="I1174" i="9" s="1"/>
  <c r="J1177" i="8"/>
  <c r="F1175" i="9" s="1"/>
  <c r="L1177" i="8"/>
  <c r="N1177" i="8"/>
  <c r="H1175" i="9" s="1"/>
  <c r="O1177" i="8"/>
  <c r="I1175" i="9" s="1"/>
  <c r="J1178" i="8"/>
  <c r="F1176" i="9" s="1"/>
  <c r="L1178" i="8"/>
  <c r="N1178" i="8"/>
  <c r="H1176" i="9" s="1"/>
  <c r="O1178" i="8"/>
  <c r="I1176" i="9" s="1"/>
  <c r="J1179" i="8"/>
  <c r="F1177" i="9" s="1"/>
  <c r="L1179" i="8"/>
  <c r="N1179" i="8"/>
  <c r="H1177" i="9" s="1"/>
  <c r="O1179" i="8"/>
  <c r="I1177" i="9" s="1"/>
  <c r="J1180" i="8"/>
  <c r="F1178" i="9" s="1"/>
  <c r="L1180" i="8"/>
  <c r="N1180" i="8"/>
  <c r="H1178" i="9" s="1"/>
  <c r="O1180" i="8"/>
  <c r="I1178" i="9" s="1"/>
  <c r="J1181" i="8"/>
  <c r="F1179" i="9" s="1"/>
  <c r="L1181" i="8"/>
  <c r="N1181" i="8"/>
  <c r="H1179" i="9" s="1"/>
  <c r="O1181" i="8"/>
  <c r="I1179" i="9" s="1"/>
  <c r="J1182" i="8"/>
  <c r="F1180" i="9" s="1"/>
  <c r="L1182" i="8"/>
  <c r="N1182" i="8"/>
  <c r="H1180" i="9" s="1"/>
  <c r="O1182" i="8"/>
  <c r="I1180" i="9" s="1"/>
  <c r="J1183" i="8"/>
  <c r="F1181" i="9" s="1"/>
  <c r="L1183" i="8"/>
  <c r="N1183" i="8"/>
  <c r="H1181" i="9" s="1"/>
  <c r="O1183" i="8"/>
  <c r="I1181" i="9" s="1"/>
  <c r="J1184" i="8"/>
  <c r="F1182" i="9" s="1"/>
  <c r="L1184" i="8"/>
  <c r="N1184" i="8"/>
  <c r="H1182" i="9" s="1"/>
  <c r="O1184" i="8"/>
  <c r="I1182" i="9" s="1"/>
  <c r="J1185" i="8"/>
  <c r="F1183" i="9" s="1"/>
  <c r="L1185" i="8"/>
  <c r="N1185" i="8"/>
  <c r="H1183" i="9" s="1"/>
  <c r="O1185" i="8"/>
  <c r="I1183" i="9" s="1"/>
  <c r="J1186" i="8"/>
  <c r="F1184" i="9" s="1"/>
  <c r="L1186" i="8"/>
  <c r="N1186" i="8"/>
  <c r="H1184" i="9" s="1"/>
  <c r="O1186" i="8"/>
  <c r="I1184" i="9" s="1"/>
  <c r="J1187" i="8"/>
  <c r="F1185" i="9" s="1"/>
  <c r="L1187" i="8"/>
  <c r="N1187" i="8"/>
  <c r="H1185" i="9" s="1"/>
  <c r="O1187" i="8"/>
  <c r="I1185" i="9" s="1"/>
  <c r="J1188" i="8"/>
  <c r="F1186" i="9" s="1"/>
  <c r="L1188" i="8"/>
  <c r="N1188" i="8"/>
  <c r="H1186" i="9" s="1"/>
  <c r="O1188" i="8"/>
  <c r="I1186" i="9" s="1"/>
  <c r="J1189" i="8"/>
  <c r="F1187" i="9" s="1"/>
  <c r="L1189" i="8"/>
  <c r="N1189" i="8"/>
  <c r="H1187" i="9" s="1"/>
  <c r="O1189" i="8"/>
  <c r="I1187" i="9" s="1"/>
  <c r="J1190" i="8"/>
  <c r="F1188" i="9" s="1"/>
  <c r="L1190" i="8"/>
  <c r="N1190" i="8"/>
  <c r="H1188" i="9" s="1"/>
  <c r="O1190" i="8"/>
  <c r="I1188" i="9" s="1"/>
  <c r="J1191" i="8"/>
  <c r="F1189" i="9" s="1"/>
  <c r="L1191" i="8"/>
  <c r="N1191" i="8"/>
  <c r="H1189" i="9" s="1"/>
  <c r="O1191" i="8"/>
  <c r="I1189" i="9" s="1"/>
  <c r="J1192" i="8"/>
  <c r="F1190" i="9" s="1"/>
  <c r="L1192" i="8"/>
  <c r="N1192" i="8"/>
  <c r="H1190" i="9" s="1"/>
  <c r="O1192" i="8"/>
  <c r="I1190" i="9" s="1"/>
  <c r="J1193" i="8"/>
  <c r="F1191" i="9" s="1"/>
  <c r="L1193" i="8"/>
  <c r="N1193" i="8"/>
  <c r="H1191" i="9" s="1"/>
  <c r="O1193" i="8"/>
  <c r="I1191" i="9" s="1"/>
  <c r="J1194" i="8"/>
  <c r="F1192" i="9" s="1"/>
  <c r="L1194" i="8"/>
  <c r="N1194" i="8"/>
  <c r="H1192" i="9" s="1"/>
  <c r="O1194" i="8"/>
  <c r="I1192" i="9" s="1"/>
  <c r="J1195" i="8"/>
  <c r="F1193" i="9" s="1"/>
  <c r="L1195" i="8"/>
  <c r="N1195" i="8"/>
  <c r="H1193" i="9" s="1"/>
  <c r="O1195" i="8"/>
  <c r="I1193" i="9" s="1"/>
  <c r="J1196" i="8"/>
  <c r="F1194" i="9" s="1"/>
  <c r="L1196" i="8"/>
  <c r="N1196" i="8"/>
  <c r="H1194" i="9" s="1"/>
  <c r="O1196" i="8"/>
  <c r="I1194" i="9" s="1"/>
  <c r="J1197" i="8"/>
  <c r="F1195" i="9" s="1"/>
  <c r="L1197" i="8"/>
  <c r="N1197" i="8"/>
  <c r="H1195" i="9" s="1"/>
  <c r="O1197" i="8"/>
  <c r="I1195" i="9" s="1"/>
  <c r="J1198" i="8"/>
  <c r="F1196" i="9" s="1"/>
  <c r="L1198" i="8"/>
  <c r="N1198" i="8"/>
  <c r="H1196" i="9" s="1"/>
  <c r="O1198" i="8"/>
  <c r="I1196" i="9" s="1"/>
  <c r="J1199" i="8"/>
  <c r="F1197" i="9" s="1"/>
  <c r="L1199" i="8"/>
  <c r="N1199" i="8"/>
  <c r="H1197" i="9" s="1"/>
  <c r="O1199" i="8"/>
  <c r="I1197" i="9" s="1"/>
  <c r="J1200" i="8"/>
  <c r="F1198" i="9" s="1"/>
  <c r="L1200" i="8"/>
  <c r="N1200" i="8"/>
  <c r="H1198" i="9" s="1"/>
  <c r="O1200" i="8"/>
  <c r="I1198" i="9" s="1"/>
  <c r="J1201" i="8"/>
  <c r="F1199" i="9" s="1"/>
  <c r="L1201" i="8"/>
  <c r="N1201" i="8"/>
  <c r="H1199" i="9" s="1"/>
  <c r="O1201" i="8"/>
  <c r="I1199" i="9" s="1"/>
  <c r="J1202" i="8"/>
  <c r="F1200" i="9" s="1"/>
  <c r="L1202" i="8"/>
  <c r="N1202" i="8"/>
  <c r="H1200" i="9" s="1"/>
  <c r="O1202" i="8"/>
  <c r="I1200" i="9" s="1"/>
  <c r="J1203" i="8"/>
  <c r="F1201" i="9" s="1"/>
  <c r="L1203" i="8"/>
  <c r="N1203" i="8"/>
  <c r="H1201" i="9" s="1"/>
  <c r="O1203" i="8"/>
  <c r="I1201" i="9" s="1"/>
  <c r="J1204" i="8"/>
  <c r="F1202" i="9" s="1"/>
  <c r="L1204" i="8"/>
  <c r="N1204" i="8"/>
  <c r="H1202" i="9" s="1"/>
  <c r="O1204" i="8"/>
  <c r="I1202" i="9" s="1"/>
  <c r="J1205" i="8"/>
  <c r="F1203" i="9" s="1"/>
  <c r="L1205" i="8"/>
  <c r="N1205" i="8"/>
  <c r="H1203" i="9" s="1"/>
  <c r="O1205" i="8"/>
  <c r="I1203" i="9" s="1"/>
  <c r="J1206" i="8"/>
  <c r="F1204" i="9" s="1"/>
  <c r="L1206" i="8"/>
  <c r="N1206" i="8"/>
  <c r="H1204" i="9" s="1"/>
  <c r="O1206" i="8"/>
  <c r="I1204" i="9" s="1"/>
  <c r="J1207" i="8"/>
  <c r="F1205" i="9" s="1"/>
  <c r="L1207" i="8"/>
  <c r="N1207" i="8"/>
  <c r="H1205" i="9" s="1"/>
  <c r="O1207" i="8"/>
  <c r="I1205" i="9" s="1"/>
  <c r="J1208" i="8"/>
  <c r="F1206" i="9" s="1"/>
  <c r="L1208" i="8"/>
  <c r="N1208" i="8"/>
  <c r="H1206" i="9" s="1"/>
  <c r="O1208" i="8"/>
  <c r="I1206" i="9" s="1"/>
  <c r="J1209" i="8"/>
  <c r="F1207" i="9" s="1"/>
  <c r="L1209" i="8"/>
  <c r="N1209" i="8"/>
  <c r="H1207" i="9" s="1"/>
  <c r="O1209" i="8"/>
  <c r="I1207" i="9" s="1"/>
  <c r="J1210" i="8"/>
  <c r="F1208" i="9" s="1"/>
  <c r="L1210" i="8"/>
  <c r="N1210" i="8"/>
  <c r="H1208" i="9" s="1"/>
  <c r="O1210" i="8"/>
  <c r="I1208" i="9" s="1"/>
  <c r="J1211" i="8"/>
  <c r="F1209" i="9" s="1"/>
  <c r="L1211" i="8"/>
  <c r="N1211" i="8"/>
  <c r="H1209" i="9" s="1"/>
  <c r="O1211" i="8"/>
  <c r="I1209" i="9" s="1"/>
  <c r="J1212" i="8"/>
  <c r="F1210" i="9" s="1"/>
  <c r="L1212" i="8"/>
  <c r="N1212" i="8"/>
  <c r="H1210" i="9" s="1"/>
  <c r="O1212" i="8"/>
  <c r="I1210" i="9" s="1"/>
  <c r="J1213" i="8"/>
  <c r="F1211" i="9" s="1"/>
  <c r="L1213" i="8"/>
  <c r="N1213" i="8"/>
  <c r="H1211" i="9" s="1"/>
  <c r="O1213" i="8"/>
  <c r="I1211" i="9" s="1"/>
  <c r="J1214" i="8"/>
  <c r="F1212" i="9" s="1"/>
  <c r="L1214" i="8"/>
  <c r="N1214" i="8"/>
  <c r="H1212" i="9" s="1"/>
  <c r="O1214" i="8"/>
  <c r="I1212" i="9" s="1"/>
  <c r="J1215" i="8"/>
  <c r="F1213" i="9" s="1"/>
  <c r="L1215" i="8"/>
  <c r="N1215" i="8"/>
  <c r="H1213" i="9" s="1"/>
  <c r="O1215" i="8"/>
  <c r="I1213" i="9" s="1"/>
  <c r="J1216" i="8"/>
  <c r="F1214" i="9" s="1"/>
  <c r="L1216" i="8"/>
  <c r="N1216" i="8"/>
  <c r="H1214" i="9" s="1"/>
  <c r="O1216" i="8"/>
  <c r="I1214" i="9" s="1"/>
  <c r="J1217" i="8"/>
  <c r="F1215" i="9" s="1"/>
  <c r="L1217" i="8"/>
  <c r="N1217" i="8"/>
  <c r="H1215" i="9" s="1"/>
  <c r="O1217" i="8"/>
  <c r="I1215" i="9" s="1"/>
  <c r="J1218" i="8"/>
  <c r="F1216" i="9" s="1"/>
  <c r="L1218" i="8"/>
  <c r="N1218" i="8"/>
  <c r="H1216" i="9" s="1"/>
  <c r="O1218" i="8"/>
  <c r="I1216" i="9" s="1"/>
  <c r="J1219" i="8"/>
  <c r="F1217" i="9" s="1"/>
  <c r="L1219" i="8"/>
  <c r="N1219" i="8"/>
  <c r="H1217" i="9" s="1"/>
  <c r="O1219" i="8"/>
  <c r="I1217" i="9" s="1"/>
  <c r="J1220" i="8"/>
  <c r="F1218" i="9" s="1"/>
  <c r="L1220" i="8"/>
  <c r="N1220" i="8"/>
  <c r="H1218" i="9" s="1"/>
  <c r="O1220" i="8"/>
  <c r="I1218" i="9" s="1"/>
  <c r="J1221" i="8"/>
  <c r="F1219" i="9" s="1"/>
  <c r="L1221" i="8"/>
  <c r="N1221" i="8"/>
  <c r="H1219" i="9" s="1"/>
  <c r="O1221" i="8"/>
  <c r="I1219" i="9" s="1"/>
  <c r="J1222" i="8"/>
  <c r="F1220" i="9" s="1"/>
  <c r="L1222" i="8"/>
  <c r="N1222" i="8"/>
  <c r="H1220" i="9" s="1"/>
  <c r="O1222" i="8"/>
  <c r="I1220" i="9" s="1"/>
  <c r="J1223" i="8"/>
  <c r="F1221" i="9" s="1"/>
  <c r="L1223" i="8"/>
  <c r="N1223" i="8"/>
  <c r="H1221" i="9" s="1"/>
  <c r="O1223" i="8"/>
  <c r="I1221" i="9" s="1"/>
  <c r="J1224" i="8"/>
  <c r="F1222" i="9" s="1"/>
  <c r="L1224" i="8"/>
  <c r="N1224" i="8"/>
  <c r="H1222" i="9" s="1"/>
  <c r="O1224" i="8"/>
  <c r="I1222" i="9" s="1"/>
  <c r="J1225" i="8"/>
  <c r="F1223" i="9" s="1"/>
  <c r="L1225" i="8"/>
  <c r="N1225" i="8"/>
  <c r="H1223" i="9" s="1"/>
  <c r="O1225" i="8"/>
  <c r="I1223" i="9" s="1"/>
  <c r="J1226" i="8"/>
  <c r="F1224" i="9" s="1"/>
  <c r="L1226" i="8"/>
  <c r="N1226" i="8"/>
  <c r="H1224" i="9" s="1"/>
  <c r="O1226" i="8"/>
  <c r="I1224" i="9" s="1"/>
  <c r="J1227" i="8"/>
  <c r="F1225" i="9" s="1"/>
  <c r="L1227" i="8"/>
  <c r="N1227" i="8"/>
  <c r="H1225" i="9" s="1"/>
  <c r="O1227" i="8"/>
  <c r="I1225" i="9" s="1"/>
  <c r="J1228" i="8"/>
  <c r="F1226" i="9" s="1"/>
  <c r="L1228" i="8"/>
  <c r="N1228" i="8"/>
  <c r="H1226" i="9" s="1"/>
  <c r="O1228" i="8"/>
  <c r="I1226" i="9" s="1"/>
  <c r="J1229" i="8"/>
  <c r="F1227" i="9" s="1"/>
  <c r="L1229" i="8"/>
  <c r="N1229" i="8"/>
  <c r="H1227" i="9" s="1"/>
  <c r="O1229" i="8"/>
  <c r="I1227" i="9" s="1"/>
  <c r="J1230" i="8"/>
  <c r="F1228" i="9" s="1"/>
  <c r="L1230" i="8"/>
  <c r="N1230" i="8"/>
  <c r="H1228" i="9" s="1"/>
  <c r="O1230" i="8"/>
  <c r="I1228" i="9" s="1"/>
  <c r="J1231" i="8"/>
  <c r="F1229" i="9" s="1"/>
  <c r="L1231" i="8"/>
  <c r="N1231" i="8"/>
  <c r="H1229" i="9" s="1"/>
  <c r="O1231" i="8"/>
  <c r="I1229" i="9" s="1"/>
  <c r="J1232" i="8"/>
  <c r="F1230" i="9" s="1"/>
  <c r="L1232" i="8"/>
  <c r="N1232" i="8"/>
  <c r="H1230" i="9" s="1"/>
  <c r="O1232" i="8"/>
  <c r="I1230" i="9" s="1"/>
  <c r="J1233" i="8"/>
  <c r="F1231" i="9" s="1"/>
  <c r="L1233" i="8"/>
  <c r="N1233" i="8"/>
  <c r="H1231" i="9" s="1"/>
  <c r="O1233" i="8"/>
  <c r="I1231" i="9" s="1"/>
  <c r="J1234" i="8"/>
  <c r="F1232" i="9" s="1"/>
  <c r="L1234" i="8"/>
  <c r="N1234" i="8"/>
  <c r="H1232" i="9" s="1"/>
  <c r="O1234" i="8"/>
  <c r="I1232" i="9" s="1"/>
  <c r="J1235" i="8"/>
  <c r="F1233" i="9" s="1"/>
  <c r="L1235" i="8"/>
  <c r="N1235" i="8"/>
  <c r="H1233" i="9" s="1"/>
  <c r="O1235" i="8"/>
  <c r="I1233" i="9" s="1"/>
  <c r="J1236" i="8"/>
  <c r="F1234" i="9" s="1"/>
  <c r="L1236" i="8"/>
  <c r="N1236" i="8"/>
  <c r="H1234" i="9" s="1"/>
  <c r="O1236" i="8"/>
  <c r="I1234" i="9" s="1"/>
  <c r="J1237" i="8"/>
  <c r="F1235" i="9" s="1"/>
  <c r="L1237" i="8"/>
  <c r="N1237" i="8"/>
  <c r="H1235" i="9" s="1"/>
  <c r="O1237" i="8"/>
  <c r="I1235" i="9" s="1"/>
  <c r="J1238" i="8"/>
  <c r="F1236" i="9" s="1"/>
  <c r="L1238" i="8"/>
  <c r="N1238" i="8"/>
  <c r="H1236" i="9" s="1"/>
  <c r="O1238" i="8"/>
  <c r="I1236" i="9" s="1"/>
  <c r="J1239" i="8"/>
  <c r="F1237" i="9" s="1"/>
  <c r="L1239" i="8"/>
  <c r="N1239" i="8"/>
  <c r="H1237" i="9" s="1"/>
  <c r="O1239" i="8"/>
  <c r="I1237" i="9" s="1"/>
  <c r="J1240" i="8"/>
  <c r="F1238" i="9" s="1"/>
  <c r="L1240" i="8"/>
  <c r="N1240" i="8"/>
  <c r="H1238" i="9" s="1"/>
  <c r="O1240" i="8"/>
  <c r="I1238" i="9" s="1"/>
  <c r="J1241" i="8"/>
  <c r="F1239" i="9" s="1"/>
  <c r="L1241" i="8"/>
  <c r="N1241" i="8"/>
  <c r="H1239" i="9" s="1"/>
  <c r="O1241" i="8"/>
  <c r="I1239" i="9" s="1"/>
  <c r="J1242" i="8"/>
  <c r="F1240" i="9" s="1"/>
  <c r="L1242" i="8"/>
  <c r="N1242" i="8"/>
  <c r="H1240" i="9" s="1"/>
  <c r="O1242" i="8"/>
  <c r="I1240" i="9" s="1"/>
  <c r="J1243" i="8"/>
  <c r="F1241" i="9" s="1"/>
  <c r="L1243" i="8"/>
  <c r="N1243" i="8"/>
  <c r="H1241" i="9" s="1"/>
  <c r="O1243" i="8"/>
  <c r="I1241" i="9" s="1"/>
  <c r="J1244" i="8"/>
  <c r="F1242" i="9" s="1"/>
  <c r="L1244" i="8"/>
  <c r="N1244" i="8"/>
  <c r="H1242" i="9" s="1"/>
  <c r="O1244" i="8"/>
  <c r="I1242" i="9" s="1"/>
  <c r="J1245" i="8"/>
  <c r="F1243" i="9" s="1"/>
  <c r="L1245" i="8"/>
  <c r="N1245" i="8"/>
  <c r="H1243" i="9" s="1"/>
  <c r="O1245" i="8"/>
  <c r="I1243" i="9" s="1"/>
  <c r="J1246" i="8"/>
  <c r="F1244" i="9" s="1"/>
  <c r="L1246" i="8"/>
  <c r="N1246" i="8"/>
  <c r="H1244" i="9" s="1"/>
  <c r="O1246" i="8"/>
  <c r="I1244" i="9" s="1"/>
  <c r="J1247" i="8"/>
  <c r="F1245" i="9" s="1"/>
  <c r="L1247" i="8"/>
  <c r="N1247" i="8"/>
  <c r="H1245" i="9" s="1"/>
  <c r="O1247" i="8"/>
  <c r="I1245" i="9" s="1"/>
  <c r="J1248" i="8"/>
  <c r="F1246" i="9" s="1"/>
  <c r="L1248" i="8"/>
  <c r="N1248" i="8"/>
  <c r="H1246" i="9" s="1"/>
  <c r="O1248" i="8"/>
  <c r="I1246" i="9" s="1"/>
  <c r="J1249" i="8"/>
  <c r="F1247" i="9" s="1"/>
  <c r="L1249" i="8"/>
  <c r="N1249" i="8"/>
  <c r="H1247" i="9" s="1"/>
  <c r="O1249" i="8"/>
  <c r="I1247" i="9" s="1"/>
  <c r="J1250" i="8"/>
  <c r="F1248" i="9" s="1"/>
  <c r="L1250" i="8"/>
  <c r="N1250" i="8"/>
  <c r="H1248" i="9" s="1"/>
  <c r="O1250" i="8"/>
  <c r="I1248" i="9" s="1"/>
  <c r="J1251" i="8"/>
  <c r="F1249" i="9" s="1"/>
  <c r="L1251" i="8"/>
  <c r="N1251" i="8"/>
  <c r="H1249" i="9" s="1"/>
  <c r="O1251" i="8"/>
  <c r="I1249" i="9" s="1"/>
  <c r="J1252" i="8"/>
  <c r="F1250" i="9" s="1"/>
  <c r="L1252" i="8"/>
  <c r="N1252" i="8"/>
  <c r="H1250" i="9" s="1"/>
  <c r="O1252" i="8"/>
  <c r="I1250" i="9" s="1"/>
  <c r="J1253" i="8"/>
  <c r="F1251" i="9" s="1"/>
  <c r="L1253" i="8"/>
  <c r="N1253" i="8"/>
  <c r="H1251" i="9" s="1"/>
  <c r="O1253" i="8"/>
  <c r="I1251" i="9" s="1"/>
  <c r="J1254" i="8"/>
  <c r="F1252" i="9" s="1"/>
  <c r="L1254" i="8"/>
  <c r="N1254" i="8"/>
  <c r="H1252" i="9" s="1"/>
  <c r="O1254" i="8"/>
  <c r="I1252" i="9" s="1"/>
  <c r="J1255" i="8"/>
  <c r="F1253" i="9" s="1"/>
  <c r="L1255" i="8"/>
  <c r="N1255" i="8"/>
  <c r="H1253" i="9" s="1"/>
  <c r="O1255" i="8"/>
  <c r="I1253" i="9" s="1"/>
  <c r="J1256" i="8"/>
  <c r="F1254" i="9" s="1"/>
  <c r="L1256" i="8"/>
  <c r="N1256" i="8"/>
  <c r="H1254" i="9" s="1"/>
  <c r="O1256" i="8"/>
  <c r="I1254" i="9" s="1"/>
  <c r="J1257" i="8"/>
  <c r="F1255" i="9" s="1"/>
  <c r="L1257" i="8"/>
  <c r="N1257" i="8"/>
  <c r="H1255" i="9" s="1"/>
  <c r="O1257" i="8"/>
  <c r="I1255" i="9" s="1"/>
  <c r="J1258" i="8"/>
  <c r="F1256" i="9" s="1"/>
  <c r="L1258" i="8"/>
  <c r="N1258" i="8"/>
  <c r="H1256" i="9" s="1"/>
  <c r="O1258" i="8"/>
  <c r="I1256" i="9" s="1"/>
  <c r="J1259" i="8"/>
  <c r="F1257" i="9" s="1"/>
  <c r="L1259" i="8"/>
  <c r="N1259" i="8"/>
  <c r="H1257" i="9" s="1"/>
  <c r="O1259" i="8"/>
  <c r="I1257" i="9" s="1"/>
  <c r="J1260" i="8"/>
  <c r="F1258" i="9" s="1"/>
  <c r="L1260" i="8"/>
  <c r="N1260" i="8"/>
  <c r="H1258" i="9" s="1"/>
  <c r="O1260" i="8"/>
  <c r="I1258" i="9" s="1"/>
  <c r="J1261" i="8"/>
  <c r="F1259" i="9" s="1"/>
  <c r="L1261" i="8"/>
  <c r="N1261" i="8"/>
  <c r="H1259" i="9" s="1"/>
  <c r="O1261" i="8"/>
  <c r="I1259" i="9" s="1"/>
  <c r="J1262" i="8"/>
  <c r="F1260" i="9" s="1"/>
  <c r="L1262" i="8"/>
  <c r="N1262" i="8"/>
  <c r="H1260" i="9" s="1"/>
  <c r="O1262" i="8"/>
  <c r="I1260" i="9" s="1"/>
  <c r="J1263" i="8"/>
  <c r="F1261" i="9" s="1"/>
  <c r="L1263" i="8"/>
  <c r="N1263" i="8"/>
  <c r="H1261" i="9" s="1"/>
  <c r="O1263" i="8"/>
  <c r="I1261" i="9" s="1"/>
  <c r="J1264" i="8"/>
  <c r="F1262" i="9" s="1"/>
  <c r="L1264" i="8"/>
  <c r="N1264" i="8"/>
  <c r="H1262" i="9" s="1"/>
  <c r="O1264" i="8"/>
  <c r="I1262" i="9" s="1"/>
  <c r="J1265" i="8"/>
  <c r="F1263" i="9" s="1"/>
  <c r="L1265" i="8"/>
  <c r="N1265" i="8"/>
  <c r="H1263" i="9" s="1"/>
  <c r="O1265" i="8"/>
  <c r="I1263" i="9" s="1"/>
  <c r="J1266" i="8"/>
  <c r="F1264" i="9" s="1"/>
  <c r="L1266" i="8"/>
  <c r="N1266" i="8"/>
  <c r="H1264" i="9" s="1"/>
  <c r="O1266" i="8"/>
  <c r="I1264" i="9" s="1"/>
  <c r="J1267" i="8"/>
  <c r="F1265" i="9" s="1"/>
  <c r="L1267" i="8"/>
  <c r="N1267" i="8"/>
  <c r="H1265" i="9" s="1"/>
  <c r="O1267" i="8"/>
  <c r="I1265" i="9" s="1"/>
  <c r="J1268" i="8"/>
  <c r="F1266" i="9" s="1"/>
  <c r="L1268" i="8"/>
  <c r="N1268" i="8"/>
  <c r="H1266" i="9" s="1"/>
  <c r="O1268" i="8"/>
  <c r="I1266" i="9" s="1"/>
  <c r="J1269" i="8"/>
  <c r="F1267" i="9" s="1"/>
  <c r="L1269" i="8"/>
  <c r="N1269" i="8"/>
  <c r="H1267" i="9" s="1"/>
  <c r="O1269" i="8"/>
  <c r="I1267" i="9" s="1"/>
  <c r="J1270" i="8"/>
  <c r="F1268" i="9" s="1"/>
  <c r="L1270" i="8"/>
  <c r="N1270" i="8"/>
  <c r="H1268" i="9" s="1"/>
  <c r="O1270" i="8"/>
  <c r="I1268" i="9" s="1"/>
  <c r="J1271" i="8"/>
  <c r="F1269" i="9" s="1"/>
  <c r="L1271" i="8"/>
  <c r="N1271" i="8"/>
  <c r="H1269" i="9" s="1"/>
  <c r="O1271" i="8"/>
  <c r="I1269" i="9" s="1"/>
  <c r="J1272" i="8"/>
  <c r="F1270" i="9" s="1"/>
  <c r="L1272" i="8"/>
  <c r="N1272" i="8"/>
  <c r="H1270" i="9" s="1"/>
  <c r="O1272" i="8"/>
  <c r="I1270" i="9" s="1"/>
  <c r="J1273" i="8"/>
  <c r="F1271" i="9" s="1"/>
  <c r="L1273" i="8"/>
  <c r="N1273" i="8"/>
  <c r="H1271" i="9" s="1"/>
  <c r="O1273" i="8"/>
  <c r="I1271" i="9" s="1"/>
  <c r="J1274" i="8"/>
  <c r="F1272" i="9" s="1"/>
  <c r="L1274" i="8"/>
  <c r="N1274" i="8"/>
  <c r="H1272" i="9" s="1"/>
  <c r="O1274" i="8"/>
  <c r="I1272" i="9" s="1"/>
  <c r="J1275" i="8"/>
  <c r="F1273" i="9" s="1"/>
  <c r="L1275" i="8"/>
  <c r="N1275" i="8"/>
  <c r="H1273" i="9" s="1"/>
  <c r="O1275" i="8"/>
  <c r="I1273" i="9" s="1"/>
  <c r="J1276" i="8"/>
  <c r="F1274" i="9" s="1"/>
  <c r="L1276" i="8"/>
  <c r="N1276" i="8"/>
  <c r="H1274" i="9" s="1"/>
  <c r="O1276" i="8"/>
  <c r="I1274" i="9" s="1"/>
  <c r="J1277" i="8"/>
  <c r="F1275" i="9" s="1"/>
  <c r="L1277" i="8"/>
  <c r="N1277" i="8"/>
  <c r="H1275" i="9" s="1"/>
  <c r="O1277" i="8"/>
  <c r="I1275" i="9" s="1"/>
  <c r="J1278" i="8"/>
  <c r="F1276" i="9" s="1"/>
  <c r="L1278" i="8"/>
  <c r="N1278" i="8"/>
  <c r="H1276" i="9" s="1"/>
  <c r="O1278" i="8"/>
  <c r="I1276" i="9" s="1"/>
  <c r="J1279" i="8"/>
  <c r="F1277" i="9" s="1"/>
  <c r="L1279" i="8"/>
  <c r="N1279" i="8"/>
  <c r="H1277" i="9" s="1"/>
  <c r="O1279" i="8"/>
  <c r="I1277" i="9" s="1"/>
  <c r="J1280" i="8"/>
  <c r="F1278" i="9" s="1"/>
  <c r="L1280" i="8"/>
  <c r="N1280" i="8"/>
  <c r="H1278" i="9" s="1"/>
  <c r="O1280" i="8"/>
  <c r="I1278" i="9" s="1"/>
  <c r="J1281" i="8"/>
  <c r="F1279" i="9" s="1"/>
  <c r="L1281" i="8"/>
  <c r="N1281" i="8"/>
  <c r="H1279" i="9" s="1"/>
  <c r="O1281" i="8"/>
  <c r="I1279" i="9" s="1"/>
  <c r="J1282" i="8"/>
  <c r="F1280" i="9" s="1"/>
  <c r="L1282" i="8"/>
  <c r="N1282" i="8"/>
  <c r="H1280" i="9" s="1"/>
  <c r="O1282" i="8"/>
  <c r="I1280" i="9" s="1"/>
  <c r="J1283" i="8"/>
  <c r="F1281" i="9" s="1"/>
  <c r="L1283" i="8"/>
  <c r="N1283" i="8"/>
  <c r="H1281" i="9" s="1"/>
  <c r="O1283" i="8"/>
  <c r="I1281" i="9" s="1"/>
  <c r="J1284" i="8"/>
  <c r="F1282" i="9" s="1"/>
  <c r="L1284" i="8"/>
  <c r="N1284" i="8"/>
  <c r="H1282" i="9" s="1"/>
  <c r="O1284" i="8"/>
  <c r="I1282" i="9" s="1"/>
  <c r="J1285" i="8"/>
  <c r="F1283" i="9" s="1"/>
  <c r="L1285" i="8"/>
  <c r="N1285" i="8"/>
  <c r="H1283" i="9" s="1"/>
  <c r="O1285" i="8"/>
  <c r="I1283" i="9" s="1"/>
  <c r="J1286" i="8"/>
  <c r="F1284" i="9" s="1"/>
  <c r="L1286" i="8"/>
  <c r="N1286" i="8"/>
  <c r="H1284" i="9" s="1"/>
  <c r="O1286" i="8"/>
  <c r="I1284" i="9" s="1"/>
  <c r="J1287" i="8"/>
  <c r="F1285" i="9" s="1"/>
  <c r="L1287" i="8"/>
  <c r="N1287" i="8"/>
  <c r="H1285" i="9" s="1"/>
  <c r="O1287" i="8"/>
  <c r="I1285" i="9" s="1"/>
  <c r="J1288" i="8"/>
  <c r="F1286" i="9" s="1"/>
  <c r="L1288" i="8"/>
  <c r="N1288" i="8"/>
  <c r="H1286" i="9" s="1"/>
  <c r="O1288" i="8"/>
  <c r="I1286" i="9" s="1"/>
  <c r="J1289" i="8"/>
  <c r="F1287" i="9" s="1"/>
  <c r="L1289" i="8"/>
  <c r="N1289" i="8"/>
  <c r="H1287" i="9" s="1"/>
  <c r="O1289" i="8"/>
  <c r="I1287" i="9" s="1"/>
  <c r="J1290" i="8"/>
  <c r="F1288" i="9" s="1"/>
  <c r="L1290" i="8"/>
  <c r="N1290" i="8"/>
  <c r="H1288" i="9" s="1"/>
  <c r="O1290" i="8"/>
  <c r="I1288" i="9" s="1"/>
  <c r="J1291" i="8"/>
  <c r="F1289" i="9" s="1"/>
  <c r="L1291" i="8"/>
  <c r="N1291" i="8"/>
  <c r="H1289" i="9" s="1"/>
  <c r="O1291" i="8"/>
  <c r="I1289" i="9" s="1"/>
  <c r="J1292" i="8"/>
  <c r="F1290" i="9" s="1"/>
  <c r="L1292" i="8"/>
  <c r="N1292" i="8"/>
  <c r="H1290" i="9" s="1"/>
  <c r="O1292" i="8"/>
  <c r="I1290" i="9" s="1"/>
  <c r="J1293" i="8"/>
  <c r="F1291" i="9" s="1"/>
  <c r="L1293" i="8"/>
  <c r="N1293" i="8"/>
  <c r="H1291" i="9" s="1"/>
  <c r="O1293" i="8"/>
  <c r="I1291" i="9" s="1"/>
  <c r="J1294" i="8"/>
  <c r="F1292" i="9" s="1"/>
  <c r="L1294" i="8"/>
  <c r="N1294" i="8"/>
  <c r="H1292" i="9" s="1"/>
  <c r="O1294" i="8"/>
  <c r="I1292" i="9" s="1"/>
  <c r="J1295" i="8"/>
  <c r="F1293" i="9" s="1"/>
  <c r="L1295" i="8"/>
  <c r="N1295" i="8"/>
  <c r="H1293" i="9" s="1"/>
  <c r="O1295" i="8"/>
  <c r="I1293" i="9" s="1"/>
  <c r="J1296" i="8"/>
  <c r="F1294" i="9" s="1"/>
  <c r="L1296" i="8"/>
  <c r="N1296" i="8"/>
  <c r="H1294" i="9" s="1"/>
  <c r="O1296" i="8"/>
  <c r="I1294" i="9" s="1"/>
  <c r="J1297" i="8"/>
  <c r="F1295" i="9" s="1"/>
  <c r="L1297" i="8"/>
  <c r="N1297" i="8"/>
  <c r="H1295" i="9" s="1"/>
  <c r="O1297" i="8"/>
  <c r="I1295" i="9" s="1"/>
  <c r="J1298" i="8"/>
  <c r="F1296" i="9" s="1"/>
  <c r="L1298" i="8"/>
  <c r="N1298" i="8"/>
  <c r="H1296" i="9" s="1"/>
  <c r="O1298" i="8"/>
  <c r="I1296" i="9" s="1"/>
  <c r="J1299" i="8"/>
  <c r="F1297" i="9" s="1"/>
  <c r="L1299" i="8"/>
  <c r="N1299" i="8"/>
  <c r="H1297" i="9" s="1"/>
  <c r="O1299" i="8"/>
  <c r="I1297" i="9" s="1"/>
  <c r="J1300" i="8"/>
  <c r="F1298" i="9" s="1"/>
  <c r="L1300" i="8"/>
  <c r="N1300" i="8"/>
  <c r="H1298" i="9" s="1"/>
  <c r="O1300" i="8"/>
  <c r="I1298" i="9" s="1"/>
  <c r="J1301" i="8"/>
  <c r="F1299" i="9" s="1"/>
  <c r="L1301" i="8"/>
  <c r="N1301" i="8"/>
  <c r="H1299" i="9" s="1"/>
  <c r="O1301" i="8"/>
  <c r="I1299" i="9" s="1"/>
  <c r="J1302" i="8"/>
  <c r="F1300" i="9" s="1"/>
  <c r="L1302" i="8"/>
  <c r="N1302" i="8"/>
  <c r="H1300" i="9" s="1"/>
  <c r="O1302" i="8"/>
  <c r="I1300" i="9" s="1"/>
  <c r="J1303" i="8"/>
  <c r="F1301" i="9" s="1"/>
  <c r="L1303" i="8"/>
  <c r="N1303" i="8"/>
  <c r="H1301" i="9" s="1"/>
  <c r="O1303" i="8"/>
  <c r="I1301" i="9" s="1"/>
  <c r="J1304" i="8"/>
  <c r="F1302" i="9" s="1"/>
  <c r="L1304" i="8"/>
  <c r="N1304" i="8"/>
  <c r="H1302" i="9" s="1"/>
  <c r="O1304" i="8"/>
  <c r="I1302" i="9" s="1"/>
  <c r="J1305" i="8"/>
  <c r="F1303" i="9" s="1"/>
  <c r="L1305" i="8"/>
  <c r="N1305" i="8"/>
  <c r="H1303" i="9" s="1"/>
  <c r="O1305" i="8"/>
  <c r="I1303" i="9" s="1"/>
  <c r="J1306" i="8"/>
  <c r="F1304" i="9" s="1"/>
  <c r="L1306" i="8"/>
  <c r="N1306" i="8"/>
  <c r="H1304" i="9" s="1"/>
  <c r="O1306" i="8"/>
  <c r="I1304" i="9" s="1"/>
  <c r="J1307" i="8"/>
  <c r="F1305" i="9" s="1"/>
  <c r="L1307" i="8"/>
  <c r="N1307" i="8"/>
  <c r="H1305" i="9" s="1"/>
  <c r="O1307" i="8"/>
  <c r="I1305" i="9" s="1"/>
  <c r="J1308" i="8"/>
  <c r="F1306" i="9" s="1"/>
  <c r="L1308" i="8"/>
  <c r="N1308" i="8"/>
  <c r="H1306" i="9" s="1"/>
  <c r="O1308" i="8"/>
  <c r="I1306" i="9" s="1"/>
  <c r="J1309" i="8"/>
  <c r="F1307" i="9" s="1"/>
  <c r="L1309" i="8"/>
  <c r="N1309" i="8"/>
  <c r="H1307" i="9" s="1"/>
  <c r="O1309" i="8"/>
  <c r="I1307" i="9" s="1"/>
  <c r="J1310" i="8"/>
  <c r="F1308" i="9" s="1"/>
  <c r="L1310" i="8"/>
  <c r="N1310" i="8"/>
  <c r="H1308" i="9" s="1"/>
  <c r="O1310" i="8"/>
  <c r="I1308" i="9" s="1"/>
  <c r="J1311" i="8"/>
  <c r="F1309" i="9" s="1"/>
  <c r="L1311" i="8"/>
  <c r="N1311" i="8"/>
  <c r="H1309" i="9" s="1"/>
  <c r="O1311" i="8"/>
  <c r="I1309" i="9" s="1"/>
  <c r="J1312" i="8"/>
  <c r="F1310" i="9" s="1"/>
  <c r="L1312" i="8"/>
  <c r="N1312" i="8"/>
  <c r="H1310" i="9" s="1"/>
  <c r="O1312" i="8"/>
  <c r="I1310" i="9" s="1"/>
  <c r="J1313" i="8"/>
  <c r="F1311" i="9" s="1"/>
  <c r="L1313" i="8"/>
  <c r="N1313" i="8"/>
  <c r="H1311" i="9" s="1"/>
  <c r="O1313" i="8"/>
  <c r="I1311" i="9" s="1"/>
  <c r="J1314" i="8"/>
  <c r="F1312" i="9" s="1"/>
  <c r="L1314" i="8"/>
  <c r="N1314" i="8"/>
  <c r="H1312" i="9" s="1"/>
  <c r="O1314" i="8"/>
  <c r="I1312" i="9" s="1"/>
  <c r="J1315" i="8"/>
  <c r="F1313" i="9" s="1"/>
  <c r="L1315" i="8"/>
  <c r="N1315" i="8"/>
  <c r="H1313" i="9" s="1"/>
  <c r="O1315" i="8"/>
  <c r="I1313" i="9" s="1"/>
  <c r="J1316" i="8"/>
  <c r="F1314" i="9" s="1"/>
  <c r="L1316" i="8"/>
  <c r="N1316" i="8"/>
  <c r="H1314" i="9" s="1"/>
  <c r="O1316" i="8"/>
  <c r="I1314" i="9" s="1"/>
  <c r="J1317" i="8"/>
  <c r="F1315" i="9" s="1"/>
  <c r="L1317" i="8"/>
  <c r="N1317" i="8"/>
  <c r="H1315" i="9" s="1"/>
  <c r="O1317" i="8"/>
  <c r="I1315" i="9" s="1"/>
  <c r="J1318" i="8"/>
  <c r="F1316" i="9" s="1"/>
  <c r="L1318" i="8"/>
  <c r="N1318" i="8"/>
  <c r="H1316" i="9" s="1"/>
  <c r="O1318" i="8"/>
  <c r="I1316" i="9" s="1"/>
  <c r="J1319" i="8"/>
  <c r="F1317" i="9" s="1"/>
  <c r="L1319" i="8"/>
  <c r="N1319" i="8"/>
  <c r="H1317" i="9" s="1"/>
  <c r="O1319" i="8"/>
  <c r="I1317" i="9" s="1"/>
  <c r="J1320" i="8"/>
  <c r="F1318" i="9" s="1"/>
  <c r="L1320" i="8"/>
  <c r="N1320" i="8"/>
  <c r="H1318" i="9" s="1"/>
  <c r="O1320" i="8"/>
  <c r="I1318" i="9" s="1"/>
  <c r="J1321" i="8"/>
  <c r="F1319" i="9" s="1"/>
  <c r="L1321" i="8"/>
  <c r="N1321" i="8"/>
  <c r="H1319" i="9" s="1"/>
  <c r="O1321" i="8"/>
  <c r="I1319" i="9" s="1"/>
  <c r="J1322" i="8"/>
  <c r="F1320" i="9" s="1"/>
  <c r="L1322" i="8"/>
  <c r="N1322" i="8"/>
  <c r="H1320" i="9" s="1"/>
  <c r="O1322" i="8"/>
  <c r="I1320" i="9" s="1"/>
  <c r="J1323" i="8"/>
  <c r="F1321" i="9" s="1"/>
  <c r="L1323" i="8"/>
  <c r="N1323" i="8"/>
  <c r="H1321" i="9" s="1"/>
  <c r="O1323" i="8"/>
  <c r="I1321" i="9" s="1"/>
  <c r="J1324" i="8"/>
  <c r="F1322" i="9" s="1"/>
  <c r="L1324" i="8"/>
  <c r="N1324" i="8"/>
  <c r="H1322" i="9" s="1"/>
  <c r="O1324" i="8"/>
  <c r="I1322" i="9" s="1"/>
  <c r="J1325" i="8"/>
  <c r="F1323" i="9" s="1"/>
  <c r="L1325" i="8"/>
  <c r="N1325" i="8"/>
  <c r="H1323" i="9" s="1"/>
  <c r="O1325" i="8"/>
  <c r="I1323" i="9" s="1"/>
  <c r="J1326" i="8"/>
  <c r="F1324" i="9" s="1"/>
  <c r="L1326" i="8"/>
  <c r="N1326" i="8"/>
  <c r="H1324" i="9" s="1"/>
  <c r="O1326" i="8"/>
  <c r="I1324" i="9" s="1"/>
  <c r="J1327" i="8"/>
  <c r="F1325" i="9" s="1"/>
  <c r="L1327" i="8"/>
  <c r="N1327" i="8"/>
  <c r="H1325" i="9" s="1"/>
  <c r="O1327" i="8"/>
  <c r="I1325" i="9" s="1"/>
  <c r="J1328" i="8"/>
  <c r="F1326" i="9" s="1"/>
  <c r="L1328" i="8"/>
  <c r="N1328" i="8"/>
  <c r="H1326" i="9" s="1"/>
  <c r="O1328" i="8"/>
  <c r="I1326" i="9" s="1"/>
  <c r="J1329" i="8"/>
  <c r="F1327" i="9" s="1"/>
  <c r="L1329" i="8"/>
  <c r="N1329" i="8"/>
  <c r="H1327" i="9" s="1"/>
  <c r="O1329" i="8"/>
  <c r="I1327" i="9" s="1"/>
  <c r="J1330" i="8"/>
  <c r="F1328" i="9" s="1"/>
  <c r="L1330" i="8"/>
  <c r="N1330" i="8"/>
  <c r="H1328" i="9" s="1"/>
  <c r="O1330" i="8"/>
  <c r="I1328" i="9" s="1"/>
  <c r="J1331" i="8"/>
  <c r="F1329" i="9" s="1"/>
  <c r="L1331" i="8"/>
  <c r="N1331" i="8"/>
  <c r="H1329" i="9" s="1"/>
  <c r="O1331" i="8"/>
  <c r="I1329" i="9" s="1"/>
  <c r="J1332" i="8"/>
  <c r="F1330" i="9" s="1"/>
  <c r="L1332" i="8"/>
  <c r="N1332" i="8"/>
  <c r="H1330" i="9" s="1"/>
  <c r="O1332" i="8"/>
  <c r="I1330" i="9" s="1"/>
  <c r="J1333" i="8"/>
  <c r="F1331" i="9" s="1"/>
  <c r="L1333" i="8"/>
  <c r="N1333" i="8"/>
  <c r="H1331" i="9" s="1"/>
  <c r="O1333" i="8"/>
  <c r="I1331" i="9" s="1"/>
  <c r="J1334" i="8"/>
  <c r="F1332" i="9" s="1"/>
  <c r="L1334" i="8"/>
  <c r="N1334" i="8"/>
  <c r="H1332" i="9" s="1"/>
  <c r="O1334" i="8"/>
  <c r="I1332" i="9" s="1"/>
  <c r="J1335" i="8"/>
  <c r="F1333" i="9" s="1"/>
  <c r="L1335" i="8"/>
  <c r="N1335" i="8"/>
  <c r="H1333" i="9" s="1"/>
  <c r="O1335" i="8"/>
  <c r="I1333" i="9" s="1"/>
  <c r="J1336" i="8"/>
  <c r="F1334" i="9" s="1"/>
  <c r="L1336" i="8"/>
  <c r="N1336" i="8"/>
  <c r="H1334" i="9" s="1"/>
  <c r="O1336" i="8"/>
  <c r="I1334" i="9" s="1"/>
  <c r="J1337" i="8"/>
  <c r="F1335" i="9" s="1"/>
  <c r="L1337" i="8"/>
  <c r="N1337" i="8"/>
  <c r="H1335" i="9" s="1"/>
  <c r="O1337" i="8"/>
  <c r="I1335" i="9" s="1"/>
  <c r="J1338" i="8"/>
  <c r="F1336" i="9" s="1"/>
  <c r="L1338" i="8"/>
  <c r="N1338" i="8"/>
  <c r="H1336" i="9" s="1"/>
  <c r="O1338" i="8"/>
  <c r="I1336" i="9" s="1"/>
  <c r="J1339" i="8"/>
  <c r="F1337" i="9" s="1"/>
  <c r="L1339" i="8"/>
  <c r="N1339" i="8"/>
  <c r="H1337" i="9" s="1"/>
  <c r="O1339" i="8"/>
  <c r="I1337" i="9" s="1"/>
  <c r="J1340" i="8"/>
  <c r="F1338" i="9" s="1"/>
  <c r="L1340" i="8"/>
  <c r="N1340" i="8"/>
  <c r="H1338" i="9" s="1"/>
  <c r="O1340" i="8"/>
  <c r="I1338" i="9" s="1"/>
  <c r="J1341" i="8"/>
  <c r="F1339" i="9" s="1"/>
  <c r="L1341" i="8"/>
  <c r="N1341" i="8"/>
  <c r="H1339" i="9" s="1"/>
  <c r="O1341" i="8"/>
  <c r="I1339" i="9" s="1"/>
  <c r="J1342" i="8"/>
  <c r="F1340" i="9" s="1"/>
  <c r="L1342" i="8"/>
  <c r="N1342" i="8"/>
  <c r="H1340" i="9" s="1"/>
  <c r="O1342" i="8"/>
  <c r="I1340" i="9" s="1"/>
  <c r="J1343" i="8"/>
  <c r="F1341" i="9" s="1"/>
  <c r="L1343" i="8"/>
  <c r="N1343" i="8"/>
  <c r="H1341" i="9" s="1"/>
  <c r="O1343" i="8"/>
  <c r="I1341" i="9" s="1"/>
  <c r="J1344" i="8"/>
  <c r="F1342" i="9" s="1"/>
  <c r="L1344" i="8"/>
  <c r="N1344" i="8"/>
  <c r="H1342" i="9" s="1"/>
  <c r="O1344" i="8"/>
  <c r="I1342" i="9" s="1"/>
  <c r="J1345" i="8"/>
  <c r="F1343" i="9" s="1"/>
  <c r="L1345" i="8"/>
  <c r="N1345" i="8"/>
  <c r="H1343" i="9" s="1"/>
  <c r="O1345" i="8"/>
  <c r="I1343" i="9" s="1"/>
  <c r="J1346" i="8"/>
  <c r="F1344" i="9" s="1"/>
  <c r="L1346" i="8"/>
  <c r="N1346" i="8"/>
  <c r="H1344" i="9" s="1"/>
  <c r="O1346" i="8"/>
  <c r="I1344" i="9" s="1"/>
  <c r="J1347" i="8"/>
  <c r="F1345" i="9" s="1"/>
  <c r="L1347" i="8"/>
  <c r="N1347" i="8"/>
  <c r="H1345" i="9" s="1"/>
  <c r="O1347" i="8"/>
  <c r="I1345" i="9" s="1"/>
  <c r="J1348" i="8"/>
  <c r="F1346" i="9" s="1"/>
  <c r="L1348" i="8"/>
  <c r="N1348" i="8"/>
  <c r="H1346" i="9" s="1"/>
  <c r="O1348" i="8"/>
  <c r="I1346" i="9" s="1"/>
  <c r="J1349" i="8"/>
  <c r="F1347" i="9" s="1"/>
  <c r="L1349" i="8"/>
  <c r="N1349" i="8"/>
  <c r="H1347" i="9" s="1"/>
  <c r="O1349" i="8"/>
  <c r="I1347" i="9" s="1"/>
  <c r="J1350" i="8"/>
  <c r="F1348" i="9" s="1"/>
  <c r="L1350" i="8"/>
  <c r="N1350" i="8"/>
  <c r="H1348" i="9" s="1"/>
  <c r="O1350" i="8"/>
  <c r="I1348" i="9" s="1"/>
  <c r="J1351" i="8"/>
  <c r="F1349" i="9" s="1"/>
  <c r="L1351" i="8"/>
  <c r="N1351" i="8"/>
  <c r="H1349" i="9" s="1"/>
  <c r="O1351" i="8"/>
  <c r="I1349" i="9" s="1"/>
  <c r="J1352" i="8"/>
  <c r="F1350" i="9" s="1"/>
  <c r="L1352" i="8"/>
  <c r="N1352" i="8"/>
  <c r="H1350" i="9" s="1"/>
  <c r="O1352" i="8"/>
  <c r="I1350" i="9" s="1"/>
  <c r="J1353" i="8"/>
  <c r="F1351" i="9" s="1"/>
  <c r="L1353" i="8"/>
  <c r="N1353" i="8"/>
  <c r="H1351" i="9" s="1"/>
  <c r="O1353" i="8"/>
  <c r="I1351" i="9" s="1"/>
  <c r="J1354" i="8"/>
  <c r="F1352" i="9" s="1"/>
  <c r="L1354" i="8"/>
  <c r="N1354" i="8"/>
  <c r="H1352" i="9" s="1"/>
  <c r="O1354" i="8"/>
  <c r="I1352" i="9" s="1"/>
  <c r="J1355" i="8"/>
  <c r="F1353" i="9" s="1"/>
  <c r="L1355" i="8"/>
  <c r="N1355" i="8"/>
  <c r="H1353" i="9" s="1"/>
  <c r="O1355" i="8"/>
  <c r="I1353" i="9" s="1"/>
  <c r="J1356" i="8"/>
  <c r="F1354" i="9" s="1"/>
  <c r="L1356" i="8"/>
  <c r="N1356" i="8"/>
  <c r="H1354" i="9" s="1"/>
  <c r="O1356" i="8"/>
  <c r="I1354" i="9" s="1"/>
  <c r="J1357" i="8"/>
  <c r="F1355" i="9" s="1"/>
  <c r="L1357" i="8"/>
  <c r="N1357" i="8"/>
  <c r="H1355" i="9" s="1"/>
  <c r="O1357" i="8"/>
  <c r="I1355" i="9" s="1"/>
  <c r="J1358" i="8"/>
  <c r="F1356" i="9" s="1"/>
  <c r="L1358" i="8"/>
  <c r="N1358" i="8"/>
  <c r="H1356" i="9" s="1"/>
  <c r="O1358" i="8"/>
  <c r="I1356" i="9" s="1"/>
  <c r="J1359" i="8"/>
  <c r="F1357" i="9" s="1"/>
  <c r="L1359" i="8"/>
  <c r="N1359" i="8"/>
  <c r="H1357" i="9" s="1"/>
  <c r="O1359" i="8"/>
  <c r="I1357" i="9" s="1"/>
  <c r="J1360" i="8"/>
  <c r="F1358" i="9" s="1"/>
  <c r="L1360" i="8"/>
  <c r="N1360" i="8"/>
  <c r="H1358" i="9" s="1"/>
  <c r="O1360" i="8"/>
  <c r="I1358" i="9" s="1"/>
  <c r="J1361" i="8"/>
  <c r="F1359" i="9" s="1"/>
  <c r="L1361" i="8"/>
  <c r="N1361" i="8"/>
  <c r="H1359" i="9" s="1"/>
  <c r="O1361" i="8"/>
  <c r="I1359" i="9" s="1"/>
  <c r="J1362" i="8"/>
  <c r="F1360" i="9" s="1"/>
  <c r="L1362" i="8"/>
  <c r="N1362" i="8"/>
  <c r="H1360" i="9" s="1"/>
  <c r="O1362" i="8"/>
  <c r="I1360" i="9" s="1"/>
  <c r="J1363" i="8"/>
  <c r="F1361" i="9" s="1"/>
  <c r="L1363" i="8"/>
  <c r="N1363" i="8"/>
  <c r="H1361" i="9" s="1"/>
  <c r="O1363" i="8"/>
  <c r="I1361" i="9" s="1"/>
  <c r="J1364" i="8"/>
  <c r="F1362" i="9" s="1"/>
  <c r="L1364" i="8"/>
  <c r="N1364" i="8"/>
  <c r="H1362" i="9" s="1"/>
  <c r="O1364" i="8"/>
  <c r="I1362" i="9" s="1"/>
  <c r="J1365" i="8"/>
  <c r="F1363" i="9" s="1"/>
  <c r="L1365" i="8"/>
  <c r="N1365" i="8"/>
  <c r="H1363" i="9" s="1"/>
  <c r="O1365" i="8"/>
  <c r="I1363" i="9" s="1"/>
  <c r="J1366" i="8"/>
  <c r="F1364" i="9" s="1"/>
  <c r="L1366" i="8"/>
  <c r="N1366" i="8"/>
  <c r="H1364" i="9" s="1"/>
  <c r="O1366" i="8"/>
  <c r="I1364" i="9" s="1"/>
  <c r="J1367" i="8"/>
  <c r="F1365" i="9" s="1"/>
  <c r="L1367" i="8"/>
  <c r="N1367" i="8"/>
  <c r="H1365" i="9" s="1"/>
  <c r="O1367" i="8"/>
  <c r="I1365" i="9" s="1"/>
  <c r="J1368" i="8"/>
  <c r="F1366" i="9" s="1"/>
  <c r="L1368" i="8"/>
  <c r="N1368" i="8"/>
  <c r="H1366" i="9" s="1"/>
  <c r="O1368" i="8"/>
  <c r="I1366" i="9" s="1"/>
  <c r="J1369" i="8"/>
  <c r="F1367" i="9" s="1"/>
  <c r="L1369" i="8"/>
  <c r="N1369" i="8"/>
  <c r="H1367" i="9" s="1"/>
  <c r="O1369" i="8"/>
  <c r="I1367" i="9" s="1"/>
  <c r="J1370" i="8"/>
  <c r="F1368" i="9" s="1"/>
  <c r="L1370" i="8"/>
  <c r="N1370" i="8"/>
  <c r="H1368" i="9" s="1"/>
  <c r="O1370" i="8"/>
  <c r="I1368" i="9" s="1"/>
  <c r="J1371" i="8"/>
  <c r="F1369" i="9" s="1"/>
  <c r="L1371" i="8"/>
  <c r="N1371" i="8"/>
  <c r="H1369" i="9" s="1"/>
  <c r="O1371" i="8"/>
  <c r="I1369" i="9" s="1"/>
  <c r="J1372" i="8"/>
  <c r="F1370" i="9" s="1"/>
  <c r="L1372" i="8"/>
  <c r="N1372" i="8"/>
  <c r="H1370" i="9" s="1"/>
  <c r="O1372" i="8"/>
  <c r="I1370" i="9" s="1"/>
  <c r="J1373" i="8"/>
  <c r="F1371" i="9" s="1"/>
  <c r="L1373" i="8"/>
  <c r="N1373" i="8"/>
  <c r="H1371" i="9" s="1"/>
  <c r="O1373" i="8"/>
  <c r="I1371" i="9" s="1"/>
  <c r="J1374" i="8"/>
  <c r="F1372" i="9" s="1"/>
  <c r="L1374" i="8"/>
  <c r="N1374" i="8"/>
  <c r="H1372" i="9" s="1"/>
  <c r="O1374" i="8"/>
  <c r="I1372" i="9" s="1"/>
  <c r="J1375" i="8"/>
  <c r="F1373" i="9" s="1"/>
  <c r="L1375" i="8"/>
  <c r="N1375" i="8"/>
  <c r="H1373" i="9" s="1"/>
  <c r="O1375" i="8"/>
  <c r="I1373" i="9" s="1"/>
  <c r="J1376" i="8"/>
  <c r="F1374" i="9" s="1"/>
  <c r="L1376" i="8"/>
  <c r="N1376" i="8"/>
  <c r="H1374" i="9" s="1"/>
  <c r="O1376" i="8"/>
  <c r="I1374" i="9" s="1"/>
  <c r="J1377" i="8"/>
  <c r="F1375" i="9" s="1"/>
  <c r="L1377" i="8"/>
  <c r="N1377" i="8"/>
  <c r="H1375" i="9" s="1"/>
  <c r="O1377" i="8"/>
  <c r="I1375" i="9" s="1"/>
  <c r="J1378" i="8"/>
  <c r="F1376" i="9" s="1"/>
  <c r="L1378" i="8"/>
  <c r="N1378" i="8"/>
  <c r="H1376" i="9" s="1"/>
  <c r="O1378" i="8"/>
  <c r="I1376" i="9" s="1"/>
  <c r="J1379" i="8"/>
  <c r="F1377" i="9" s="1"/>
  <c r="L1379" i="8"/>
  <c r="N1379" i="8"/>
  <c r="H1377" i="9" s="1"/>
  <c r="O1379" i="8"/>
  <c r="I1377" i="9" s="1"/>
  <c r="J1380" i="8"/>
  <c r="F1378" i="9" s="1"/>
  <c r="L1380" i="8"/>
  <c r="N1380" i="8"/>
  <c r="H1378" i="9" s="1"/>
  <c r="O1380" i="8"/>
  <c r="I1378" i="9" s="1"/>
  <c r="J1381" i="8"/>
  <c r="F1379" i="9" s="1"/>
  <c r="L1381" i="8"/>
  <c r="N1381" i="8"/>
  <c r="H1379" i="9" s="1"/>
  <c r="O1381" i="8"/>
  <c r="I1379" i="9" s="1"/>
  <c r="J1382" i="8"/>
  <c r="F1380" i="9" s="1"/>
  <c r="L1382" i="8"/>
  <c r="N1382" i="8"/>
  <c r="H1380" i="9" s="1"/>
  <c r="O1382" i="8"/>
  <c r="I1380" i="9" s="1"/>
  <c r="J1383" i="8"/>
  <c r="F1381" i="9" s="1"/>
  <c r="L1383" i="8"/>
  <c r="N1383" i="8"/>
  <c r="H1381" i="9" s="1"/>
  <c r="O1383" i="8"/>
  <c r="I1381" i="9" s="1"/>
  <c r="J1384" i="8"/>
  <c r="F1382" i="9" s="1"/>
  <c r="L1384" i="8"/>
  <c r="N1384" i="8"/>
  <c r="H1382" i="9" s="1"/>
  <c r="O1384" i="8"/>
  <c r="I1382" i="9" s="1"/>
  <c r="J1385" i="8"/>
  <c r="F1383" i="9" s="1"/>
  <c r="L1385" i="8"/>
  <c r="N1385" i="8"/>
  <c r="H1383" i="9" s="1"/>
  <c r="O1385" i="8"/>
  <c r="I1383" i="9" s="1"/>
  <c r="J1386" i="8"/>
  <c r="F1384" i="9" s="1"/>
  <c r="L1386" i="8"/>
  <c r="N1386" i="8"/>
  <c r="H1384" i="9" s="1"/>
  <c r="O1386" i="8"/>
  <c r="I1384" i="9" s="1"/>
  <c r="J1387" i="8"/>
  <c r="F1385" i="9" s="1"/>
  <c r="L1387" i="8"/>
  <c r="N1387" i="8"/>
  <c r="H1385" i="9" s="1"/>
  <c r="O1387" i="8"/>
  <c r="I1385" i="9" s="1"/>
  <c r="J1388" i="8"/>
  <c r="F1386" i="9" s="1"/>
  <c r="L1388" i="8"/>
  <c r="N1388" i="8"/>
  <c r="H1386" i="9" s="1"/>
  <c r="O1388" i="8"/>
  <c r="I1386" i="9" s="1"/>
  <c r="J1389" i="8"/>
  <c r="F1387" i="9" s="1"/>
  <c r="L1389" i="8"/>
  <c r="N1389" i="8"/>
  <c r="H1387" i="9" s="1"/>
  <c r="O1389" i="8"/>
  <c r="I1387" i="9" s="1"/>
  <c r="J1390" i="8"/>
  <c r="F1388" i="9" s="1"/>
  <c r="L1390" i="8"/>
  <c r="N1390" i="8"/>
  <c r="H1388" i="9" s="1"/>
  <c r="O1390" i="8"/>
  <c r="I1388" i="9" s="1"/>
  <c r="J1391" i="8"/>
  <c r="F1389" i="9" s="1"/>
  <c r="L1391" i="8"/>
  <c r="N1391" i="8"/>
  <c r="H1389" i="9" s="1"/>
  <c r="O1391" i="8"/>
  <c r="I1389" i="9" s="1"/>
  <c r="J1392" i="8"/>
  <c r="F1390" i="9" s="1"/>
  <c r="L1392" i="8"/>
  <c r="N1392" i="8"/>
  <c r="H1390" i="9" s="1"/>
  <c r="O1392" i="8"/>
  <c r="I1390" i="9" s="1"/>
  <c r="J1393" i="8"/>
  <c r="F1391" i="9" s="1"/>
  <c r="L1393" i="8"/>
  <c r="N1393" i="8"/>
  <c r="H1391" i="9" s="1"/>
  <c r="O1393" i="8"/>
  <c r="I1391" i="9" s="1"/>
  <c r="J1394" i="8"/>
  <c r="F1392" i="9" s="1"/>
  <c r="L1394" i="8"/>
  <c r="N1394" i="8"/>
  <c r="H1392" i="9" s="1"/>
  <c r="O1394" i="8"/>
  <c r="I1392" i="9" s="1"/>
  <c r="J1395" i="8"/>
  <c r="F1393" i="9" s="1"/>
  <c r="L1395" i="8"/>
  <c r="N1395" i="8"/>
  <c r="H1393" i="9" s="1"/>
  <c r="O1395" i="8"/>
  <c r="I1393" i="9" s="1"/>
  <c r="J1396" i="8"/>
  <c r="F1394" i="9" s="1"/>
  <c r="L1396" i="8"/>
  <c r="N1396" i="8"/>
  <c r="H1394" i="9" s="1"/>
  <c r="O1396" i="8"/>
  <c r="I1394" i="9" s="1"/>
  <c r="J1397" i="8"/>
  <c r="F1395" i="9" s="1"/>
  <c r="L1397" i="8"/>
  <c r="N1397" i="8"/>
  <c r="H1395" i="9" s="1"/>
  <c r="O1397" i="8"/>
  <c r="I1395" i="9" s="1"/>
  <c r="J1398" i="8"/>
  <c r="F1396" i="9" s="1"/>
  <c r="L1398" i="8"/>
  <c r="N1398" i="8"/>
  <c r="H1396" i="9" s="1"/>
  <c r="O1398" i="8"/>
  <c r="I1396" i="9" s="1"/>
  <c r="J1399" i="8"/>
  <c r="F1397" i="9" s="1"/>
  <c r="L1399" i="8"/>
  <c r="N1399" i="8"/>
  <c r="H1397" i="9" s="1"/>
  <c r="O1399" i="8"/>
  <c r="I1397" i="9" s="1"/>
  <c r="J1400" i="8"/>
  <c r="F1398" i="9" s="1"/>
  <c r="L1400" i="8"/>
  <c r="N1400" i="8"/>
  <c r="H1398" i="9" s="1"/>
  <c r="O1400" i="8"/>
  <c r="I1398" i="9" s="1"/>
  <c r="J1401" i="8"/>
  <c r="F1399" i="9" s="1"/>
  <c r="L1401" i="8"/>
  <c r="N1401" i="8"/>
  <c r="H1399" i="9" s="1"/>
  <c r="O1401" i="8"/>
  <c r="I1399" i="9" s="1"/>
  <c r="J1402" i="8"/>
  <c r="F1400" i="9" s="1"/>
  <c r="L1402" i="8"/>
  <c r="N1402" i="8"/>
  <c r="H1400" i="9" s="1"/>
  <c r="O1402" i="8"/>
  <c r="I1400" i="9" s="1"/>
  <c r="J1403" i="8"/>
  <c r="F1401" i="9" s="1"/>
  <c r="L1403" i="8"/>
  <c r="N1403" i="8"/>
  <c r="H1401" i="9" s="1"/>
  <c r="O1403" i="8"/>
  <c r="I1401" i="9" s="1"/>
  <c r="J1404" i="8"/>
  <c r="F1402" i="9" s="1"/>
  <c r="L1404" i="8"/>
  <c r="N1404" i="8"/>
  <c r="H1402" i="9" s="1"/>
  <c r="O1404" i="8"/>
  <c r="I1402" i="9" s="1"/>
  <c r="J1405" i="8"/>
  <c r="F1403" i="9" s="1"/>
  <c r="L1405" i="8"/>
  <c r="N1405" i="8"/>
  <c r="H1403" i="9" s="1"/>
  <c r="O1405" i="8"/>
  <c r="I1403" i="9" s="1"/>
  <c r="J1406" i="8"/>
  <c r="F1404" i="9" s="1"/>
  <c r="L1406" i="8"/>
  <c r="N1406" i="8"/>
  <c r="H1404" i="9" s="1"/>
  <c r="O1406" i="8"/>
  <c r="I1404" i="9" s="1"/>
  <c r="J1407" i="8"/>
  <c r="F1405" i="9" s="1"/>
  <c r="L1407" i="8"/>
  <c r="N1407" i="8"/>
  <c r="H1405" i="9" s="1"/>
  <c r="O1407" i="8"/>
  <c r="I1405" i="9" s="1"/>
  <c r="J1408" i="8"/>
  <c r="F1406" i="9" s="1"/>
  <c r="L1408" i="8"/>
  <c r="N1408" i="8"/>
  <c r="H1406" i="9" s="1"/>
  <c r="O1408" i="8"/>
  <c r="I1406" i="9" s="1"/>
  <c r="J1409" i="8"/>
  <c r="F1407" i="9" s="1"/>
  <c r="L1409" i="8"/>
  <c r="N1409" i="8"/>
  <c r="H1407" i="9" s="1"/>
  <c r="O1409" i="8"/>
  <c r="I1407" i="9" s="1"/>
  <c r="J1410" i="8"/>
  <c r="F1408" i="9" s="1"/>
  <c r="L1410" i="8"/>
  <c r="N1410" i="8"/>
  <c r="H1408" i="9" s="1"/>
  <c r="O1410" i="8"/>
  <c r="I1408" i="9" s="1"/>
  <c r="J1411" i="8"/>
  <c r="F1409" i="9" s="1"/>
  <c r="L1411" i="8"/>
  <c r="N1411" i="8"/>
  <c r="H1409" i="9" s="1"/>
  <c r="O1411" i="8"/>
  <c r="I1409" i="9" s="1"/>
  <c r="J1412" i="8"/>
  <c r="F1410" i="9" s="1"/>
  <c r="L1412" i="8"/>
  <c r="N1412" i="8"/>
  <c r="H1410" i="9" s="1"/>
  <c r="O1412" i="8"/>
  <c r="I1410" i="9" s="1"/>
  <c r="J1413" i="8"/>
  <c r="F1411" i="9" s="1"/>
  <c r="L1413" i="8"/>
  <c r="N1413" i="8"/>
  <c r="H1411" i="9" s="1"/>
  <c r="O1413" i="8"/>
  <c r="I1411" i="9" s="1"/>
  <c r="J1414" i="8"/>
  <c r="F1412" i="9" s="1"/>
  <c r="L1414" i="8"/>
  <c r="N1414" i="8"/>
  <c r="H1412" i="9" s="1"/>
  <c r="O1414" i="8"/>
  <c r="I1412" i="9" s="1"/>
  <c r="J1415" i="8"/>
  <c r="F1413" i="9" s="1"/>
  <c r="L1415" i="8"/>
  <c r="N1415" i="8"/>
  <c r="H1413" i="9" s="1"/>
  <c r="O1415" i="8"/>
  <c r="I1413" i="9" s="1"/>
  <c r="J1416" i="8"/>
  <c r="F1414" i="9" s="1"/>
  <c r="L1416" i="8"/>
  <c r="N1416" i="8"/>
  <c r="H1414" i="9" s="1"/>
  <c r="O1416" i="8"/>
  <c r="I1414" i="9" s="1"/>
  <c r="J1417" i="8"/>
  <c r="F1415" i="9" s="1"/>
  <c r="L1417" i="8"/>
  <c r="N1417" i="8"/>
  <c r="H1415" i="9" s="1"/>
  <c r="O1417" i="8"/>
  <c r="I1415" i="9" s="1"/>
  <c r="J1418" i="8"/>
  <c r="F1416" i="9" s="1"/>
  <c r="L1418" i="8"/>
  <c r="N1418" i="8"/>
  <c r="H1416" i="9" s="1"/>
  <c r="O1418" i="8"/>
  <c r="I1416" i="9" s="1"/>
  <c r="J1419" i="8"/>
  <c r="F1417" i="9" s="1"/>
  <c r="L1419" i="8"/>
  <c r="N1419" i="8"/>
  <c r="H1417" i="9" s="1"/>
  <c r="O1419" i="8"/>
  <c r="I1417" i="9" s="1"/>
  <c r="J1420" i="8"/>
  <c r="F1418" i="9" s="1"/>
  <c r="L1420" i="8"/>
  <c r="N1420" i="8"/>
  <c r="H1418" i="9" s="1"/>
  <c r="O1420" i="8"/>
  <c r="I1418" i="9" s="1"/>
  <c r="J1421" i="8"/>
  <c r="F1419" i="9" s="1"/>
  <c r="L1421" i="8"/>
  <c r="N1421" i="8"/>
  <c r="H1419" i="9" s="1"/>
  <c r="O1421" i="8"/>
  <c r="I1419" i="9" s="1"/>
  <c r="J1422" i="8"/>
  <c r="F1420" i="9" s="1"/>
  <c r="L1422" i="8"/>
  <c r="N1422" i="8"/>
  <c r="H1420" i="9" s="1"/>
  <c r="O1422" i="8"/>
  <c r="I1420" i="9" s="1"/>
  <c r="J1423" i="8"/>
  <c r="F1421" i="9" s="1"/>
  <c r="L1423" i="8"/>
  <c r="N1423" i="8"/>
  <c r="H1421" i="9" s="1"/>
  <c r="O1423" i="8"/>
  <c r="I1421" i="9" s="1"/>
  <c r="J1424" i="8"/>
  <c r="F1422" i="9" s="1"/>
  <c r="L1424" i="8"/>
  <c r="N1424" i="8"/>
  <c r="H1422" i="9" s="1"/>
  <c r="O1424" i="8"/>
  <c r="I1422" i="9" s="1"/>
  <c r="J1425" i="8"/>
  <c r="F1423" i="9" s="1"/>
  <c r="L1425" i="8"/>
  <c r="N1425" i="8"/>
  <c r="H1423" i="9" s="1"/>
  <c r="O1425" i="8"/>
  <c r="I1423" i="9" s="1"/>
  <c r="J1426" i="8"/>
  <c r="F1424" i="9" s="1"/>
  <c r="L1426" i="8"/>
  <c r="N1426" i="8"/>
  <c r="H1424" i="9" s="1"/>
  <c r="O1426" i="8"/>
  <c r="I1424" i="9" s="1"/>
  <c r="J1427" i="8"/>
  <c r="F1425" i="9" s="1"/>
  <c r="L1427" i="8"/>
  <c r="N1427" i="8"/>
  <c r="H1425" i="9" s="1"/>
  <c r="O1427" i="8"/>
  <c r="I1425" i="9" s="1"/>
  <c r="J1428" i="8"/>
  <c r="F1426" i="9" s="1"/>
  <c r="L1428" i="8"/>
  <c r="N1428" i="8"/>
  <c r="H1426" i="9" s="1"/>
  <c r="O1428" i="8"/>
  <c r="I1426" i="9" s="1"/>
  <c r="J1429" i="8"/>
  <c r="F1427" i="9" s="1"/>
  <c r="L1429" i="8"/>
  <c r="N1429" i="8"/>
  <c r="H1427" i="9" s="1"/>
  <c r="O1429" i="8"/>
  <c r="I1427" i="9" s="1"/>
  <c r="J1430" i="8"/>
  <c r="F1428" i="9" s="1"/>
  <c r="L1430" i="8"/>
  <c r="N1430" i="8"/>
  <c r="H1428" i="9" s="1"/>
  <c r="O1430" i="8"/>
  <c r="I1428" i="9" s="1"/>
  <c r="J1431" i="8"/>
  <c r="F1429" i="9" s="1"/>
  <c r="L1431" i="8"/>
  <c r="N1431" i="8"/>
  <c r="H1429" i="9" s="1"/>
  <c r="O1431" i="8"/>
  <c r="I1429" i="9" s="1"/>
  <c r="J1432" i="8"/>
  <c r="F1430" i="9" s="1"/>
  <c r="L1432" i="8"/>
  <c r="N1432" i="8"/>
  <c r="H1430" i="9" s="1"/>
  <c r="O1432" i="8"/>
  <c r="I1430" i="9" s="1"/>
  <c r="J1433" i="8"/>
  <c r="F1431" i="9" s="1"/>
  <c r="L1433" i="8"/>
  <c r="N1433" i="8"/>
  <c r="H1431" i="9" s="1"/>
  <c r="O1433" i="8"/>
  <c r="I1431" i="9" s="1"/>
  <c r="J1434" i="8"/>
  <c r="F1432" i="9" s="1"/>
  <c r="L1434" i="8"/>
  <c r="N1434" i="8"/>
  <c r="H1432" i="9" s="1"/>
  <c r="O1434" i="8"/>
  <c r="I1432" i="9" s="1"/>
  <c r="J1435" i="8"/>
  <c r="F1433" i="9" s="1"/>
  <c r="L1435" i="8"/>
  <c r="N1435" i="8"/>
  <c r="H1433" i="9" s="1"/>
  <c r="O1435" i="8"/>
  <c r="I1433" i="9" s="1"/>
  <c r="J1436" i="8"/>
  <c r="F1434" i="9" s="1"/>
  <c r="L1436" i="8"/>
  <c r="N1436" i="8"/>
  <c r="H1434" i="9" s="1"/>
  <c r="O1436" i="8"/>
  <c r="I1434" i="9" s="1"/>
  <c r="J1437" i="8"/>
  <c r="F1435" i="9" s="1"/>
  <c r="L1437" i="8"/>
  <c r="N1437" i="8"/>
  <c r="H1435" i="9" s="1"/>
  <c r="O1437" i="8"/>
  <c r="I1435" i="9" s="1"/>
  <c r="J1438" i="8"/>
  <c r="F1436" i="9" s="1"/>
  <c r="L1438" i="8"/>
  <c r="N1438" i="8"/>
  <c r="H1436" i="9" s="1"/>
  <c r="O1438" i="8"/>
  <c r="I1436" i="9" s="1"/>
  <c r="J1439" i="8"/>
  <c r="F1437" i="9" s="1"/>
  <c r="L1439" i="8"/>
  <c r="N1439" i="8"/>
  <c r="H1437" i="9" s="1"/>
  <c r="O1439" i="8"/>
  <c r="I1437" i="9" s="1"/>
  <c r="J1440" i="8"/>
  <c r="F1438" i="9" s="1"/>
  <c r="L1440" i="8"/>
  <c r="N1440" i="8"/>
  <c r="H1438" i="9" s="1"/>
  <c r="O1440" i="8"/>
  <c r="I1438" i="9" s="1"/>
  <c r="J1441" i="8"/>
  <c r="F1439" i="9" s="1"/>
  <c r="L1441" i="8"/>
  <c r="N1441" i="8"/>
  <c r="H1439" i="9" s="1"/>
  <c r="O1441" i="8"/>
  <c r="I1439" i="9" s="1"/>
  <c r="J1442" i="8"/>
  <c r="F1440" i="9" s="1"/>
  <c r="L1442" i="8"/>
  <c r="N1442" i="8"/>
  <c r="H1440" i="9" s="1"/>
  <c r="O1442" i="8"/>
  <c r="I1440" i="9" s="1"/>
  <c r="J1443" i="8"/>
  <c r="F1441" i="9" s="1"/>
  <c r="L1443" i="8"/>
  <c r="N1443" i="8"/>
  <c r="H1441" i="9" s="1"/>
  <c r="O1443" i="8"/>
  <c r="I1441" i="9" s="1"/>
  <c r="J1444" i="8"/>
  <c r="F1442" i="9" s="1"/>
  <c r="L1444" i="8"/>
  <c r="N1444" i="8"/>
  <c r="H1442" i="9" s="1"/>
  <c r="O1444" i="8"/>
  <c r="I1442" i="9" s="1"/>
  <c r="J1445" i="8"/>
  <c r="F1443" i="9" s="1"/>
  <c r="L1445" i="8"/>
  <c r="N1445" i="8"/>
  <c r="H1443" i="9" s="1"/>
  <c r="O1445" i="8"/>
  <c r="I1443" i="9" s="1"/>
  <c r="J1446" i="8"/>
  <c r="F1444" i="9" s="1"/>
  <c r="L1446" i="8"/>
  <c r="N1446" i="8"/>
  <c r="H1444" i="9" s="1"/>
  <c r="O1446" i="8"/>
  <c r="I1444" i="9" s="1"/>
  <c r="J1447" i="8"/>
  <c r="F1445" i="9" s="1"/>
  <c r="L1447" i="8"/>
  <c r="N1447" i="8"/>
  <c r="H1445" i="9" s="1"/>
  <c r="O1447" i="8"/>
  <c r="I1445" i="9" s="1"/>
  <c r="J1448" i="8"/>
  <c r="F1446" i="9" s="1"/>
  <c r="L1448" i="8"/>
  <c r="N1448" i="8"/>
  <c r="H1446" i="9" s="1"/>
  <c r="O1448" i="8"/>
  <c r="I1446" i="9" s="1"/>
  <c r="J1449" i="8"/>
  <c r="F1447" i="9" s="1"/>
  <c r="L1449" i="8"/>
  <c r="N1449" i="8"/>
  <c r="H1447" i="9" s="1"/>
  <c r="O1449" i="8"/>
  <c r="I1447" i="9" s="1"/>
  <c r="J1450" i="8"/>
  <c r="F1448" i="9" s="1"/>
  <c r="L1450" i="8"/>
  <c r="N1450" i="8"/>
  <c r="H1448" i="9" s="1"/>
  <c r="O1450" i="8"/>
  <c r="I1448" i="9" s="1"/>
  <c r="J1451" i="8"/>
  <c r="F1449" i="9" s="1"/>
  <c r="L1451" i="8"/>
  <c r="N1451" i="8"/>
  <c r="H1449" i="9" s="1"/>
  <c r="O1451" i="8"/>
  <c r="I1449" i="9" s="1"/>
  <c r="J1452" i="8"/>
  <c r="F1450" i="9" s="1"/>
  <c r="L1452" i="8"/>
  <c r="N1452" i="8"/>
  <c r="H1450" i="9" s="1"/>
  <c r="O1452" i="8"/>
  <c r="I1450" i="9" s="1"/>
  <c r="J1453" i="8"/>
  <c r="F1451" i="9" s="1"/>
  <c r="L1453" i="8"/>
  <c r="N1453" i="8"/>
  <c r="H1451" i="9" s="1"/>
  <c r="O1453" i="8"/>
  <c r="I1451" i="9" s="1"/>
  <c r="J1454" i="8"/>
  <c r="F1452" i="9" s="1"/>
  <c r="L1454" i="8"/>
  <c r="N1454" i="8"/>
  <c r="H1452" i="9" s="1"/>
  <c r="O1454" i="8"/>
  <c r="I1452" i="9" s="1"/>
  <c r="J1455" i="8"/>
  <c r="F1453" i="9" s="1"/>
  <c r="L1455" i="8"/>
  <c r="N1455" i="8"/>
  <c r="H1453" i="9" s="1"/>
  <c r="O1455" i="8"/>
  <c r="I1453" i="9" s="1"/>
  <c r="J1456" i="8"/>
  <c r="F1454" i="9" s="1"/>
  <c r="L1456" i="8"/>
  <c r="N1456" i="8"/>
  <c r="H1454" i="9" s="1"/>
  <c r="O1456" i="8"/>
  <c r="I1454" i="9" s="1"/>
  <c r="J1457" i="8"/>
  <c r="F1455" i="9" s="1"/>
  <c r="L1457" i="8"/>
  <c r="N1457" i="8"/>
  <c r="H1455" i="9" s="1"/>
  <c r="O1457" i="8"/>
  <c r="I1455" i="9" s="1"/>
  <c r="J1458" i="8"/>
  <c r="F1456" i="9" s="1"/>
  <c r="L1458" i="8"/>
  <c r="N1458" i="8"/>
  <c r="H1456" i="9" s="1"/>
  <c r="O1458" i="8"/>
  <c r="I1456" i="9" s="1"/>
  <c r="J1459" i="8"/>
  <c r="F1457" i="9" s="1"/>
  <c r="L1459" i="8"/>
  <c r="N1459" i="8"/>
  <c r="H1457" i="9" s="1"/>
  <c r="O1459" i="8"/>
  <c r="I1457" i="9" s="1"/>
  <c r="J1460" i="8"/>
  <c r="F1458" i="9" s="1"/>
  <c r="L1460" i="8"/>
  <c r="N1460" i="8"/>
  <c r="H1458" i="9" s="1"/>
  <c r="O1460" i="8"/>
  <c r="I1458" i="9" s="1"/>
  <c r="J1461" i="8"/>
  <c r="F1459" i="9" s="1"/>
  <c r="L1461" i="8"/>
  <c r="N1461" i="8"/>
  <c r="H1459" i="9" s="1"/>
  <c r="O1461" i="8"/>
  <c r="I1459" i="9" s="1"/>
  <c r="J1462" i="8"/>
  <c r="F1460" i="9" s="1"/>
  <c r="L1462" i="8"/>
  <c r="N1462" i="8"/>
  <c r="H1460" i="9" s="1"/>
  <c r="O1462" i="8"/>
  <c r="I1460" i="9" s="1"/>
  <c r="J1463" i="8"/>
  <c r="F1461" i="9" s="1"/>
  <c r="L1463" i="8"/>
  <c r="N1463" i="8"/>
  <c r="H1461" i="9" s="1"/>
  <c r="O1463" i="8"/>
  <c r="I1461" i="9" s="1"/>
  <c r="J1464" i="8"/>
  <c r="F1462" i="9" s="1"/>
  <c r="L1464" i="8"/>
  <c r="N1464" i="8"/>
  <c r="H1462" i="9" s="1"/>
  <c r="O1464" i="8"/>
  <c r="I1462" i="9" s="1"/>
  <c r="J1465" i="8"/>
  <c r="F1463" i="9" s="1"/>
  <c r="L1465" i="8"/>
  <c r="N1465" i="8"/>
  <c r="H1463" i="9" s="1"/>
  <c r="O1465" i="8"/>
  <c r="I1463" i="9" s="1"/>
  <c r="J1466" i="8"/>
  <c r="F1464" i="9" s="1"/>
  <c r="L1466" i="8"/>
  <c r="N1466" i="8"/>
  <c r="H1464" i="9" s="1"/>
  <c r="O1466" i="8"/>
  <c r="I1464" i="9" s="1"/>
  <c r="J1467" i="8"/>
  <c r="F1465" i="9" s="1"/>
  <c r="L1467" i="8"/>
  <c r="N1467" i="8"/>
  <c r="H1465" i="9" s="1"/>
  <c r="O1467" i="8"/>
  <c r="I1465" i="9" s="1"/>
  <c r="J1468" i="8"/>
  <c r="F1466" i="9" s="1"/>
  <c r="L1468" i="8"/>
  <c r="N1468" i="8"/>
  <c r="H1466" i="9" s="1"/>
  <c r="O1468" i="8"/>
  <c r="I1466" i="9" s="1"/>
  <c r="J1469" i="8"/>
  <c r="F1467" i="9" s="1"/>
  <c r="L1469" i="8"/>
  <c r="N1469" i="8"/>
  <c r="H1467" i="9" s="1"/>
  <c r="O1469" i="8"/>
  <c r="I1467" i="9" s="1"/>
  <c r="J1470" i="8"/>
  <c r="F1468" i="9" s="1"/>
  <c r="L1470" i="8"/>
  <c r="N1470" i="8"/>
  <c r="H1468" i="9" s="1"/>
  <c r="O1470" i="8"/>
  <c r="I1468" i="9" s="1"/>
  <c r="J1471" i="8"/>
  <c r="F1469" i="9" s="1"/>
  <c r="L1471" i="8"/>
  <c r="N1471" i="8"/>
  <c r="H1469" i="9" s="1"/>
  <c r="O1471" i="8"/>
  <c r="I1469" i="9" s="1"/>
  <c r="J1472" i="8"/>
  <c r="F1470" i="9" s="1"/>
  <c r="L1472" i="8"/>
  <c r="N1472" i="8"/>
  <c r="H1470" i="9" s="1"/>
  <c r="O1472" i="8"/>
  <c r="I1470" i="9" s="1"/>
  <c r="J1473" i="8"/>
  <c r="F1471" i="9" s="1"/>
  <c r="L1473" i="8"/>
  <c r="N1473" i="8"/>
  <c r="H1471" i="9" s="1"/>
  <c r="O1473" i="8"/>
  <c r="I1471" i="9" s="1"/>
  <c r="J1474" i="8"/>
  <c r="F1472" i="9" s="1"/>
  <c r="L1474" i="8"/>
  <c r="N1474" i="8"/>
  <c r="H1472" i="9" s="1"/>
  <c r="O1474" i="8"/>
  <c r="I1472" i="9" s="1"/>
  <c r="J1475" i="8"/>
  <c r="F1473" i="9" s="1"/>
  <c r="L1475" i="8"/>
  <c r="N1475" i="8"/>
  <c r="H1473" i="9" s="1"/>
  <c r="O1475" i="8"/>
  <c r="I1473" i="9" s="1"/>
  <c r="J1476" i="8"/>
  <c r="F1474" i="9" s="1"/>
  <c r="L1476" i="8"/>
  <c r="N1476" i="8"/>
  <c r="H1474" i="9" s="1"/>
  <c r="O1476" i="8"/>
  <c r="I1474" i="9" s="1"/>
  <c r="J1477" i="8"/>
  <c r="F1475" i="9" s="1"/>
  <c r="L1477" i="8"/>
  <c r="N1477" i="8"/>
  <c r="H1475" i="9" s="1"/>
  <c r="O1477" i="8"/>
  <c r="I1475" i="9" s="1"/>
  <c r="J1478" i="8"/>
  <c r="F1476" i="9" s="1"/>
  <c r="L1478" i="8"/>
  <c r="N1478" i="8"/>
  <c r="H1476" i="9" s="1"/>
  <c r="O1478" i="8"/>
  <c r="I1476" i="9" s="1"/>
  <c r="J1479" i="8"/>
  <c r="F1477" i="9" s="1"/>
  <c r="L1479" i="8"/>
  <c r="N1479" i="8"/>
  <c r="H1477" i="9" s="1"/>
  <c r="O1479" i="8"/>
  <c r="I1477" i="9" s="1"/>
  <c r="J1480" i="8"/>
  <c r="F1478" i="9" s="1"/>
  <c r="L1480" i="8"/>
  <c r="N1480" i="8"/>
  <c r="H1478" i="9" s="1"/>
  <c r="O1480" i="8"/>
  <c r="I1478" i="9" s="1"/>
  <c r="J1481" i="8"/>
  <c r="F1479" i="9" s="1"/>
  <c r="L1481" i="8"/>
  <c r="N1481" i="8"/>
  <c r="H1479" i="9" s="1"/>
  <c r="O1481" i="8"/>
  <c r="I1479" i="9" s="1"/>
  <c r="J1482" i="8"/>
  <c r="F1480" i="9" s="1"/>
  <c r="L1482" i="8"/>
  <c r="N1482" i="8"/>
  <c r="H1480" i="9" s="1"/>
  <c r="O1482" i="8"/>
  <c r="I1480" i="9" s="1"/>
  <c r="J1483" i="8"/>
  <c r="F1481" i="9" s="1"/>
  <c r="L1483" i="8"/>
  <c r="N1483" i="8"/>
  <c r="H1481" i="9" s="1"/>
  <c r="O1483" i="8"/>
  <c r="I1481" i="9" s="1"/>
  <c r="J1484" i="8"/>
  <c r="F1482" i="9" s="1"/>
  <c r="L1484" i="8"/>
  <c r="N1484" i="8"/>
  <c r="H1482" i="9" s="1"/>
  <c r="O1484" i="8"/>
  <c r="I1482" i="9" s="1"/>
  <c r="J1485" i="8"/>
  <c r="F1483" i="9" s="1"/>
  <c r="L1485" i="8"/>
  <c r="N1485" i="8"/>
  <c r="H1483" i="9" s="1"/>
  <c r="O1485" i="8"/>
  <c r="I1483" i="9" s="1"/>
  <c r="J1486" i="8"/>
  <c r="F1484" i="9" s="1"/>
  <c r="L1486" i="8"/>
  <c r="N1486" i="8"/>
  <c r="H1484" i="9" s="1"/>
  <c r="O1486" i="8"/>
  <c r="I1484" i="9" s="1"/>
  <c r="J1487" i="8"/>
  <c r="F1485" i="9" s="1"/>
  <c r="L1487" i="8"/>
  <c r="N1487" i="8"/>
  <c r="H1485" i="9" s="1"/>
  <c r="O1487" i="8"/>
  <c r="I1485" i="9" s="1"/>
  <c r="J1488" i="8"/>
  <c r="F1486" i="9" s="1"/>
  <c r="L1488" i="8"/>
  <c r="N1488" i="8"/>
  <c r="H1486" i="9" s="1"/>
  <c r="O1488" i="8"/>
  <c r="I1486" i="9" s="1"/>
  <c r="J1489" i="8"/>
  <c r="F1487" i="9" s="1"/>
  <c r="L1489" i="8"/>
  <c r="N1489" i="8"/>
  <c r="H1487" i="9" s="1"/>
  <c r="O1489" i="8"/>
  <c r="I1487" i="9" s="1"/>
  <c r="J1490" i="8"/>
  <c r="F1488" i="9" s="1"/>
  <c r="L1490" i="8"/>
  <c r="N1490" i="8"/>
  <c r="H1488" i="9" s="1"/>
  <c r="O1490" i="8"/>
  <c r="I1488" i="9" s="1"/>
  <c r="J1491" i="8"/>
  <c r="F1489" i="9" s="1"/>
  <c r="L1491" i="8"/>
  <c r="N1491" i="8"/>
  <c r="H1489" i="9" s="1"/>
  <c r="O1491" i="8"/>
  <c r="I1489" i="9" s="1"/>
  <c r="J1492" i="8"/>
  <c r="F1490" i="9" s="1"/>
  <c r="L1492" i="8"/>
  <c r="N1492" i="8"/>
  <c r="H1490" i="9" s="1"/>
  <c r="O1492" i="8"/>
  <c r="I1490" i="9" s="1"/>
  <c r="J1493" i="8"/>
  <c r="F1491" i="9" s="1"/>
  <c r="L1493" i="8"/>
  <c r="N1493" i="8"/>
  <c r="H1491" i="9" s="1"/>
  <c r="O1493" i="8"/>
  <c r="I1491" i="9" s="1"/>
  <c r="J1494" i="8"/>
  <c r="F1492" i="9" s="1"/>
  <c r="L1494" i="8"/>
  <c r="N1494" i="8"/>
  <c r="H1492" i="9" s="1"/>
  <c r="O1494" i="8"/>
  <c r="I1492" i="9" s="1"/>
  <c r="J1495" i="8"/>
  <c r="F1493" i="9" s="1"/>
  <c r="L1495" i="8"/>
  <c r="N1495" i="8"/>
  <c r="H1493" i="9" s="1"/>
  <c r="O1495" i="8"/>
  <c r="I1493" i="9" s="1"/>
  <c r="J1496" i="8"/>
  <c r="F1494" i="9" s="1"/>
  <c r="L1496" i="8"/>
  <c r="N1496" i="8"/>
  <c r="H1494" i="9" s="1"/>
  <c r="O1496" i="8"/>
  <c r="I1494" i="9" s="1"/>
  <c r="J1497" i="8"/>
  <c r="F1495" i="9" s="1"/>
  <c r="L1497" i="8"/>
  <c r="N1497" i="8"/>
  <c r="H1495" i="9" s="1"/>
  <c r="O1497" i="8"/>
  <c r="I1495" i="9" s="1"/>
  <c r="J1498" i="8"/>
  <c r="F1496" i="9" s="1"/>
  <c r="L1498" i="8"/>
  <c r="N1498" i="8"/>
  <c r="H1496" i="9" s="1"/>
  <c r="O1498" i="8"/>
  <c r="I1496" i="9" s="1"/>
  <c r="J1499" i="8"/>
  <c r="F1497" i="9" s="1"/>
  <c r="L1499" i="8"/>
  <c r="N1499" i="8"/>
  <c r="H1497" i="9" s="1"/>
  <c r="O1499" i="8"/>
  <c r="I1497" i="9" s="1"/>
  <c r="J1500" i="8"/>
  <c r="F1498" i="9" s="1"/>
  <c r="L1500" i="8"/>
  <c r="N1500" i="8"/>
  <c r="H1498" i="9" s="1"/>
  <c r="O1500" i="8"/>
  <c r="I1498" i="9" s="1"/>
  <c r="J1501" i="8"/>
  <c r="F1499" i="9" s="1"/>
  <c r="L1501" i="8"/>
  <c r="N1501" i="8"/>
  <c r="H1499" i="9" s="1"/>
  <c r="O1501" i="8"/>
  <c r="I1499" i="9" s="1"/>
  <c r="J1502" i="8"/>
  <c r="F1500" i="9" s="1"/>
  <c r="L1502" i="8"/>
  <c r="N1502" i="8"/>
  <c r="H1500" i="9" s="1"/>
  <c r="O1502" i="8"/>
  <c r="I1500" i="9" s="1"/>
  <c r="J1503" i="8"/>
  <c r="F1501" i="9" s="1"/>
  <c r="L1503" i="8"/>
  <c r="N1503" i="8"/>
  <c r="H1501" i="9" s="1"/>
  <c r="O1503" i="8"/>
  <c r="I1501" i="9" s="1"/>
  <c r="J1504" i="8"/>
  <c r="F1502" i="9" s="1"/>
  <c r="L1504" i="8"/>
  <c r="N1504" i="8"/>
  <c r="H1502" i="9" s="1"/>
  <c r="O1504" i="8"/>
  <c r="I1502" i="9" s="1"/>
  <c r="J1505" i="8"/>
  <c r="F1503" i="9" s="1"/>
  <c r="L1505" i="8"/>
  <c r="N1505" i="8"/>
  <c r="H1503" i="9" s="1"/>
  <c r="O1505" i="8"/>
  <c r="I1503" i="9" s="1"/>
  <c r="J1506" i="8"/>
  <c r="F1504" i="9" s="1"/>
  <c r="L1506" i="8"/>
  <c r="N1506" i="8"/>
  <c r="H1504" i="9" s="1"/>
  <c r="O1506" i="8"/>
  <c r="I1504" i="9" s="1"/>
  <c r="J1507" i="8"/>
  <c r="F1505" i="9" s="1"/>
  <c r="L1507" i="8"/>
  <c r="N1507" i="8"/>
  <c r="H1505" i="9" s="1"/>
  <c r="O1507" i="8"/>
  <c r="I1505" i="9" s="1"/>
  <c r="J1508" i="8"/>
  <c r="F1506" i="9" s="1"/>
  <c r="L1508" i="8"/>
  <c r="N1508" i="8"/>
  <c r="H1506" i="9" s="1"/>
  <c r="O1508" i="8"/>
  <c r="I1506" i="9" s="1"/>
  <c r="J1509" i="8"/>
  <c r="F1507" i="9" s="1"/>
  <c r="L1509" i="8"/>
  <c r="N1509" i="8"/>
  <c r="H1507" i="9" s="1"/>
  <c r="O1509" i="8"/>
  <c r="I1507" i="9" s="1"/>
  <c r="J1510" i="8"/>
  <c r="F1508" i="9" s="1"/>
  <c r="L1510" i="8"/>
  <c r="N1510" i="8"/>
  <c r="H1508" i="9" s="1"/>
  <c r="O1510" i="8"/>
  <c r="I1508" i="9" s="1"/>
  <c r="J1511" i="8"/>
  <c r="F1509" i="9" s="1"/>
  <c r="L1511" i="8"/>
  <c r="N1511" i="8"/>
  <c r="H1509" i="9" s="1"/>
  <c r="O1511" i="8"/>
  <c r="I1509" i="9" s="1"/>
  <c r="J1512" i="8"/>
  <c r="F1510" i="9" s="1"/>
  <c r="L1512" i="8"/>
  <c r="N1512" i="8"/>
  <c r="H1510" i="9" s="1"/>
  <c r="O1512" i="8"/>
  <c r="I1510" i="9" s="1"/>
  <c r="J1513" i="8"/>
  <c r="F1511" i="9" s="1"/>
  <c r="L1513" i="8"/>
  <c r="N1513" i="8"/>
  <c r="H1511" i="9" s="1"/>
  <c r="O1513" i="8"/>
  <c r="I1511" i="9" s="1"/>
  <c r="J1514" i="8"/>
  <c r="F1512" i="9" s="1"/>
  <c r="L1514" i="8"/>
  <c r="N1514" i="8"/>
  <c r="H1512" i="9" s="1"/>
  <c r="O1514" i="8"/>
  <c r="I1512" i="9" s="1"/>
  <c r="J1515" i="8"/>
  <c r="F1513" i="9" s="1"/>
  <c r="L1515" i="8"/>
  <c r="N1515" i="8"/>
  <c r="H1513" i="9" s="1"/>
  <c r="O1515" i="8"/>
  <c r="I1513" i="9" s="1"/>
  <c r="J1516" i="8"/>
  <c r="F1514" i="9" s="1"/>
  <c r="L1516" i="8"/>
  <c r="N1516" i="8"/>
  <c r="H1514" i="9" s="1"/>
  <c r="O1516" i="8"/>
  <c r="I1514" i="9" s="1"/>
  <c r="J1517" i="8"/>
  <c r="F1515" i="9" s="1"/>
  <c r="L1517" i="8"/>
  <c r="N1517" i="8"/>
  <c r="H1515" i="9" s="1"/>
  <c r="O1517" i="8"/>
  <c r="I1515" i="9" s="1"/>
  <c r="J1518" i="8"/>
  <c r="F1516" i="9" s="1"/>
  <c r="L1518" i="8"/>
  <c r="N1518" i="8"/>
  <c r="H1516" i="9" s="1"/>
  <c r="O1518" i="8"/>
  <c r="I1516" i="9" s="1"/>
  <c r="J1519" i="8"/>
  <c r="F1517" i="9" s="1"/>
  <c r="L1519" i="8"/>
  <c r="N1519" i="8"/>
  <c r="H1517" i="9" s="1"/>
  <c r="O1519" i="8"/>
  <c r="I1517" i="9" s="1"/>
  <c r="J1520" i="8"/>
  <c r="F1518" i="9" s="1"/>
  <c r="L1520" i="8"/>
  <c r="N1520" i="8"/>
  <c r="H1518" i="9" s="1"/>
  <c r="O1520" i="8"/>
  <c r="I1518" i="9" s="1"/>
  <c r="J1521" i="8"/>
  <c r="F1519" i="9" s="1"/>
  <c r="L1521" i="8"/>
  <c r="N1521" i="8"/>
  <c r="H1519" i="9" s="1"/>
  <c r="O1521" i="8"/>
  <c r="I1519" i="9" s="1"/>
  <c r="J1522" i="8"/>
  <c r="F1520" i="9" s="1"/>
  <c r="L1522" i="8"/>
  <c r="N1522" i="8"/>
  <c r="H1520" i="9" s="1"/>
  <c r="O1522" i="8"/>
  <c r="I1520" i="9" s="1"/>
  <c r="J1523" i="8"/>
  <c r="F1521" i="9" s="1"/>
  <c r="L1523" i="8"/>
  <c r="N1523" i="8"/>
  <c r="H1521" i="9" s="1"/>
  <c r="O1523" i="8"/>
  <c r="I1521" i="9" s="1"/>
  <c r="J1524" i="8"/>
  <c r="F1522" i="9" s="1"/>
  <c r="L1524" i="8"/>
  <c r="N1524" i="8"/>
  <c r="H1522" i="9" s="1"/>
  <c r="O1524" i="8"/>
  <c r="I1522" i="9" s="1"/>
  <c r="J1525" i="8"/>
  <c r="F1523" i="9" s="1"/>
  <c r="L1525" i="8"/>
  <c r="N1525" i="8"/>
  <c r="H1523" i="9" s="1"/>
  <c r="O1525" i="8"/>
  <c r="I1523" i="9" s="1"/>
  <c r="J1526" i="8"/>
  <c r="F1524" i="9" s="1"/>
  <c r="L1526" i="8"/>
  <c r="N1526" i="8"/>
  <c r="H1524" i="9" s="1"/>
  <c r="O1526" i="8"/>
  <c r="I1524" i="9" s="1"/>
  <c r="J1527" i="8"/>
  <c r="F1525" i="9" s="1"/>
  <c r="L1527" i="8"/>
  <c r="N1527" i="8"/>
  <c r="H1525" i="9" s="1"/>
  <c r="O1527" i="8"/>
  <c r="I1525" i="9" s="1"/>
  <c r="J1528" i="8"/>
  <c r="F1526" i="9" s="1"/>
  <c r="L1528" i="8"/>
  <c r="N1528" i="8"/>
  <c r="H1526" i="9" s="1"/>
  <c r="O1528" i="8"/>
  <c r="I1526" i="9" s="1"/>
  <c r="J1529" i="8"/>
  <c r="F1527" i="9" s="1"/>
  <c r="L1529" i="8"/>
  <c r="N1529" i="8"/>
  <c r="H1527" i="9" s="1"/>
  <c r="O1529" i="8"/>
  <c r="I1527" i="9" s="1"/>
  <c r="J1530" i="8"/>
  <c r="F1528" i="9" s="1"/>
  <c r="L1530" i="8"/>
  <c r="N1530" i="8"/>
  <c r="H1528" i="9" s="1"/>
  <c r="O1530" i="8"/>
  <c r="I1528" i="9" s="1"/>
  <c r="J1531" i="8"/>
  <c r="F1529" i="9" s="1"/>
  <c r="L1531" i="8"/>
  <c r="N1531" i="8"/>
  <c r="H1529" i="9" s="1"/>
  <c r="O1531" i="8"/>
  <c r="I1529" i="9" s="1"/>
  <c r="J1532" i="8"/>
  <c r="F1530" i="9" s="1"/>
  <c r="L1532" i="8"/>
  <c r="N1532" i="8"/>
  <c r="H1530" i="9" s="1"/>
  <c r="O1532" i="8"/>
  <c r="I1530" i="9" s="1"/>
  <c r="J1533" i="8"/>
  <c r="F1531" i="9" s="1"/>
  <c r="L1533" i="8"/>
  <c r="N1533" i="8"/>
  <c r="H1531" i="9" s="1"/>
  <c r="O1533" i="8"/>
  <c r="I1531" i="9" s="1"/>
  <c r="J1534" i="8"/>
  <c r="F1532" i="9" s="1"/>
  <c r="L1534" i="8"/>
  <c r="N1534" i="8"/>
  <c r="H1532" i="9" s="1"/>
  <c r="O1534" i="8"/>
  <c r="I1532" i="9" s="1"/>
  <c r="J1535" i="8"/>
  <c r="F1533" i="9" s="1"/>
  <c r="L1535" i="8"/>
  <c r="N1535" i="8"/>
  <c r="H1533" i="9" s="1"/>
  <c r="O1535" i="8"/>
  <c r="I1533" i="9" s="1"/>
  <c r="J1536" i="8"/>
  <c r="F1534" i="9" s="1"/>
  <c r="L1536" i="8"/>
  <c r="N1536" i="8"/>
  <c r="H1534" i="9" s="1"/>
  <c r="O1536" i="8"/>
  <c r="I1534" i="9" s="1"/>
  <c r="J1537" i="8"/>
  <c r="F1535" i="9" s="1"/>
  <c r="L1537" i="8"/>
  <c r="N1537" i="8"/>
  <c r="H1535" i="9" s="1"/>
  <c r="O1537" i="8"/>
  <c r="I1535" i="9" s="1"/>
  <c r="J1538" i="8"/>
  <c r="F1536" i="9" s="1"/>
  <c r="L1538" i="8"/>
  <c r="N1538" i="8"/>
  <c r="H1536" i="9" s="1"/>
  <c r="O1538" i="8"/>
  <c r="I1536" i="9" s="1"/>
  <c r="J1539" i="8"/>
  <c r="F1537" i="9" s="1"/>
  <c r="L1539" i="8"/>
  <c r="N1539" i="8"/>
  <c r="H1537" i="9" s="1"/>
  <c r="O1539" i="8"/>
  <c r="I1537" i="9" s="1"/>
  <c r="J1540" i="8"/>
  <c r="F1538" i="9" s="1"/>
  <c r="L1540" i="8"/>
  <c r="N1540" i="8"/>
  <c r="H1538" i="9" s="1"/>
  <c r="O1540" i="8"/>
  <c r="I1538" i="9" s="1"/>
  <c r="J1541" i="8"/>
  <c r="F1539" i="9" s="1"/>
  <c r="L1541" i="8"/>
  <c r="N1541" i="8"/>
  <c r="H1539" i="9" s="1"/>
  <c r="O1541" i="8"/>
  <c r="I1539" i="9" s="1"/>
  <c r="J1542" i="8"/>
  <c r="F1540" i="9" s="1"/>
  <c r="L1542" i="8"/>
  <c r="N1542" i="8"/>
  <c r="H1540" i="9" s="1"/>
  <c r="O1542" i="8"/>
  <c r="I1540" i="9" s="1"/>
  <c r="J1543" i="8"/>
  <c r="F1541" i="9" s="1"/>
  <c r="L1543" i="8"/>
  <c r="N1543" i="8"/>
  <c r="H1541" i="9" s="1"/>
  <c r="O1543" i="8"/>
  <c r="I1541" i="9" s="1"/>
  <c r="J1544" i="8"/>
  <c r="F1542" i="9" s="1"/>
  <c r="L1544" i="8"/>
  <c r="N1544" i="8"/>
  <c r="H1542" i="9" s="1"/>
  <c r="O1544" i="8"/>
  <c r="I1542" i="9" s="1"/>
  <c r="J1545" i="8"/>
  <c r="F1543" i="9" s="1"/>
  <c r="L1545" i="8"/>
  <c r="N1545" i="8"/>
  <c r="H1543" i="9" s="1"/>
  <c r="O1545" i="8"/>
  <c r="I1543" i="9" s="1"/>
  <c r="J1546" i="8"/>
  <c r="F1544" i="9" s="1"/>
  <c r="L1546" i="8"/>
  <c r="N1546" i="8"/>
  <c r="H1544" i="9" s="1"/>
  <c r="O1546" i="8"/>
  <c r="I1544" i="9" s="1"/>
  <c r="J1547" i="8"/>
  <c r="F1545" i="9" s="1"/>
  <c r="L1547" i="8"/>
  <c r="N1547" i="8"/>
  <c r="H1545" i="9" s="1"/>
  <c r="O1547" i="8"/>
  <c r="I1545" i="9" s="1"/>
  <c r="J1548" i="8"/>
  <c r="F1546" i="9" s="1"/>
  <c r="L1548" i="8"/>
  <c r="N1548" i="8"/>
  <c r="H1546" i="9" s="1"/>
  <c r="O1548" i="8"/>
  <c r="I1546" i="9" s="1"/>
  <c r="J1549" i="8"/>
  <c r="F1547" i="9" s="1"/>
  <c r="L1549" i="8"/>
  <c r="N1549" i="8"/>
  <c r="H1547" i="9" s="1"/>
  <c r="O1549" i="8"/>
  <c r="I1547" i="9" s="1"/>
  <c r="J1550" i="8"/>
  <c r="F1548" i="9" s="1"/>
  <c r="L1550" i="8"/>
  <c r="N1550" i="8"/>
  <c r="H1548" i="9" s="1"/>
  <c r="O1550" i="8"/>
  <c r="I1548" i="9" s="1"/>
  <c r="J1551" i="8"/>
  <c r="F1549" i="9" s="1"/>
  <c r="L1551" i="8"/>
  <c r="N1551" i="8"/>
  <c r="H1549" i="9" s="1"/>
  <c r="O1551" i="8"/>
  <c r="I1549" i="9" s="1"/>
  <c r="J1552" i="8"/>
  <c r="F1550" i="9" s="1"/>
  <c r="L1552" i="8"/>
  <c r="N1552" i="8"/>
  <c r="H1550" i="9" s="1"/>
  <c r="O1552" i="8"/>
  <c r="I1550" i="9" s="1"/>
  <c r="J1553" i="8"/>
  <c r="F1551" i="9" s="1"/>
  <c r="L1553" i="8"/>
  <c r="N1553" i="8"/>
  <c r="H1551" i="9" s="1"/>
  <c r="O1553" i="8"/>
  <c r="I1551" i="9" s="1"/>
  <c r="J1554" i="8"/>
  <c r="F1552" i="9" s="1"/>
  <c r="L1554" i="8"/>
  <c r="N1554" i="8"/>
  <c r="H1552" i="9" s="1"/>
  <c r="O1554" i="8"/>
  <c r="I1552" i="9" s="1"/>
  <c r="J1555" i="8"/>
  <c r="F1553" i="9" s="1"/>
  <c r="L1555" i="8"/>
  <c r="N1555" i="8"/>
  <c r="H1553" i="9" s="1"/>
  <c r="O1555" i="8"/>
  <c r="I1553" i="9" s="1"/>
  <c r="J1556" i="8"/>
  <c r="F1554" i="9" s="1"/>
  <c r="L1556" i="8"/>
  <c r="N1556" i="8"/>
  <c r="H1554" i="9" s="1"/>
  <c r="O1556" i="8"/>
  <c r="I1554" i="9" s="1"/>
  <c r="J1557" i="8"/>
  <c r="F1555" i="9" s="1"/>
  <c r="L1557" i="8"/>
  <c r="N1557" i="8"/>
  <c r="H1555" i="9" s="1"/>
  <c r="O1557" i="8"/>
  <c r="I1555" i="9" s="1"/>
  <c r="J1558" i="8"/>
  <c r="F1556" i="9" s="1"/>
  <c r="L1558" i="8"/>
  <c r="N1558" i="8"/>
  <c r="H1556" i="9" s="1"/>
  <c r="O1558" i="8"/>
  <c r="I1556" i="9" s="1"/>
  <c r="J1559" i="8"/>
  <c r="F1557" i="9" s="1"/>
  <c r="L1559" i="8"/>
  <c r="N1559" i="8"/>
  <c r="H1557" i="9" s="1"/>
  <c r="O1559" i="8"/>
  <c r="I1557" i="9" s="1"/>
  <c r="J1560" i="8"/>
  <c r="F1558" i="9" s="1"/>
  <c r="L1560" i="8"/>
  <c r="N1560" i="8"/>
  <c r="H1558" i="9" s="1"/>
  <c r="O1560" i="8"/>
  <c r="I1558" i="9" s="1"/>
  <c r="J1561" i="8"/>
  <c r="F1559" i="9" s="1"/>
  <c r="L1561" i="8"/>
  <c r="N1561" i="8"/>
  <c r="H1559" i="9" s="1"/>
  <c r="O1561" i="8"/>
  <c r="I1559" i="9" s="1"/>
  <c r="J1562" i="8"/>
  <c r="F1560" i="9" s="1"/>
  <c r="L1562" i="8"/>
  <c r="N1562" i="8"/>
  <c r="H1560" i="9" s="1"/>
  <c r="O1562" i="8"/>
  <c r="I1560" i="9" s="1"/>
  <c r="J1563" i="8"/>
  <c r="F1561" i="9" s="1"/>
  <c r="L1563" i="8"/>
  <c r="N1563" i="8"/>
  <c r="H1561" i="9" s="1"/>
  <c r="O1563" i="8"/>
  <c r="I1561" i="9" s="1"/>
  <c r="J1564" i="8"/>
  <c r="F1562" i="9" s="1"/>
  <c r="L1564" i="8"/>
  <c r="N1564" i="8"/>
  <c r="H1562" i="9" s="1"/>
  <c r="O1564" i="8"/>
  <c r="I1562" i="9" s="1"/>
  <c r="J1565" i="8"/>
  <c r="F1563" i="9" s="1"/>
  <c r="L1565" i="8"/>
  <c r="N1565" i="8"/>
  <c r="H1563" i="9" s="1"/>
  <c r="O1565" i="8"/>
  <c r="I1563" i="9" s="1"/>
  <c r="J1566" i="8"/>
  <c r="F1564" i="9" s="1"/>
  <c r="L1566" i="8"/>
  <c r="N1566" i="8"/>
  <c r="H1564" i="9" s="1"/>
  <c r="O1566" i="8"/>
  <c r="I1564" i="9" s="1"/>
  <c r="J1567" i="8"/>
  <c r="F1565" i="9" s="1"/>
  <c r="L1567" i="8"/>
  <c r="N1567" i="8"/>
  <c r="H1565" i="9" s="1"/>
  <c r="O1567" i="8"/>
  <c r="I1565" i="9" s="1"/>
  <c r="J1568" i="8"/>
  <c r="F1566" i="9" s="1"/>
  <c r="L1568" i="8"/>
  <c r="N1568" i="8"/>
  <c r="H1566" i="9" s="1"/>
  <c r="O1568" i="8"/>
  <c r="I1566" i="9" s="1"/>
  <c r="J1569" i="8"/>
  <c r="F1567" i="9" s="1"/>
  <c r="L1569" i="8"/>
  <c r="N1569" i="8"/>
  <c r="H1567" i="9" s="1"/>
  <c r="O1569" i="8"/>
  <c r="I1567" i="9" s="1"/>
  <c r="J1570" i="8"/>
  <c r="F1568" i="9" s="1"/>
  <c r="L1570" i="8"/>
  <c r="N1570" i="8"/>
  <c r="H1568" i="9" s="1"/>
  <c r="O1570" i="8"/>
  <c r="I1568" i="9" s="1"/>
  <c r="J1571" i="8"/>
  <c r="F1569" i="9" s="1"/>
  <c r="L1571" i="8"/>
  <c r="N1571" i="8"/>
  <c r="H1569" i="9" s="1"/>
  <c r="O1571" i="8"/>
  <c r="I1569" i="9" s="1"/>
  <c r="J1572" i="8"/>
  <c r="F1570" i="9" s="1"/>
  <c r="L1572" i="8"/>
  <c r="N1572" i="8"/>
  <c r="H1570" i="9" s="1"/>
  <c r="O1572" i="8"/>
  <c r="I1570" i="9" s="1"/>
  <c r="J1573" i="8"/>
  <c r="F1571" i="9" s="1"/>
  <c r="L1573" i="8"/>
  <c r="N1573" i="8"/>
  <c r="H1571" i="9" s="1"/>
  <c r="O1573" i="8"/>
  <c r="I1571" i="9" s="1"/>
  <c r="J1574" i="8"/>
  <c r="F1572" i="9" s="1"/>
  <c r="L1574" i="8"/>
  <c r="N1574" i="8"/>
  <c r="H1572" i="9" s="1"/>
  <c r="O1574" i="8"/>
  <c r="I1572" i="9" s="1"/>
  <c r="J1575" i="8"/>
  <c r="F1573" i="9" s="1"/>
  <c r="L1575" i="8"/>
  <c r="N1575" i="8"/>
  <c r="H1573" i="9" s="1"/>
  <c r="O1575" i="8"/>
  <c r="I1573" i="9" s="1"/>
  <c r="J1576" i="8"/>
  <c r="F1574" i="9" s="1"/>
  <c r="L1576" i="8"/>
  <c r="N1576" i="8"/>
  <c r="H1574" i="9" s="1"/>
  <c r="O1576" i="8"/>
  <c r="I1574" i="9" s="1"/>
  <c r="J1577" i="8"/>
  <c r="F1575" i="9" s="1"/>
  <c r="L1577" i="8"/>
  <c r="N1577" i="8"/>
  <c r="H1575" i="9" s="1"/>
  <c r="O1577" i="8"/>
  <c r="I1575" i="9" s="1"/>
  <c r="J1578" i="8"/>
  <c r="F1576" i="9" s="1"/>
  <c r="L1578" i="8"/>
  <c r="N1578" i="8"/>
  <c r="H1576" i="9" s="1"/>
  <c r="O1578" i="8"/>
  <c r="I1576" i="9" s="1"/>
  <c r="J1579" i="8"/>
  <c r="F1577" i="9" s="1"/>
  <c r="L1579" i="8"/>
  <c r="N1579" i="8"/>
  <c r="H1577" i="9" s="1"/>
  <c r="O1579" i="8"/>
  <c r="I1577" i="9" s="1"/>
  <c r="J1580" i="8"/>
  <c r="F1578" i="9" s="1"/>
  <c r="L1580" i="8"/>
  <c r="N1580" i="8"/>
  <c r="H1578" i="9" s="1"/>
  <c r="O1580" i="8"/>
  <c r="I1578" i="9" s="1"/>
  <c r="J1581" i="8"/>
  <c r="F1579" i="9" s="1"/>
  <c r="L1581" i="8"/>
  <c r="N1581" i="8"/>
  <c r="H1579" i="9" s="1"/>
  <c r="O1581" i="8"/>
  <c r="I1579" i="9" s="1"/>
  <c r="J1582" i="8"/>
  <c r="F1580" i="9" s="1"/>
  <c r="L1582" i="8"/>
  <c r="N1582" i="8"/>
  <c r="H1580" i="9" s="1"/>
  <c r="O1582" i="8"/>
  <c r="I1580" i="9" s="1"/>
  <c r="J1583" i="8"/>
  <c r="F1581" i="9" s="1"/>
  <c r="L1583" i="8"/>
  <c r="N1583" i="8"/>
  <c r="H1581" i="9" s="1"/>
  <c r="O1583" i="8"/>
  <c r="I1581" i="9" s="1"/>
  <c r="J1584" i="8"/>
  <c r="F1582" i="9" s="1"/>
  <c r="L1584" i="8"/>
  <c r="N1584" i="8"/>
  <c r="H1582" i="9" s="1"/>
  <c r="O1584" i="8"/>
  <c r="I1582" i="9" s="1"/>
  <c r="J1585" i="8"/>
  <c r="F1583" i="9" s="1"/>
  <c r="L1585" i="8"/>
  <c r="N1585" i="8"/>
  <c r="H1583" i="9" s="1"/>
  <c r="O1585" i="8"/>
  <c r="I1583" i="9" s="1"/>
  <c r="J1586" i="8"/>
  <c r="F1584" i="9" s="1"/>
  <c r="L1586" i="8"/>
  <c r="N1586" i="8"/>
  <c r="H1584" i="9" s="1"/>
  <c r="O1586" i="8"/>
  <c r="I1584" i="9" s="1"/>
  <c r="J1587" i="8"/>
  <c r="F1585" i="9" s="1"/>
  <c r="L1587" i="8"/>
  <c r="N1587" i="8"/>
  <c r="H1585" i="9" s="1"/>
  <c r="O1587" i="8"/>
  <c r="I1585" i="9" s="1"/>
  <c r="J1588" i="8"/>
  <c r="F1586" i="9" s="1"/>
  <c r="L1588" i="8"/>
  <c r="N1588" i="8"/>
  <c r="H1586" i="9" s="1"/>
  <c r="O1588" i="8"/>
  <c r="I1586" i="9" s="1"/>
  <c r="J1589" i="8"/>
  <c r="F1587" i="9" s="1"/>
  <c r="L1589" i="8"/>
  <c r="N1589" i="8"/>
  <c r="H1587" i="9" s="1"/>
  <c r="O1589" i="8"/>
  <c r="I1587" i="9" s="1"/>
  <c r="J1590" i="8"/>
  <c r="F1588" i="9" s="1"/>
  <c r="L1590" i="8"/>
  <c r="N1590" i="8"/>
  <c r="H1588" i="9" s="1"/>
  <c r="O1590" i="8"/>
  <c r="I1588" i="9" s="1"/>
  <c r="J1591" i="8"/>
  <c r="F1589" i="9" s="1"/>
  <c r="L1591" i="8"/>
  <c r="N1591" i="8"/>
  <c r="H1589" i="9" s="1"/>
  <c r="O1591" i="8"/>
  <c r="I1589" i="9" s="1"/>
  <c r="J1592" i="8"/>
  <c r="F1590" i="9" s="1"/>
  <c r="L1592" i="8"/>
  <c r="N1592" i="8"/>
  <c r="H1590" i="9" s="1"/>
  <c r="O1592" i="8"/>
  <c r="I1590" i="9" s="1"/>
  <c r="J1593" i="8"/>
  <c r="F1591" i="9" s="1"/>
  <c r="L1593" i="8"/>
  <c r="N1593" i="8"/>
  <c r="H1591" i="9" s="1"/>
  <c r="O1593" i="8"/>
  <c r="I1591" i="9" s="1"/>
  <c r="J1594" i="8"/>
  <c r="F1592" i="9" s="1"/>
  <c r="L1594" i="8"/>
  <c r="N1594" i="8"/>
  <c r="H1592" i="9" s="1"/>
  <c r="O1594" i="8"/>
  <c r="I1592" i="9" s="1"/>
  <c r="J1595" i="8"/>
  <c r="F1593" i="9" s="1"/>
  <c r="L1595" i="8"/>
  <c r="N1595" i="8"/>
  <c r="H1593" i="9" s="1"/>
  <c r="O1595" i="8"/>
  <c r="I1593" i="9" s="1"/>
  <c r="J1596" i="8"/>
  <c r="F1594" i="9" s="1"/>
  <c r="L1596" i="8"/>
  <c r="N1596" i="8"/>
  <c r="H1594" i="9" s="1"/>
  <c r="O1596" i="8"/>
  <c r="I1594" i="9" s="1"/>
  <c r="J1597" i="8"/>
  <c r="F1595" i="9" s="1"/>
  <c r="L1597" i="8"/>
  <c r="N1597" i="8"/>
  <c r="H1595" i="9" s="1"/>
  <c r="O1597" i="8"/>
  <c r="I1595" i="9" s="1"/>
  <c r="J1598" i="8"/>
  <c r="F1596" i="9" s="1"/>
  <c r="L1598" i="8"/>
  <c r="N1598" i="8"/>
  <c r="H1596" i="9" s="1"/>
  <c r="O1598" i="8"/>
  <c r="I1596" i="9" s="1"/>
  <c r="J1599" i="8"/>
  <c r="F1597" i="9" s="1"/>
  <c r="L1599" i="8"/>
  <c r="N1599" i="8"/>
  <c r="H1597" i="9" s="1"/>
  <c r="O1599" i="8"/>
  <c r="I1597" i="9" s="1"/>
  <c r="J1600" i="8"/>
  <c r="F1598" i="9" s="1"/>
  <c r="L1600" i="8"/>
  <c r="N1600" i="8"/>
  <c r="H1598" i="9" s="1"/>
  <c r="O1600" i="8"/>
  <c r="I1598" i="9" s="1"/>
  <c r="J1601" i="8"/>
  <c r="F1599" i="9" s="1"/>
  <c r="L1601" i="8"/>
  <c r="N1601" i="8"/>
  <c r="H1599" i="9" s="1"/>
  <c r="O1601" i="8"/>
  <c r="I1599" i="9" s="1"/>
  <c r="J1602" i="8"/>
  <c r="F1600" i="9" s="1"/>
  <c r="L1602" i="8"/>
  <c r="N1602" i="8"/>
  <c r="H1600" i="9" s="1"/>
  <c r="O1602" i="8"/>
  <c r="I1600" i="9" s="1"/>
  <c r="J1603" i="8"/>
  <c r="F1601" i="9" s="1"/>
  <c r="L1603" i="8"/>
  <c r="N1603" i="8"/>
  <c r="H1601" i="9" s="1"/>
  <c r="O1603" i="8"/>
  <c r="I1601" i="9" s="1"/>
  <c r="J1604" i="8"/>
  <c r="F1602" i="9" s="1"/>
  <c r="L1604" i="8"/>
  <c r="N1604" i="8"/>
  <c r="H1602" i="9" s="1"/>
  <c r="O1604" i="8"/>
  <c r="I1602" i="9" s="1"/>
  <c r="J1605" i="8"/>
  <c r="F1603" i="9" s="1"/>
  <c r="L1605" i="8"/>
  <c r="N1605" i="8"/>
  <c r="H1603" i="9" s="1"/>
  <c r="O1605" i="8"/>
  <c r="I1603" i="9" s="1"/>
  <c r="J1606" i="8"/>
  <c r="F1604" i="9" s="1"/>
  <c r="L1606" i="8"/>
  <c r="N1606" i="8"/>
  <c r="H1604" i="9" s="1"/>
  <c r="O1606" i="8"/>
  <c r="I1604" i="9" s="1"/>
  <c r="J1607" i="8"/>
  <c r="F1605" i="9" s="1"/>
  <c r="L1607" i="8"/>
  <c r="N1607" i="8"/>
  <c r="H1605" i="9" s="1"/>
  <c r="O1607" i="8"/>
  <c r="I1605" i="9" s="1"/>
  <c r="J1608" i="8"/>
  <c r="F1606" i="9" s="1"/>
  <c r="L1608" i="8"/>
  <c r="N1608" i="8"/>
  <c r="H1606" i="9" s="1"/>
  <c r="O1608" i="8"/>
  <c r="I1606" i="9" s="1"/>
  <c r="J1609" i="8"/>
  <c r="F1607" i="9" s="1"/>
  <c r="L1609" i="8"/>
  <c r="N1609" i="8"/>
  <c r="H1607" i="9" s="1"/>
  <c r="O1609" i="8"/>
  <c r="I1607" i="9" s="1"/>
  <c r="J1610" i="8"/>
  <c r="F1608" i="9" s="1"/>
  <c r="L1610" i="8"/>
  <c r="N1610" i="8"/>
  <c r="H1608" i="9" s="1"/>
  <c r="O1610" i="8"/>
  <c r="I1608" i="9" s="1"/>
  <c r="J1611" i="8"/>
  <c r="F1609" i="9" s="1"/>
  <c r="L1611" i="8"/>
  <c r="N1611" i="8"/>
  <c r="H1609" i="9" s="1"/>
  <c r="O1611" i="8"/>
  <c r="I1609" i="9" s="1"/>
  <c r="J1612" i="8"/>
  <c r="F1610" i="9" s="1"/>
  <c r="L1612" i="8"/>
  <c r="N1612" i="8"/>
  <c r="H1610" i="9" s="1"/>
  <c r="O1612" i="8"/>
  <c r="I1610" i="9" s="1"/>
  <c r="J1613" i="8"/>
  <c r="F1611" i="9" s="1"/>
  <c r="L1613" i="8"/>
  <c r="N1613" i="8"/>
  <c r="H1611" i="9" s="1"/>
  <c r="O1613" i="8"/>
  <c r="I1611" i="9" s="1"/>
  <c r="J1614" i="8"/>
  <c r="F1612" i="9" s="1"/>
  <c r="L1614" i="8"/>
  <c r="N1614" i="8"/>
  <c r="H1612" i="9" s="1"/>
  <c r="O1614" i="8"/>
  <c r="I1612" i="9" s="1"/>
  <c r="J1615" i="8"/>
  <c r="F1613" i="9" s="1"/>
  <c r="L1615" i="8"/>
  <c r="N1615" i="8"/>
  <c r="H1613" i="9" s="1"/>
  <c r="O1615" i="8"/>
  <c r="I1613" i="9" s="1"/>
  <c r="J1616" i="8"/>
  <c r="F1614" i="9" s="1"/>
  <c r="L1616" i="8"/>
  <c r="N1616" i="8"/>
  <c r="H1614" i="9" s="1"/>
  <c r="O1616" i="8"/>
  <c r="I1614" i="9" s="1"/>
  <c r="J1617" i="8"/>
  <c r="F1615" i="9" s="1"/>
  <c r="L1617" i="8"/>
  <c r="N1617" i="8"/>
  <c r="H1615" i="9" s="1"/>
  <c r="O1617" i="8"/>
  <c r="I1615" i="9" s="1"/>
  <c r="J1618" i="8"/>
  <c r="F1616" i="9" s="1"/>
  <c r="L1618" i="8"/>
  <c r="N1618" i="8"/>
  <c r="H1616" i="9" s="1"/>
  <c r="O1618" i="8"/>
  <c r="I1616" i="9" s="1"/>
  <c r="J1619" i="8"/>
  <c r="F1617" i="9" s="1"/>
  <c r="L1619" i="8"/>
  <c r="N1619" i="8"/>
  <c r="H1617" i="9" s="1"/>
  <c r="O1619" i="8"/>
  <c r="I1617" i="9" s="1"/>
  <c r="J1620" i="8"/>
  <c r="F1618" i="9" s="1"/>
  <c r="L1620" i="8"/>
  <c r="N1620" i="8"/>
  <c r="H1618" i="9" s="1"/>
  <c r="O1620" i="8"/>
  <c r="I1618" i="9" s="1"/>
  <c r="J1621" i="8"/>
  <c r="F1619" i="9" s="1"/>
  <c r="L1621" i="8"/>
  <c r="N1621" i="8"/>
  <c r="H1619" i="9" s="1"/>
  <c r="O1621" i="8"/>
  <c r="I1619" i="9" s="1"/>
  <c r="J1622" i="8"/>
  <c r="F1620" i="9" s="1"/>
  <c r="L1622" i="8"/>
  <c r="N1622" i="8"/>
  <c r="H1620" i="9" s="1"/>
  <c r="O1622" i="8"/>
  <c r="I1620" i="9" s="1"/>
  <c r="J1623" i="8"/>
  <c r="F1621" i="9" s="1"/>
  <c r="L1623" i="8"/>
  <c r="N1623" i="8"/>
  <c r="H1621" i="9" s="1"/>
  <c r="O1623" i="8"/>
  <c r="I1621" i="9" s="1"/>
  <c r="J1624" i="8"/>
  <c r="F1622" i="9" s="1"/>
  <c r="L1624" i="8"/>
  <c r="N1624" i="8"/>
  <c r="H1622" i="9" s="1"/>
  <c r="O1624" i="8"/>
  <c r="I1622" i="9" s="1"/>
  <c r="J1625" i="8"/>
  <c r="F1623" i="9" s="1"/>
  <c r="L1625" i="8"/>
  <c r="N1625" i="8"/>
  <c r="H1623" i="9" s="1"/>
  <c r="O1625" i="8"/>
  <c r="I1623" i="9" s="1"/>
  <c r="J1626" i="8"/>
  <c r="F1624" i="9" s="1"/>
  <c r="L1626" i="8"/>
  <c r="N1626" i="8"/>
  <c r="H1624" i="9" s="1"/>
  <c r="O1626" i="8"/>
  <c r="I1624" i="9" s="1"/>
  <c r="J1627" i="8"/>
  <c r="F1625" i="9" s="1"/>
  <c r="L1627" i="8"/>
  <c r="N1627" i="8"/>
  <c r="H1625" i="9" s="1"/>
  <c r="O1627" i="8"/>
  <c r="I1625" i="9" s="1"/>
  <c r="J1628" i="8"/>
  <c r="F1626" i="9" s="1"/>
  <c r="L1628" i="8"/>
  <c r="N1628" i="8"/>
  <c r="H1626" i="9" s="1"/>
  <c r="O1628" i="8"/>
  <c r="I1626" i="9" s="1"/>
  <c r="J1629" i="8"/>
  <c r="F1627" i="9" s="1"/>
  <c r="L1629" i="8"/>
  <c r="N1629" i="8"/>
  <c r="H1627" i="9" s="1"/>
  <c r="O1629" i="8"/>
  <c r="I1627" i="9" s="1"/>
  <c r="J1630" i="8"/>
  <c r="F1628" i="9" s="1"/>
  <c r="L1630" i="8"/>
  <c r="N1630" i="8"/>
  <c r="H1628" i="9" s="1"/>
  <c r="O1630" i="8"/>
  <c r="I1628" i="9" s="1"/>
  <c r="J1631" i="8"/>
  <c r="F1629" i="9" s="1"/>
  <c r="L1631" i="8"/>
  <c r="N1631" i="8"/>
  <c r="H1629" i="9" s="1"/>
  <c r="O1631" i="8"/>
  <c r="I1629" i="9" s="1"/>
  <c r="J1632" i="8"/>
  <c r="F1630" i="9" s="1"/>
  <c r="L1632" i="8"/>
  <c r="N1632" i="8"/>
  <c r="H1630" i="9" s="1"/>
  <c r="O1632" i="8"/>
  <c r="I1630" i="9" s="1"/>
  <c r="J1633" i="8"/>
  <c r="F1631" i="9" s="1"/>
  <c r="L1633" i="8"/>
  <c r="N1633" i="8"/>
  <c r="H1631" i="9" s="1"/>
  <c r="O1633" i="8"/>
  <c r="I1631" i="9" s="1"/>
  <c r="J1634" i="8"/>
  <c r="F1632" i="9" s="1"/>
  <c r="L1634" i="8"/>
  <c r="N1634" i="8"/>
  <c r="H1632" i="9" s="1"/>
  <c r="O1634" i="8"/>
  <c r="I1632" i="9" s="1"/>
  <c r="J1635" i="8"/>
  <c r="F1633" i="9" s="1"/>
  <c r="L1635" i="8"/>
  <c r="N1635" i="8"/>
  <c r="H1633" i="9" s="1"/>
  <c r="O1635" i="8"/>
  <c r="I1633" i="9" s="1"/>
  <c r="J1636" i="8"/>
  <c r="F1634" i="9" s="1"/>
  <c r="L1636" i="8"/>
  <c r="N1636" i="8"/>
  <c r="H1634" i="9" s="1"/>
  <c r="O1636" i="8"/>
  <c r="I1634" i="9" s="1"/>
  <c r="J1637" i="8"/>
  <c r="F1635" i="9" s="1"/>
  <c r="L1637" i="8"/>
  <c r="N1637" i="8"/>
  <c r="H1635" i="9" s="1"/>
  <c r="O1637" i="8"/>
  <c r="I1635" i="9" s="1"/>
  <c r="J1638" i="8"/>
  <c r="F1636" i="9" s="1"/>
  <c r="L1638" i="8"/>
  <c r="N1638" i="8"/>
  <c r="H1636" i="9" s="1"/>
  <c r="O1638" i="8"/>
  <c r="I1636" i="9" s="1"/>
  <c r="J1639" i="8"/>
  <c r="F1637" i="9" s="1"/>
  <c r="L1639" i="8"/>
  <c r="N1639" i="8"/>
  <c r="H1637" i="9" s="1"/>
  <c r="O1639" i="8"/>
  <c r="I1637" i="9" s="1"/>
  <c r="J1640" i="8"/>
  <c r="F1638" i="9" s="1"/>
  <c r="L1640" i="8"/>
  <c r="N1640" i="8"/>
  <c r="H1638" i="9" s="1"/>
  <c r="O1640" i="8"/>
  <c r="I1638" i="9" s="1"/>
  <c r="J1641" i="8"/>
  <c r="F1639" i="9" s="1"/>
  <c r="L1641" i="8"/>
  <c r="N1641" i="8"/>
  <c r="H1639" i="9" s="1"/>
  <c r="O1641" i="8"/>
  <c r="I1639" i="9" s="1"/>
  <c r="J1642" i="8"/>
  <c r="F1640" i="9" s="1"/>
  <c r="L1642" i="8"/>
  <c r="N1642" i="8"/>
  <c r="H1640" i="9" s="1"/>
  <c r="O1642" i="8"/>
  <c r="I1640" i="9" s="1"/>
  <c r="J1643" i="8"/>
  <c r="F1641" i="9" s="1"/>
  <c r="L1643" i="8"/>
  <c r="N1643" i="8"/>
  <c r="H1641" i="9" s="1"/>
  <c r="O1643" i="8"/>
  <c r="I1641" i="9" s="1"/>
  <c r="J1644" i="8"/>
  <c r="F1642" i="9" s="1"/>
  <c r="L1644" i="8"/>
  <c r="N1644" i="8"/>
  <c r="H1642" i="9" s="1"/>
  <c r="O1644" i="8"/>
  <c r="I1642" i="9" s="1"/>
  <c r="J1645" i="8"/>
  <c r="F1643" i="9" s="1"/>
  <c r="L1645" i="8"/>
  <c r="N1645" i="8"/>
  <c r="H1643" i="9" s="1"/>
  <c r="O1645" i="8"/>
  <c r="I1643" i="9" s="1"/>
  <c r="J1646" i="8"/>
  <c r="F1644" i="9" s="1"/>
  <c r="L1646" i="8"/>
  <c r="N1646" i="8"/>
  <c r="H1644" i="9" s="1"/>
  <c r="O1646" i="8"/>
  <c r="I1644" i="9" s="1"/>
  <c r="J1647" i="8"/>
  <c r="F1645" i="9" s="1"/>
  <c r="L1647" i="8"/>
  <c r="N1647" i="8"/>
  <c r="H1645" i="9" s="1"/>
  <c r="O1647" i="8"/>
  <c r="I1645" i="9" s="1"/>
  <c r="J1648" i="8"/>
  <c r="F1646" i="9" s="1"/>
  <c r="L1648" i="8"/>
  <c r="N1648" i="8"/>
  <c r="H1646" i="9" s="1"/>
  <c r="O1648" i="8"/>
  <c r="I1646" i="9" s="1"/>
  <c r="J1649" i="8"/>
  <c r="F1647" i="9" s="1"/>
  <c r="L1649" i="8"/>
  <c r="N1649" i="8"/>
  <c r="H1647" i="9" s="1"/>
  <c r="O1649" i="8"/>
  <c r="I1647" i="9" s="1"/>
  <c r="J1650" i="8"/>
  <c r="F1648" i="9" s="1"/>
  <c r="L1650" i="8"/>
  <c r="N1650" i="8"/>
  <c r="H1648" i="9" s="1"/>
  <c r="O1650" i="8"/>
  <c r="I1648" i="9" s="1"/>
  <c r="J1651" i="8"/>
  <c r="F1649" i="9" s="1"/>
  <c r="L1651" i="8"/>
  <c r="N1651" i="8"/>
  <c r="H1649" i="9" s="1"/>
  <c r="O1651" i="8"/>
  <c r="I1649" i="9" s="1"/>
  <c r="J1652" i="8"/>
  <c r="F1650" i="9" s="1"/>
  <c r="L1652" i="8"/>
  <c r="N1652" i="8"/>
  <c r="H1650" i="9" s="1"/>
  <c r="O1652" i="8"/>
  <c r="I1650" i="9" s="1"/>
  <c r="J1653" i="8"/>
  <c r="F1651" i="9" s="1"/>
  <c r="L1653" i="8"/>
  <c r="N1653" i="8"/>
  <c r="H1651" i="9" s="1"/>
  <c r="O1653" i="8"/>
  <c r="I1651" i="9" s="1"/>
  <c r="J1654" i="8"/>
  <c r="F1652" i="9" s="1"/>
  <c r="L1654" i="8"/>
  <c r="N1654" i="8"/>
  <c r="H1652" i="9" s="1"/>
  <c r="O1654" i="8"/>
  <c r="I1652" i="9" s="1"/>
  <c r="J1655" i="8"/>
  <c r="F1653" i="9" s="1"/>
  <c r="L1655" i="8"/>
  <c r="N1655" i="8"/>
  <c r="H1653" i="9" s="1"/>
  <c r="O1655" i="8"/>
  <c r="I1653" i="9" s="1"/>
  <c r="J1656" i="8"/>
  <c r="F1654" i="9" s="1"/>
  <c r="L1656" i="8"/>
  <c r="N1656" i="8"/>
  <c r="H1654" i="9" s="1"/>
  <c r="O1656" i="8"/>
  <c r="I1654" i="9" s="1"/>
  <c r="J1657" i="8"/>
  <c r="F1655" i="9" s="1"/>
  <c r="L1657" i="8"/>
  <c r="N1657" i="8"/>
  <c r="H1655" i="9" s="1"/>
  <c r="O1657" i="8"/>
  <c r="I1655" i="9" s="1"/>
  <c r="J1658" i="8"/>
  <c r="F1656" i="9" s="1"/>
  <c r="L1658" i="8"/>
  <c r="N1658" i="8"/>
  <c r="H1656" i="9" s="1"/>
  <c r="O1658" i="8"/>
  <c r="I1656" i="9" s="1"/>
  <c r="J1659" i="8"/>
  <c r="F1657" i="9" s="1"/>
  <c r="L1659" i="8"/>
  <c r="N1659" i="8"/>
  <c r="H1657" i="9" s="1"/>
  <c r="O1659" i="8"/>
  <c r="I1657" i="9" s="1"/>
  <c r="J1660" i="8"/>
  <c r="F1658" i="9" s="1"/>
  <c r="L1660" i="8"/>
  <c r="N1660" i="8"/>
  <c r="H1658" i="9" s="1"/>
  <c r="O1660" i="8"/>
  <c r="I1658" i="9" s="1"/>
  <c r="J1661" i="8"/>
  <c r="F1659" i="9" s="1"/>
  <c r="L1661" i="8"/>
  <c r="N1661" i="8"/>
  <c r="H1659" i="9" s="1"/>
  <c r="O1661" i="8"/>
  <c r="I1659" i="9" s="1"/>
  <c r="J1662" i="8"/>
  <c r="F1660" i="9" s="1"/>
  <c r="L1662" i="8"/>
  <c r="N1662" i="8"/>
  <c r="H1660" i="9" s="1"/>
  <c r="O1662" i="8"/>
  <c r="I1660" i="9" s="1"/>
  <c r="J1663" i="8"/>
  <c r="F1661" i="9" s="1"/>
  <c r="L1663" i="8"/>
  <c r="N1663" i="8"/>
  <c r="H1661" i="9" s="1"/>
  <c r="O1663" i="8"/>
  <c r="I1661" i="9" s="1"/>
  <c r="J1664" i="8"/>
  <c r="F1662" i="9" s="1"/>
  <c r="L1664" i="8"/>
  <c r="N1664" i="8"/>
  <c r="H1662" i="9" s="1"/>
  <c r="O1664" i="8"/>
  <c r="I1662" i="9" s="1"/>
  <c r="J1665" i="8"/>
  <c r="F1663" i="9" s="1"/>
  <c r="L1665" i="8"/>
  <c r="N1665" i="8"/>
  <c r="H1663" i="9" s="1"/>
  <c r="O1665" i="8"/>
  <c r="I1663" i="9" s="1"/>
  <c r="J1666" i="8"/>
  <c r="F1664" i="9" s="1"/>
  <c r="L1666" i="8"/>
  <c r="N1666" i="8"/>
  <c r="H1664" i="9" s="1"/>
  <c r="O1666" i="8"/>
  <c r="I1664" i="9" s="1"/>
  <c r="J1667" i="8"/>
  <c r="F1665" i="9" s="1"/>
  <c r="L1667" i="8"/>
  <c r="N1667" i="8"/>
  <c r="H1665" i="9" s="1"/>
  <c r="O1667" i="8"/>
  <c r="I1665" i="9" s="1"/>
  <c r="J1668" i="8"/>
  <c r="F1666" i="9" s="1"/>
  <c r="L1668" i="8"/>
  <c r="N1668" i="8"/>
  <c r="H1666" i="9" s="1"/>
  <c r="O1668" i="8"/>
  <c r="I1666" i="9" s="1"/>
  <c r="J1669" i="8"/>
  <c r="F1667" i="9" s="1"/>
  <c r="L1669" i="8"/>
  <c r="N1669" i="8"/>
  <c r="H1667" i="9" s="1"/>
  <c r="O1669" i="8"/>
  <c r="I1667" i="9" s="1"/>
  <c r="J1670" i="8"/>
  <c r="F1668" i="9" s="1"/>
  <c r="L1670" i="8"/>
  <c r="N1670" i="8"/>
  <c r="H1668" i="9" s="1"/>
  <c r="O1670" i="8"/>
  <c r="I1668" i="9" s="1"/>
  <c r="J1671" i="8"/>
  <c r="F1669" i="9" s="1"/>
  <c r="L1671" i="8"/>
  <c r="N1671" i="8"/>
  <c r="H1669" i="9" s="1"/>
  <c r="O1671" i="8"/>
  <c r="I1669" i="9" s="1"/>
  <c r="J1672" i="8"/>
  <c r="F1670" i="9" s="1"/>
  <c r="L1672" i="8"/>
  <c r="N1672" i="8"/>
  <c r="H1670" i="9" s="1"/>
  <c r="O1672" i="8"/>
  <c r="I1670" i="9" s="1"/>
  <c r="J1673" i="8"/>
  <c r="F1671" i="9" s="1"/>
  <c r="L1673" i="8"/>
  <c r="N1673" i="8"/>
  <c r="H1671" i="9" s="1"/>
  <c r="O1673" i="8"/>
  <c r="I1671" i="9" s="1"/>
  <c r="J1674" i="8"/>
  <c r="F1672" i="9" s="1"/>
  <c r="L1674" i="8"/>
  <c r="N1674" i="8"/>
  <c r="H1672" i="9" s="1"/>
  <c r="O1674" i="8"/>
  <c r="I1672" i="9" s="1"/>
  <c r="J1675" i="8"/>
  <c r="F1673" i="9" s="1"/>
  <c r="L1675" i="8"/>
  <c r="N1675" i="8"/>
  <c r="H1673" i="9" s="1"/>
  <c r="O1675" i="8"/>
  <c r="I1673" i="9" s="1"/>
  <c r="J1676" i="8"/>
  <c r="F1674" i="9" s="1"/>
  <c r="L1676" i="8"/>
  <c r="N1676" i="8"/>
  <c r="H1674" i="9" s="1"/>
  <c r="O1676" i="8"/>
  <c r="I1674" i="9" s="1"/>
  <c r="J1677" i="8"/>
  <c r="F1675" i="9" s="1"/>
  <c r="L1677" i="8"/>
  <c r="N1677" i="8"/>
  <c r="H1675" i="9" s="1"/>
  <c r="O1677" i="8"/>
  <c r="I1675" i="9" s="1"/>
  <c r="J1678" i="8"/>
  <c r="F1676" i="9" s="1"/>
  <c r="L1678" i="8"/>
  <c r="N1678" i="8"/>
  <c r="H1676" i="9" s="1"/>
  <c r="O1678" i="8"/>
  <c r="I1676" i="9" s="1"/>
  <c r="J1679" i="8"/>
  <c r="F1677" i="9" s="1"/>
  <c r="L1679" i="8"/>
  <c r="N1679" i="8"/>
  <c r="H1677" i="9" s="1"/>
  <c r="O1679" i="8"/>
  <c r="I1677" i="9" s="1"/>
  <c r="J1680" i="8"/>
  <c r="F1678" i="9" s="1"/>
  <c r="L1680" i="8"/>
  <c r="N1680" i="8"/>
  <c r="H1678" i="9" s="1"/>
  <c r="O1680" i="8"/>
  <c r="I1678" i="9" s="1"/>
  <c r="J1681" i="8"/>
  <c r="F1679" i="9" s="1"/>
  <c r="L1681" i="8"/>
  <c r="N1681" i="8"/>
  <c r="H1679" i="9" s="1"/>
  <c r="O1681" i="8"/>
  <c r="I1679" i="9" s="1"/>
  <c r="J1682" i="8"/>
  <c r="F1680" i="9" s="1"/>
  <c r="L1682" i="8"/>
  <c r="N1682" i="8"/>
  <c r="H1680" i="9" s="1"/>
  <c r="O1682" i="8"/>
  <c r="I1680" i="9" s="1"/>
  <c r="J1683" i="8"/>
  <c r="F1681" i="9" s="1"/>
  <c r="L1683" i="8"/>
  <c r="N1683" i="8"/>
  <c r="H1681" i="9" s="1"/>
  <c r="O1683" i="8"/>
  <c r="I1681" i="9" s="1"/>
  <c r="J1684" i="8"/>
  <c r="F1682" i="9" s="1"/>
  <c r="L1684" i="8"/>
  <c r="N1684" i="8"/>
  <c r="H1682" i="9" s="1"/>
  <c r="O1684" i="8"/>
  <c r="I1682" i="9" s="1"/>
  <c r="J1685" i="8"/>
  <c r="F1683" i="9" s="1"/>
  <c r="L1685" i="8"/>
  <c r="N1685" i="8"/>
  <c r="H1683" i="9" s="1"/>
  <c r="O1685" i="8"/>
  <c r="I1683" i="9" s="1"/>
  <c r="J1686" i="8"/>
  <c r="F1684" i="9" s="1"/>
  <c r="L1686" i="8"/>
  <c r="N1686" i="8"/>
  <c r="H1684" i="9" s="1"/>
  <c r="O1686" i="8"/>
  <c r="I1684" i="9" s="1"/>
  <c r="J1687" i="8"/>
  <c r="F1685" i="9" s="1"/>
  <c r="L1687" i="8"/>
  <c r="N1687" i="8"/>
  <c r="H1685" i="9" s="1"/>
  <c r="O1687" i="8"/>
  <c r="I1685" i="9" s="1"/>
  <c r="J1688" i="8"/>
  <c r="F1686" i="9" s="1"/>
  <c r="L1688" i="8"/>
  <c r="N1688" i="8"/>
  <c r="H1686" i="9" s="1"/>
  <c r="O1688" i="8"/>
  <c r="I1686" i="9" s="1"/>
  <c r="J1689" i="8"/>
  <c r="F1687" i="9" s="1"/>
  <c r="L1689" i="8"/>
  <c r="N1689" i="8"/>
  <c r="H1687" i="9" s="1"/>
  <c r="O1689" i="8"/>
  <c r="I1687" i="9" s="1"/>
  <c r="J1690" i="8"/>
  <c r="F1688" i="9" s="1"/>
  <c r="L1690" i="8"/>
  <c r="N1690" i="8"/>
  <c r="H1688" i="9" s="1"/>
  <c r="O1690" i="8"/>
  <c r="I1688" i="9" s="1"/>
  <c r="J1691" i="8"/>
  <c r="F1689" i="9" s="1"/>
  <c r="L1691" i="8"/>
  <c r="N1691" i="8"/>
  <c r="H1689" i="9" s="1"/>
  <c r="O1691" i="8"/>
  <c r="I1689" i="9" s="1"/>
  <c r="J1692" i="8"/>
  <c r="F1690" i="9" s="1"/>
  <c r="L1692" i="8"/>
  <c r="N1692" i="8"/>
  <c r="H1690" i="9" s="1"/>
  <c r="O1692" i="8"/>
  <c r="I1690" i="9" s="1"/>
  <c r="J1693" i="8"/>
  <c r="F1691" i="9" s="1"/>
  <c r="L1693" i="8"/>
  <c r="N1693" i="8"/>
  <c r="H1691" i="9" s="1"/>
  <c r="O1693" i="8"/>
  <c r="I1691" i="9" s="1"/>
  <c r="J1694" i="8"/>
  <c r="F1692" i="9" s="1"/>
  <c r="L1694" i="8"/>
  <c r="N1694" i="8"/>
  <c r="H1692" i="9" s="1"/>
  <c r="O1694" i="8"/>
  <c r="I1692" i="9" s="1"/>
  <c r="J1695" i="8"/>
  <c r="F1693" i="9" s="1"/>
  <c r="L1695" i="8"/>
  <c r="N1695" i="8"/>
  <c r="H1693" i="9" s="1"/>
  <c r="O1695" i="8"/>
  <c r="I1693" i="9" s="1"/>
  <c r="J1696" i="8"/>
  <c r="F1694" i="9" s="1"/>
  <c r="L1696" i="8"/>
  <c r="N1696" i="8"/>
  <c r="H1694" i="9" s="1"/>
  <c r="O1696" i="8"/>
  <c r="I1694" i="9" s="1"/>
  <c r="J1697" i="8"/>
  <c r="F1695" i="9" s="1"/>
  <c r="L1697" i="8"/>
  <c r="N1697" i="8"/>
  <c r="H1695" i="9" s="1"/>
  <c r="O1697" i="8"/>
  <c r="I1695" i="9" s="1"/>
  <c r="J1698" i="8"/>
  <c r="F1696" i="9" s="1"/>
  <c r="L1698" i="8"/>
  <c r="N1698" i="8"/>
  <c r="H1696" i="9" s="1"/>
  <c r="O1698" i="8"/>
  <c r="I1696" i="9" s="1"/>
  <c r="J1699" i="8"/>
  <c r="F1697" i="9" s="1"/>
  <c r="L1699" i="8"/>
  <c r="N1699" i="8"/>
  <c r="H1697" i="9" s="1"/>
  <c r="O1699" i="8"/>
  <c r="I1697" i="9" s="1"/>
  <c r="J1700" i="8"/>
  <c r="F1698" i="9" s="1"/>
  <c r="L1700" i="8"/>
  <c r="N1700" i="8"/>
  <c r="H1698" i="9" s="1"/>
  <c r="O1700" i="8"/>
  <c r="I1698" i="9" s="1"/>
  <c r="J1701" i="8"/>
  <c r="F1699" i="9" s="1"/>
  <c r="L1701" i="8"/>
  <c r="N1701" i="8"/>
  <c r="H1699" i="9" s="1"/>
  <c r="O1701" i="8"/>
  <c r="I1699" i="9" s="1"/>
  <c r="J1702" i="8"/>
  <c r="F1700" i="9" s="1"/>
  <c r="L1702" i="8"/>
  <c r="N1702" i="8"/>
  <c r="H1700" i="9" s="1"/>
  <c r="O1702" i="8"/>
  <c r="I1700" i="9" s="1"/>
  <c r="J1703" i="8"/>
  <c r="F1701" i="9" s="1"/>
  <c r="L1703" i="8"/>
  <c r="N1703" i="8"/>
  <c r="H1701" i="9" s="1"/>
  <c r="O1703" i="8"/>
  <c r="I1701" i="9" s="1"/>
  <c r="J1704" i="8"/>
  <c r="F1702" i="9" s="1"/>
  <c r="L1704" i="8"/>
  <c r="N1704" i="8"/>
  <c r="H1702" i="9" s="1"/>
  <c r="O1704" i="8"/>
  <c r="I1702" i="9" s="1"/>
  <c r="J1705" i="8"/>
  <c r="F1703" i="9" s="1"/>
  <c r="L1705" i="8"/>
  <c r="N1705" i="8"/>
  <c r="H1703" i="9" s="1"/>
  <c r="O1705" i="8"/>
  <c r="I1703" i="9" s="1"/>
  <c r="J1706" i="8"/>
  <c r="F1704" i="9" s="1"/>
  <c r="L1706" i="8"/>
  <c r="N1706" i="8"/>
  <c r="H1704" i="9" s="1"/>
  <c r="O1706" i="8"/>
  <c r="I1704" i="9" s="1"/>
  <c r="J1707" i="8"/>
  <c r="F1705" i="9" s="1"/>
  <c r="L1707" i="8"/>
  <c r="N1707" i="8"/>
  <c r="H1705" i="9" s="1"/>
  <c r="O1707" i="8"/>
  <c r="I1705" i="9" s="1"/>
  <c r="J1708" i="8"/>
  <c r="F1706" i="9" s="1"/>
  <c r="L1708" i="8"/>
  <c r="N1708" i="8"/>
  <c r="H1706" i="9" s="1"/>
  <c r="O1708" i="8"/>
  <c r="I1706" i="9" s="1"/>
  <c r="J1709" i="8"/>
  <c r="F1707" i="9" s="1"/>
  <c r="L1709" i="8"/>
  <c r="N1709" i="8"/>
  <c r="H1707" i="9" s="1"/>
  <c r="O1709" i="8"/>
  <c r="I1707" i="9" s="1"/>
  <c r="J1710" i="8"/>
  <c r="F1708" i="9" s="1"/>
  <c r="L1710" i="8"/>
  <c r="N1710" i="8"/>
  <c r="H1708" i="9" s="1"/>
  <c r="O1710" i="8"/>
  <c r="I1708" i="9" s="1"/>
  <c r="J1711" i="8"/>
  <c r="F1709" i="9" s="1"/>
  <c r="L1711" i="8"/>
  <c r="N1711" i="8"/>
  <c r="H1709" i="9" s="1"/>
  <c r="O1711" i="8"/>
  <c r="I1709" i="9" s="1"/>
  <c r="J1712" i="8"/>
  <c r="F1710" i="9" s="1"/>
  <c r="L1712" i="8"/>
  <c r="N1712" i="8"/>
  <c r="H1710" i="9" s="1"/>
  <c r="O1712" i="8"/>
  <c r="I1710" i="9" s="1"/>
  <c r="J1713" i="8"/>
  <c r="F1711" i="9" s="1"/>
  <c r="L1713" i="8"/>
  <c r="N1713" i="8"/>
  <c r="H1711" i="9" s="1"/>
  <c r="O1713" i="8"/>
  <c r="I1711" i="9" s="1"/>
  <c r="J1714" i="8"/>
  <c r="F1712" i="9" s="1"/>
  <c r="L1714" i="8"/>
  <c r="N1714" i="8"/>
  <c r="H1712" i="9" s="1"/>
  <c r="O1714" i="8"/>
  <c r="I1712" i="9" s="1"/>
  <c r="J1715" i="8"/>
  <c r="F1713" i="9" s="1"/>
  <c r="L1715" i="8"/>
  <c r="N1715" i="8"/>
  <c r="H1713" i="9" s="1"/>
  <c r="O1715" i="8"/>
  <c r="I1713" i="9" s="1"/>
  <c r="J1716" i="8"/>
  <c r="F1714" i="9" s="1"/>
  <c r="L1716" i="8"/>
  <c r="N1716" i="8"/>
  <c r="H1714" i="9" s="1"/>
  <c r="O1716" i="8"/>
  <c r="I1714" i="9" s="1"/>
  <c r="J1717" i="8"/>
  <c r="F1715" i="9" s="1"/>
  <c r="L1717" i="8"/>
  <c r="N1717" i="8"/>
  <c r="H1715" i="9" s="1"/>
  <c r="O1717" i="8"/>
  <c r="I1715" i="9" s="1"/>
  <c r="J1718" i="8"/>
  <c r="F1716" i="9" s="1"/>
  <c r="L1718" i="8"/>
  <c r="N1718" i="8"/>
  <c r="H1716" i="9" s="1"/>
  <c r="O1718" i="8"/>
  <c r="I1716" i="9" s="1"/>
  <c r="J1719" i="8"/>
  <c r="F1717" i="9" s="1"/>
  <c r="L1719" i="8"/>
  <c r="N1719" i="8"/>
  <c r="H1717" i="9" s="1"/>
  <c r="O1719" i="8"/>
  <c r="I1717" i="9" s="1"/>
  <c r="J1720" i="8"/>
  <c r="F1718" i="9" s="1"/>
  <c r="L1720" i="8"/>
  <c r="N1720" i="8"/>
  <c r="H1718" i="9" s="1"/>
  <c r="O1720" i="8"/>
  <c r="I1718" i="9" s="1"/>
  <c r="J1721" i="8"/>
  <c r="F1719" i="9" s="1"/>
  <c r="L1721" i="8"/>
  <c r="N1721" i="8"/>
  <c r="H1719" i="9" s="1"/>
  <c r="O1721" i="8"/>
  <c r="I1719" i="9" s="1"/>
  <c r="J1722" i="8"/>
  <c r="F1720" i="9" s="1"/>
  <c r="L1722" i="8"/>
  <c r="N1722" i="8"/>
  <c r="H1720" i="9" s="1"/>
  <c r="O1722" i="8"/>
  <c r="I1720" i="9" s="1"/>
  <c r="J1723" i="8"/>
  <c r="F1721" i="9" s="1"/>
  <c r="L1723" i="8"/>
  <c r="N1723" i="8"/>
  <c r="H1721" i="9" s="1"/>
  <c r="O1723" i="8"/>
  <c r="I1721" i="9" s="1"/>
  <c r="J1724" i="8"/>
  <c r="F1722" i="9" s="1"/>
  <c r="L1724" i="8"/>
  <c r="N1724" i="8"/>
  <c r="H1722" i="9" s="1"/>
  <c r="O1724" i="8"/>
  <c r="I1722" i="9" s="1"/>
  <c r="J1725" i="8"/>
  <c r="F1723" i="9" s="1"/>
  <c r="L1725" i="8"/>
  <c r="N1725" i="8"/>
  <c r="H1723" i="9" s="1"/>
  <c r="O1725" i="8"/>
  <c r="I1723" i="9" s="1"/>
  <c r="J1726" i="8"/>
  <c r="F1724" i="9" s="1"/>
  <c r="L1726" i="8"/>
  <c r="N1726" i="8"/>
  <c r="H1724" i="9" s="1"/>
  <c r="O1726" i="8"/>
  <c r="I1724" i="9" s="1"/>
  <c r="J1727" i="8"/>
  <c r="F1725" i="9" s="1"/>
  <c r="L1727" i="8"/>
  <c r="N1727" i="8"/>
  <c r="H1725" i="9" s="1"/>
  <c r="O1727" i="8"/>
  <c r="I1725" i="9" s="1"/>
  <c r="J1728" i="8"/>
  <c r="F1726" i="9" s="1"/>
  <c r="L1728" i="8"/>
  <c r="N1728" i="8"/>
  <c r="H1726" i="9" s="1"/>
  <c r="O1728" i="8"/>
  <c r="I1726" i="9" s="1"/>
  <c r="J1729" i="8"/>
  <c r="F1727" i="9" s="1"/>
  <c r="L1729" i="8"/>
  <c r="N1729" i="8"/>
  <c r="H1727" i="9" s="1"/>
  <c r="O1729" i="8"/>
  <c r="I1727" i="9" s="1"/>
  <c r="J1730" i="8"/>
  <c r="F1728" i="9" s="1"/>
  <c r="L1730" i="8"/>
  <c r="N1730" i="8"/>
  <c r="H1728" i="9" s="1"/>
  <c r="O1730" i="8"/>
  <c r="I1728" i="9" s="1"/>
  <c r="J1731" i="8"/>
  <c r="F1729" i="9" s="1"/>
  <c r="L1731" i="8"/>
  <c r="N1731" i="8"/>
  <c r="H1729" i="9" s="1"/>
  <c r="O1731" i="8"/>
  <c r="I1729" i="9" s="1"/>
  <c r="J1732" i="8"/>
  <c r="F1730" i="9" s="1"/>
  <c r="L1732" i="8"/>
  <c r="N1732" i="8"/>
  <c r="H1730" i="9" s="1"/>
  <c r="O1732" i="8"/>
  <c r="I1730" i="9" s="1"/>
  <c r="J1733" i="8"/>
  <c r="F1731" i="9" s="1"/>
  <c r="L1733" i="8"/>
  <c r="N1733" i="8"/>
  <c r="H1731" i="9" s="1"/>
  <c r="O1733" i="8"/>
  <c r="I1731" i="9" s="1"/>
  <c r="J1734" i="8"/>
  <c r="F1732" i="9" s="1"/>
  <c r="L1734" i="8"/>
  <c r="N1734" i="8"/>
  <c r="H1732" i="9" s="1"/>
  <c r="O1734" i="8"/>
  <c r="I1732" i="9" s="1"/>
  <c r="J1735" i="8"/>
  <c r="F1733" i="9" s="1"/>
  <c r="L1735" i="8"/>
  <c r="N1735" i="8"/>
  <c r="H1733" i="9" s="1"/>
  <c r="O1735" i="8"/>
  <c r="I1733" i="9" s="1"/>
  <c r="J1736" i="8"/>
  <c r="F1734" i="9" s="1"/>
  <c r="L1736" i="8"/>
  <c r="N1736" i="8"/>
  <c r="H1734" i="9" s="1"/>
  <c r="O1736" i="8"/>
  <c r="I1734" i="9" s="1"/>
  <c r="J1737" i="8"/>
  <c r="F1735" i="9" s="1"/>
  <c r="L1737" i="8"/>
  <c r="N1737" i="8"/>
  <c r="H1735" i="9" s="1"/>
  <c r="O1737" i="8"/>
  <c r="I1735" i="9" s="1"/>
  <c r="J1738" i="8"/>
  <c r="F1736" i="9" s="1"/>
  <c r="L1738" i="8"/>
  <c r="N1738" i="8"/>
  <c r="H1736" i="9" s="1"/>
  <c r="O1738" i="8"/>
  <c r="I1736" i="9" s="1"/>
  <c r="J1739" i="8"/>
  <c r="F1737" i="9" s="1"/>
  <c r="L1739" i="8"/>
  <c r="N1739" i="8"/>
  <c r="H1737" i="9" s="1"/>
  <c r="O1739" i="8"/>
  <c r="I1737" i="9" s="1"/>
  <c r="J1740" i="8"/>
  <c r="F1738" i="9" s="1"/>
  <c r="L1740" i="8"/>
  <c r="N1740" i="8"/>
  <c r="H1738" i="9" s="1"/>
  <c r="O1740" i="8"/>
  <c r="I1738" i="9" s="1"/>
  <c r="J1741" i="8"/>
  <c r="F1739" i="9" s="1"/>
  <c r="L1741" i="8"/>
  <c r="N1741" i="8"/>
  <c r="H1739" i="9" s="1"/>
  <c r="O1741" i="8"/>
  <c r="I1739" i="9" s="1"/>
  <c r="J1742" i="8"/>
  <c r="F1740" i="9" s="1"/>
  <c r="L1742" i="8"/>
  <c r="N1742" i="8"/>
  <c r="H1740" i="9" s="1"/>
  <c r="O1742" i="8"/>
  <c r="I1740" i="9" s="1"/>
  <c r="J1743" i="8"/>
  <c r="F1741" i="9" s="1"/>
  <c r="L1743" i="8"/>
  <c r="N1743" i="8"/>
  <c r="H1741" i="9" s="1"/>
  <c r="O1743" i="8"/>
  <c r="I1741" i="9" s="1"/>
  <c r="J1744" i="8"/>
  <c r="F1742" i="9" s="1"/>
  <c r="L1744" i="8"/>
  <c r="N1744" i="8"/>
  <c r="H1742" i="9" s="1"/>
  <c r="O1744" i="8"/>
  <c r="I1742" i="9" s="1"/>
  <c r="J1745" i="8"/>
  <c r="F1743" i="9" s="1"/>
  <c r="L1745" i="8"/>
  <c r="N1745" i="8"/>
  <c r="H1743" i="9" s="1"/>
  <c r="O1745" i="8"/>
  <c r="I1743" i="9" s="1"/>
  <c r="J1746" i="8"/>
  <c r="F1744" i="9" s="1"/>
  <c r="L1746" i="8"/>
  <c r="N1746" i="8"/>
  <c r="H1744" i="9" s="1"/>
  <c r="O1746" i="8"/>
  <c r="I1744" i="9" s="1"/>
  <c r="J1747" i="8"/>
  <c r="F1745" i="9" s="1"/>
  <c r="L1747" i="8"/>
  <c r="N1747" i="8"/>
  <c r="H1745" i="9" s="1"/>
  <c r="O1747" i="8"/>
  <c r="I1745" i="9" s="1"/>
  <c r="J1748" i="8"/>
  <c r="F1746" i="9" s="1"/>
  <c r="L1748" i="8"/>
  <c r="N1748" i="8"/>
  <c r="H1746" i="9" s="1"/>
  <c r="O1748" i="8"/>
  <c r="I1746" i="9" s="1"/>
  <c r="J1749" i="8"/>
  <c r="F1747" i="9" s="1"/>
  <c r="L1749" i="8"/>
  <c r="N1749" i="8"/>
  <c r="H1747" i="9" s="1"/>
  <c r="O1749" i="8"/>
  <c r="I1747" i="9" s="1"/>
  <c r="J1750" i="8"/>
  <c r="F1748" i="9" s="1"/>
  <c r="L1750" i="8"/>
  <c r="N1750" i="8"/>
  <c r="H1748" i="9" s="1"/>
  <c r="O1750" i="8"/>
  <c r="I1748" i="9" s="1"/>
  <c r="J1751" i="8"/>
  <c r="F1749" i="9" s="1"/>
  <c r="L1751" i="8"/>
  <c r="N1751" i="8"/>
  <c r="H1749" i="9" s="1"/>
  <c r="O1751" i="8"/>
  <c r="I1749" i="9" s="1"/>
  <c r="J1752" i="8"/>
  <c r="F1750" i="9" s="1"/>
  <c r="L1752" i="8"/>
  <c r="N1752" i="8"/>
  <c r="H1750" i="9" s="1"/>
  <c r="O1752" i="8"/>
  <c r="I1750" i="9" s="1"/>
  <c r="J1753" i="8"/>
  <c r="F1751" i="9" s="1"/>
  <c r="L1753" i="8"/>
  <c r="N1753" i="8"/>
  <c r="H1751" i="9" s="1"/>
  <c r="O1753" i="8"/>
  <c r="I1751" i="9" s="1"/>
  <c r="J1754" i="8"/>
  <c r="F1752" i="9" s="1"/>
  <c r="L1754" i="8"/>
  <c r="N1754" i="8"/>
  <c r="H1752" i="9" s="1"/>
  <c r="O1754" i="8"/>
  <c r="I1752" i="9" s="1"/>
  <c r="J1755" i="8"/>
  <c r="F1753" i="9" s="1"/>
  <c r="L1755" i="8"/>
  <c r="N1755" i="8"/>
  <c r="H1753" i="9" s="1"/>
  <c r="O1755" i="8"/>
  <c r="I1753" i="9" s="1"/>
  <c r="J1756" i="8"/>
  <c r="F1754" i="9" s="1"/>
  <c r="L1756" i="8"/>
  <c r="N1756" i="8"/>
  <c r="H1754" i="9" s="1"/>
  <c r="O1756" i="8"/>
  <c r="I1754" i="9" s="1"/>
  <c r="J1757" i="8"/>
  <c r="F1755" i="9" s="1"/>
  <c r="L1757" i="8"/>
  <c r="N1757" i="8"/>
  <c r="H1755" i="9" s="1"/>
  <c r="O1757" i="8"/>
  <c r="I1755" i="9" s="1"/>
  <c r="J1758" i="8"/>
  <c r="F1756" i="9" s="1"/>
  <c r="L1758" i="8"/>
  <c r="N1758" i="8"/>
  <c r="H1756" i="9" s="1"/>
  <c r="O1758" i="8"/>
  <c r="I1756" i="9" s="1"/>
  <c r="J1759" i="8"/>
  <c r="F1757" i="9" s="1"/>
  <c r="L1759" i="8"/>
  <c r="N1759" i="8"/>
  <c r="H1757" i="9" s="1"/>
  <c r="O1759" i="8"/>
  <c r="I1757" i="9" s="1"/>
  <c r="J1760" i="8"/>
  <c r="F1758" i="9" s="1"/>
  <c r="L1760" i="8"/>
  <c r="N1760" i="8"/>
  <c r="H1758" i="9" s="1"/>
  <c r="O1760" i="8"/>
  <c r="I1758" i="9" s="1"/>
  <c r="J1761" i="8"/>
  <c r="F1759" i="9" s="1"/>
  <c r="L1761" i="8"/>
  <c r="N1761" i="8"/>
  <c r="H1759" i="9" s="1"/>
  <c r="O1761" i="8"/>
  <c r="I1759" i="9" s="1"/>
  <c r="J1762" i="8"/>
  <c r="F1760" i="9" s="1"/>
  <c r="L1762" i="8"/>
  <c r="N1762" i="8"/>
  <c r="H1760" i="9" s="1"/>
  <c r="O1762" i="8"/>
  <c r="I1760" i="9" s="1"/>
  <c r="J1763" i="8"/>
  <c r="F1761" i="9" s="1"/>
  <c r="L1763" i="8"/>
  <c r="N1763" i="8"/>
  <c r="H1761" i="9" s="1"/>
  <c r="O1763" i="8"/>
  <c r="I1761" i="9" s="1"/>
  <c r="J1764" i="8"/>
  <c r="F1762" i="9" s="1"/>
  <c r="L1764" i="8"/>
  <c r="N1764" i="8"/>
  <c r="H1762" i="9" s="1"/>
  <c r="O1764" i="8"/>
  <c r="I1762" i="9" s="1"/>
  <c r="J1765" i="8"/>
  <c r="F1763" i="9" s="1"/>
  <c r="L1765" i="8"/>
  <c r="N1765" i="8"/>
  <c r="H1763" i="9" s="1"/>
  <c r="O1765" i="8"/>
  <c r="I1763" i="9" s="1"/>
  <c r="J1766" i="8"/>
  <c r="F1764" i="9" s="1"/>
  <c r="L1766" i="8"/>
  <c r="N1766" i="8"/>
  <c r="H1764" i="9" s="1"/>
  <c r="O1766" i="8"/>
  <c r="I1764" i="9" s="1"/>
  <c r="J1767" i="8"/>
  <c r="F1765" i="9" s="1"/>
  <c r="L1767" i="8"/>
  <c r="N1767" i="8"/>
  <c r="H1765" i="9" s="1"/>
  <c r="O1767" i="8"/>
  <c r="I1765" i="9" s="1"/>
  <c r="J1768" i="8"/>
  <c r="F1766" i="9" s="1"/>
  <c r="L1768" i="8"/>
  <c r="N1768" i="8"/>
  <c r="H1766" i="9" s="1"/>
  <c r="O1768" i="8"/>
  <c r="I1766" i="9" s="1"/>
  <c r="J1769" i="8"/>
  <c r="F1767" i="9" s="1"/>
  <c r="L1769" i="8"/>
  <c r="N1769" i="8"/>
  <c r="H1767" i="9" s="1"/>
  <c r="O1769" i="8"/>
  <c r="I1767" i="9" s="1"/>
  <c r="J1770" i="8"/>
  <c r="F1768" i="9" s="1"/>
  <c r="L1770" i="8"/>
  <c r="N1770" i="8"/>
  <c r="H1768" i="9" s="1"/>
  <c r="O1770" i="8"/>
  <c r="I1768" i="9" s="1"/>
  <c r="J1771" i="8"/>
  <c r="F1769" i="9" s="1"/>
  <c r="L1771" i="8"/>
  <c r="N1771" i="8"/>
  <c r="H1769" i="9" s="1"/>
  <c r="O1771" i="8"/>
  <c r="I1769" i="9" s="1"/>
  <c r="J1772" i="8"/>
  <c r="F1770" i="9" s="1"/>
  <c r="L1772" i="8"/>
  <c r="N1772" i="8"/>
  <c r="H1770" i="9" s="1"/>
  <c r="O1772" i="8"/>
  <c r="I1770" i="9" s="1"/>
  <c r="J1773" i="8"/>
  <c r="F1771" i="9" s="1"/>
  <c r="L1773" i="8"/>
  <c r="N1773" i="8"/>
  <c r="H1771" i="9" s="1"/>
  <c r="O1773" i="8"/>
  <c r="I1771" i="9" s="1"/>
  <c r="J1774" i="8"/>
  <c r="F1772" i="9" s="1"/>
  <c r="L1774" i="8"/>
  <c r="N1774" i="8"/>
  <c r="H1772" i="9" s="1"/>
  <c r="O1774" i="8"/>
  <c r="I1772" i="9" s="1"/>
  <c r="J1775" i="8"/>
  <c r="F1773" i="9" s="1"/>
  <c r="L1775" i="8"/>
  <c r="N1775" i="8"/>
  <c r="H1773" i="9" s="1"/>
  <c r="O1775" i="8"/>
  <c r="I1773" i="9" s="1"/>
  <c r="J1776" i="8"/>
  <c r="F1774" i="9" s="1"/>
  <c r="L1776" i="8"/>
  <c r="N1776" i="8"/>
  <c r="H1774" i="9" s="1"/>
  <c r="O1776" i="8"/>
  <c r="I1774" i="9" s="1"/>
  <c r="J1777" i="8"/>
  <c r="F1775" i="9" s="1"/>
  <c r="L1777" i="8"/>
  <c r="N1777" i="8"/>
  <c r="H1775" i="9" s="1"/>
  <c r="O1777" i="8"/>
  <c r="I1775" i="9" s="1"/>
  <c r="J1778" i="8"/>
  <c r="F1776" i="9" s="1"/>
  <c r="L1778" i="8"/>
  <c r="N1778" i="8"/>
  <c r="H1776" i="9" s="1"/>
  <c r="O1778" i="8"/>
  <c r="I1776" i="9" s="1"/>
  <c r="J1779" i="8"/>
  <c r="F1777" i="9" s="1"/>
  <c r="L1779" i="8"/>
  <c r="N1779" i="8"/>
  <c r="H1777" i="9" s="1"/>
  <c r="O1779" i="8"/>
  <c r="I1777" i="9" s="1"/>
  <c r="J1780" i="8"/>
  <c r="F1778" i="9" s="1"/>
  <c r="L1780" i="8"/>
  <c r="N1780" i="8"/>
  <c r="H1778" i="9" s="1"/>
  <c r="O1780" i="8"/>
  <c r="I1778" i="9" s="1"/>
  <c r="J1781" i="8"/>
  <c r="F1779" i="9" s="1"/>
  <c r="L1781" i="8"/>
  <c r="N1781" i="8"/>
  <c r="H1779" i="9" s="1"/>
  <c r="O1781" i="8"/>
  <c r="I1779" i="9" s="1"/>
  <c r="J1782" i="8"/>
  <c r="F1780" i="9" s="1"/>
  <c r="L1782" i="8"/>
  <c r="N1782" i="8"/>
  <c r="H1780" i="9" s="1"/>
  <c r="O1782" i="8"/>
  <c r="I1780" i="9" s="1"/>
  <c r="J1783" i="8"/>
  <c r="F1781" i="9" s="1"/>
  <c r="L1783" i="8"/>
  <c r="N1783" i="8"/>
  <c r="H1781" i="9" s="1"/>
  <c r="O1783" i="8"/>
  <c r="I1781" i="9" s="1"/>
  <c r="J1784" i="8"/>
  <c r="F1782" i="9" s="1"/>
  <c r="L1784" i="8"/>
  <c r="N1784" i="8"/>
  <c r="H1782" i="9" s="1"/>
  <c r="O1784" i="8"/>
  <c r="I1782" i="9" s="1"/>
  <c r="J1785" i="8"/>
  <c r="F1783" i="9" s="1"/>
  <c r="L1785" i="8"/>
  <c r="N1785" i="8"/>
  <c r="H1783" i="9" s="1"/>
  <c r="O1785" i="8"/>
  <c r="I1783" i="9" s="1"/>
  <c r="J1786" i="8"/>
  <c r="F1784" i="9" s="1"/>
  <c r="L1786" i="8"/>
  <c r="N1786" i="8"/>
  <c r="H1784" i="9" s="1"/>
  <c r="O1786" i="8"/>
  <c r="I1784" i="9" s="1"/>
  <c r="J1787" i="8"/>
  <c r="F1785" i="9" s="1"/>
  <c r="L1787" i="8"/>
  <c r="N1787" i="8"/>
  <c r="H1785" i="9" s="1"/>
  <c r="O1787" i="8"/>
  <c r="I1785" i="9" s="1"/>
  <c r="J1788" i="8"/>
  <c r="F1786" i="9" s="1"/>
  <c r="L1788" i="8"/>
  <c r="N1788" i="8"/>
  <c r="H1786" i="9" s="1"/>
  <c r="O1788" i="8"/>
  <c r="I1786" i="9" s="1"/>
  <c r="J1789" i="8"/>
  <c r="F1787" i="9" s="1"/>
  <c r="L1789" i="8"/>
  <c r="N1789" i="8"/>
  <c r="H1787" i="9" s="1"/>
  <c r="O1789" i="8"/>
  <c r="I1787" i="9" s="1"/>
  <c r="J1790" i="8"/>
  <c r="F1788" i="9" s="1"/>
  <c r="L1790" i="8"/>
  <c r="N1790" i="8"/>
  <c r="H1788" i="9" s="1"/>
  <c r="O1790" i="8"/>
  <c r="I1788" i="9" s="1"/>
  <c r="J1791" i="8"/>
  <c r="F1789" i="9" s="1"/>
  <c r="L1791" i="8"/>
  <c r="N1791" i="8"/>
  <c r="H1789" i="9" s="1"/>
  <c r="O1791" i="8"/>
  <c r="I1789" i="9" s="1"/>
  <c r="J1792" i="8"/>
  <c r="F1790" i="9" s="1"/>
  <c r="L1792" i="8"/>
  <c r="N1792" i="8"/>
  <c r="H1790" i="9" s="1"/>
  <c r="O1792" i="8"/>
  <c r="I1790" i="9" s="1"/>
  <c r="J1793" i="8"/>
  <c r="F1791" i="9" s="1"/>
  <c r="L1793" i="8"/>
  <c r="N1793" i="8"/>
  <c r="H1791" i="9" s="1"/>
  <c r="O1793" i="8"/>
  <c r="I1791" i="9" s="1"/>
  <c r="J1794" i="8"/>
  <c r="F1792" i="9" s="1"/>
  <c r="L1794" i="8"/>
  <c r="N1794" i="8"/>
  <c r="H1792" i="9" s="1"/>
  <c r="O1794" i="8"/>
  <c r="I1792" i="9" s="1"/>
  <c r="J1795" i="8"/>
  <c r="F1793" i="9" s="1"/>
  <c r="L1795" i="8"/>
  <c r="N1795" i="8"/>
  <c r="H1793" i="9" s="1"/>
  <c r="O1795" i="8"/>
  <c r="I1793" i="9" s="1"/>
  <c r="J1796" i="8"/>
  <c r="F1794" i="9" s="1"/>
  <c r="L1796" i="8"/>
  <c r="N1796" i="8"/>
  <c r="H1794" i="9" s="1"/>
  <c r="O1796" i="8"/>
  <c r="I1794" i="9" s="1"/>
  <c r="J1797" i="8"/>
  <c r="F1795" i="9" s="1"/>
  <c r="L1797" i="8"/>
  <c r="N1797" i="8"/>
  <c r="H1795" i="9" s="1"/>
  <c r="O1797" i="8"/>
  <c r="I1795" i="9" s="1"/>
  <c r="J1798" i="8"/>
  <c r="F1796" i="9" s="1"/>
  <c r="L1798" i="8"/>
  <c r="N1798" i="8"/>
  <c r="H1796" i="9" s="1"/>
  <c r="O1798" i="8"/>
  <c r="I1796" i="9" s="1"/>
  <c r="J1799" i="8"/>
  <c r="F1797" i="9" s="1"/>
  <c r="L1799" i="8"/>
  <c r="N1799" i="8"/>
  <c r="H1797" i="9" s="1"/>
  <c r="O1799" i="8"/>
  <c r="I1797" i="9" s="1"/>
  <c r="J1800" i="8"/>
  <c r="F1798" i="9" s="1"/>
  <c r="L1800" i="8"/>
  <c r="N1800" i="8"/>
  <c r="H1798" i="9" s="1"/>
  <c r="O1800" i="8"/>
  <c r="I1798" i="9" s="1"/>
  <c r="J1801" i="8"/>
  <c r="F1799" i="9" s="1"/>
  <c r="L1801" i="8"/>
  <c r="N1801" i="8"/>
  <c r="H1799" i="9" s="1"/>
  <c r="O1801" i="8"/>
  <c r="I1799" i="9" s="1"/>
  <c r="J1802" i="8"/>
  <c r="F1800" i="9" s="1"/>
  <c r="L1802" i="8"/>
  <c r="N1802" i="8"/>
  <c r="H1800" i="9" s="1"/>
  <c r="O1802" i="8"/>
  <c r="I1800" i="9" s="1"/>
  <c r="J1803" i="8"/>
  <c r="F1801" i="9" s="1"/>
  <c r="L1803" i="8"/>
  <c r="N1803" i="8"/>
  <c r="H1801" i="9" s="1"/>
  <c r="O1803" i="8"/>
  <c r="I1801" i="9" s="1"/>
  <c r="J1804" i="8"/>
  <c r="F1802" i="9" s="1"/>
  <c r="L1804" i="8"/>
  <c r="N1804" i="8"/>
  <c r="H1802" i="9" s="1"/>
  <c r="O1804" i="8"/>
  <c r="I1802" i="9" s="1"/>
  <c r="J1805" i="8"/>
  <c r="F1803" i="9" s="1"/>
  <c r="L1805" i="8"/>
  <c r="N1805" i="8"/>
  <c r="H1803" i="9" s="1"/>
  <c r="O1805" i="8"/>
  <c r="I1803" i="9" s="1"/>
  <c r="J1806" i="8"/>
  <c r="F1804" i="9" s="1"/>
  <c r="L1806" i="8"/>
  <c r="N1806" i="8"/>
  <c r="H1804" i="9" s="1"/>
  <c r="O1806" i="8"/>
  <c r="I1804" i="9" s="1"/>
  <c r="J1807" i="8"/>
  <c r="F1805" i="9" s="1"/>
  <c r="L1807" i="8"/>
  <c r="N1807" i="8"/>
  <c r="H1805" i="9" s="1"/>
  <c r="O1807" i="8"/>
  <c r="I1805" i="9" s="1"/>
  <c r="J1808" i="8"/>
  <c r="F1806" i="9" s="1"/>
  <c r="L1808" i="8"/>
  <c r="N1808" i="8"/>
  <c r="H1806" i="9" s="1"/>
  <c r="O1808" i="8"/>
  <c r="I1806" i="9" s="1"/>
  <c r="J1809" i="8"/>
  <c r="F1807" i="9" s="1"/>
  <c r="L1809" i="8"/>
  <c r="N1809" i="8"/>
  <c r="H1807" i="9" s="1"/>
  <c r="O1809" i="8"/>
  <c r="I1807" i="9" s="1"/>
  <c r="J1810" i="8"/>
  <c r="F1808" i="9" s="1"/>
  <c r="L1810" i="8"/>
  <c r="N1810" i="8"/>
  <c r="H1808" i="9" s="1"/>
  <c r="O1810" i="8"/>
  <c r="I1808" i="9" s="1"/>
  <c r="J1811" i="8"/>
  <c r="F1809" i="9" s="1"/>
  <c r="L1811" i="8"/>
  <c r="N1811" i="8"/>
  <c r="H1809" i="9" s="1"/>
  <c r="O1811" i="8"/>
  <c r="I1809" i="9" s="1"/>
  <c r="J1812" i="8"/>
  <c r="F1810" i="9" s="1"/>
  <c r="L1812" i="8"/>
  <c r="N1812" i="8"/>
  <c r="H1810" i="9" s="1"/>
  <c r="O1812" i="8"/>
  <c r="I1810" i="9" s="1"/>
  <c r="J1813" i="8"/>
  <c r="F1811" i="9" s="1"/>
  <c r="L1813" i="8"/>
  <c r="N1813" i="8"/>
  <c r="H1811" i="9" s="1"/>
  <c r="O1813" i="8"/>
  <c r="I1811" i="9" s="1"/>
  <c r="J1814" i="8"/>
  <c r="F1812" i="9" s="1"/>
  <c r="L1814" i="8"/>
  <c r="N1814" i="8"/>
  <c r="H1812" i="9" s="1"/>
  <c r="O1814" i="8"/>
  <c r="I1812" i="9" s="1"/>
  <c r="J1815" i="8"/>
  <c r="F1813" i="9" s="1"/>
  <c r="L1815" i="8"/>
  <c r="N1815" i="8"/>
  <c r="H1813" i="9" s="1"/>
  <c r="O1815" i="8"/>
  <c r="I1813" i="9" s="1"/>
  <c r="J1816" i="8"/>
  <c r="F1814" i="9" s="1"/>
  <c r="L1816" i="8"/>
  <c r="N1816" i="8"/>
  <c r="H1814" i="9" s="1"/>
  <c r="O1816" i="8"/>
  <c r="I1814" i="9" s="1"/>
  <c r="J1817" i="8"/>
  <c r="F1815" i="9" s="1"/>
  <c r="L1817" i="8"/>
  <c r="N1817" i="8"/>
  <c r="H1815" i="9" s="1"/>
  <c r="O1817" i="8"/>
  <c r="I1815" i="9" s="1"/>
  <c r="J1818" i="8"/>
  <c r="F1816" i="9" s="1"/>
  <c r="L1818" i="8"/>
  <c r="N1818" i="8"/>
  <c r="H1816" i="9" s="1"/>
  <c r="O1818" i="8"/>
  <c r="I1816" i="9" s="1"/>
  <c r="J1819" i="8"/>
  <c r="F1817" i="9" s="1"/>
  <c r="L1819" i="8"/>
  <c r="N1819" i="8"/>
  <c r="H1817" i="9" s="1"/>
  <c r="O1819" i="8"/>
  <c r="I1817" i="9" s="1"/>
  <c r="J1820" i="8"/>
  <c r="F1818" i="9" s="1"/>
  <c r="L1820" i="8"/>
  <c r="N1820" i="8"/>
  <c r="H1818" i="9" s="1"/>
  <c r="O1820" i="8"/>
  <c r="I1818" i="9" s="1"/>
  <c r="J1821" i="8"/>
  <c r="F1819" i="9" s="1"/>
  <c r="L1821" i="8"/>
  <c r="N1821" i="8"/>
  <c r="H1819" i="9" s="1"/>
  <c r="O1821" i="8"/>
  <c r="I1819" i="9" s="1"/>
  <c r="J1822" i="8"/>
  <c r="F1820" i="9" s="1"/>
  <c r="L1822" i="8"/>
  <c r="N1822" i="8"/>
  <c r="H1820" i="9" s="1"/>
  <c r="O1822" i="8"/>
  <c r="I1820" i="9" s="1"/>
  <c r="J1823" i="8"/>
  <c r="F1821" i="9" s="1"/>
  <c r="L1823" i="8"/>
  <c r="N1823" i="8"/>
  <c r="H1821" i="9" s="1"/>
  <c r="O1823" i="8"/>
  <c r="I1821" i="9" s="1"/>
  <c r="J1824" i="8"/>
  <c r="F1822" i="9" s="1"/>
  <c r="L1824" i="8"/>
  <c r="N1824" i="8"/>
  <c r="H1822" i="9" s="1"/>
  <c r="O1824" i="8"/>
  <c r="I1822" i="9" s="1"/>
  <c r="J1825" i="8"/>
  <c r="F1823" i="9" s="1"/>
  <c r="L1825" i="8"/>
  <c r="N1825" i="8"/>
  <c r="H1823" i="9" s="1"/>
  <c r="O1825" i="8"/>
  <c r="I1823" i="9" s="1"/>
  <c r="J1826" i="8"/>
  <c r="F1824" i="9" s="1"/>
  <c r="L1826" i="8"/>
  <c r="N1826" i="8"/>
  <c r="H1824" i="9" s="1"/>
  <c r="O1826" i="8"/>
  <c r="I1824" i="9" s="1"/>
  <c r="J1827" i="8"/>
  <c r="F1825" i="9" s="1"/>
  <c r="L1827" i="8"/>
  <c r="N1827" i="8"/>
  <c r="H1825" i="9" s="1"/>
  <c r="O1827" i="8"/>
  <c r="I1825" i="9" s="1"/>
  <c r="J1828" i="8"/>
  <c r="F1826" i="9" s="1"/>
  <c r="L1828" i="8"/>
  <c r="N1828" i="8"/>
  <c r="H1826" i="9" s="1"/>
  <c r="O1828" i="8"/>
  <c r="I1826" i="9" s="1"/>
  <c r="J1829" i="8"/>
  <c r="F1827" i="9" s="1"/>
  <c r="L1829" i="8"/>
  <c r="N1829" i="8"/>
  <c r="H1827" i="9" s="1"/>
  <c r="O1829" i="8"/>
  <c r="I1827" i="9" s="1"/>
  <c r="J1830" i="8"/>
  <c r="F1828" i="9" s="1"/>
  <c r="L1830" i="8"/>
  <c r="N1830" i="8"/>
  <c r="H1828" i="9" s="1"/>
  <c r="O1830" i="8"/>
  <c r="I1828" i="9" s="1"/>
  <c r="J1831" i="8"/>
  <c r="F1829" i="9" s="1"/>
  <c r="L1831" i="8"/>
  <c r="N1831" i="8"/>
  <c r="H1829" i="9" s="1"/>
  <c r="O1831" i="8"/>
  <c r="I1829" i="9" s="1"/>
  <c r="J1832" i="8"/>
  <c r="F1830" i="9" s="1"/>
  <c r="L1832" i="8"/>
  <c r="N1832" i="8"/>
  <c r="H1830" i="9" s="1"/>
  <c r="O1832" i="8"/>
  <c r="I1830" i="9" s="1"/>
  <c r="J1833" i="8"/>
  <c r="F1831" i="9" s="1"/>
  <c r="L1833" i="8"/>
  <c r="N1833" i="8"/>
  <c r="H1831" i="9" s="1"/>
  <c r="O1833" i="8"/>
  <c r="I1831" i="9" s="1"/>
  <c r="J1834" i="8"/>
  <c r="F1832" i="9" s="1"/>
  <c r="L1834" i="8"/>
  <c r="N1834" i="8"/>
  <c r="H1832" i="9" s="1"/>
  <c r="O1834" i="8"/>
  <c r="I1832" i="9" s="1"/>
  <c r="J1835" i="8"/>
  <c r="F1833" i="9" s="1"/>
  <c r="L1835" i="8"/>
  <c r="N1835" i="8"/>
  <c r="H1833" i="9" s="1"/>
  <c r="O1835" i="8"/>
  <c r="I1833" i="9" s="1"/>
  <c r="J1836" i="8"/>
  <c r="F1834" i="9" s="1"/>
  <c r="L1836" i="8"/>
  <c r="N1836" i="8"/>
  <c r="H1834" i="9" s="1"/>
  <c r="O1836" i="8"/>
  <c r="I1834" i="9" s="1"/>
  <c r="J1837" i="8"/>
  <c r="F1835" i="9" s="1"/>
  <c r="L1837" i="8"/>
  <c r="N1837" i="8"/>
  <c r="H1835" i="9" s="1"/>
  <c r="O1837" i="8"/>
  <c r="I1835" i="9" s="1"/>
  <c r="J1838" i="8"/>
  <c r="F1836" i="9" s="1"/>
  <c r="L1838" i="8"/>
  <c r="N1838" i="8"/>
  <c r="H1836" i="9" s="1"/>
  <c r="O1838" i="8"/>
  <c r="I1836" i="9" s="1"/>
  <c r="J1839" i="8"/>
  <c r="F1837" i="9" s="1"/>
  <c r="L1839" i="8"/>
  <c r="N1839" i="8"/>
  <c r="H1837" i="9" s="1"/>
  <c r="O1839" i="8"/>
  <c r="I1837" i="9" s="1"/>
  <c r="J1840" i="8"/>
  <c r="F1838" i="9" s="1"/>
  <c r="L1840" i="8"/>
  <c r="N1840" i="8"/>
  <c r="H1838" i="9" s="1"/>
  <c r="O1840" i="8"/>
  <c r="I1838" i="9" s="1"/>
  <c r="J1841" i="8"/>
  <c r="F1839" i="9" s="1"/>
  <c r="L1841" i="8"/>
  <c r="N1841" i="8"/>
  <c r="H1839" i="9" s="1"/>
  <c r="O1841" i="8"/>
  <c r="I1839" i="9" s="1"/>
  <c r="J1842" i="8"/>
  <c r="F1840" i="9" s="1"/>
  <c r="L1842" i="8"/>
  <c r="N1842" i="8"/>
  <c r="H1840" i="9" s="1"/>
  <c r="O1842" i="8"/>
  <c r="I1840" i="9" s="1"/>
  <c r="J1843" i="8"/>
  <c r="F1841" i="9" s="1"/>
  <c r="L1843" i="8"/>
  <c r="N1843" i="8"/>
  <c r="H1841" i="9" s="1"/>
  <c r="O1843" i="8"/>
  <c r="I1841" i="9" s="1"/>
  <c r="J1844" i="8"/>
  <c r="F1842" i="9" s="1"/>
  <c r="L1844" i="8"/>
  <c r="N1844" i="8"/>
  <c r="H1842" i="9" s="1"/>
  <c r="O1844" i="8"/>
  <c r="I1842" i="9" s="1"/>
  <c r="J1845" i="8"/>
  <c r="F1843" i="9" s="1"/>
  <c r="L1845" i="8"/>
  <c r="N1845" i="8"/>
  <c r="H1843" i="9" s="1"/>
  <c r="O1845" i="8"/>
  <c r="I1843" i="9" s="1"/>
  <c r="J1846" i="8"/>
  <c r="F1844" i="9" s="1"/>
  <c r="L1846" i="8"/>
  <c r="N1846" i="8"/>
  <c r="H1844" i="9" s="1"/>
  <c r="O1846" i="8"/>
  <c r="I1844" i="9" s="1"/>
  <c r="J1847" i="8"/>
  <c r="F1845" i="9" s="1"/>
  <c r="L1847" i="8"/>
  <c r="N1847" i="8"/>
  <c r="H1845" i="9" s="1"/>
  <c r="O1847" i="8"/>
  <c r="I1845" i="9" s="1"/>
  <c r="J1848" i="8"/>
  <c r="F1846" i="9" s="1"/>
  <c r="L1848" i="8"/>
  <c r="N1848" i="8"/>
  <c r="H1846" i="9" s="1"/>
  <c r="O1848" i="8"/>
  <c r="I1846" i="9" s="1"/>
  <c r="J1849" i="8"/>
  <c r="F1847" i="9" s="1"/>
  <c r="L1849" i="8"/>
  <c r="N1849" i="8"/>
  <c r="H1847" i="9" s="1"/>
  <c r="O1849" i="8"/>
  <c r="I1847" i="9" s="1"/>
  <c r="J1850" i="8"/>
  <c r="F1848" i="9" s="1"/>
  <c r="L1850" i="8"/>
  <c r="N1850" i="8"/>
  <c r="H1848" i="9" s="1"/>
  <c r="O1850" i="8"/>
  <c r="I1848" i="9" s="1"/>
  <c r="J1851" i="8"/>
  <c r="F1849" i="9" s="1"/>
  <c r="L1851" i="8"/>
  <c r="N1851" i="8"/>
  <c r="H1849" i="9" s="1"/>
  <c r="O1851" i="8"/>
  <c r="I1849" i="9" s="1"/>
  <c r="J1852" i="8"/>
  <c r="F1850" i="9" s="1"/>
  <c r="L1852" i="8"/>
  <c r="N1852" i="8"/>
  <c r="H1850" i="9" s="1"/>
  <c r="O1852" i="8"/>
  <c r="I1850" i="9" s="1"/>
  <c r="J1853" i="8"/>
  <c r="F1851" i="9" s="1"/>
  <c r="L1853" i="8"/>
  <c r="N1853" i="8"/>
  <c r="H1851" i="9" s="1"/>
  <c r="O1853" i="8"/>
  <c r="I1851" i="9" s="1"/>
  <c r="J1854" i="8"/>
  <c r="F1852" i="9" s="1"/>
  <c r="L1854" i="8"/>
  <c r="N1854" i="8"/>
  <c r="H1852" i="9" s="1"/>
  <c r="O1854" i="8"/>
  <c r="I1852" i="9" s="1"/>
  <c r="J1855" i="8"/>
  <c r="F1853" i="9" s="1"/>
  <c r="L1855" i="8"/>
  <c r="N1855" i="8"/>
  <c r="H1853" i="9" s="1"/>
  <c r="O1855" i="8"/>
  <c r="I1853" i="9" s="1"/>
  <c r="J1856" i="8"/>
  <c r="F1854" i="9" s="1"/>
  <c r="L1856" i="8"/>
  <c r="N1856" i="8"/>
  <c r="H1854" i="9" s="1"/>
  <c r="O1856" i="8"/>
  <c r="I1854" i="9" s="1"/>
  <c r="J1857" i="8"/>
  <c r="F1855" i="9" s="1"/>
  <c r="L1857" i="8"/>
  <c r="N1857" i="8"/>
  <c r="H1855" i="9" s="1"/>
  <c r="O1857" i="8"/>
  <c r="I1855" i="9" s="1"/>
  <c r="J1858" i="8"/>
  <c r="F1856" i="9" s="1"/>
  <c r="L1858" i="8"/>
  <c r="N1858" i="8"/>
  <c r="H1856" i="9" s="1"/>
  <c r="O1858" i="8"/>
  <c r="I1856" i="9" s="1"/>
  <c r="J1859" i="8"/>
  <c r="F1857" i="9" s="1"/>
  <c r="L1859" i="8"/>
  <c r="N1859" i="8"/>
  <c r="H1857" i="9" s="1"/>
  <c r="O1859" i="8"/>
  <c r="I1857" i="9" s="1"/>
  <c r="J1860" i="8"/>
  <c r="F1858" i="9" s="1"/>
  <c r="L1860" i="8"/>
  <c r="N1860" i="8"/>
  <c r="H1858" i="9" s="1"/>
  <c r="O1860" i="8"/>
  <c r="I1858" i="9" s="1"/>
  <c r="J1861" i="8"/>
  <c r="F1859" i="9" s="1"/>
  <c r="L1861" i="8"/>
  <c r="N1861" i="8"/>
  <c r="H1859" i="9" s="1"/>
  <c r="O1861" i="8"/>
  <c r="I1859" i="9" s="1"/>
  <c r="J1862" i="8"/>
  <c r="F1860" i="9" s="1"/>
  <c r="L1862" i="8"/>
  <c r="N1862" i="8"/>
  <c r="H1860" i="9" s="1"/>
  <c r="O1862" i="8"/>
  <c r="I1860" i="9" s="1"/>
  <c r="J1863" i="8"/>
  <c r="F1861" i="9" s="1"/>
  <c r="L1863" i="8"/>
  <c r="N1863" i="8"/>
  <c r="H1861" i="9" s="1"/>
  <c r="O1863" i="8"/>
  <c r="I1861" i="9" s="1"/>
  <c r="J1864" i="8"/>
  <c r="F1862" i="9" s="1"/>
  <c r="L1864" i="8"/>
  <c r="N1864" i="8"/>
  <c r="H1862" i="9" s="1"/>
  <c r="O1864" i="8"/>
  <c r="I1862" i="9" s="1"/>
  <c r="J1865" i="8"/>
  <c r="F1863" i="9" s="1"/>
  <c r="L1865" i="8"/>
  <c r="N1865" i="8"/>
  <c r="H1863" i="9" s="1"/>
  <c r="O1865" i="8"/>
  <c r="I1863" i="9" s="1"/>
  <c r="J1866" i="8"/>
  <c r="F1864" i="9" s="1"/>
  <c r="L1866" i="8"/>
  <c r="N1866" i="8"/>
  <c r="H1864" i="9" s="1"/>
  <c r="O1866" i="8"/>
  <c r="I1864" i="9" s="1"/>
  <c r="J1867" i="8"/>
  <c r="F1865" i="9" s="1"/>
  <c r="L1867" i="8"/>
  <c r="N1867" i="8"/>
  <c r="H1865" i="9" s="1"/>
  <c r="O1867" i="8"/>
  <c r="I1865" i="9" s="1"/>
  <c r="J1868" i="8"/>
  <c r="F1866" i="9" s="1"/>
  <c r="L1868" i="8"/>
  <c r="N1868" i="8"/>
  <c r="H1866" i="9" s="1"/>
  <c r="O1868" i="8"/>
  <c r="I1866" i="9" s="1"/>
  <c r="J1869" i="8"/>
  <c r="F1867" i="9" s="1"/>
  <c r="L1869" i="8"/>
  <c r="N1869" i="8"/>
  <c r="H1867" i="9" s="1"/>
  <c r="O1869" i="8"/>
  <c r="I1867" i="9" s="1"/>
  <c r="J1870" i="8"/>
  <c r="F1868" i="9" s="1"/>
  <c r="L1870" i="8"/>
  <c r="N1870" i="8"/>
  <c r="H1868" i="9" s="1"/>
  <c r="O1870" i="8"/>
  <c r="I1868" i="9" s="1"/>
  <c r="J1871" i="8"/>
  <c r="F1869" i="9" s="1"/>
  <c r="L1871" i="8"/>
  <c r="N1871" i="8"/>
  <c r="H1869" i="9" s="1"/>
  <c r="O1871" i="8"/>
  <c r="I1869" i="9" s="1"/>
  <c r="J1872" i="8"/>
  <c r="F1870" i="9" s="1"/>
  <c r="L1872" i="8"/>
  <c r="N1872" i="8"/>
  <c r="H1870" i="9" s="1"/>
  <c r="O1872" i="8"/>
  <c r="I1870" i="9" s="1"/>
  <c r="J1873" i="8"/>
  <c r="F1871" i="9" s="1"/>
  <c r="L1873" i="8"/>
  <c r="N1873" i="8"/>
  <c r="H1871" i="9" s="1"/>
  <c r="O1873" i="8"/>
  <c r="I1871" i="9" s="1"/>
  <c r="J1874" i="8"/>
  <c r="F1872" i="9" s="1"/>
  <c r="L1874" i="8"/>
  <c r="N1874" i="8"/>
  <c r="H1872" i="9" s="1"/>
  <c r="O1874" i="8"/>
  <c r="I1872" i="9" s="1"/>
  <c r="J1875" i="8"/>
  <c r="F1873" i="9" s="1"/>
  <c r="L1875" i="8"/>
  <c r="N1875" i="8"/>
  <c r="H1873" i="9" s="1"/>
  <c r="O1875" i="8"/>
  <c r="I1873" i="9" s="1"/>
  <c r="J1876" i="8"/>
  <c r="F1874" i="9" s="1"/>
  <c r="L1876" i="8"/>
  <c r="N1876" i="8"/>
  <c r="H1874" i="9" s="1"/>
  <c r="O1876" i="8"/>
  <c r="I1874" i="9" s="1"/>
  <c r="J1877" i="8"/>
  <c r="F1875" i="9" s="1"/>
  <c r="L1877" i="8"/>
  <c r="N1877" i="8"/>
  <c r="H1875" i="9" s="1"/>
  <c r="O1877" i="8"/>
  <c r="I1875" i="9" s="1"/>
  <c r="J1878" i="8"/>
  <c r="F1876" i="9" s="1"/>
  <c r="L1878" i="8"/>
  <c r="N1878" i="8"/>
  <c r="H1876" i="9" s="1"/>
  <c r="O1878" i="8"/>
  <c r="I1876" i="9" s="1"/>
  <c r="J1879" i="8"/>
  <c r="F1877" i="9" s="1"/>
  <c r="L1879" i="8"/>
  <c r="N1879" i="8"/>
  <c r="H1877" i="9" s="1"/>
  <c r="O1879" i="8"/>
  <c r="I1877" i="9" s="1"/>
  <c r="J1880" i="8"/>
  <c r="F1878" i="9" s="1"/>
  <c r="L1880" i="8"/>
  <c r="N1880" i="8"/>
  <c r="H1878" i="9" s="1"/>
  <c r="O1880" i="8"/>
  <c r="I1878" i="9" s="1"/>
  <c r="J1881" i="8"/>
  <c r="F1879" i="9" s="1"/>
  <c r="L1881" i="8"/>
  <c r="N1881" i="8"/>
  <c r="H1879" i="9" s="1"/>
  <c r="O1881" i="8"/>
  <c r="I1879" i="9" s="1"/>
  <c r="J1882" i="8"/>
  <c r="F1880" i="9" s="1"/>
  <c r="L1882" i="8"/>
  <c r="N1882" i="8"/>
  <c r="H1880" i="9" s="1"/>
  <c r="O1882" i="8"/>
  <c r="I1880" i="9" s="1"/>
  <c r="J1883" i="8"/>
  <c r="F1881" i="9" s="1"/>
  <c r="L1883" i="8"/>
  <c r="N1883" i="8"/>
  <c r="H1881" i="9" s="1"/>
  <c r="O1883" i="8"/>
  <c r="I1881" i="9" s="1"/>
  <c r="J1884" i="8"/>
  <c r="F1882" i="9" s="1"/>
  <c r="L1884" i="8"/>
  <c r="N1884" i="8"/>
  <c r="H1882" i="9" s="1"/>
  <c r="O1884" i="8"/>
  <c r="I1882" i="9" s="1"/>
  <c r="J1885" i="8"/>
  <c r="F1883" i="9" s="1"/>
  <c r="L1885" i="8"/>
  <c r="N1885" i="8"/>
  <c r="H1883" i="9" s="1"/>
  <c r="O1885" i="8"/>
  <c r="I1883" i="9" s="1"/>
  <c r="J1886" i="8"/>
  <c r="F1884" i="9" s="1"/>
  <c r="L1886" i="8"/>
  <c r="N1886" i="8"/>
  <c r="H1884" i="9" s="1"/>
  <c r="O1886" i="8"/>
  <c r="I1884" i="9" s="1"/>
  <c r="J1887" i="8"/>
  <c r="F1885" i="9" s="1"/>
  <c r="L1887" i="8"/>
  <c r="N1887" i="8"/>
  <c r="H1885" i="9" s="1"/>
  <c r="O1887" i="8"/>
  <c r="I1885" i="9" s="1"/>
  <c r="J1888" i="8"/>
  <c r="F1886" i="9" s="1"/>
  <c r="L1888" i="8"/>
  <c r="N1888" i="8"/>
  <c r="H1886" i="9" s="1"/>
  <c r="O1888" i="8"/>
  <c r="I1886" i="9" s="1"/>
  <c r="J1889" i="8"/>
  <c r="F1887" i="9" s="1"/>
  <c r="L1889" i="8"/>
  <c r="N1889" i="8"/>
  <c r="H1887" i="9" s="1"/>
  <c r="O1889" i="8"/>
  <c r="I1887" i="9" s="1"/>
  <c r="J1890" i="8"/>
  <c r="F1888" i="9" s="1"/>
  <c r="L1890" i="8"/>
  <c r="N1890" i="8"/>
  <c r="H1888" i="9" s="1"/>
  <c r="O1890" i="8"/>
  <c r="I1888" i="9" s="1"/>
  <c r="J1891" i="8"/>
  <c r="F1889" i="9" s="1"/>
  <c r="L1891" i="8"/>
  <c r="N1891" i="8"/>
  <c r="H1889" i="9" s="1"/>
  <c r="O1891" i="8"/>
  <c r="I1889" i="9" s="1"/>
  <c r="J1892" i="8"/>
  <c r="F1890" i="9" s="1"/>
  <c r="L1892" i="8"/>
  <c r="N1892" i="8"/>
  <c r="H1890" i="9" s="1"/>
  <c r="O1892" i="8"/>
  <c r="I1890" i="9" s="1"/>
  <c r="J1893" i="8"/>
  <c r="F1891" i="9" s="1"/>
  <c r="L1893" i="8"/>
  <c r="N1893" i="8"/>
  <c r="H1891" i="9" s="1"/>
  <c r="O1893" i="8"/>
  <c r="I1891" i="9" s="1"/>
  <c r="J1894" i="8"/>
  <c r="F1892" i="9" s="1"/>
  <c r="L1894" i="8"/>
  <c r="N1894" i="8"/>
  <c r="H1892" i="9" s="1"/>
  <c r="O1894" i="8"/>
  <c r="I1892" i="9" s="1"/>
  <c r="J1895" i="8"/>
  <c r="F1893" i="9" s="1"/>
  <c r="L1895" i="8"/>
  <c r="N1895" i="8"/>
  <c r="H1893" i="9" s="1"/>
  <c r="O1895" i="8"/>
  <c r="I1893" i="9" s="1"/>
  <c r="J1896" i="8"/>
  <c r="F1894" i="9" s="1"/>
  <c r="L1896" i="8"/>
  <c r="N1896" i="8"/>
  <c r="H1894" i="9" s="1"/>
  <c r="O1896" i="8"/>
  <c r="I1894" i="9" s="1"/>
  <c r="J1897" i="8"/>
  <c r="F1895" i="9" s="1"/>
  <c r="L1897" i="8"/>
  <c r="N1897" i="8"/>
  <c r="H1895" i="9" s="1"/>
  <c r="O1897" i="8"/>
  <c r="I1895" i="9" s="1"/>
  <c r="J1898" i="8"/>
  <c r="F1896" i="9" s="1"/>
  <c r="L1898" i="8"/>
  <c r="N1898" i="8"/>
  <c r="H1896" i="9" s="1"/>
  <c r="O1898" i="8"/>
  <c r="I1896" i="9" s="1"/>
  <c r="J1899" i="8"/>
  <c r="F1897" i="9" s="1"/>
  <c r="L1899" i="8"/>
  <c r="N1899" i="8"/>
  <c r="H1897" i="9" s="1"/>
  <c r="O1899" i="8"/>
  <c r="I1897" i="9" s="1"/>
  <c r="J1900" i="8"/>
  <c r="F1898" i="9" s="1"/>
  <c r="L1900" i="8"/>
  <c r="N1900" i="8"/>
  <c r="H1898" i="9" s="1"/>
  <c r="O1900" i="8"/>
  <c r="I1898" i="9" s="1"/>
  <c r="J1901" i="8"/>
  <c r="F1899" i="9" s="1"/>
  <c r="L1901" i="8"/>
  <c r="N1901" i="8"/>
  <c r="H1899" i="9" s="1"/>
  <c r="O1901" i="8"/>
  <c r="I1899" i="9" s="1"/>
  <c r="J1902" i="8"/>
  <c r="F1900" i="9" s="1"/>
  <c r="L1902" i="8"/>
  <c r="N1902" i="8"/>
  <c r="H1900" i="9" s="1"/>
  <c r="O1902" i="8"/>
  <c r="I1900" i="9" s="1"/>
  <c r="J1903" i="8"/>
  <c r="F1901" i="9" s="1"/>
  <c r="L1903" i="8"/>
  <c r="N1903" i="8"/>
  <c r="H1901" i="9" s="1"/>
  <c r="O1903" i="8"/>
  <c r="I1901" i="9" s="1"/>
  <c r="J1904" i="8"/>
  <c r="F1902" i="9" s="1"/>
  <c r="L1904" i="8"/>
  <c r="N1904" i="8"/>
  <c r="H1902" i="9" s="1"/>
  <c r="O1904" i="8"/>
  <c r="I1902" i="9" s="1"/>
  <c r="J1905" i="8"/>
  <c r="F1903" i="9" s="1"/>
  <c r="L1905" i="8"/>
  <c r="N1905" i="8"/>
  <c r="H1903" i="9" s="1"/>
  <c r="O1905" i="8"/>
  <c r="I1903" i="9" s="1"/>
  <c r="J1906" i="8"/>
  <c r="F1904" i="9" s="1"/>
  <c r="L1906" i="8"/>
  <c r="N1906" i="8"/>
  <c r="H1904" i="9" s="1"/>
  <c r="O1906" i="8"/>
  <c r="I1904" i="9" s="1"/>
  <c r="J1907" i="8"/>
  <c r="F1905" i="9" s="1"/>
  <c r="L1907" i="8"/>
  <c r="N1907" i="8"/>
  <c r="H1905" i="9" s="1"/>
  <c r="O1907" i="8"/>
  <c r="I1905" i="9" s="1"/>
  <c r="J1908" i="8"/>
  <c r="F1906" i="9" s="1"/>
  <c r="L1908" i="8"/>
  <c r="N1908" i="8"/>
  <c r="H1906" i="9" s="1"/>
  <c r="O1908" i="8"/>
  <c r="I1906" i="9" s="1"/>
  <c r="J1909" i="8"/>
  <c r="F1907" i="9" s="1"/>
  <c r="L1909" i="8"/>
  <c r="N1909" i="8"/>
  <c r="H1907" i="9" s="1"/>
  <c r="O1909" i="8"/>
  <c r="I1907" i="9" s="1"/>
  <c r="J1910" i="8"/>
  <c r="F1908" i="9" s="1"/>
  <c r="L1910" i="8"/>
  <c r="N1910" i="8"/>
  <c r="H1908" i="9" s="1"/>
  <c r="O1910" i="8"/>
  <c r="I1908" i="9" s="1"/>
  <c r="J1911" i="8"/>
  <c r="F1909" i="9" s="1"/>
  <c r="L1911" i="8"/>
  <c r="N1911" i="8"/>
  <c r="H1909" i="9" s="1"/>
  <c r="O1911" i="8"/>
  <c r="I1909" i="9" s="1"/>
  <c r="J1912" i="8"/>
  <c r="F1910" i="9" s="1"/>
  <c r="L1912" i="8"/>
  <c r="N1912" i="8"/>
  <c r="H1910" i="9" s="1"/>
  <c r="O1912" i="8"/>
  <c r="I1910" i="9" s="1"/>
  <c r="J1913" i="8"/>
  <c r="F1911" i="9" s="1"/>
  <c r="L1913" i="8"/>
  <c r="N1913" i="8"/>
  <c r="H1911" i="9" s="1"/>
  <c r="O1913" i="8"/>
  <c r="I1911" i="9" s="1"/>
  <c r="J1914" i="8"/>
  <c r="F1912" i="9" s="1"/>
  <c r="L1914" i="8"/>
  <c r="N1914" i="8"/>
  <c r="H1912" i="9" s="1"/>
  <c r="O1914" i="8"/>
  <c r="I1912" i="9" s="1"/>
  <c r="J1915" i="8"/>
  <c r="F1913" i="9" s="1"/>
  <c r="L1915" i="8"/>
  <c r="N1915" i="8"/>
  <c r="H1913" i="9" s="1"/>
  <c r="O1915" i="8"/>
  <c r="I1913" i="9" s="1"/>
  <c r="J1916" i="8"/>
  <c r="F1914" i="9" s="1"/>
  <c r="L1916" i="8"/>
  <c r="N1916" i="8"/>
  <c r="H1914" i="9" s="1"/>
  <c r="O1916" i="8"/>
  <c r="I1914" i="9" s="1"/>
  <c r="J1917" i="8"/>
  <c r="F1915" i="9" s="1"/>
  <c r="L1917" i="8"/>
  <c r="N1917" i="8"/>
  <c r="H1915" i="9" s="1"/>
  <c r="O1917" i="8"/>
  <c r="I1915" i="9" s="1"/>
  <c r="J1918" i="8"/>
  <c r="F1916" i="9" s="1"/>
  <c r="L1918" i="8"/>
  <c r="N1918" i="8"/>
  <c r="H1916" i="9" s="1"/>
  <c r="O1918" i="8"/>
  <c r="I1916" i="9" s="1"/>
  <c r="J1919" i="8"/>
  <c r="F1917" i="9" s="1"/>
  <c r="L1919" i="8"/>
  <c r="N1919" i="8"/>
  <c r="H1917" i="9" s="1"/>
  <c r="O1919" i="8"/>
  <c r="I1917" i="9" s="1"/>
  <c r="J1920" i="8"/>
  <c r="F1918" i="9" s="1"/>
  <c r="L1920" i="8"/>
  <c r="N1920" i="8"/>
  <c r="H1918" i="9" s="1"/>
  <c r="O1920" i="8"/>
  <c r="I1918" i="9" s="1"/>
  <c r="J1921" i="8"/>
  <c r="F1919" i="9" s="1"/>
  <c r="L1921" i="8"/>
  <c r="N1921" i="8"/>
  <c r="H1919" i="9" s="1"/>
  <c r="O1921" i="8"/>
  <c r="I1919" i="9" s="1"/>
  <c r="J1922" i="8"/>
  <c r="F1920" i="9" s="1"/>
  <c r="L1922" i="8"/>
  <c r="N1922" i="8"/>
  <c r="H1920" i="9" s="1"/>
  <c r="O1922" i="8"/>
  <c r="I1920" i="9" s="1"/>
  <c r="J1923" i="8"/>
  <c r="F1921" i="9" s="1"/>
  <c r="L1923" i="8"/>
  <c r="N1923" i="8"/>
  <c r="H1921" i="9" s="1"/>
  <c r="O1923" i="8"/>
  <c r="I1921" i="9" s="1"/>
  <c r="J1924" i="8"/>
  <c r="F1922" i="9" s="1"/>
  <c r="L1924" i="8"/>
  <c r="N1924" i="8"/>
  <c r="H1922" i="9" s="1"/>
  <c r="O1924" i="8"/>
  <c r="I1922" i="9" s="1"/>
  <c r="J1925" i="8"/>
  <c r="F1923" i="9" s="1"/>
  <c r="L1925" i="8"/>
  <c r="N1925" i="8"/>
  <c r="H1923" i="9" s="1"/>
  <c r="O1925" i="8"/>
  <c r="I1923" i="9" s="1"/>
  <c r="J1926" i="8"/>
  <c r="F1924" i="9" s="1"/>
  <c r="L1926" i="8"/>
  <c r="N1926" i="8"/>
  <c r="H1924" i="9" s="1"/>
  <c r="O1926" i="8"/>
  <c r="I1924" i="9" s="1"/>
  <c r="J1927" i="8"/>
  <c r="F1925" i="9" s="1"/>
  <c r="L1927" i="8"/>
  <c r="N1927" i="8"/>
  <c r="H1925" i="9" s="1"/>
  <c r="O1927" i="8"/>
  <c r="I1925" i="9" s="1"/>
  <c r="J1928" i="8"/>
  <c r="F1926" i="9" s="1"/>
  <c r="L1928" i="8"/>
  <c r="N1928" i="8"/>
  <c r="H1926" i="9" s="1"/>
  <c r="O1928" i="8"/>
  <c r="I1926" i="9" s="1"/>
  <c r="J1929" i="8"/>
  <c r="F1927" i="9" s="1"/>
  <c r="L1929" i="8"/>
  <c r="N1929" i="8"/>
  <c r="H1927" i="9" s="1"/>
  <c r="O1929" i="8"/>
  <c r="I1927" i="9" s="1"/>
  <c r="J1930" i="8"/>
  <c r="F1928" i="9" s="1"/>
  <c r="L1930" i="8"/>
  <c r="N1930" i="8"/>
  <c r="H1928" i="9" s="1"/>
  <c r="O1930" i="8"/>
  <c r="I1928" i="9" s="1"/>
  <c r="J1931" i="8"/>
  <c r="F1929" i="9" s="1"/>
  <c r="L1931" i="8"/>
  <c r="N1931" i="8"/>
  <c r="H1929" i="9" s="1"/>
  <c r="O1931" i="8"/>
  <c r="I1929" i="9" s="1"/>
  <c r="J1932" i="8"/>
  <c r="F1930" i="9" s="1"/>
  <c r="L1932" i="8"/>
  <c r="N1932" i="8"/>
  <c r="H1930" i="9" s="1"/>
  <c r="O1932" i="8"/>
  <c r="I1930" i="9" s="1"/>
  <c r="J1933" i="8"/>
  <c r="F1931" i="9" s="1"/>
  <c r="L1933" i="8"/>
  <c r="N1933" i="8"/>
  <c r="H1931" i="9" s="1"/>
  <c r="O1933" i="8"/>
  <c r="I1931" i="9" s="1"/>
  <c r="J1934" i="8"/>
  <c r="F1932" i="9" s="1"/>
  <c r="L1934" i="8"/>
  <c r="N1934" i="8"/>
  <c r="H1932" i="9" s="1"/>
  <c r="O1934" i="8"/>
  <c r="I1932" i="9" s="1"/>
  <c r="J1935" i="8"/>
  <c r="F1933" i="9" s="1"/>
  <c r="L1935" i="8"/>
  <c r="N1935" i="8"/>
  <c r="H1933" i="9" s="1"/>
  <c r="O1935" i="8"/>
  <c r="I1933" i="9" s="1"/>
  <c r="J1936" i="8"/>
  <c r="F1934" i="9" s="1"/>
  <c r="L1936" i="8"/>
  <c r="N1936" i="8"/>
  <c r="H1934" i="9" s="1"/>
  <c r="O1936" i="8"/>
  <c r="I1934" i="9" s="1"/>
  <c r="J1937" i="8"/>
  <c r="F1935" i="9" s="1"/>
  <c r="L1937" i="8"/>
  <c r="N1937" i="8"/>
  <c r="H1935" i="9" s="1"/>
  <c r="O1937" i="8"/>
  <c r="I1935" i="9" s="1"/>
  <c r="J1938" i="8"/>
  <c r="F1936" i="9" s="1"/>
  <c r="L1938" i="8"/>
  <c r="N1938" i="8"/>
  <c r="H1936" i="9" s="1"/>
  <c r="O1938" i="8"/>
  <c r="I1936" i="9" s="1"/>
  <c r="J1939" i="8"/>
  <c r="F1937" i="9" s="1"/>
  <c r="L1939" i="8"/>
  <c r="N1939" i="8"/>
  <c r="H1937" i="9" s="1"/>
  <c r="O1939" i="8"/>
  <c r="I1937" i="9" s="1"/>
  <c r="J1940" i="8"/>
  <c r="F1938" i="9" s="1"/>
  <c r="L1940" i="8"/>
  <c r="N1940" i="8"/>
  <c r="H1938" i="9" s="1"/>
  <c r="O1940" i="8"/>
  <c r="I1938" i="9" s="1"/>
  <c r="J1941" i="8"/>
  <c r="F1939" i="9" s="1"/>
  <c r="L1941" i="8"/>
  <c r="N1941" i="8"/>
  <c r="H1939" i="9" s="1"/>
  <c r="O1941" i="8"/>
  <c r="I1939" i="9" s="1"/>
  <c r="J1942" i="8"/>
  <c r="F1940" i="9" s="1"/>
  <c r="L1942" i="8"/>
  <c r="N1942" i="8"/>
  <c r="H1940" i="9" s="1"/>
  <c r="O1942" i="8"/>
  <c r="I1940" i="9" s="1"/>
  <c r="J1943" i="8"/>
  <c r="F1941" i="9" s="1"/>
  <c r="L1943" i="8"/>
  <c r="N1943" i="8"/>
  <c r="H1941" i="9" s="1"/>
  <c r="O1943" i="8"/>
  <c r="I1941" i="9" s="1"/>
  <c r="J1944" i="8"/>
  <c r="F1942" i="9" s="1"/>
  <c r="L1944" i="8"/>
  <c r="N1944" i="8"/>
  <c r="H1942" i="9" s="1"/>
  <c r="O1944" i="8"/>
  <c r="I1942" i="9" s="1"/>
  <c r="J1945" i="8"/>
  <c r="F1943" i="9" s="1"/>
  <c r="L1945" i="8"/>
  <c r="N1945" i="8"/>
  <c r="H1943" i="9" s="1"/>
  <c r="O1945" i="8"/>
  <c r="I1943" i="9" s="1"/>
  <c r="J1946" i="8"/>
  <c r="F1944" i="9" s="1"/>
  <c r="L1946" i="8"/>
  <c r="N1946" i="8"/>
  <c r="H1944" i="9" s="1"/>
  <c r="O1946" i="8"/>
  <c r="I1944" i="9" s="1"/>
  <c r="J1947" i="8"/>
  <c r="F1945" i="9" s="1"/>
  <c r="L1947" i="8"/>
  <c r="N1947" i="8"/>
  <c r="H1945" i="9" s="1"/>
  <c r="O1947" i="8"/>
  <c r="I1945" i="9" s="1"/>
  <c r="J1948" i="8"/>
  <c r="F1946" i="9" s="1"/>
  <c r="L1948" i="8"/>
  <c r="N1948" i="8"/>
  <c r="H1946" i="9" s="1"/>
  <c r="O1948" i="8"/>
  <c r="I1946" i="9" s="1"/>
  <c r="J1949" i="8"/>
  <c r="F1947" i="9" s="1"/>
  <c r="L1949" i="8"/>
  <c r="N1949" i="8"/>
  <c r="H1947" i="9" s="1"/>
  <c r="O1949" i="8"/>
  <c r="I1947" i="9" s="1"/>
  <c r="J1950" i="8"/>
  <c r="F1948" i="9" s="1"/>
  <c r="L1950" i="8"/>
  <c r="N1950" i="8"/>
  <c r="H1948" i="9" s="1"/>
  <c r="O1950" i="8"/>
  <c r="I1948" i="9" s="1"/>
  <c r="J1951" i="8"/>
  <c r="F1949" i="9" s="1"/>
  <c r="L1951" i="8"/>
  <c r="N1951" i="8"/>
  <c r="H1949" i="9" s="1"/>
  <c r="O1951" i="8"/>
  <c r="I1949" i="9" s="1"/>
  <c r="J1952" i="8"/>
  <c r="F1950" i="9" s="1"/>
  <c r="L1952" i="8"/>
  <c r="N1952" i="8"/>
  <c r="H1950" i="9" s="1"/>
  <c r="O1952" i="8"/>
  <c r="I1950" i="9" s="1"/>
  <c r="J1953" i="8"/>
  <c r="F1951" i="9" s="1"/>
  <c r="L1953" i="8"/>
  <c r="N1953" i="8"/>
  <c r="H1951" i="9" s="1"/>
  <c r="O1953" i="8"/>
  <c r="I1951" i="9" s="1"/>
  <c r="J1954" i="8"/>
  <c r="F1952" i="9" s="1"/>
  <c r="L1954" i="8"/>
  <c r="N1954" i="8"/>
  <c r="H1952" i="9" s="1"/>
  <c r="O1954" i="8"/>
  <c r="I1952" i="9" s="1"/>
  <c r="J1955" i="8"/>
  <c r="F1953" i="9" s="1"/>
  <c r="L1955" i="8"/>
  <c r="N1955" i="8"/>
  <c r="H1953" i="9" s="1"/>
  <c r="O1955" i="8"/>
  <c r="I1953" i="9" s="1"/>
  <c r="J1956" i="8"/>
  <c r="F1954" i="9" s="1"/>
  <c r="L1956" i="8"/>
  <c r="N1956" i="8"/>
  <c r="H1954" i="9" s="1"/>
  <c r="O1956" i="8"/>
  <c r="I1954" i="9" s="1"/>
  <c r="J1957" i="8"/>
  <c r="F1955" i="9" s="1"/>
  <c r="L1957" i="8"/>
  <c r="N1957" i="8"/>
  <c r="H1955" i="9" s="1"/>
  <c r="O1957" i="8"/>
  <c r="I1955" i="9" s="1"/>
  <c r="J1958" i="8"/>
  <c r="F1956" i="9" s="1"/>
  <c r="L1958" i="8"/>
  <c r="N1958" i="8"/>
  <c r="H1956" i="9" s="1"/>
  <c r="O1958" i="8"/>
  <c r="I1956" i="9" s="1"/>
  <c r="J1959" i="8"/>
  <c r="F1957" i="9" s="1"/>
  <c r="L1959" i="8"/>
  <c r="N1959" i="8"/>
  <c r="H1957" i="9" s="1"/>
  <c r="O1959" i="8"/>
  <c r="I1957" i="9" s="1"/>
  <c r="J1960" i="8"/>
  <c r="F1958" i="9" s="1"/>
  <c r="L1960" i="8"/>
  <c r="N1960" i="8"/>
  <c r="H1958" i="9" s="1"/>
  <c r="O1960" i="8"/>
  <c r="I1958" i="9" s="1"/>
  <c r="J1961" i="8"/>
  <c r="F1959" i="9" s="1"/>
  <c r="L1961" i="8"/>
  <c r="N1961" i="8"/>
  <c r="H1959" i="9" s="1"/>
  <c r="O1961" i="8"/>
  <c r="I1959" i="9" s="1"/>
  <c r="J1962" i="8"/>
  <c r="F1960" i="9" s="1"/>
  <c r="L1962" i="8"/>
  <c r="N1962" i="8"/>
  <c r="H1960" i="9" s="1"/>
  <c r="O1962" i="8"/>
  <c r="I1960" i="9" s="1"/>
  <c r="J1963" i="8"/>
  <c r="F1961" i="9" s="1"/>
  <c r="L1963" i="8"/>
  <c r="N1963" i="8"/>
  <c r="H1961" i="9" s="1"/>
  <c r="O1963" i="8"/>
  <c r="I1961" i="9" s="1"/>
  <c r="J1964" i="8"/>
  <c r="F1962" i="9" s="1"/>
  <c r="L1964" i="8"/>
  <c r="N1964" i="8"/>
  <c r="H1962" i="9" s="1"/>
  <c r="O1964" i="8"/>
  <c r="I1962" i="9" s="1"/>
  <c r="J1965" i="8"/>
  <c r="F1963" i="9" s="1"/>
  <c r="L1965" i="8"/>
  <c r="N1965" i="8"/>
  <c r="H1963" i="9" s="1"/>
  <c r="O1965" i="8"/>
  <c r="I1963" i="9" s="1"/>
  <c r="J1966" i="8"/>
  <c r="F1964" i="9" s="1"/>
  <c r="L1966" i="8"/>
  <c r="N1966" i="8"/>
  <c r="H1964" i="9" s="1"/>
  <c r="O1966" i="8"/>
  <c r="I1964" i="9" s="1"/>
  <c r="J1967" i="8"/>
  <c r="F1965" i="9" s="1"/>
  <c r="L1967" i="8"/>
  <c r="N1967" i="8"/>
  <c r="H1965" i="9" s="1"/>
  <c r="O1967" i="8"/>
  <c r="I1965" i="9" s="1"/>
  <c r="J1968" i="8"/>
  <c r="F1966" i="9" s="1"/>
  <c r="L1968" i="8"/>
  <c r="N1968" i="8"/>
  <c r="H1966" i="9" s="1"/>
  <c r="O1968" i="8"/>
  <c r="I1966" i="9" s="1"/>
  <c r="J1969" i="8"/>
  <c r="F1967" i="9" s="1"/>
  <c r="L1969" i="8"/>
  <c r="N1969" i="8"/>
  <c r="H1967" i="9" s="1"/>
  <c r="O1969" i="8"/>
  <c r="I1967" i="9" s="1"/>
  <c r="J1970" i="8"/>
  <c r="F1968" i="9" s="1"/>
  <c r="L1970" i="8"/>
  <c r="N1970" i="8"/>
  <c r="H1968" i="9" s="1"/>
  <c r="O1970" i="8"/>
  <c r="I1968" i="9" s="1"/>
  <c r="J1971" i="8"/>
  <c r="F1969" i="9" s="1"/>
  <c r="L1971" i="8"/>
  <c r="N1971" i="8"/>
  <c r="H1969" i="9" s="1"/>
  <c r="O1971" i="8"/>
  <c r="I1969" i="9" s="1"/>
  <c r="J1972" i="8"/>
  <c r="F1970" i="9" s="1"/>
  <c r="L1972" i="8"/>
  <c r="N1972" i="8"/>
  <c r="H1970" i="9" s="1"/>
  <c r="O1972" i="8"/>
  <c r="I1970" i="9" s="1"/>
  <c r="J1973" i="8"/>
  <c r="F1971" i="9" s="1"/>
  <c r="L1973" i="8"/>
  <c r="N1973" i="8"/>
  <c r="H1971" i="9" s="1"/>
  <c r="O1973" i="8"/>
  <c r="I1971" i="9" s="1"/>
  <c r="J1974" i="8"/>
  <c r="F1972" i="9" s="1"/>
  <c r="L1974" i="8"/>
  <c r="N1974" i="8"/>
  <c r="H1972" i="9" s="1"/>
  <c r="O1974" i="8"/>
  <c r="I1972" i="9" s="1"/>
  <c r="J1975" i="8"/>
  <c r="F1973" i="9" s="1"/>
  <c r="L1975" i="8"/>
  <c r="N1975" i="8"/>
  <c r="H1973" i="9" s="1"/>
  <c r="O1975" i="8"/>
  <c r="I1973" i="9" s="1"/>
  <c r="J1976" i="8"/>
  <c r="F1974" i="9" s="1"/>
  <c r="L1976" i="8"/>
  <c r="N1976" i="8"/>
  <c r="H1974" i="9" s="1"/>
  <c r="O1976" i="8"/>
  <c r="I1974" i="9" s="1"/>
  <c r="J1977" i="8"/>
  <c r="F1975" i="9" s="1"/>
  <c r="L1977" i="8"/>
  <c r="N1977" i="8"/>
  <c r="H1975" i="9" s="1"/>
  <c r="O1977" i="8"/>
  <c r="I1975" i="9" s="1"/>
  <c r="J1978" i="8"/>
  <c r="F1976" i="9" s="1"/>
  <c r="L1978" i="8"/>
  <c r="N1978" i="8"/>
  <c r="H1976" i="9" s="1"/>
  <c r="O1978" i="8"/>
  <c r="I1976" i="9" s="1"/>
  <c r="J1979" i="8"/>
  <c r="F1977" i="9" s="1"/>
  <c r="L1979" i="8"/>
  <c r="N1979" i="8"/>
  <c r="H1977" i="9" s="1"/>
  <c r="O1979" i="8"/>
  <c r="I1977" i="9" s="1"/>
  <c r="J1980" i="8"/>
  <c r="F1978" i="9" s="1"/>
  <c r="L1980" i="8"/>
  <c r="N1980" i="8"/>
  <c r="H1978" i="9" s="1"/>
  <c r="O1980" i="8"/>
  <c r="I1978" i="9" s="1"/>
  <c r="J1981" i="8"/>
  <c r="F1979" i="9" s="1"/>
  <c r="L1981" i="8"/>
  <c r="N1981" i="8"/>
  <c r="H1979" i="9" s="1"/>
  <c r="O1981" i="8"/>
  <c r="I1979" i="9" s="1"/>
  <c r="J1982" i="8"/>
  <c r="F1980" i="9" s="1"/>
  <c r="L1982" i="8"/>
  <c r="N1982" i="8"/>
  <c r="H1980" i="9" s="1"/>
  <c r="O1982" i="8"/>
  <c r="I1980" i="9" s="1"/>
  <c r="J1983" i="8"/>
  <c r="F1981" i="9" s="1"/>
  <c r="L1983" i="8"/>
  <c r="N1983" i="8"/>
  <c r="H1981" i="9" s="1"/>
  <c r="O1983" i="8"/>
  <c r="I1981" i="9" s="1"/>
  <c r="J1984" i="8"/>
  <c r="F1982" i="9" s="1"/>
  <c r="L1984" i="8"/>
  <c r="N1984" i="8"/>
  <c r="H1982" i="9" s="1"/>
  <c r="O1984" i="8"/>
  <c r="I1982" i="9" s="1"/>
  <c r="J1985" i="8"/>
  <c r="F1983" i="9" s="1"/>
  <c r="L1985" i="8"/>
  <c r="N1985" i="8"/>
  <c r="H1983" i="9" s="1"/>
  <c r="O1985" i="8"/>
  <c r="I1983" i="9" s="1"/>
  <c r="J1986" i="8"/>
  <c r="F1984" i="9" s="1"/>
  <c r="L1986" i="8"/>
  <c r="N1986" i="8"/>
  <c r="H1984" i="9" s="1"/>
  <c r="O1986" i="8"/>
  <c r="I1984" i="9" s="1"/>
  <c r="J1987" i="8"/>
  <c r="F1985" i="9" s="1"/>
  <c r="L1987" i="8"/>
  <c r="N1987" i="8"/>
  <c r="H1985" i="9" s="1"/>
  <c r="O1987" i="8"/>
  <c r="I1985" i="9" s="1"/>
  <c r="J1988" i="8"/>
  <c r="F1986" i="9" s="1"/>
  <c r="L1988" i="8"/>
  <c r="N1988" i="8"/>
  <c r="H1986" i="9" s="1"/>
  <c r="O1988" i="8"/>
  <c r="I1986" i="9" s="1"/>
  <c r="J1989" i="8"/>
  <c r="F1987" i="9" s="1"/>
  <c r="L1989" i="8"/>
  <c r="N1989" i="8"/>
  <c r="H1987" i="9" s="1"/>
  <c r="O1989" i="8"/>
  <c r="I1987" i="9" s="1"/>
  <c r="J1990" i="8"/>
  <c r="F1988" i="9" s="1"/>
  <c r="L1990" i="8"/>
  <c r="N1990" i="8"/>
  <c r="H1988" i="9" s="1"/>
  <c r="O1990" i="8"/>
  <c r="I1988" i="9" s="1"/>
  <c r="J1991" i="8"/>
  <c r="F1989" i="9" s="1"/>
  <c r="L1991" i="8"/>
  <c r="N1991" i="8"/>
  <c r="H1989" i="9" s="1"/>
  <c r="O1991" i="8"/>
  <c r="I1989" i="9" s="1"/>
  <c r="J1992" i="8"/>
  <c r="F1990" i="9" s="1"/>
  <c r="L1992" i="8"/>
  <c r="N1992" i="8"/>
  <c r="H1990" i="9" s="1"/>
  <c r="O1992" i="8"/>
  <c r="I1990" i="9" s="1"/>
  <c r="J1993" i="8"/>
  <c r="F1991" i="9" s="1"/>
  <c r="L1993" i="8"/>
  <c r="N1993" i="8"/>
  <c r="H1991" i="9" s="1"/>
  <c r="O1993" i="8"/>
  <c r="I1991" i="9" s="1"/>
  <c r="J1994" i="8"/>
  <c r="F1992" i="9" s="1"/>
  <c r="L1994" i="8"/>
  <c r="N1994" i="8"/>
  <c r="H1992" i="9" s="1"/>
  <c r="O1994" i="8"/>
  <c r="I1992" i="9" s="1"/>
  <c r="J1995" i="8"/>
  <c r="F1993" i="9" s="1"/>
  <c r="L1995" i="8"/>
  <c r="N1995" i="8"/>
  <c r="H1993" i="9" s="1"/>
  <c r="O1995" i="8"/>
  <c r="I1993" i="9" s="1"/>
  <c r="J1996" i="8"/>
  <c r="F1994" i="9" s="1"/>
  <c r="L1996" i="8"/>
  <c r="N1996" i="8"/>
  <c r="H1994" i="9" s="1"/>
  <c r="O1996" i="8"/>
  <c r="I1994" i="9" s="1"/>
  <c r="J1997" i="8"/>
  <c r="F1995" i="9" s="1"/>
  <c r="L1997" i="8"/>
  <c r="N1997" i="8"/>
  <c r="H1995" i="9" s="1"/>
  <c r="O1997" i="8"/>
  <c r="I1995" i="9" s="1"/>
  <c r="J1998" i="8"/>
  <c r="F1996" i="9" s="1"/>
  <c r="L1998" i="8"/>
  <c r="N1998" i="8"/>
  <c r="H1996" i="9" s="1"/>
  <c r="O1998" i="8"/>
  <c r="I1996" i="9" s="1"/>
  <c r="J1999" i="8"/>
  <c r="F1997" i="9" s="1"/>
  <c r="L1999" i="8"/>
  <c r="N1999" i="8"/>
  <c r="H1997" i="9" s="1"/>
  <c r="O1999" i="8"/>
  <c r="I1997" i="9" s="1"/>
  <c r="J2000" i="8"/>
  <c r="F1998" i="9" s="1"/>
  <c r="L2000" i="8"/>
  <c r="N2000" i="8"/>
  <c r="H1998" i="9" s="1"/>
  <c r="O2000" i="8"/>
  <c r="I1998" i="9" s="1"/>
  <c r="J2001" i="8"/>
  <c r="F1999" i="9" s="1"/>
  <c r="L2001" i="8"/>
  <c r="N2001" i="8"/>
  <c r="H1999" i="9" s="1"/>
  <c r="O2001" i="8"/>
  <c r="I1999" i="9" s="1"/>
  <c r="J2002" i="8"/>
  <c r="F2000" i="9" s="1"/>
  <c r="L2002" i="8"/>
  <c r="N2002" i="8"/>
  <c r="H2000" i="9" s="1"/>
  <c r="O2002" i="8"/>
  <c r="I2000" i="9" s="1"/>
  <c r="J2003" i="8"/>
  <c r="F2001" i="9" s="1"/>
  <c r="L2003" i="8"/>
  <c r="N2003" i="8"/>
  <c r="H2001" i="9" s="1"/>
  <c r="O2003" i="8"/>
  <c r="I2001" i="9" s="1"/>
  <c r="J2004" i="8"/>
  <c r="F2002" i="9" s="1"/>
  <c r="L2004" i="8"/>
  <c r="N2004" i="8"/>
  <c r="H2002" i="9" s="1"/>
  <c r="O2004" i="8"/>
  <c r="I2002" i="9" s="1"/>
  <c r="J2005" i="8"/>
  <c r="F2003" i="9" s="1"/>
  <c r="L2005" i="8"/>
  <c r="N2005" i="8"/>
  <c r="H2003" i="9" s="1"/>
  <c r="O2005" i="8"/>
  <c r="I2003" i="9" s="1"/>
  <c r="J2006" i="8"/>
  <c r="F2004" i="9" s="1"/>
  <c r="L2006" i="8"/>
  <c r="N2006" i="8"/>
  <c r="H2004" i="9" s="1"/>
  <c r="O2006" i="8"/>
  <c r="I2004" i="9" s="1"/>
  <c r="J2007" i="8"/>
  <c r="F2005" i="9" s="1"/>
  <c r="L2007" i="8"/>
  <c r="N2007" i="8"/>
  <c r="H2005" i="9" s="1"/>
  <c r="O2007" i="8"/>
  <c r="I2005" i="9" s="1"/>
  <c r="J2008" i="8"/>
  <c r="F2006" i="9" s="1"/>
  <c r="L2008" i="8"/>
  <c r="N2008" i="8"/>
  <c r="H2006" i="9" s="1"/>
  <c r="O2008" i="8"/>
  <c r="I2006" i="9" s="1"/>
  <c r="J2009" i="8"/>
  <c r="F2007" i="9" s="1"/>
  <c r="L2009" i="8"/>
  <c r="N2009" i="8"/>
  <c r="H2007" i="9" s="1"/>
  <c r="O2009" i="8"/>
  <c r="I2007" i="9" s="1"/>
  <c r="J2010" i="8"/>
  <c r="F2008" i="9" s="1"/>
  <c r="L2010" i="8"/>
  <c r="N2010" i="8"/>
  <c r="H2008" i="9" s="1"/>
  <c r="O2010" i="8"/>
  <c r="I2008" i="9" s="1"/>
  <c r="J2011" i="8"/>
  <c r="F2009" i="9" s="1"/>
  <c r="L2011" i="8"/>
  <c r="N2011" i="8"/>
  <c r="H2009" i="9" s="1"/>
  <c r="O2011" i="8"/>
  <c r="I2009" i="9" s="1"/>
  <c r="J2012" i="8"/>
  <c r="F2010" i="9" s="1"/>
  <c r="L2012" i="8"/>
  <c r="N2012" i="8"/>
  <c r="H2010" i="9" s="1"/>
  <c r="O2012" i="8"/>
  <c r="I2010" i="9" s="1"/>
  <c r="J2013" i="8"/>
  <c r="F2011" i="9" s="1"/>
  <c r="L2013" i="8"/>
  <c r="N2013" i="8"/>
  <c r="H2011" i="9" s="1"/>
  <c r="O2013" i="8"/>
  <c r="I2011" i="9" s="1"/>
  <c r="J2014" i="8"/>
  <c r="F2012" i="9" s="1"/>
  <c r="L2014" i="8"/>
  <c r="N2014" i="8"/>
  <c r="H2012" i="9" s="1"/>
  <c r="O2014" i="8"/>
  <c r="I2012" i="9" s="1"/>
  <c r="J2015" i="8"/>
  <c r="F2013" i="9" s="1"/>
  <c r="L2015" i="8"/>
  <c r="N2015" i="8"/>
  <c r="H2013" i="9" s="1"/>
  <c r="O2015" i="8"/>
  <c r="I2013" i="9" s="1"/>
  <c r="J2016" i="8"/>
  <c r="F2014" i="9" s="1"/>
  <c r="L2016" i="8"/>
  <c r="N2016" i="8"/>
  <c r="H2014" i="9" s="1"/>
  <c r="O2016" i="8"/>
  <c r="I2014" i="9" s="1"/>
  <c r="J2017" i="8"/>
  <c r="F2015" i="9" s="1"/>
  <c r="L2017" i="8"/>
  <c r="N2017" i="8"/>
  <c r="H2015" i="9" s="1"/>
  <c r="O2017" i="8"/>
  <c r="I2015" i="9" s="1"/>
  <c r="J2018" i="8"/>
  <c r="F2016" i="9" s="1"/>
  <c r="L2018" i="8"/>
  <c r="N2018" i="8"/>
  <c r="H2016" i="9" s="1"/>
  <c r="O2018" i="8"/>
  <c r="I2016" i="9" s="1"/>
  <c r="J2019" i="8"/>
  <c r="F2017" i="9" s="1"/>
  <c r="L2019" i="8"/>
  <c r="N2019" i="8"/>
  <c r="H2017" i="9" s="1"/>
  <c r="O2019" i="8"/>
  <c r="I2017" i="9" s="1"/>
  <c r="J2020" i="8"/>
  <c r="F2018" i="9" s="1"/>
  <c r="L2020" i="8"/>
  <c r="N2020" i="8"/>
  <c r="H2018" i="9" s="1"/>
  <c r="O2020" i="8"/>
  <c r="I2018" i="9" s="1"/>
  <c r="J2021" i="8"/>
  <c r="F2019" i="9" s="1"/>
  <c r="L2021" i="8"/>
  <c r="N2021" i="8"/>
  <c r="H2019" i="9" s="1"/>
  <c r="O2021" i="8"/>
  <c r="I2019" i="9" s="1"/>
  <c r="J2022" i="8"/>
  <c r="F2020" i="9" s="1"/>
  <c r="L2022" i="8"/>
  <c r="N2022" i="8"/>
  <c r="H2020" i="9" s="1"/>
  <c r="O2022" i="8"/>
  <c r="I2020" i="9" s="1"/>
  <c r="J2023" i="8"/>
  <c r="F2021" i="9" s="1"/>
  <c r="L2023" i="8"/>
  <c r="N2023" i="8"/>
  <c r="H2021" i="9" s="1"/>
  <c r="O2023" i="8"/>
  <c r="I2021" i="9" s="1"/>
  <c r="J2024" i="8"/>
  <c r="F2022" i="9" s="1"/>
  <c r="L2024" i="8"/>
  <c r="N2024" i="8"/>
  <c r="H2022" i="9" s="1"/>
  <c r="O2024" i="8"/>
  <c r="I2022" i="9" s="1"/>
  <c r="J2025" i="8"/>
  <c r="F2023" i="9" s="1"/>
  <c r="L2025" i="8"/>
  <c r="N2025" i="8"/>
  <c r="H2023" i="9" s="1"/>
  <c r="O2025" i="8"/>
  <c r="I2023" i="9" s="1"/>
  <c r="J2026" i="8"/>
  <c r="F2024" i="9" s="1"/>
  <c r="L2026" i="8"/>
  <c r="N2026" i="8"/>
  <c r="H2024" i="9" s="1"/>
  <c r="O2026" i="8"/>
  <c r="I2024" i="9" s="1"/>
  <c r="J2027" i="8"/>
  <c r="F2025" i="9" s="1"/>
  <c r="L2027" i="8"/>
  <c r="N2027" i="8"/>
  <c r="H2025" i="9" s="1"/>
  <c r="O2027" i="8"/>
  <c r="I2025" i="9" s="1"/>
  <c r="J2028" i="8"/>
  <c r="F2026" i="9" s="1"/>
  <c r="L2028" i="8"/>
  <c r="N2028" i="8"/>
  <c r="H2026" i="9" s="1"/>
  <c r="O2028" i="8"/>
  <c r="I2026" i="9" s="1"/>
  <c r="J2029" i="8"/>
  <c r="F2027" i="9" s="1"/>
  <c r="L2029" i="8"/>
  <c r="N2029" i="8"/>
  <c r="H2027" i="9" s="1"/>
  <c r="O2029" i="8"/>
  <c r="I2027" i="9" s="1"/>
  <c r="J2030" i="8"/>
  <c r="F2028" i="9" s="1"/>
  <c r="L2030" i="8"/>
  <c r="N2030" i="8"/>
  <c r="H2028" i="9" s="1"/>
  <c r="O2030" i="8"/>
  <c r="I2028" i="9" s="1"/>
  <c r="J2031" i="8"/>
  <c r="F2029" i="9" s="1"/>
  <c r="L2031" i="8"/>
  <c r="N2031" i="8"/>
  <c r="H2029" i="9" s="1"/>
  <c r="O2031" i="8"/>
  <c r="I2029" i="9" s="1"/>
  <c r="J2032" i="8"/>
  <c r="F2030" i="9" s="1"/>
  <c r="L2032" i="8"/>
  <c r="N2032" i="8"/>
  <c r="H2030" i="9" s="1"/>
  <c r="O2032" i="8"/>
  <c r="I2030" i="9" s="1"/>
  <c r="J2033" i="8"/>
  <c r="F2031" i="9" s="1"/>
  <c r="L2033" i="8"/>
  <c r="N2033" i="8"/>
  <c r="H2031" i="9" s="1"/>
  <c r="O2033" i="8"/>
  <c r="I2031" i="9" s="1"/>
  <c r="J2034" i="8"/>
  <c r="F2032" i="9" s="1"/>
  <c r="L2034" i="8"/>
  <c r="N2034" i="8"/>
  <c r="H2032" i="9" s="1"/>
  <c r="O2034" i="8"/>
  <c r="I2032" i="9" s="1"/>
  <c r="J2035" i="8"/>
  <c r="F2033" i="9" s="1"/>
  <c r="L2035" i="8"/>
  <c r="N2035" i="8"/>
  <c r="H2033" i="9" s="1"/>
  <c r="O2035" i="8"/>
  <c r="I2033" i="9" s="1"/>
  <c r="J2036" i="8"/>
  <c r="F2034" i="9" s="1"/>
  <c r="L2036" i="8"/>
  <c r="N2036" i="8"/>
  <c r="H2034" i="9" s="1"/>
  <c r="O2036" i="8"/>
  <c r="I2034" i="9" s="1"/>
  <c r="J2037" i="8"/>
  <c r="F2035" i="9" s="1"/>
  <c r="L2037" i="8"/>
  <c r="N2037" i="8"/>
  <c r="H2035" i="9" s="1"/>
  <c r="O2037" i="8"/>
  <c r="I2035" i="9" s="1"/>
  <c r="J2038" i="8"/>
  <c r="F2036" i="9" s="1"/>
  <c r="L2038" i="8"/>
  <c r="N2038" i="8"/>
  <c r="H2036" i="9" s="1"/>
  <c r="O2038" i="8"/>
  <c r="I2036" i="9" s="1"/>
  <c r="J2039" i="8"/>
  <c r="F2037" i="9" s="1"/>
  <c r="L2039" i="8"/>
  <c r="N2039" i="8"/>
  <c r="H2037" i="9" s="1"/>
  <c r="O2039" i="8"/>
  <c r="I2037" i="9" s="1"/>
  <c r="J2040" i="8"/>
  <c r="F2038" i="9" s="1"/>
  <c r="L2040" i="8"/>
  <c r="N2040" i="8"/>
  <c r="H2038" i="9" s="1"/>
  <c r="O2040" i="8"/>
  <c r="I2038" i="9" s="1"/>
  <c r="J2041" i="8"/>
  <c r="F2039" i="9" s="1"/>
  <c r="L2041" i="8"/>
  <c r="N2041" i="8"/>
  <c r="H2039" i="9" s="1"/>
  <c r="O2041" i="8"/>
  <c r="I2039" i="9" s="1"/>
  <c r="J2042" i="8"/>
  <c r="F2040" i="9" s="1"/>
  <c r="L2042" i="8"/>
  <c r="N2042" i="8"/>
  <c r="H2040" i="9" s="1"/>
  <c r="O2042" i="8"/>
  <c r="I2040" i="9" s="1"/>
  <c r="J2043" i="8"/>
  <c r="F2041" i="9" s="1"/>
  <c r="L2043" i="8"/>
  <c r="N2043" i="8"/>
  <c r="H2041" i="9" s="1"/>
  <c r="O2043" i="8"/>
  <c r="I2041" i="9" s="1"/>
  <c r="J2044" i="8"/>
  <c r="F2042" i="9" s="1"/>
  <c r="L2044" i="8"/>
  <c r="N2044" i="8"/>
  <c r="H2042" i="9" s="1"/>
  <c r="O2044" i="8"/>
  <c r="I2042" i="9" s="1"/>
  <c r="J2045" i="8"/>
  <c r="F2043" i="9" s="1"/>
  <c r="L2045" i="8"/>
  <c r="N2045" i="8"/>
  <c r="H2043" i="9" s="1"/>
  <c r="O2045" i="8"/>
  <c r="I2043" i="9" s="1"/>
  <c r="J2046" i="8"/>
  <c r="F2044" i="9" s="1"/>
  <c r="L2046" i="8"/>
  <c r="N2046" i="8"/>
  <c r="H2044" i="9" s="1"/>
  <c r="O2046" i="8"/>
  <c r="I2044" i="9" s="1"/>
  <c r="J2047" i="8"/>
  <c r="F2045" i="9" s="1"/>
  <c r="L2047" i="8"/>
  <c r="N2047" i="8"/>
  <c r="H2045" i="9" s="1"/>
  <c r="O2047" i="8"/>
  <c r="I2045" i="9" s="1"/>
  <c r="J2048" i="8"/>
  <c r="F2046" i="9" s="1"/>
  <c r="L2048" i="8"/>
  <c r="N2048" i="8"/>
  <c r="H2046" i="9" s="1"/>
  <c r="O2048" i="8"/>
  <c r="I2046" i="9" s="1"/>
  <c r="J2049" i="8"/>
  <c r="F2047" i="9" s="1"/>
  <c r="L2049" i="8"/>
  <c r="N2049" i="8"/>
  <c r="H2047" i="9" s="1"/>
  <c r="O2049" i="8"/>
  <c r="I2047" i="9" s="1"/>
  <c r="J2050" i="8"/>
  <c r="F2048" i="9" s="1"/>
  <c r="L2050" i="8"/>
  <c r="N2050" i="8"/>
  <c r="H2048" i="9" s="1"/>
  <c r="O2050" i="8"/>
  <c r="I2048" i="9" s="1"/>
  <c r="J2051" i="8"/>
  <c r="F2049" i="9" s="1"/>
  <c r="L2051" i="8"/>
  <c r="N2051" i="8"/>
  <c r="H2049" i="9" s="1"/>
  <c r="O2051" i="8"/>
  <c r="I2049" i="9" s="1"/>
  <c r="J2052" i="8"/>
  <c r="F2050" i="9" s="1"/>
  <c r="L2052" i="8"/>
  <c r="N2052" i="8"/>
  <c r="H2050" i="9" s="1"/>
  <c r="O2052" i="8"/>
  <c r="I2050" i="9" s="1"/>
  <c r="J2053" i="8"/>
  <c r="F2051" i="9" s="1"/>
  <c r="L2053" i="8"/>
  <c r="N2053" i="8"/>
  <c r="H2051" i="9" s="1"/>
  <c r="O2053" i="8"/>
  <c r="I2051" i="9" s="1"/>
  <c r="J2054" i="8"/>
  <c r="F2052" i="9" s="1"/>
  <c r="L2054" i="8"/>
  <c r="N2054" i="8"/>
  <c r="H2052" i="9" s="1"/>
  <c r="O2054" i="8"/>
  <c r="I2052" i="9" s="1"/>
  <c r="J2055" i="8"/>
  <c r="F2053" i="9" s="1"/>
  <c r="L2055" i="8"/>
  <c r="N2055" i="8"/>
  <c r="H2053" i="9" s="1"/>
  <c r="O2055" i="8"/>
  <c r="I2053" i="9" s="1"/>
  <c r="J2056" i="8"/>
  <c r="F2054" i="9" s="1"/>
  <c r="L2056" i="8"/>
  <c r="N2056" i="8"/>
  <c r="H2054" i="9" s="1"/>
  <c r="O2056" i="8"/>
  <c r="I2054" i="9" s="1"/>
  <c r="J2057" i="8"/>
  <c r="F2055" i="9" s="1"/>
  <c r="L2057" i="8"/>
  <c r="N2057" i="8"/>
  <c r="H2055" i="9" s="1"/>
  <c r="O2057" i="8"/>
  <c r="I2055" i="9" s="1"/>
  <c r="J2058" i="8"/>
  <c r="F2056" i="9" s="1"/>
  <c r="L2058" i="8"/>
  <c r="N2058" i="8"/>
  <c r="H2056" i="9" s="1"/>
  <c r="O2058" i="8"/>
  <c r="I2056" i="9" s="1"/>
  <c r="J2059" i="8"/>
  <c r="F2057" i="9" s="1"/>
  <c r="L2059" i="8"/>
  <c r="N2059" i="8"/>
  <c r="H2057" i="9" s="1"/>
  <c r="O2059" i="8"/>
  <c r="I2057" i="9" s="1"/>
  <c r="J2060" i="8"/>
  <c r="F2058" i="9" s="1"/>
  <c r="L2060" i="8"/>
  <c r="N2060" i="8"/>
  <c r="H2058" i="9" s="1"/>
  <c r="O2060" i="8"/>
  <c r="I2058" i="9" s="1"/>
  <c r="J2061" i="8"/>
  <c r="F2059" i="9" s="1"/>
  <c r="L2061" i="8"/>
  <c r="N2061" i="8"/>
  <c r="H2059" i="9" s="1"/>
  <c r="O2061" i="8"/>
  <c r="I2059" i="9" s="1"/>
  <c r="J2062" i="8"/>
  <c r="F2060" i="9" s="1"/>
  <c r="L2062" i="8"/>
  <c r="N2062" i="8"/>
  <c r="H2060" i="9" s="1"/>
  <c r="O2062" i="8"/>
  <c r="I2060" i="9" s="1"/>
  <c r="J2063" i="8"/>
  <c r="F2061" i="9" s="1"/>
  <c r="L2063" i="8"/>
  <c r="N2063" i="8"/>
  <c r="H2061" i="9" s="1"/>
  <c r="O2063" i="8"/>
  <c r="I2061" i="9" s="1"/>
  <c r="J2064" i="8"/>
  <c r="F2062" i="9" s="1"/>
  <c r="L2064" i="8"/>
  <c r="N2064" i="8"/>
  <c r="H2062" i="9" s="1"/>
  <c r="O2064" i="8"/>
  <c r="I2062" i="9" s="1"/>
  <c r="J2065" i="8"/>
  <c r="F2063" i="9" s="1"/>
  <c r="L2065" i="8"/>
  <c r="N2065" i="8"/>
  <c r="H2063" i="9" s="1"/>
  <c r="O2065" i="8"/>
  <c r="I2063" i="9" s="1"/>
  <c r="J2066" i="8"/>
  <c r="F2064" i="9" s="1"/>
  <c r="L2066" i="8"/>
  <c r="N2066" i="8"/>
  <c r="H2064" i="9" s="1"/>
  <c r="O2066" i="8"/>
  <c r="I2064" i="9" s="1"/>
  <c r="J2067" i="8"/>
  <c r="F2065" i="9" s="1"/>
  <c r="L2067" i="8"/>
  <c r="N2067" i="8"/>
  <c r="H2065" i="9" s="1"/>
  <c r="O2067" i="8"/>
  <c r="I2065" i="9" s="1"/>
  <c r="J2068" i="8"/>
  <c r="F2066" i="9" s="1"/>
  <c r="L2068" i="8"/>
  <c r="N2068" i="8"/>
  <c r="H2066" i="9" s="1"/>
  <c r="O2068" i="8"/>
  <c r="I2066" i="9" s="1"/>
  <c r="J2069" i="8"/>
  <c r="F2067" i="9" s="1"/>
  <c r="L2069" i="8"/>
  <c r="N2069" i="8"/>
  <c r="H2067" i="9" s="1"/>
  <c r="O2069" i="8"/>
  <c r="I2067" i="9" s="1"/>
  <c r="J2070" i="8"/>
  <c r="F2068" i="9" s="1"/>
  <c r="L2070" i="8"/>
  <c r="N2070" i="8"/>
  <c r="H2068" i="9" s="1"/>
  <c r="O2070" i="8"/>
  <c r="I2068" i="9" s="1"/>
  <c r="J2071" i="8"/>
  <c r="F2069" i="9" s="1"/>
  <c r="L2071" i="8"/>
  <c r="N2071" i="8"/>
  <c r="H2069" i="9" s="1"/>
  <c r="O2071" i="8"/>
  <c r="I2069" i="9" s="1"/>
  <c r="J2072" i="8"/>
  <c r="F2070" i="9" s="1"/>
  <c r="L2072" i="8"/>
  <c r="N2072" i="8"/>
  <c r="H2070" i="9" s="1"/>
  <c r="O2072" i="8"/>
  <c r="I2070" i="9" s="1"/>
  <c r="J2073" i="8"/>
  <c r="F2071" i="9" s="1"/>
  <c r="L2073" i="8"/>
  <c r="N2073" i="8"/>
  <c r="H2071" i="9" s="1"/>
  <c r="O2073" i="8"/>
  <c r="I2071" i="9" s="1"/>
  <c r="J2074" i="8"/>
  <c r="F2072" i="9" s="1"/>
  <c r="L2074" i="8"/>
  <c r="N2074" i="8"/>
  <c r="H2072" i="9" s="1"/>
  <c r="O2074" i="8"/>
  <c r="I2072" i="9" s="1"/>
  <c r="J2075" i="8"/>
  <c r="F2073" i="9" s="1"/>
  <c r="L2075" i="8"/>
  <c r="N2075" i="8"/>
  <c r="H2073" i="9" s="1"/>
  <c r="O2075" i="8"/>
  <c r="I2073" i="9" s="1"/>
  <c r="J2076" i="8"/>
  <c r="F2074" i="9" s="1"/>
  <c r="L2076" i="8"/>
  <c r="N2076" i="8"/>
  <c r="H2074" i="9" s="1"/>
  <c r="O2076" i="8"/>
  <c r="I2074" i="9" s="1"/>
  <c r="J2077" i="8"/>
  <c r="F2075" i="9" s="1"/>
  <c r="L2077" i="8"/>
  <c r="N2077" i="8"/>
  <c r="H2075" i="9" s="1"/>
  <c r="O2077" i="8"/>
  <c r="I2075" i="9" s="1"/>
  <c r="J2078" i="8"/>
  <c r="F2076" i="9" s="1"/>
  <c r="L2078" i="8"/>
  <c r="N2078" i="8"/>
  <c r="H2076" i="9" s="1"/>
  <c r="O2078" i="8"/>
  <c r="I2076" i="9" s="1"/>
  <c r="J2079" i="8"/>
  <c r="F2077" i="9" s="1"/>
  <c r="L2079" i="8"/>
  <c r="N2079" i="8"/>
  <c r="H2077" i="9" s="1"/>
  <c r="O2079" i="8"/>
  <c r="I2077" i="9" s="1"/>
  <c r="J2080" i="8"/>
  <c r="F2078" i="9" s="1"/>
  <c r="L2080" i="8"/>
  <c r="N2080" i="8"/>
  <c r="H2078" i="9" s="1"/>
  <c r="O2080" i="8"/>
  <c r="I2078" i="9" s="1"/>
  <c r="J2081" i="8"/>
  <c r="F2079" i="9" s="1"/>
  <c r="L2081" i="8"/>
  <c r="N2081" i="8"/>
  <c r="H2079" i="9" s="1"/>
  <c r="O2081" i="8"/>
  <c r="I2079" i="9" s="1"/>
  <c r="J2082" i="8"/>
  <c r="F2080" i="9" s="1"/>
  <c r="L2082" i="8"/>
  <c r="N2082" i="8"/>
  <c r="H2080" i="9" s="1"/>
  <c r="O2082" i="8"/>
  <c r="I2080" i="9" s="1"/>
  <c r="J2083" i="8"/>
  <c r="F2081" i="9" s="1"/>
  <c r="L2083" i="8"/>
  <c r="N2083" i="8"/>
  <c r="H2081" i="9" s="1"/>
  <c r="O2083" i="8"/>
  <c r="I2081" i="9" s="1"/>
  <c r="J2084" i="8"/>
  <c r="F2082" i="9" s="1"/>
  <c r="L2084" i="8"/>
  <c r="N2084" i="8"/>
  <c r="H2082" i="9" s="1"/>
  <c r="O2084" i="8"/>
  <c r="I2082" i="9" s="1"/>
  <c r="J2085" i="8"/>
  <c r="F2083" i="9" s="1"/>
  <c r="L2085" i="8"/>
  <c r="N2085" i="8"/>
  <c r="H2083" i="9" s="1"/>
  <c r="O2085" i="8"/>
  <c r="I2083" i="9" s="1"/>
  <c r="J2086" i="8"/>
  <c r="F2084" i="9" s="1"/>
  <c r="L2086" i="8"/>
  <c r="N2086" i="8"/>
  <c r="H2084" i="9" s="1"/>
  <c r="O2086" i="8"/>
  <c r="I2084" i="9" s="1"/>
  <c r="J2087" i="8"/>
  <c r="F2085" i="9" s="1"/>
  <c r="L2087" i="8"/>
  <c r="N2087" i="8"/>
  <c r="H2085" i="9" s="1"/>
  <c r="O2087" i="8"/>
  <c r="I2085" i="9" s="1"/>
  <c r="J2088" i="8"/>
  <c r="F2086" i="9" s="1"/>
  <c r="L2088" i="8"/>
  <c r="N2088" i="8"/>
  <c r="H2086" i="9" s="1"/>
  <c r="O2088" i="8"/>
  <c r="I2086" i="9" s="1"/>
  <c r="J2089" i="8"/>
  <c r="F2087" i="9" s="1"/>
  <c r="L2089" i="8"/>
  <c r="N2089" i="8"/>
  <c r="H2087" i="9" s="1"/>
  <c r="O2089" i="8"/>
  <c r="I2087" i="9" s="1"/>
  <c r="J2090" i="8"/>
  <c r="F2088" i="9" s="1"/>
  <c r="L2090" i="8"/>
  <c r="N2090" i="8"/>
  <c r="H2088" i="9" s="1"/>
  <c r="O2090" i="8"/>
  <c r="I2088" i="9" s="1"/>
  <c r="J2091" i="8"/>
  <c r="F2089" i="9" s="1"/>
  <c r="L2091" i="8"/>
  <c r="N2091" i="8"/>
  <c r="H2089" i="9" s="1"/>
  <c r="O2091" i="8"/>
  <c r="I2089" i="9" s="1"/>
  <c r="J2092" i="8"/>
  <c r="F2090" i="9" s="1"/>
  <c r="L2092" i="8"/>
  <c r="N2092" i="8"/>
  <c r="H2090" i="9" s="1"/>
  <c r="O2092" i="8"/>
  <c r="I2090" i="9" s="1"/>
  <c r="J2093" i="8"/>
  <c r="F2091" i="9" s="1"/>
  <c r="L2093" i="8"/>
  <c r="N2093" i="8"/>
  <c r="H2091" i="9" s="1"/>
  <c r="O2093" i="8"/>
  <c r="I2091" i="9" s="1"/>
  <c r="J2094" i="8"/>
  <c r="F2092" i="9" s="1"/>
  <c r="L2094" i="8"/>
  <c r="N2094" i="8"/>
  <c r="H2092" i="9" s="1"/>
  <c r="O2094" i="8"/>
  <c r="I2092" i="9" s="1"/>
  <c r="J2095" i="8"/>
  <c r="F2093" i="9" s="1"/>
  <c r="L2095" i="8"/>
  <c r="N2095" i="8"/>
  <c r="H2093" i="9" s="1"/>
  <c r="O2095" i="8"/>
  <c r="I2093" i="9" s="1"/>
  <c r="J2096" i="8"/>
  <c r="F2094" i="9" s="1"/>
  <c r="L2096" i="8"/>
  <c r="N2096" i="8"/>
  <c r="H2094" i="9" s="1"/>
  <c r="O2096" i="8"/>
  <c r="I2094" i="9" s="1"/>
  <c r="J2097" i="8"/>
  <c r="F2095" i="9" s="1"/>
  <c r="L2097" i="8"/>
  <c r="N2097" i="8"/>
  <c r="H2095" i="9" s="1"/>
  <c r="O2097" i="8"/>
  <c r="I2095" i="9" s="1"/>
  <c r="J2098" i="8"/>
  <c r="F2096" i="9" s="1"/>
  <c r="L2098" i="8"/>
  <c r="N2098" i="8"/>
  <c r="H2096" i="9" s="1"/>
  <c r="O2098" i="8"/>
  <c r="I2096" i="9" s="1"/>
  <c r="J2099" i="8"/>
  <c r="F2097" i="9" s="1"/>
  <c r="L2099" i="8"/>
  <c r="N2099" i="8"/>
  <c r="H2097" i="9" s="1"/>
  <c r="O2099" i="8"/>
  <c r="I2097" i="9" s="1"/>
  <c r="J2100" i="8"/>
  <c r="F2098" i="9" s="1"/>
  <c r="L2100" i="8"/>
  <c r="N2100" i="8"/>
  <c r="H2098" i="9" s="1"/>
  <c r="O2100" i="8"/>
  <c r="I2098" i="9" s="1"/>
  <c r="J2101" i="8"/>
  <c r="F2099" i="9" s="1"/>
  <c r="L2101" i="8"/>
  <c r="N2101" i="8"/>
  <c r="H2099" i="9" s="1"/>
  <c r="O2101" i="8"/>
  <c r="I2099" i="9" s="1"/>
  <c r="J2102" i="8"/>
  <c r="F2100" i="9" s="1"/>
  <c r="L2102" i="8"/>
  <c r="N2102" i="8"/>
  <c r="H2100" i="9" s="1"/>
  <c r="O2102" i="8"/>
  <c r="I2100" i="9" s="1"/>
  <c r="J2103" i="8"/>
  <c r="F2101" i="9" s="1"/>
  <c r="L2103" i="8"/>
  <c r="N2103" i="8"/>
  <c r="H2101" i="9" s="1"/>
  <c r="O2103" i="8"/>
  <c r="I2101" i="9" s="1"/>
  <c r="J2104" i="8"/>
  <c r="F2102" i="9" s="1"/>
  <c r="L2104" i="8"/>
  <c r="N2104" i="8"/>
  <c r="H2102" i="9" s="1"/>
  <c r="O2104" i="8"/>
  <c r="I2102" i="9" s="1"/>
  <c r="J2105" i="8"/>
  <c r="F2103" i="9" s="1"/>
  <c r="L2105" i="8"/>
  <c r="N2105" i="8"/>
  <c r="H2103" i="9" s="1"/>
  <c r="O2105" i="8"/>
  <c r="I2103" i="9" s="1"/>
  <c r="J2106" i="8"/>
  <c r="F2104" i="9" s="1"/>
  <c r="L2106" i="8"/>
  <c r="N2106" i="8"/>
  <c r="H2104" i="9" s="1"/>
  <c r="O2106" i="8"/>
  <c r="I2104" i="9" s="1"/>
  <c r="J2107" i="8"/>
  <c r="F2105" i="9" s="1"/>
  <c r="L2107" i="8"/>
  <c r="N2107" i="8"/>
  <c r="H2105" i="9" s="1"/>
  <c r="O2107" i="8"/>
  <c r="I2105" i="9" s="1"/>
  <c r="J2108" i="8"/>
  <c r="F2106" i="9" s="1"/>
  <c r="L2108" i="8"/>
  <c r="N2108" i="8"/>
  <c r="H2106" i="9" s="1"/>
  <c r="O2108" i="8"/>
  <c r="I2106" i="9" s="1"/>
  <c r="J2109" i="8"/>
  <c r="F2107" i="9" s="1"/>
  <c r="L2109" i="8"/>
  <c r="N2109" i="8"/>
  <c r="H2107" i="9" s="1"/>
  <c r="O2109" i="8"/>
  <c r="I2107" i="9" s="1"/>
  <c r="J2110" i="8"/>
  <c r="F2108" i="9" s="1"/>
  <c r="L2110" i="8"/>
  <c r="N2110" i="8"/>
  <c r="H2108" i="9" s="1"/>
  <c r="O2110" i="8"/>
  <c r="I2108" i="9" s="1"/>
  <c r="J2111" i="8"/>
  <c r="F2109" i="9" s="1"/>
  <c r="L2111" i="8"/>
  <c r="N2111" i="8"/>
  <c r="H2109" i="9" s="1"/>
  <c r="O2111" i="8"/>
  <c r="I2109" i="9" s="1"/>
  <c r="J2112" i="8"/>
  <c r="F2110" i="9" s="1"/>
  <c r="L2112" i="8"/>
  <c r="N2112" i="8"/>
  <c r="H2110" i="9" s="1"/>
  <c r="O2112" i="8"/>
  <c r="I2110" i="9" s="1"/>
  <c r="J2113" i="8"/>
  <c r="F2111" i="9" s="1"/>
  <c r="L2113" i="8"/>
  <c r="N2113" i="8"/>
  <c r="H2111" i="9" s="1"/>
  <c r="O2113" i="8"/>
  <c r="I2111" i="9" s="1"/>
  <c r="J2114" i="8"/>
  <c r="F2112" i="9" s="1"/>
  <c r="L2114" i="8"/>
  <c r="N2114" i="8"/>
  <c r="H2112" i="9" s="1"/>
  <c r="O2114" i="8"/>
  <c r="I2112" i="9" s="1"/>
  <c r="J2115" i="8"/>
  <c r="F2113" i="9" s="1"/>
  <c r="L2115" i="8"/>
  <c r="N2115" i="8"/>
  <c r="H2113" i="9" s="1"/>
  <c r="O2115" i="8"/>
  <c r="I2113" i="9" s="1"/>
  <c r="J2116" i="8"/>
  <c r="F2114" i="9" s="1"/>
  <c r="L2116" i="8"/>
  <c r="N2116" i="8"/>
  <c r="H2114" i="9" s="1"/>
  <c r="O2116" i="8"/>
  <c r="I2114" i="9" s="1"/>
  <c r="J2117" i="8"/>
  <c r="F2115" i="9" s="1"/>
  <c r="L2117" i="8"/>
  <c r="N2117" i="8"/>
  <c r="H2115" i="9" s="1"/>
  <c r="O2117" i="8"/>
  <c r="I2115" i="9" s="1"/>
  <c r="J2118" i="8"/>
  <c r="F2116" i="9" s="1"/>
  <c r="L2118" i="8"/>
  <c r="N2118" i="8"/>
  <c r="H2116" i="9" s="1"/>
  <c r="O2118" i="8"/>
  <c r="I2116" i="9" s="1"/>
  <c r="J2119" i="8"/>
  <c r="F2117" i="9" s="1"/>
  <c r="L2119" i="8"/>
  <c r="N2119" i="8"/>
  <c r="H2117" i="9" s="1"/>
  <c r="O2119" i="8"/>
  <c r="I2117" i="9" s="1"/>
  <c r="J2120" i="8"/>
  <c r="F2118" i="9" s="1"/>
  <c r="L2120" i="8"/>
  <c r="N2120" i="8"/>
  <c r="H2118" i="9" s="1"/>
  <c r="O2120" i="8"/>
  <c r="I2118" i="9" s="1"/>
  <c r="J2121" i="8"/>
  <c r="F2119" i="9" s="1"/>
  <c r="L2121" i="8"/>
  <c r="N2121" i="8"/>
  <c r="H2119" i="9" s="1"/>
  <c r="O2121" i="8"/>
  <c r="I2119" i="9" s="1"/>
  <c r="J2122" i="8"/>
  <c r="F2120" i="9" s="1"/>
  <c r="L2122" i="8"/>
  <c r="N2122" i="8"/>
  <c r="H2120" i="9" s="1"/>
  <c r="O2122" i="8"/>
  <c r="I2120" i="9" s="1"/>
  <c r="J2123" i="8"/>
  <c r="F2121" i="9" s="1"/>
  <c r="L2123" i="8"/>
  <c r="N2123" i="8"/>
  <c r="H2121" i="9" s="1"/>
  <c r="O2123" i="8"/>
  <c r="I2121" i="9" s="1"/>
  <c r="J2124" i="8"/>
  <c r="F2122" i="9" s="1"/>
  <c r="L2124" i="8"/>
  <c r="N2124" i="8"/>
  <c r="H2122" i="9" s="1"/>
  <c r="O2124" i="8"/>
  <c r="I2122" i="9" s="1"/>
  <c r="J2125" i="8"/>
  <c r="F2123" i="9" s="1"/>
  <c r="L2125" i="8"/>
  <c r="N2125" i="8"/>
  <c r="H2123" i="9" s="1"/>
  <c r="O2125" i="8"/>
  <c r="I2123" i="9" s="1"/>
  <c r="J2126" i="8"/>
  <c r="F2124" i="9" s="1"/>
  <c r="L2126" i="8"/>
  <c r="N2126" i="8"/>
  <c r="H2124" i="9" s="1"/>
  <c r="O2126" i="8"/>
  <c r="I2124" i="9" s="1"/>
  <c r="J2127" i="8"/>
  <c r="F2125" i="9" s="1"/>
  <c r="L2127" i="8"/>
  <c r="N2127" i="8"/>
  <c r="H2125" i="9" s="1"/>
  <c r="O2127" i="8"/>
  <c r="I2125" i="9" s="1"/>
  <c r="J2128" i="8"/>
  <c r="F2126" i="9" s="1"/>
  <c r="L2128" i="8"/>
  <c r="N2128" i="8"/>
  <c r="H2126" i="9" s="1"/>
  <c r="O2128" i="8"/>
  <c r="I2126" i="9" s="1"/>
  <c r="J2129" i="8"/>
  <c r="F2127" i="9" s="1"/>
  <c r="L2129" i="8"/>
  <c r="N2129" i="8"/>
  <c r="H2127" i="9" s="1"/>
  <c r="O2129" i="8"/>
  <c r="I2127" i="9" s="1"/>
  <c r="J2130" i="8"/>
  <c r="F2128" i="9" s="1"/>
  <c r="L2130" i="8"/>
  <c r="N2130" i="8"/>
  <c r="H2128" i="9" s="1"/>
  <c r="O2130" i="8"/>
  <c r="I2128" i="9" s="1"/>
  <c r="J2131" i="8"/>
  <c r="F2129" i="9" s="1"/>
  <c r="L2131" i="8"/>
  <c r="N2131" i="8"/>
  <c r="H2129" i="9" s="1"/>
  <c r="O2131" i="8"/>
  <c r="I2129" i="9" s="1"/>
  <c r="J2132" i="8"/>
  <c r="F2130" i="9" s="1"/>
  <c r="L2132" i="8"/>
  <c r="N2132" i="8"/>
  <c r="H2130" i="9" s="1"/>
  <c r="O2132" i="8"/>
  <c r="I2130" i="9" s="1"/>
  <c r="J2133" i="8"/>
  <c r="F2131" i="9" s="1"/>
  <c r="L2133" i="8"/>
  <c r="N2133" i="8"/>
  <c r="H2131" i="9" s="1"/>
  <c r="O2133" i="8"/>
  <c r="I2131" i="9" s="1"/>
  <c r="J2134" i="8"/>
  <c r="F2132" i="9" s="1"/>
  <c r="L2134" i="8"/>
  <c r="N2134" i="8"/>
  <c r="H2132" i="9" s="1"/>
  <c r="O2134" i="8"/>
  <c r="I2132" i="9" s="1"/>
  <c r="J2135" i="8"/>
  <c r="F2133" i="9" s="1"/>
  <c r="L2135" i="8"/>
  <c r="N2135" i="8"/>
  <c r="H2133" i="9" s="1"/>
  <c r="O2135" i="8"/>
  <c r="I2133" i="9" s="1"/>
  <c r="J2136" i="8"/>
  <c r="F2134" i="9" s="1"/>
  <c r="L2136" i="8"/>
  <c r="N2136" i="8"/>
  <c r="H2134" i="9" s="1"/>
  <c r="O2136" i="8"/>
  <c r="I2134" i="9" s="1"/>
  <c r="J2137" i="8"/>
  <c r="F2135" i="9" s="1"/>
  <c r="L2137" i="8"/>
  <c r="N2137" i="8"/>
  <c r="H2135" i="9" s="1"/>
  <c r="O2137" i="8"/>
  <c r="I2135" i="9" s="1"/>
  <c r="J2138" i="8"/>
  <c r="F2136" i="9" s="1"/>
  <c r="L2138" i="8"/>
  <c r="N2138" i="8"/>
  <c r="H2136" i="9" s="1"/>
  <c r="O2138" i="8"/>
  <c r="I2136" i="9" s="1"/>
  <c r="J2139" i="8"/>
  <c r="F2137" i="9" s="1"/>
  <c r="L2139" i="8"/>
  <c r="N2139" i="8"/>
  <c r="H2137" i="9" s="1"/>
  <c r="O2139" i="8"/>
  <c r="I2137" i="9" s="1"/>
  <c r="J2140" i="8"/>
  <c r="F2138" i="9" s="1"/>
  <c r="L2140" i="8"/>
  <c r="N2140" i="8"/>
  <c r="H2138" i="9" s="1"/>
  <c r="O2140" i="8"/>
  <c r="I2138" i="9" s="1"/>
  <c r="J2141" i="8"/>
  <c r="F2139" i="9" s="1"/>
  <c r="L2141" i="8"/>
  <c r="N2141" i="8"/>
  <c r="H2139" i="9" s="1"/>
  <c r="O2141" i="8"/>
  <c r="I2139" i="9" s="1"/>
  <c r="J2142" i="8"/>
  <c r="F2140" i="9" s="1"/>
  <c r="L2142" i="8"/>
  <c r="N2142" i="8"/>
  <c r="H2140" i="9" s="1"/>
  <c r="O2142" i="8"/>
  <c r="I2140" i="9" s="1"/>
  <c r="J2143" i="8"/>
  <c r="F2141" i="9" s="1"/>
  <c r="L2143" i="8"/>
  <c r="N2143" i="8"/>
  <c r="H2141" i="9" s="1"/>
  <c r="O2143" i="8"/>
  <c r="I2141" i="9" s="1"/>
  <c r="J2144" i="8"/>
  <c r="F2142" i="9" s="1"/>
  <c r="L2144" i="8"/>
  <c r="N2144" i="8"/>
  <c r="H2142" i="9" s="1"/>
  <c r="O2144" i="8"/>
  <c r="I2142" i="9" s="1"/>
  <c r="J2145" i="8"/>
  <c r="F2143" i="9" s="1"/>
  <c r="L2145" i="8"/>
  <c r="N2145" i="8"/>
  <c r="H2143" i="9" s="1"/>
  <c r="O2145" i="8"/>
  <c r="I2143" i="9" s="1"/>
  <c r="J2146" i="8"/>
  <c r="F2144" i="9" s="1"/>
  <c r="L2146" i="8"/>
  <c r="N2146" i="8"/>
  <c r="H2144" i="9" s="1"/>
  <c r="O2146" i="8"/>
  <c r="I2144" i="9" s="1"/>
  <c r="J2147" i="8"/>
  <c r="F2145" i="9" s="1"/>
  <c r="L2147" i="8"/>
  <c r="N2147" i="8"/>
  <c r="H2145" i="9" s="1"/>
  <c r="O2147" i="8"/>
  <c r="I2145" i="9" s="1"/>
  <c r="J2148" i="8"/>
  <c r="F2146" i="9" s="1"/>
  <c r="L2148" i="8"/>
  <c r="N2148" i="8"/>
  <c r="H2146" i="9" s="1"/>
  <c r="O2148" i="8"/>
  <c r="I2146" i="9" s="1"/>
  <c r="J2149" i="8"/>
  <c r="F2147" i="9" s="1"/>
  <c r="L2149" i="8"/>
  <c r="N2149" i="8"/>
  <c r="H2147" i="9" s="1"/>
  <c r="O2149" i="8"/>
  <c r="I2147" i="9" s="1"/>
  <c r="J2150" i="8"/>
  <c r="F2148" i="9" s="1"/>
  <c r="L2150" i="8"/>
  <c r="N2150" i="8"/>
  <c r="H2148" i="9" s="1"/>
  <c r="O2150" i="8"/>
  <c r="I2148" i="9" s="1"/>
  <c r="J2151" i="8"/>
  <c r="F2149" i="9" s="1"/>
  <c r="L2151" i="8"/>
  <c r="N2151" i="8"/>
  <c r="H2149" i="9" s="1"/>
  <c r="O2151" i="8"/>
  <c r="I2149" i="9" s="1"/>
  <c r="J2152" i="8"/>
  <c r="F2150" i="9" s="1"/>
  <c r="L2152" i="8"/>
  <c r="N2152" i="8"/>
  <c r="H2150" i="9" s="1"/>
  <c r="O2152" i="8"/>
  <c r="I2150" i="9" s="1"/>
  <c r="J2153" i="8"/>
  <c r="F2151" i="9" s="1"/>
  <c r="L2153" i="8"/>
  <c r="N2153" i="8"/>
  <c r="H2151" i="9" s="1"/>
  <c r="O2153" i="8"/>
  <c r="I2151" i="9" s="1"/>
  <c r="J2154" i="8"/>
  <c r="F2152" i="9" s="1"/>
  <c r="L2154" i="8"/>
  <c r="N2154" i="8"/>
  <c r="H2152" i="9" s="1"/>
  <c r="O2154" i="8"/>
  <c r="I2152" i="9" s="1"/>
  <c r="J2155" i="8"/>
  <c r="F2153" i="9" s="1"/>
  <c r="L2155" i="8"/>
  <c r="N2155" i="8"/>
  <c r="H2153" i="9" s="1"/>
  <c r="O2155" i="8"/>
  <c r="I2153" i="9" s="1"/>
  <c r="J2156" i="8"/>
  <c r="F2154" i="9" s="1"/>
  <c r="L2156" i="8"/>
  <c r="N2156" i="8"/>
  <c r="H2154" i="9" s="1"/>
  <c r="O2156" i="8"/>
  <c r="I2154" i="9" s="1"/>
  <c r="J2157" i="8"/>
  <c r="F2155" i="9" s="1"/>
  <c r="L2157" i="8"/>
  <c r="N2157" i="8"/>
  <c r="H2155" i="9" s="1"/>
  <c r="O2157" i="8"/>
  <c r="I2155" i="9" s="1"/>
  <c r="J2158" i="8"/>
  <c r="F2156" i="9" s="1"/>
  <c r="L2158" i="8"/>
  <c r="N2158" i="8"/>
  <c r="H2156" i="9" s="1"/>
  <c r="O2158" i="8"/>
  <c r="I2156" i="9" s="1"/>
  <c r="J2159" i="8"/>
  <c r="F2157" i="9" s="1"/>
  <c r="L2159" i="8"/>
  <c r="N2159" i="8"/>
  <c r="H2157" i="9" s="1"/>
  <c r="O2159" i="8"/>
  <c r="I2157" i="9" s="1"/>
  <c r="J2160" i="8"/>
  <c r="F2158" i="9" s="1"/>
  <c r="L2160" i="8"/>
  <c r="N2160" i="8"/>
  <c r="H2158" i="9" s="1"/>
  <c r="O2160" i="8"/>
  <c r="I2158" i="9" s="1"/>
  <c r="J2161" i="8"/>
  <c r="F2159" i="9" s="1"/>
  <c r="L2161" i="8"/>
  <c r="N2161" i="8"/>
  <c r="H2159" i="9" s="1"/>
  <c r="O2161" i="8"/>
  <c r="I2159" i="9" s="1"/>
  <c r="J2162" i="8"/>
  <c r="F2160" i="9" s="1"/>
  <c r="L2162" i="8"/>
  <c r="N2162" i="8"/>
  <c r="H2160" i="9" s="1"/>
  <c r="O2162" i="8"/>
  <c r="I2160" i="9" s="1"/>
  <c r="J2163" i="8"/>
  <c r="F2161" i="9" s="1"/>
  <c r="L2163" i="8"/>
  <c r="N2163" i="8"/>
  <c r="H2161" i="9" s="1"/>
  <c r="O2163" i="8"/>
  <c r="I2161" i="9" s="1"/>
  <c r="J2164" i="8"/>
  <c r="F2162" i="9" s="1"/>
  <c r="L2164" i="8"/>
  <c r="N2164" i="8"/>
  <c r="H2162" i="9" s="1"/>
  <c r="O2164" i="8"/>
  <c r="I2162" i="9" s="1"/>
  <c r="J2165" i="8"/>
  <c r="F2163" i="9" s="1"/>
  <c r="L2165" i="8"/>
  <c r="N2165" i="8"/>
  <c r="H2163" i="9" s="1"/>
  <c r="O2165" i="8"/>
  <c r="I2163" i="9" s="1"/>
  <c r="J2166" i="8"/>
  <c r="F2164" i="9" s="1"/>
  <c r="L2166" i="8"/>
  <c r="N2166" i="8"/>
  <c r="H2164" i="9" s="1"/>
  <c r="O2166" i="8"/>
  <c r="I2164" i="9" s="1"/>
  <c r="J2167" i="8"/>
  <c r="F2165" i="9" s="1"/>
  <c r="L2167" i="8"/>
  <c r="N2167" i="8"/>
  <c r="H2165" i="9" s="1"/>
  <c r="O2167" i="8"/>
  <c r="I2165" i="9" s="1"/>
  <c r="J2168" i="8"/>
  <c r="F2166" i="9" s="1"/>
  <c r="L2168" i="8"/>
  <c r="N2168" i="8"/>
  <c r="H2166" i="9" s="1"/>
  <c r="O2168" i="8"/>
  <c r="I2166" i="9" s="1"/>
  <c r="J2169" i="8"/>
  <c r="F2167" i="9" s="1"/>
  <c r="L2169" i="8"/>
  <c r="N2169" i="8"/>
  <c r="H2167" i="9" s="1"/>
  <c r="O2169" i="8"/>
  <c r="I2167" i="9" s="1"/>
  <c r="J2170" i="8"/>
  <c r="F2168" i="9" s="1"/>
  <c r="L2170" i="8"/>
  <c r="N2170" i="8"/>
  <c r="H2168" i="9" s="1"/>
  <c r="O2170" i="8"/>
  <c r="I2168" i="9" s="1"/>
  <c r="J2171" i="8"/>
  <c r="F2169" i="9" s="1"/>
  <c r="L2171" i="8"/>
  <c r="N2171" i="8"/>
  <c r="H2169" i="9" s="1"/>
  <c r="O2171" i="8"/>
  <c r="I2169" i="9" s="1"/>
  <c r="J2172" i="8"/>
  <c r="F2170" i="9" s="1"/>
  <c r="L2172" i="8"/>
  <c r="N2172" i="8"/>
  <c r="H2170" i="9" s="1"/>
  <c r="O2172" i="8"/>
  <c r="I2170" i="9" s="1"/>
  <c r="J2173" i="8"/>
  <c r="F2171" i="9" s="1"/>
  <c r="L2173" i="8"/>
  <c r="N2173" i="8"/>
  <c r="H2171" i="9" s="1"/>
  <c r="O2173" i="8"/>
  <c r="I2171" i="9" s="1"/>
  <c r="J2174" i="8"/>
  <c r="F2172" i="9" s="1"/>
  <c r="L2174" i="8"/>
  <c r="N2174" i="8"/>
  <c r="H2172" i="9" s="1"/>
  <c r="O2174" i="8"/>
  <c r="I2172" i="9" s="1"/>
  <c r="J2175" i="8"/>
  <c r="F2173" i="9" s="1"/>
  <c r="L2175" i="8"/>
  <c r="N2175" i="8"/>
  <c r="H2173" i="9" s="1"/>
  <c r="O2175" i="8"/>
  <c r="I2173" i="9" s="1"/>
  <c r="J2176" i="8"/>
  <c r="F2174" i="9" s="1"/>
  <c r="L2176" i="8"/>
  <c r="N2176" i="8"/>
  <c r="H2174" i="9" s="1"/>
  <c r="O2176" i="8"/>
  <c r="I2174" i="9" s="1"/>
  <c r="J2177" i="8"/>
  <c r="F2175" i="9" s="1"/>
  <c r="L2177" i="8"/>
  <c r="N2177" i="8"/>
  <c r="H2175" i="9" s="1"/>
  <c r="O2177" i="8"/>
  <c r="I2175" i="9" s="1"/>
  <c r="J2178" i="8"/>
  <c r="F2176" i="9" s="1"/>
  <c r="L2178" i="8"/>
  <c r="N2178" i="8"/>
  <c r="H2176" i="9" s="1"/>
  <c r="O2178" i="8"/>
  <c r="I2176" i="9" s="1"/>
  <c r="J2179" i="8"/>
  <c r="F2177" i="9" s="1"/>
  <c r="L2179" i="8"/>
  <c r="N2179" i="8"/>
  <c r="H2177" i="9" s="1"/>
  <c r="O2179" i="8"/>
  <c r="I2177" i="9" s="1"/>
  <c r="J2180" i="8"/>
  <c r="F2178" i="9" s="1"/>
  <c r="L2180" i="8"/>
  <c r="N2180" i="8"/>
  <c r="H2178" i="9" s="1"/>
  <c r="O2180" i="8"/>
  <c r="I2178" i="9" s="1"/>
  <c r="J2181" i="8"/>
  <c r="F2179" i="9" s="1"/>
  <c r="L2181" i="8"/>
  <c r="N2181" i="8"/>
  <c r="H2179" i="9" s="1"/>
  <c r="O2181" i="8"/>
  <c r="I2179" i="9" s="1"/>
  <c r="J2182" i="8"/>
  <c r="F2180" i="9" s="1"/>
  <c r="L2182" i="8"/>
  <c r="N2182" i="8"/>
  <c r="H2180" i="9" s="1"/>
  <c r="O2182" i="8"/>
  <c r="I2180" i="9" s="1"/>
  <c r="J2183" i="8"/>
  <c r="F2181" i="9" s="1"/>
  <c r="L2183" i="8"/>
  <c r="N2183" i="8"/>
  <c r="H2181" i="9" s="1"/>
  <c r="O2183" i="8"/>
  <c r="I2181" i="9" s="1"/>
  <c r="J2184" i="8"/>
  <c r="F2182" i="9" s="1"/>
  <c r="L2184" i="8"/>
  <c r="N2184" i="8"/>
  <c r="H2182" i="9" s="1"/>
  <c r="O2184" i="8"/>
  <c r="I2182" i="9" s="1"/>
  <c r="J2185" i="8"/>
  <c r="F2183" i="9" s="1"/>
  <c r="L2185" i="8"/>
  <c r="N2185" i="8"/>
  <c r="H2183" i="9" s="1"/>
  <c r="O2185" i="8"/>
  <c r="I2183" i="9" s="1"/>
  <c r="J2186" i="8"/>
  <c r="F2184" i="9" s="1"/>
  <c r="L2186" i="8"/>
  <c r="N2186" i="8"/>
  <c r="H2184" i="9" s="1"/>
  <c r="O2186" i="8"/>
  <c r="I2184" i="9" s="1"/>
  <c r="J2187" i="8"/>
  <c r="F2185" i="9" s="1"/>
  <c r="L2187" i="8"/>
  <c r="N2187" i="8"/>
  <c r="H2185" i="9" s="1"/>
  <c r="O2187" i="8"/>
  <c r="I2185" i="9" s="1"/>
  <c r="J2188" i="8"/>
  <c r="F2186" i="9" s="1"/>
  <c r="L2188" i="8"/>
  <c r="N2188" i="8"/>
  <c r="H2186" i="9" s="1"/>
  <c r="O2188" i="8"/>
  <c r="I2186" i="9" s="1"/>
  <c r="J2189" i="8"/>
  <c r="F2187" i="9" s="1"/>
  <c r="L2189" i="8"/>
  <c r="N2189" i="8"/>
  <c r="H2187" i="9" s="1"/>
  <c r="O2189" i="8"/>
  <c r="I2187" i="9" s="1"/>
  <c r="J2190" i="8"/>
  <c r="F2188" i="9" s="1"/>
  <c r="L2190" i="8"/>
  <c r="N2190" i="8"/>
  <c r="H2188" i="9" s="1"/>
  <c r="O2190" i="8"/>
  <c r="I2188" i="9" s="1"/>
  <c r="J2191" i="8"/>
  <c r="F2189" i="9" s="1"/>
  <c r="L2191" i="8"/>
  <c r="N2191" i="8"/>
  <c r="H2189" i="9" s="1"/>
  <c r="O2191" i="8"/>
  <c r="I2189" i="9" s="1"/>
  <c r="J2192" i="8"/>
  <c r="F2190" i="9" s="1"/>
  <c r="L2192" i="8"/>
  <c r="N2192" i="8"/>
  <c r="H2190" i="9" s="1"/>
  <c r="O2192" i="8"/>
  <c r="I2190" i="9" s="1"/>
  <c r="J2193" i="8"/>
  <c r="F2191" i="9" s="1"/>
  <c r="L2193" i="8"/>
  <c r="N2193" i="8"/>
  <c r="H2191" i="9" s="1"/>
  <c r="O2193" i="8"/>
  <c r="I2191" i="9" s="1"/>
  <c r="J2194" i="8"/>
  <c r="F2192" i="9" s="1"/>
  <c r="L2194" i="8"/>
  <c r="N2194" i="8"/>
  <c r="H2192" i="9" s="1"/>
  <c r="O2194" i="8"/>
  <c r="I2192" i="9" s="1"/>
  <c r="J2195" i="8"/>
  <c r="F2193" i="9" s="1"/>
  <c r="L2195" i="8"/>
  <c r="N2195" i="8"/>
  <c r="H2193" i="9" s="1"/>
  <c r="O2195" i="8"/>
  <c r="I2193" i="9" s="1"/>
  <c r="J2196" i="8"/>
  <c r="F2194" i="9" s="1"/>
  <c r="L2196" i="8"/>
  <c r="N2196" i="8"/>
  <c r="H2194" i="9" s="1"/>
  <c r="O2196" i="8"/>
  <c r="I2194" i="9" s="1"/>
  <c r="J2197" i="8"/>
  <c r="F2195" i="9" s="1"/>
  <c r="L2197" i="8"/>
  <c r="N2197" i="8"/>
  <c r="H2195" i="9" s="1"/>
  <c r="O2197" i="8"/>
  <c r="I2195" i="9" s="1"/>
  <c r="J2198" i="8"/>
  <c r="F2196" i="9" s="1"/>
  <c r="L2198" i="8"/>
  <c r="N2198" i="8"/>
  <c r="H2196" i="9" s="1"/>
  <c r="O2198" i="8"/>
  <c r="I2196" i="9" s="1"/>
  <c r="J2199" i="8"/>
  <c r="F2197" i="9" s="1"/>
  <c r="L2199" i="8"/>
  <c r="N2199" i="8"/>
  <c r="H2197" i="9" s="1"/>
  <c r="O2199" i="8"/>
  <c r="I2197" i="9" s="1"/>
  <c r="J2200" i="8"/>
  <c r="F2198" i="9" s="1"/>
  <c r="L2200" i="8"/>
  <c r="N2200" i="8"/>
  <c r="H2198" i="9" s="1"/>
  <c r="O2200" i="8"/>
  <c r="I2198" i="9" s="1"/>
  <c r="J2201" i="8"/>
  <c r="F2199" i="9" s="1"/>
  <c r="L2201" i="8"/>
  <c r="N2201" i="8"/>
  <c r="H2199" i="9" s="1"/>
  <c r="O2201" i="8"/>
  <c r="I2199" i="9" s="1"/>
  <c r="J2202" i="8"/>
  <c r="F2200" i="9" s="1"/>
  <c r="L2202" i="8"/>
  <c r="N2202" i="8"/>
  <c r="H2200" i="9" s="1"/>
  <c r="O2202" i="8"/>
  <c r="I2200" i="9" s="1"/>
  <c r="J2203" i="8"/>
  <c r="F2201" i="9" s="1"/>
  <c r="L2203" i="8"/>
  <c r="N2203" i="8"/>
  <c r="H2201" i="9" s="1"/>
  <c r="O2203" i="8"/>
  <c r="I2201" i="9" s="1"/>
  <c r="J2204" i="8"/>
  <c r="F2202" i="9" s="1"/>
  <c r="L2204" i="8"/>
  <c r="N2204" i="8"/>
  <c r="H2202" i="9" s="1"/>
  <c r="O2204" i="8"/>
  <c r="I2202" i="9" s="1"/>
  <c r="J2205" i="8"/>
  <c r="F2203" i="9" s="1"/>
  <c r="L2205" i="8"/>
  <c r="N2205" i="8"/>
  <c r="H2203" i="9" s="1"/>
  <c r="O2205" i="8"/>
  <c r="I2203" i="9" s="1"/>
  <c r="J2206" i="8"/>
  <c r="F2204" i="9" s="1"/>
  <c r="L2206" i="8"/>
  <c r="N2206" i="8"/>
  <c r="H2204" i="9" s="1"/>
  <c r="O2206" i="8"/>
  <c r="I2204" i="9" s="1"/>
  <c r="J2207" i="8"/>
  <c r="F2205" i="9" s="1"/>
  <c r="L2207" i="8"/>
  <c r="N2207" i="8"/>
  <c r="H2205" i="9" s="1"/>
  <c r="O2207" i="8"/>
  <c r="I2205" i="9" s="1"/>
  <c r="J2208" i="8"/>
  <c r="F2206" i="9" s="1"/>
  <c r="L2208" i="8"/>
  <c r="N2208" i="8"/>
  <c r="H2206" i="9" s="1"/>
  <c r="O2208" i="8"/>
  <c r="I2206" i="9" s="1"/>
  <c r="J2209" i="8"/>
  <c r="F2207" i="9" s="1"/>
  <c r="L2209" i="8"/>
  <c r="N2209" i="8"/>
  <c r="H2207" i="9" s="1"/>
  <c r="O2209" i="8"/>
  <c r="I2207" i="9" s="1"/>
  <c r="J2210" i="8"/>
  <c r="F2208" i="9" s="1"/>
  <c r="L2210" i="8"/>
  <c r="N2210" i="8"/>
  <c r="H2208" i="9" s="1"/>
  <c r="O2210" i="8"/>
  <c r="I2208" i="9" s="1"/>
  <c r="J2211" i="8"/>
  <c r="F2209" i="9" s="1"/>
  <c r="L2211" i="8"/>
  <c r="N2211" i="8"/>
  <c r="H2209" i="9" s="1"/>
  <c r="O2211" i="8"/>
  <c r="I2209" i="9" s="1"/>
  <c r="J2212" i="8"/>
  <c r="F2210" i="9" s="1"/>
  <c r="L2212" i="8"/>
  <c r="N2212" i="8"/>
  <c r="H2210" i="9" s="1"/>
  <c r="O2212" i="8"/>
  <c r="I2210" i="9" s="1"/>
  <c r="J2213" i="8"/>
  <c r="F2211" i="9" s="1"/>
  <c r="L2213" i="8"/>
  <c r="N2213" i="8"/>
  <c r="H2211" i="9" s="1"/>
  <c r="O2213" i="8"/>
  <c r="I2211" i="9" s="1"/>
  <c r="J2214" i="8"/>
  <c r="F2212" i="9" s="1"/>
  <c r="L2214" i="8"/>
  <c r="N2214" i="8"/>
  <c r="H2212" i="9" s="1"/>
  <c r="O2214" i="8"/>
  <c r="I2212" i="9" s="1"/>
  <c r="J2215" i="8"/>
  <c r="F2213" i="9" s="1"/>
  <c r="L2215" i="8"/>
  <c r="N2215" i="8"/>
  <c r="H2213" i="9" s="1"/>
  <c r="O2215" i="8"/>
  <c r="I2213" i="9" s="1"/>
  <c r="J2216" i="8"/>
  <c r="F2214" i="9" s="1"/>
  <c r="L2216" i="8"/>
  <c r="N2216" i="8"/>
  <c r="H2214" i="9" s="1"/>
  <c r="O2216" i="8"/>
  <c r="I2214" i="9" s="1"/>
  <c r="J2217" i="8"/>
  <c r="F2215" i="9" s="1"/>
  <c r="L2217" i="8"/>
  <c r="N2217" i="8"/>
  <c r="H2215" i="9" s="1"/>
  <c r="O2217" i="8"/>
  <c r="I2215" i="9" s="1"/>
  <c r="J2218" i="8"/>
  <c r="F2216" i="9" s="1"/>
  <c r="L2218" i="8"/>
  <c r="N2218" i="8"/>
  <c r="H2216" i="9" s="1"/>
  <c r="O2218" i="8"/>
  <c r="I2216" i="9" s="1"/>
  <c r="J2219" i="8"/>
  <c r="F2217" i="9" s="1"/>
  <c r="L2219" i="8"/>
  <c r="N2219" i="8"/>
  <c r="H2217" i="9" s="1"/>
  <c r="O2219" i="8"/>
  <c r="I2217" i="9" s="1"/>
  <c r="J2220" i="8"/>
  <c r="F2218" i="9" s="1"/>
  <c r="L2220" i="8"/>
  <c r="N2220" i="8"/>
  <c r="H2218" i="9" s="1"/>
  <c r="O2220" i="8"/>
  <c r="I2218" i="9" s="1"/>
  <c r="J2221" i="8"/>
  <c r="F2219" i="9" s="1"/>
  <c r="L2221" i="8"/>
  <c r="N2221" i="8"/>
  <c r="H2219" i="9" s="1"/>
  <c r="O2221" i="8"/>
  <c r="I2219" i="9" s="1"/>
  <c r="J2222" i="8"/>
  <c r="F2220" i="9" s="1"/>
  <c r="L2222" i="8"/>
  <c r="N2222" i="8"/>
  <c r="H2220" i="9" s="1"/>
  <c r="O2222" i="8"/>
  <c r="I2220" i="9" s="1"/>
  <c r="J2223" i="8"/>
  <c r="F2221" i="9" s="1"/>
  <c r="L2223" i="8"/>
  <c r="N2223" i="8"/>
  <c r="H2221" i="9" s="1"/>
  <c r="O2223" i="8"/>
  <c r="I2221" i="9" s="1"/>
  <c r="J2224" i="8"/>
  <c r="F2222" i="9" s="1"/>
  <c r="L2224" i="8"/>
  <c r="N2224" i="8"/>
  <c r="H2222" i="9" s="1"/>
  <c r="O2224" i="8"/>
  <c r="I2222" i="9" s="1"/>
  <c r="J2225" i="8"/>
  <c r="F2223" i="9" s="1"/>
  <c r="L2225" i="8"/>
  <c r="N2225" i="8"/>
  <c r="H2223" i="9" s="1"/>
  <c r="O2225" i="8"/>
  <c r="I2223" i="9" s="1"/>
  <c r="J2226" i="8"/>
  <c r="F2224" i="9" s="1"/>
  <c r="L2226" i="8"/>
  <c r="N2226" i="8"/>
  <c r="H2224" i="9" s="1"/>
  <c r="O2226" i="8"/>
  <c r="I2224" i="9" s="1"/>
  <c r="J2227" i="8"/>
  <c r="F2225" i="9" s="1"/>
  <c r="L2227" i="8"/>
  <c r="N2227" i="8"/>
  <c r="H2225" i="9" s="1"/>
  <c r="O2227" i="8"/>
  <c r="I2225" i="9" s="1"/>
  <c r="J2228" i="8"/>
  <c r="F2226" i="9" s="1"/>
  <c r="L2228" i="8"/>
  <c r="N2228" i="8"/>
  <c r="H2226" i="9" s="1"/>
  <c r="O2228" i="8"/>
  <c r="I2226" i="9" s="1"/>
  <c r="J2229" i="8"/>
  <c r="F2227" i="9" s="1"/>
  <c r="L2229" i="8"/>
  <c r="N2229" i="8"/>
  <c r="H2227" i="9" s="1"/>
  <c r="O2229" i="8"/>
  <c r="I2227" i="9" s="1"/>
  <c r="J2230" i="8"/>
  <c r="F2228" i="9" s="1"/>
  <c r="L2230" i="8"/>
  <c r="N2230" i="8"/>
  <c r="H2228" i="9" s="1"/>
  <c r="O2230" i="8"/>
  <c r="I2228" i="9" s="1"/>
  <c r="J2231" i="8"/>
  <c r="F2229" i="9" s="1"/>
  <c r="L2231" i="8"/>
  <c r="N2231" i="8"/>
  <c r="H2229" i="9" s="1"/>
  <c r="O2231" i="8"/>
  <c r="I2229" i="9" s="1"/>
  <c r="J2232" i="8"/>
  <c r="F2230" i="9" s="1"/>
  <c r="L2232" i="8"/>
  <c r="N2232" i="8"/>
  <c r="H2230" i="9" s="1"/>
  <c r="O2232" i="8"/>
  <c r="I2230" i="9" s="1"/>
  <c r="J2233" i="8"/>
  <c r="F2231" i="9" s="1"/>
  <c r="L2233" i="8"/>
  <c r="N2233" i="8"/>
  <c r="H2231" i="9" s="1"/>
  <c r="O2233" i="8"/>
  <c r="I2231" i="9" s="1"/>
  <c r="J2234" i="8"/>
  <c r="F2232" i="9" s="1"/>
  <c r="L2234" i="8"/>
  <c r="N2234" i="8"/>
  <c r="H2232" i="9" s="1"/>
  <c r="O2234" i="8"/>
  <c r="I2232" i="9" s="1"/>
  <c r="J2235" i="8"/>
  <c r="F2233" i="9" s="1"/>
  <c r="L2235" i="8"/>
  <c r="N2235" i="8"/>
  <c r="H2233" i="9" s="1"/>
  <c r="O2235" i="8"/>
  <c r="I2233" i="9" s="1"/>
  <c r="J2236" i="8"/>
  <c r="F2234" i="9" s="1"/>
  <c r="L2236" i="8"/>
  <c r="N2236" i="8"/>
  <c r="H2234" i="9" s="1"/>
  <c r="O2236" i="8"/>
  <c r="I2234" i="9" s="1"/>
  <c r="J2237" i="8"/>
  <c r="F2235" i="9" s="1"/>
  <c r="L2237" i="8"/>
  <c r="N2237" i="8"/>
  <c r="H2235" i="9" s="1"/>
  <c r="O2237" i="8"/>
  <c r="I2235" i="9" s="1"/>
  <c r="J2238" i="8"/>
  <c r="F2236" i="9" s="1"/>
  <c r="L2238" i="8"/>
  <c r="N2238" i="8"/>
  <c r="H2236" i="9" s="1"/>
  <c r="O2238" i="8"/>
  <c r="I2236" i="9" s="1"/>
  <c r="J2239" i="8"/>
  <c r="F2237" i="9" s="1"/>
  <c r="L2239" i="8"/>
  <c r="N2239" i="8"/>
  <c r="H2237" i="9" s="1"/>
  <c r="O2239" i="8"/>
  <c r="I2237" i="9" s="1"/>
  <c r="J2240" i="8"/>
  <c r="F2238" i="9" s="1"/>
  <c r="L2240" i="8"/>
  <c r="N2240" i="8"/>
  <c r="H2238" i="9" s="1"/>
  <c r="O2240" i="8"/>
  <c r="I2238" i="9" s="1"/>
  <c r="J2241" i="8"/>
  <c r="F2239" i="9" s="1"/>
  <c r="L2241" i="8"/>
  <c r="N2241" i="8"/>
  <c r="H2239" i="9" s="1"/>
  <c r="O2241" i="8"/>
  <c r="I2239" i="9" s="1"/>
  <c r="J2242" i="8"/>
  <c r="F2240" i="9" s="1"/>
  <c r="L2242" i="8"/>
  <c r="N2242" i="8"/>
  <c r="H2240" i="9" s="1"/>
  <c r="O2242" i="8"/>
  <c r="I2240" i="9" s="1"/>
  <c r="J2243" i="8"/>
  <c r="F2241" i="9" s="1"/>
  <c r="L2243" i="8"/>
  <c r="N2243" i="8"/>
  <c r="H2241" i="9" s="1"/>
  <c r="O2243" i="8"/>
  <c r="I2241" i="9" s="1"/>
  <c r="J2244" i="8"/>
  <c r="F2242" i="9" s="1"/>
  <c r="L2244" i="8"/>
  <c r="N2244" i="8"/>
  <c r="H2242" i="9" s="1"/>
  <c r="O2244" i="8"/>
  <c r="I2242" i="9" s="1"/>
  <c r="J2245" i="8"/>
  <c r="F2243" i="9" s="1"/>
  <c r="L2245" i="8"/>
  <c r="N2245" i="8"/>
  <c r="H2243" i="9" s="1"/>
  <c r="O2245" i="8"/>
  <c r="I2243" i="9" s="1"/>
  <c r="J2246" i="8"/>
  <c r="F2244" i="9" s="1"/>
  <c r="L2246" i="8"/>
  <c r="N2246" i="8"/>
  <c r="H2244" i="9" s="1"/>
  <c r="O2246" i="8"/>
  <c r="I2244" i="9" s="1"/>
  <c r="J2247" i="8"/>
  <c r="F2245" i="9" s="1"/>
  <c r="L2247" i="8"/>
  <c r="N2247" i="8"/>
  <c r="H2245" i="9" s="1"/>
  <c r="O2247" i="8"/>
  <c r="I2245" i="9" s="1"/>
  <c r="J2248" i="8"/>
  <c r="F2246" i="9" s="1"/>
  <c r="L2248" i="8"/>
  <c r="N2248" i="8"/>
  <c r="H2246" i="9" s="1"/>
  <c r="O2248" i="8"/>
  <c r="I2246" i="9" s="1"/>
  <c r="J2249" i="8"/>
  <c r="F2247" i="9" s="1"/>
  <c r="L2249" i="8"/>
  <c r="N2249" i="8"/>
  <c r="H2247" i="9" s="1"/>
  <c r="O2249" i="8"/>
  <c r="I2247" i="9" s="1"/>
  <c r="J2250" i="8"/>
  <c r="F2248" i="9" s="1"/>
  <c r="L2250" i="8"/>
  <c r="N2250" i="8"/>
  <c r="H2248" i="9" s="1"/>
  <c r="O2250" i="8"/>
  <c r="I2248" i="9" s="1"/>
  <c r="J2251" i="8"/>
  <c r="F2249" i="9" s="1"/>
  <c r="L2251" i="8"/>
  <c r="N2251" i="8"/>
  <c r="H2249" i="9" s="1"/>
  <c r="O2251" i="8"/>
  <c r="I2249" i="9" s="1"/>
  <c r="J2252" i="8"/>
  <c r="F2250" i="9" s="1"/>
  <c r="L2252" i="8"/>
  <c r="N2252" i="8"/>
  <c r="H2250" i="9" s="1"/>
  <c r="O2252" i="8"/>
  <c r="I2250" i="9" s="1"/>
  <c r="J2253" i="8"/>
  <c r="F2251" i="9" s="1"/>
  <c r="L2253" i="8"/>
  <c r="N2253" i="8"/>
  <c r="H2251" i="9" s="1"/>
  <c r="O2253" i="8"/>
  <c r="I2251" i="9" s="1"/>
  <c r="J2254" i="8"/>
  <c r="F2252" i="9" s="1"/>
  <c r="L2254" i="8"/>
  <c r="N2254" i="8"/>
  <c r="H2252" i="9" s="1"/>
  <c r="O2254" i="8"/>
  <c r="I2252" i="9" s="1"/>
  <c r="J2255" i="8"/>
  <c r="F2253" i="9" s="1"/>
  <c r="L2255" i="8"/>
  <c r="N2255" i="8"/>
  <c r="H2253" i="9" s="1"/>
  <c r="O2255" i="8"/>
  <c r="I2253" i="9" s="1"/>
  <c r="J2256" i="8"/>
  <c r="F2254" i="9" s="1"/>
  <c r="L2256" i="8"/>
  <c r="N2256" i="8"/>
  <c r="H2254" i="9" s="1"/>
  <c r="O2256" i="8"/>
  <c r="I2254" i="9" s="1"/>
  <c r="J2257" i="8"/>
  <c r="F2255" i="9" s="1"/>
  <c r="L2257" i="8"/>
  <c r="N2257" i="8"/>
  <c r="H2255" i="9" s="1"/>
  <c r="O2257" i="8"/>
  <c r="I2255" i="9" s="1"/>
  <c r="J2258" i="8"/>
  <c r="F2256" i="9" s="1"/>
  <c r="L2258" i="8"/>
  <c r="N2258" i="8"/>
  <c r="H2256" i="9" s="1"/>
  <c r="O2258" i="8"/>
  <c r="I2256" i="9" s="1"/>
  <c r="J2259" i="8"/>
  <c r="F2257" i="9" s="1"/>
  <c r="L2259" i="8"/>
  <c r="N2259" i="8"/>
  <c r="H2257" i="9" s="1"/>
  <c r="O2259" i="8"/>
  <c r="I2257" i="9" s="1"/>
  <c r="J2260" i="8"/>
  <c r="F2258" i="9" s="1"/>
  <c r="L2260" i="8"/>
  <c r="N2260" i="8"/>
  <c r="H2258" i="9" s="1"/>
  <c r="O2260" i="8"/>
  <c r="I2258" i="9" s="1"/>
  <c r="J2261" i="8"/>
  <c r="F2259" i="9" s="1"/>
  <c r="L2261" i="8"/>
  <c r="N2261" i="8"/>
  <c r="H2259" i="9" s="1"/>
  <c r="O2261" i="8"/>
  <c r="I2259" i="9" s="1"/>
  <c r="J2262" i="8"/>
  <c r="F2260" i="9" s="1"/>
  <c r="L2262" i="8"/>
  <c r="N2262" i="8"/>
  <c r="H2260" i="9" s="1"/>
  <c r="O2262" i="8"/>
  <c r="I2260" i="9" s="1"/>
  <c r="J2263" i="8"/>
  <c r="F2261" i="9" s="1"/>
  <c r="L2263" i="8"/>
  <c r="N2263" i="8"/>
  <c r="H2261" i="9" s="1"/>
  <c r="O2263" i="8"/>
  <c r="I2261" i="9" s="1"/>
  <c r="J2264" i="8"/>
  <c r="F2262" i="9" s="1"/>
  <c r="L2264" i="8"/>
  <c r="N2264" i="8"/>
  <c r="H2262" i="9" s="1"/>
  <c r="O2264" i="8"/>
  <c r="I2262" i="9" s="1"/>
  <c r="J2265" i="8"/>
  <c r="F2263" i="9" s="1"/>
  <c r="L2265" i="8"/>
  <c r="N2265" i="8"/>
  <c r="H2263" i="9" s="1"/>
  <c r="O2265" i="8"/>
  <c r="I2263" i="9" s="1"/>
  <c r="J2266" i="8"/>
  <c r="F2264" i="9" s="1"/>
  <c r="L2266" i="8"/>
  <c r="N2266" i="8"/>
  <c r="H2264" i="9" s="1"/>
  <c r="O2266" i="8"/>
  <c r="I2264" i="9" s="1"/>
  <c r="J2267" i="8"/>
  <c r="F2265" i="9" s="1"/>
  <c r="L2267" i="8"/>
  <c r="N2267" i="8"/>
  <c r="H2265" i="9" s="1"/>
  <c r="O2267" i="8"/>
  <c r="I2265" i="9" s="1"/>
  <c r="J2268" i="8"/>
  <c r="F2266" i="9" s="1"/>
  <c r="L2268" i="8"/>
  <c r="N2268" i="8"/>
  <c r="H2266" i="9" s="1"/>
  <c r="O2268" i="8"/>
  <c r="I2266" i="9" s="1"/>
  <c r="J2269" i="8"/>
  <c r="F2267" i="9" s="1"/>
  <c r="L2269" i="8"/>
  <c r="N2269" i="8"/>
  <c r="H2267" i="9" s="1"/>
  <c r="O2269" i="8"/>
  <c r="I2267" i="9" s="1"/>
  <c r="J2270" i="8"/>
  <c r="F2268" i="9" s="1"/>
  <c r="L2270" i="8"/>
  <c r="N2270" i="8"/>
  <c r="H2268" i="9" s="1"/>
  <c r="O2270" i="8"/>
  <c r="I2268" i="9" s="1"/>
  <c r="J2271" i="8"/>
  <c r="F2269" i="9" s="1"/>
  <c r="L2271" i="8"/>
  <c r="N2271" i="8"/>
  <c r="H2269" i="9" s="1"/>
  <c r="O2271" i="8"/>
  <c r="I2269" i="9" s="1"/>
  <c r="J2272" i="8"/>
  <c r="F2270" i="9" s="1"/>
  <c r="L2272" i="8"/>
  <c r="N2272" i="8"/>
  <c r="H2270" i="9" s="1"/>
  <c r="O2272" i="8"/>
  <c r="I2270" i="9" s="1"/>
  <c r="J2273" i="8"/>
  <c r="F2271" i="9" s="1"/>
  <c r="L2273" i="8"/>
  <c r="N2273" i="8"/>
  <c r="H2271" i="9" s="1"/>
  <c r="O2273" i="8"/>
  <c r="I2271" i="9" s="1"/>
  <c r="J2274" i="8"/>
  <c r="F2272" i="9" s="1"/>
  <c r="L2274" i="8"/>
  <c r="N2274" i="8"/>
  <c r="H2272" i="9" s="1"/>
  <c r="O2274" i="8"/>
  <c r="I2272" i="9" s="1"/>
  <c r="J2275" i="8"/>
  <c r="F2273" i="9" s="1"/>
  <c r="L2275" i="8"/>
  <c r="N2275" i="8"/>
  <c r="H2273" i="9" s="1"/>
  <c r="O2275" i="8"/>
  <c r="I2273" i="9" s="1"/>
  <c r="J2276" i="8"/>
  <c r="F2274" i="9" s="1"/>
  <c r="L2276" i="8"/>
  <c r="N2276" i="8"/>
  <c r="H2274" i="9" s="1"/>
  <c r="O2276" i="8"/>
  <c r="I2274" i="9" s="1"/>
  <c r="J2277" i="8"/>
  <c r="F2275" i="9" s="1"/>
  <c r="L2277" i="8"/>
  <c r="N2277" i="8"/>
  <c r="H2275" i="9" s="1"/>
  <c r="O2277" i="8"/>
  <c r="I2275" i="9" s="1"/>
  <c r="J2278" i="8"/>
  <c r="F2276" i="9" s="1"/>
  <c r="L2278" i="8"/>
  <c r="N2278" i="8"/>
  <c r="H2276" i="9" s="1"/>
  <c r="O2278" i="8"/>
  <c r="I2276" i="9" s="1"/>
  <c r="J2279" i="8"/>
  <c r="F2277" i="9" s="1"/>
  <c r="L2279" i="8"/>
  <c r="N2279" i="8"/>
  <c r="H2277" i="9" s="1"/>
  <c r="O2279" i="8"/>
  <c r="I2277" i="9" s="1"/>
  <c r="J2280" i="8"/>
  <c r="F2278" i="9" s="1"/>
  <c r="L2280" i="8"/>
  <c r="N2280" i="8"/>
  <c r="H2278" i="9" s="1"/>
  <c r="O2280" i="8"/>
  <c r="I2278" i="9" s="1"/>
  <c r="J2281" i="8"/>
  <c r="F2279" i="9" s="1"/>
  <c r="L2281" i="8"/>
  <c r="N2281" i="8"/>
  <c r="H2279" i="9" s="1"/>
  <c r="O2281" i="8"/>
  <c r="I2279" i="9" s="1"/>
  <c r="J2282" i="8"/>
  <c r="F2280" i="9" s="1"/>
  <c r="L2282" i="8"/>
  <c r="N2282" i="8"/>
  <c r="H2280" i="9" s="1"/>
  <c r="O2282" i="8"/>
  <c r="I2280" i="9" s="1"/>
  <c r="J2283" i="8"/>
  <c r="F2281" i="9" s="1"/>
  <c r="L2283" i="8"/>
  <c r="N2283" i="8"/>
  <c r="H2281" i="9" s="1"/>
  <c r="O2283" i="8"/>
  <c r="I2281" i="9" s="1"/>
  <c r="J2284" i="8"/>
  <c r="F2282" i="9" s="1"/>
  <c r="L2284" i="8"/>
  <c r="N2284" i="8"/>
  <c r="H2282" i="9" s="1"/>
  <c r="O2284" i="8"/>
  <c r="I2282" i="9" s="1"/>
  <c r="J2285" i="8"/>
  <c r="F2283" i="9" s="1"/>
  <c r="L2285" i="8"/>
  <c r="N2285" i="8"/>
  <c r="H2283" i="9" s="1"/>
  <c r="O2285" i="8"/>
  <c r="I2283" i="9" s="1"/>
  <c r="J2286" i="8"/>
  <c r="F2284" i="9" s="1"/>
  <c r="L2286" i="8"/>
  <c r="N2286" i="8"/>
  <c r="H2284" i="9" s="1"/>
  <c r="O2286" i="8"/>
  <c r="I2284" i="9" s="1"/>
  <c r="J2287" i="8"/>
  <c r="F2285" i="9" s="1"/>
  <c r="L2287" i="8"/>
  <c r="N2287" i="8"/>
  <c r="H2285" i="9" s="1"/>
  <c r="O2287" i="8"/>
  <c r="I2285" i="9" s="1"/>
  <c r="J2288" i="8"/>
  <c r="F2286" i="9" s="1"/>
  <c r="L2288" i="8"/>
  <c r="N2288" i="8"/>
  <c r="H2286" i="9" s="1"/>
  <c r="O2288" i="8"/>
  <c r="I2286" i="9" s="1"/>
  <c r="J2289" i="8"/>
  <c r="F2287" i="9" s="1"/>
  <c r="L2289" i="8"/>
  <c r="N2289" i="8"/>
  <c r="H2287" i="9" s="1"/>
  <c r="O2289" i="8"/>
  <c r="I2287" i="9" s="1"/>
  <c r="J2290" i="8"/>
  <c r="F2288" i="9" s="1"/>
  <c r="L2290" i="8"/>
  <c r="N2290" i="8"/>
  <c r="H2288" i="9" s="1"/>
  <c r="O2290" i="8"/>
  <c r="I2288" i="9" s="1"/>
  <c r="J2291" i="8"/>
  <c r="F2289" i="9" s="1"/>
  <c r="L2291" i="8"/>
  <c r="N2291" i="8"/>
  <c r="H2289" i="9" s="1"/>
  <c r="O2291" i="8"/>
  <c r="I2289" i="9" s="1"/>
  <c r="J2292" i="8"/>
  <c r="F2290" i="9" s="1"/>
  <c r="L2292" i="8"/>
  <c r="N2292" i="8"/>
  <c r="H2290" i="9" s="1"/>
  <c r="O2292" i="8"/>
  <c r="I2290" i="9" s="1"/>
  <c r="J2293" i="8"/>
  <c r="F2291" i="9" s="1"/>
  <c r="L2293" i="8"/>
  <c r="N2293" i="8"/>
  <c r="H2291" i="9" s="1"/>
  <c r="O2293" i="8"/>
  <c r="I2291" i="9" s="1"/>
  <c r="J2294" i="8"/>
  <c r="F2292" i="9" s="1"/>
  <c r="L2294" i="8"/>
  <c r="N2294" i="8"/>
  <c r="H2292" i="9" s="1"/>
  <c r="O2294" i="8"/>
  <c r="I2292" i="9" s="1"/>
  <c r="J2295" i="8"/>
  <c r="F2293" i="9" s="1"/>
  <c r="L2295" i="8"/>
  <c r="N2295" i="8"/>
  <c r="H2293" i="9" s="1"/>
  <c r="O2295" i="8"/>
  <c r="I2293" i="9" s="1"/>
  <c r="J2296" i="8"/>
  <c r="F2294" i="9" s="1"/>
  <c r="L2296" i="8"/>
  <c r="N2296" i="8"/>
  <c r="H2294" i="9" s="1"/>
  <c r="O2296" i="8"/>
  <c r="I2294" i="9" s="1"/>
  <c r="J2297" i="8"/>
  <c r="F2295" i="9" s="1"/>
  <c r="L2297" i="8"/>
  <c r="N2297" i="8"/>
  <c r="H2295" i="9" s="1"/>
  <c r="O2297" i="8"/>
  <c r="I2295" i="9" s="1"/>
  <c r="J2298" i="8"/>
  <c r="F2296" i="9" s="1"/>
  <c r="L2298" i="8"/>
  <c r="N2298" i="8"/>
  <c r="H2296" i="9" s="1"/>
  <c r="O2298" i="8"/>
  <c r="I2296" i="9" s="1"/>
  <c r="J2299" i="8"/>
  <c r="F2297" i="9" s="1"/>
  <c r="L2299" i="8"/>
  <c r="N2299" i="8"/>
  <c r="H2297" i="9" s="1"/>
  <c r="O2299" i="8"/>
  <c r="I2297" i="9" s="1"/>
  <c r="J2300" i="8"/>
  <c r="F2298" i="9" s="1"/>
  <c r="L2300" i="8"/>
  <c r="N2300" i="8"/>
  <c r="H2298" i="9" s="1"/>
  <c r="O2300" i="8"/>
  <c r="I2298" i="9" s="1"/>
  <c r="J2301" i="8"/>
  <c r="F2299" i="9" s="1"/>
  <c r="L2301" i="8"/>
  <c r="N2301" i="8"/>
  <c r="H2299" i="9" s="1"/>
  <c r="O2301" i="8"/>
  <c r="I2299" i="9" s="1"/>
  <c r="J2302" i="8"/>
  <c r="F2300" i="9" s="1"/>
  <c r="L2302" i="8"/>
  <c r="N2302" i="8"/>
  <c r="H2300" i="9" s="1"/>
  <c r="O2302" i="8"/>
  <c r="I2300" i="9" s="1"/>
  <c r="J2303" i="8"/>
  <c r="F2301" i="9" s="1"/>
  <c r="L2303" i="8"/>
  <c r="N2303" i="8"/>
  <c r="H2301" i="9" s="1"/>
  <c r="O2303" i="8"/>
  <c r="I2301" i="9" s="1"/>
  <c r="J2304" i="8"/>
  <c r="F2302" i="9" s="1"/>
  <c r="L2304" i="8"/>
  <c r="N2304" i="8"/>
  <c r="H2302" i="9" s="1"/>
  <c r="O2304" i="8"/>
  <c r="I2302" i="9" s="1"/>
  <c r="J2305" i="8"/>
  <c r="F2303" i="9" s="1"/>
  <c r="L2305" i="8"/>
  <c r="N2305" i="8"/>
  <c r="H2303" i="9" s="1"/>
  <c r="O2305" i="8"/>
  <c r="I2303" i="9" s="1"/>
  <c r="J2306" i="8"/>
  <c r="F2304" i="9" s="1"/>
  <c r="L2306" i="8"/>
  <c r="N2306" i="8"/>
  <c r="H2304" i="9" s="1"/>
  <c r="O2306" i="8"/>
  <c r="I2304" i="9" s="1"/>
  <c r="J2307" i="8"/>
  <c r="F2305" i="9" s="1"/>
  <c r="L2307" i="8"/>
  <c r="N2307" i="8"/>
  <c r="H2305" i="9" s="1"/>
  <c r="O2307" i="8"/>
  <c r="I2305" i="9" s="1"/>
  <c r="J2308" i="8"/>
  <c r="F2306" i="9" s="1"/>
  <c r="L2308" i="8"/>
  <c r="N2308" i="8"/>
  <c r="H2306" i="9" s="1"/>
  <c r="O2308" i="8"/>
  <c r="I2306" i="9" s="1"/>
  <c r="J2309" i="8"/>
  <c r="F2307" i="9" s="1"/>
  <c r="L2309" i="8"/>
  <c r="N2309" i="8"/>
  <c r="H2307" i="9" s="1"/>
  <c r="O2309" i="8"/>
  <c r="I2307" i="9" s="1"/>
  <c r="J2310" i="8"/>
  <c r="F2308" i="9" s="1"/>
  <c r="L2310" i="8"/>
  <c r="N2310" i="8"/>
  <c r="H2308" i="9" s="1"/>
  <c r="O2310" i="8"/>
  <c r="I2308" i="9" s="1"/>
  <c r="J2311" i="8"/>
  <c r="F2309" i="9" s="1"/>
  <c r="L2311" i="8"/>
  <c r="N2311" i="8"/>
  <c r="H2309" i="9" s="1"/>
  <c r="O2311" i="8"/>
  <c r="I2309" i="9" s="1"/>
  <c r="J2312" i="8"/>
  <c r="F2310" i="9" s="1"/>
  <c r="L2312" i="8"/>
  <c r="N2312" i="8"/>
  <c r="H2310" i="9" s="1"/>
  <c r="O2312" i="8"/>
  <c r="I2310" i="9" s="1"/>
  <c r="J2313" i="8"/>
  <c r="F2311" i="9" s="1"/>
  <c r="L2313" i="8"/>
  <c r="N2313" i="8"/>
  <c r="H2311" i="9" s="1"/>
  <c r="O2313" i="8"/>
  <c r="I2311" i="9" s="1"/>
  <c r="J2314" i="8"/>
  <c r="F2312" i="9" s="1"/>
  <c r="L2314" i="8"/>
  <c r="N2314" i="8"/>
  <c r="H2312" i="9" s="1"/>
  <c r="O2314" i="8"/>
  <c r="I2312" i="9" s="1"/>
  <c r="J2315" i="8"/>
  <c r="F2313" i="9" s="1"/>
  <c r="L2315" i="8"/>
  <c r="N2315" i="8"/>
  <c r="H2313" i="9" s="1"/>
  <c r="O2315" i="8"/>
  <c r="I2313" i="9" s="1"/>
  <c r="J2316" i="8"/>
  <c r="F2314" i="9" s="1"/>
  <c r="L2316" i="8"/>
  <c r="N2316" i="8"/>
  <c r="H2314" i="9" s="1"/>
  <c r="O2316" i="8"/>
  <c r="I2314" i="9" s="1"/>
  <c r="J2317" i="8"/>
  <c r="F2315" i="9" s="1"/>
  <c r="L2317" i="8"/>
  <c r="N2317" i="8"/>
  <c r="H2315" i="9" s="1"/>
  <c r="O2317" i="8"/>
  <c r="I2315" i="9" s="1"/>
  <c r="J2318" i="8"/>
  <c r="F2316" i="9" s="1"/>
  <c r="L2318" i="8"/>
  <c r="N2318" i="8"/>
  <c r="H2316" i="9" s="1"/>
  <c r="O2318" i="8"/>
  <c r="I2316" i="9" s="1"/>
  <c r="J2319" i="8"/>
  <c r="F2317" i="9" s="1"/>
  <c r="L2319" i="8"/>
  <c r="N2319" i="8"/>
  <c r="H2317" i="9" s="1"/>
  <c r="O2319" i="8"/>
  <c r="I2317" i="9" s="1"/>
  <c r="J2320" i="8"/>
  <c r="F2318" i="9" s="1"/>
  <c r="L2320" i="8"/>
  <c r="N2320" i="8"/>
  <c r="H2318" i="9" s="1"/>
  <c r="O2320" i="8"/>
  <c r="I2318" i="9" s="1"/>
  <c r="J2321" i="8"/>
  <c r="F2319" i="9" s="1"/>
  <c r="L2321" i="8"/>
  <c r="N2321" i="8"/>
  <c r="H2319" i="9" s="1"/>
  <c r="O2321" i="8"/>
  <c r="I2319" i="9" s="1"/>
  <c r="J2322" i="8"/>
  <c r="F2320" i="9" s="1"/>
  <c r="L2322" i="8"/>
  <c r="N2322" i="8"/>
  <c r="H2320" i="9" s="1"/>
  <c r="O2322" i="8"/>
  <c r="I2320" i="9" s="1"/>
  <c r="J2323" i="8"/>
  <c r="F2321" i="9" s="1"/>
  <c r="L2323" i="8"/>
  <c r="N2323" i="8"/>
  <c r="H2321" i="9" s="1"/>
  <c r="O2323" i="8"/>
  <c r="I2321" i="9" s="1"/>
  <c r="J2324" i="8"/>
  <c r="F2322" i="9" s="1"/>
  <c r="L2324" i="8"/>
  <c r="N2324" i="8"/>
  <c r="H2322" i="9" s="1"/>
  <c r="O2324" i="8"/>
  <c r="I2322" i="9" s="1"/>
  <c r="J2325" i="8"/>
  <c r="F2323" i="9" s="1"/>
  <c r="L2325" i="8"/>
  <c r="N2325" i="8"/>
  <c r="H2323" i="9" s="1"/>
  <c r="O2325" i="8"/>
  <c r="I2323" i="9" s="1"/>
  <c r="J2326" i="8"/>
  <c r="F2324" i="9" s="1"/>
  <c r="L2326" i="8"/>
  <c r="N2326" i="8"/>
  <c r="H2324" i="9" s="1"/>
  <c r="O2326" i="8"/>
  <c r="I2324" i="9" s="1"/>
  <c r="J2327" i="8"/>
  <c r="F2325" i="9" s="1"/>
  <c r="L2327" i="8"/>
  <c r="N2327" i="8"/>
  <c r="H2325" i="9" s="1"/>
  <c r="O2327" i="8"/>
  <c r="I2325" i="9" s="1"/>
  <c r="J2328" i="8"/>
  <c r="F2326" i="9" s="1"/>
  <c r="L2328" i="8"/>
  <c r="N2328" i="8"/>
  <c r="H2326" i="9" s="1"/>
  <c r="O2328" i="8"/>
  <c r="I2326" i="9" s="1"/>
  <c r="J2329" i="8"/>
  <c r="F2327" i="9" s="1"/>
  <c r="L2329" i="8"/>
  <c r="N2329" i="8"/>
  <c r="H2327" i="9" s="1"/>
  <c r="O2329" i="8"/>
  <c r="I2327" i="9" s="1"/>
  <c r="J2330" i="8"/>
  <c r="F2328" i="9" s="1"/>
  <c r="L2330" i="8"/>
  <c r="N2330" i="8"/>
  <c r="H2328" i="9" s="1"/>
  <c r="O2330" i="8"/>
  <c r="I2328" i="9" s="1"/>
  <c r="J2331" i="8"/>
  <c r="F2329" i="9" s="1"/>
  <c r="L2331" i="8"/>
  <c r="N2331" i="8"/>
  <c r="H2329" i="9" s="1"/>
  <c r="O2331" i="8"/>
  <c r="I2329" i="9" s="1"/>
  <c r="J2332" i="8"/>
  <c r="F2330" i="9" s="1"/>
  <c r="L2332" i="8"/>
  <c r="N2332" i="8"/>
  <c r="H2330" i="9" s="1"/>
  <c r="O2332" i="8"/>
  <c r="I2330" i="9" s="1"/>
  <c r="J2333" i="8"/>
  <c r="F2331" i="9" s="1"/>
  <c r="L2333" i="8"/>
  <c r="N2333" i="8"/>
  <c r="H2331" i="9" s="1"/>
  <c r="O2333" i="8"/>
  <c r="I2331" i="9" s="1"/>
  <c r="J2334" i="8"/>
  <c r="F2332" i="9" s="1"/>
  <c r="L2334" i="8"/>
  <c r="N2334" i="8"/>
  <c r="H2332" i="9" s="1"/>
  <c r="O2334" i="8"/>
  <c r="I2332" i="9" s="1"/>
  <c r="J2335" i="8"/>
  <c r="F2333" i="9" s="1"/>
  <c r="L2335" i="8"/>
  <c r="N2335" i="8"/>
  <c r="H2333" i="9" s="1"/>
  <c r="O2335" i="8"/>
  <c r="I2333" i="9" s="1"/>
  <c r="J2336" i="8"/>
  <c r="F2334" i="9" s="1"/>
  <c r="L2336" i="8"/>
  <c r="N2336" i="8"/>
  <c r="H2334" i="9" s="1"/>
  <c r="O2336" i="8"/>
  <c r="I2334" i="9" s="1"/>
  <c r="J2337" i="8"/>
  <c r="F2335" i="9" s="1"/>
  <c r="L2337" i="8"/>
  <c r="N2337" i="8"/>
  <c r="H2335" i="9" s="1"/>
  <c r="O2337" i="8"/>
  <c r="I2335" i="9" s="1"/>
  <c r="J2338" i="8"/>
  <c r="F2336" i="9" s="1"/>
  <c r="L2338" i="8"/>
  <c r="N2338" i="8"/>
  <c r="H2336" i="9" s="1"/>
  <c r="O2338" i="8"/>
  <c r="I2336" i="9" s="1"/>
  <c r="J2339" i="8"/>
  <c r="F2337" i="9" s="1"/>
  <c r="L2339" i="8"/>
  <c r="N2339" i="8"/>
  <c r="H2337" i="9" s="1"/>
  <c r="O2339" i="8"/>
  <c r="I2337" i="9" s="1"/>
  <c r="J2340" i="8"/>
  <c r="F2338" i="9" s="1"/>
  <c r="L2340" i="8"/>
  <c r="N2340" i="8"/>
  <c r="H2338" i="9" s="1"/>
  <c r="O2340" i="8"/>
  <c r="I2338" i="9" s="1"/>
  <c r="J2341" i="8"/>
  <c r="F2339" i="9" s="1"/>
  <c r="L2341" i="8"/>
  <c r="N2341" i="8"/>
  <c r="H2339" i="9" s="1"/>
  <c r="O2341" i="8"/>
  <c r="I2339" i="9" s="1"/>
  <c r="J2342" i="8"/>
  <c r="F2340" i="9" s="1"/>
  <c r="L2342" i="8"/>
  <c r="N2342" i="8"/>
  <c r="H2340" i="9" s="1"/>
  <c r="O2342" i="8"/>
  <c r="I2340" i="9" s="1"/>
  <c r="J2343" i="8"/>
  <c r="F2341" i="9" s="1"/>
  <c r="L2343" i="8"/>
  <c r="N2343" i="8"/>
  <c r="H2341" i="9" s="1"/>
  <c r="O2343" i="8"/>
  <c r="I2341" i="9" s="1"/>
  <c r="J2344" i="8"/>
  <c r="F2342" i="9" s="1"/>
  <c r="L2344" i="8"/>
  <c r="N2344" i="8"/>
  <c r="H2342" i="9" s="1"/>
  <c r="O2344" i="8"/>
  <c r="I2342" i="9" s="1"/>
  <c r="J2345" i="8"/>
  <c r="F2343" i="9" s="1"/>
  <c r="L2345" i="8"/>
  <c r="N2345" i="8"/>
  <c r="H2343" i="9" s="1"/>
  <c r="O2345" i="8"/>
  <c r="I2343" i="9" s="1"/>
  <c r="J2346" i="8"/>
  <c r="F2344" i="9" s="1"/>
  <c r="L2346" i="8"/>
  <c r="N2346" i="8"/>
  <c r="H2344" i="9" s="1"/>
  <c r="O2346" i="8"/>
  <c r="I2344" i="9" s="1"/>
  <c r="J2347" i="8"/>
  <c r="F2345" i="9" s="1"/>
  <c r="L2347" i="8"/>
  <c r="N2347" i="8"/>
  <c r="H2345" i="9" s="1"/>
  <c r="O2347" i="8"/>
  <c r="I2345" i="9" s="1"/>
  <c r="J2348" i="8"/>
  <c r="F2346" i="9" s="1"/>
  <c r="L2348" i="8"/>
  <c r="N2348" i="8"/>
  <c r="H2346" i="9" s="1"/>
  <c r="O2348" i="8"/>
  <c r="I2346" i="9" s="1"/>
  <c r="J2349" i="8"/>
  <c r="F2347" i="9" s="1"/>
  <c r="L2349" i="8"/>
  <c r="N2349" i="8"/>
  <c r="H2347" i="9" s="1"/>
  <c r="O2349" i="8"/>
  <c r="I2347" i="9" s="1"/>
  <c r="J2350" i="8"/>
  <c r="F2348" i="9" s="1"/>
  <c r="L2350" i="8"/>
  <c r="N2350" i="8"/>
  <c r="H2348" i="9" s="1"/>
  <c r="O2350" i="8"/>
  <c r="I2348" i="9" s="1"/>
  <c r="J2351" i="8"/>
  <c r="F2349" i="9" s="1"/>
  <c r="L2351" i="8"/>
  <c r="N2351" i="8"/>
  <c r="H2349" i="9" s="1"/>
  <c r="O2351" i="8"/>
  <c r="I2349" i="9" s="1"/>
  <c r="J2352" i="8"/>
  <c r="F2350" i="9" s="1"/>
  <c r="L2352" i="8"/>
  <c r="N2352" i="8"/>
  <c r="H2350" i="9" s="1"/>
  <c r="O2352" i="8"/>
  <c r="I2350" i="9" s="1"/>
  <c r="J2353" i="8"/>
  <c r="F2351" i="9" s="1"/>
  <c r="L2353" i="8"/>
  <c r="N2353" i="8"/>
  <c r="H2351" i="9" s="1"/>
  <c r="O2353" i="8"/>
  <c r="I2351" i="9" s="1"/>
  <c r="J2354" i="8"/>
  <c r="F2352" i="9" s="1"/>
  <c r="L2354" i="8"/>
  <c r="N2354" i="8"/>
  <c r="H2352" i="9" s="1"/>
  <c r="O2354" i="8"/>
  <c r="I2352" i="9" s="1"/>
  <c r="J2355" i="8"/>
  <c r="F2353" i="9" s="1"/>
  <c r="L2355" i="8"/>
  <c r="N2355" i="8"/>
  <c r="H2353" i="9" s="1"/>
  <c r="O2355" i="8"/>
  <c r="I2353" i="9" s="1"/>
  <c r="J2356" i="8"/>
  <c r="F2354" i="9" s="1"/>
  <c r="L2356" i="8"/>
  <c r="N2356" i="8"/>
  <c r="H2354" i="9" s="1"/>
  <c r="O2356" i="8"/>
  <c r="I2354" i="9" s="1"/>
  <c r="J2357" i="8"/>
  <c r="F2355" i="9" s="1"/>
  <c r="L2357" i="8"/>
  <c r="N2357" i="8"/>
  <c r="H2355" i="9" s="1"/>
  <c r="O2357" i="8"/>
  <c r="I2355" i="9" s="1"/>
  <c r="J2358" i="8"/>
  <c r="F2356" i="9" s="1"/>
  <c r="L2358" i="8"/>
  <c r="N2358" i="8"/>
  <c r="H2356" i="9" s="1"/>
  <c r="O2358" i="8"/>
  <c r="I2356" i="9" s="1"/>
  <c r="J2359" i="8"/>
  <c r="F2357" i="9" s="1"/>
  <c r="L2359" i="8"/>
  <c r="N2359" i="8"/>
  <c r="H2357" i="9" s="1"/>
  <c r="O2359" i="8"/>
  <c r="I2357" i="9" s="1"/>
  <c r="J2360" i="8"/>
  <c r="F2358" i="9" s="1"/>
  <c r="L2360" i="8"/>
  <c r="N2360" i="8"/>
  <c r="H2358" i="9" s="1"/>
  <c r="O2360" i="8"/>
  <c r="I2358" i="9" s="1"/>
  <c r="J2361" i="8"/>
  <c r="F2359" i="9" s="1"/>
  <c r="L2361" i="8"/>
  <c r="N2361" i="8"/>
  <c r="H2359" i="9" s="1"/>
  <c r="O2361" i="8"/>
  <c r="I2359" i="9" s="1"/>
  <c r="J2362" i="8"/>
  <c r="F2360" i="9" s="1"/>
  <c r="L2362" i="8"/>
  <c r="N2362" i="8"/>
  <c r="H2360" i="9" s="1"/>
  <c r="O2362" i="8"/>
  <c r="I2360" i="9" s="1"/>
  <c r="J2363" i="8"/>
  <c r="F2361" i="9" s="1"/>
  <c r="L2363" i="8"/>
  <c r="N2363" i="8"/>
  <c r="H2361" i="9" s="1"/>
  <c r="O2363" i="8"/>
  <c r="I2361" i="9" s="1"/>
  <c r="J2364" i="8"/>
  <c r="F2362" i="9" s="1"/>
  <c r="L2364" i="8"/>
  <c r="N2364" i="8"/>
  <c r="H2362" i="9" s="1"/>
  <c r="O2364" i="8"/>
  <c r="I2362" i="9" s="1"/>
  <c r="J2365" i="8"/>
  <c r="F2363" i="9" s="1"/>
  <c r="L2365" i="8"/>
  <c r="N2365" i="8"/>
  <c r="H2363" i="9" s="1"/>
  <c r="O2365" i="8"/>
  <c r="I2363" i="9" s="1"/>
  <c r="J2366" i="8"/>
  <c r="F2364" i="9" s="1"/>
  <c r="L2366" i="8"/>
  <c r="N2366" i="8"/>
  <c r="H2364" i="9" s="1"/>
  <c r="O2366" i="8"/>
  <c r="I2364" i="9" s="1"/>
  <c r="J2367" i="8"/>
  <c r="F2365" i="9" s="1"/>
  <c r="L2367" i="8"/>
  <c r="N2367" i="8"/>
  <c r="H2365" i="9" s="1"/>
  <c r="O2367" i="8"/>
  <c r="I2365" i="9" s="1"/>
  <c r="J2368" i="8"/>
  <c r="F2366" i="9" s="1"/>
  <c r="L2368" i="8"/>
  <c r="N2368" i="8"/>
  <c r="H2366" i="9" s="1"/>
  <c r="O2368" i="8"/>
  <c r="I2366" i="9" s="1"/>
  <c r="J2369" i="8"/>
  <c r="F2367" i="9" s="1"/>
  <c r="L2369" i="8"/>
  <c r="N2369" i="8"/>
  <c r="H2367" i="9" s="1"/>
  <c r="O2369" i="8"/>
  <c r="I2367" i="9" s="1"/>
  <c r="J2370" i="8"/>
  <c r="F2368" i="9" s="1"/>
  <c r="L2370" i="8"/>
  <c r="N2370" i="8"/>
  <c r="H2368" i="9" s="1"/>
  <c r="O2370" i="8"/>
  <c r="I2368" i="9" s="1"/>
  <c r="J2371" i="8"/>
  <c r="F2369" i="9" s="1"/>
  <c r="L2371" i="8"/>
  <c r="N2371" i="8"/>
  <c r="H2369" i="9" s="1"/>
  <c r="O2371" i="8"/>
  <c r="I2369" i="9" s="1"/>
  <c r="J2372" i="8"/>
  <c r="F2370" i="9" s="1"/>
  <c r="L2372" i="8"/>
  <c r="N2372" i="8"/>
  <c r="H2370" i="9" s="1"/>
  <c r="O2372" i="8"/>
  <c r="I2370" i="9" s="1"/>
  <c r="J2373" i="8"/>
  <c r="F2371" i="9" s="1"/>
  <c r="L2373" i="8"/>
  <c r="N2373" i="8"/>
  <c r="H2371" i="9" s="1"/>
  <c r="O2373" i="8"/>
  <c r="I2371" i="9" s="1"/>
  <c r="J2374" i="8"/>
  <c r="F2372" i="9" s="1"/>
  <c r="L2374" i="8"/>
  <c r="N2374" i="8"/>
  <c r="H2372" i="9" s="1"/>
  <c r="O2374" i="8"/>
  <c r="I2372" i="9" s="1"/>
  <c r="J2375" i="8"/>
  <c r="F2373" i="9" s="1"/>
  <c r="L2375" i="8"/>
  <c r="N2375" i="8"/>
  <c r="H2373" i="9" s="1"/>
  <c r="O2375" i="8"/>
  <c r="I2373" i="9" s="1"/>
  <c r="J2376" i="8"/>
  <c r="F2374" i="9" s="1"/>
  <c r="L2376" i="8"/>
  <c r="N2376" i="8"/>
  <c r="H2374" i="9" s="1"/>
  <c r="O2376" i="8"/>
  <c r="I2374" i="9" s="1"/>
  <c r="J2377" i="8"/>
  <c r="F2375" i="9" s="1"/>
  <c r="L2377" i="8"/>
  <c r="N2377" i="8"/>
  <c r="H2375" i="9" s="1"/>
  <c r="O2377" i="8"/>
  <c r="I2375" i="9" s="1"/>
  <c r="J2378" i="8"/>
  <c r="F2376" i="9" s="1"/>
  <c r="L2378" i="8"/>
  <c r="N2378" i="8"/>
  <c r="H2376" i="9" s="1"/>
  <c r="O2378" i="8"/>
  <c r="I2376" i="9" s="1"/>
  <c r="J2379" i="8"/>
  <c r="F2377" i="9" s="1"/>
  <c r="L2379" i="8"/>
  <c r="N2379" i="8"/>
  <c r="H2377" i="9" s="1"/>
  <c r="O2379" i="8"/>
  <c r="I2377" i="9" s="1"/>
  <c r="J2380" i="8"/>
  <c r="F2378" i="9" s="1"/>
  <c r="L2380" i="8"/>
  <c r="N2380" i="8"/>
  <c r="H2378" i="9" s="1"/>
  <c r="O2380" i="8"/>
  <c r="I2378" i="9" s="1"/>
  <c r="J2381" i="8"/>
  <c r="F2379" i="9" s="1"/>
  <c r="L2381" i="8"/>
  <c r="N2381" i="8"/>
  <c r="H2379" i="9" s="1"/>
  <c r="O2381" i="8"/>
  <c r="I2379" i="9" s="1"/>
  <c r="J2382" i="8"/>
  <c r="F2380" i="9" s="1"/>
  <c r="L2382" i="8"/>
  <c r="N2382" i="8"/>
  <c r="H2380" i="9" s="1"/>
  <c r="O2382" i="8"/>
  <c r="I2380" i="9" s="1"/>
  <c r="J2383" i="8"/>
  <c r="F2381" i="9" s="1"/>
  <c r="L2383" i="8"/>
  <c r="N2383" i="8"/>
  <c r="H2381" i="9" s="1"/>
  <c r="O2383" i="8"/>
  <c r="I2381" i="9" s="1"/>
  <c r="J2384" i="8"/>
  <c r="F2382" i="9" s="1"/>
  <c r="L2384" i="8"/>
  <c r="N2384" i="8"/>
  <c r="H2382" i="9" s="1"/>
  <c r="O2384" i="8"/>
  <c r="I2382" i="9" s="1"/>
  <c r="J2385" i="8"/>
  <c r="F2383" i="9" s="1"/>
  <c r="L2385" i="8"/>
  <c r="N2385" i="8"/>
  <c r="H2383" i="9" s="1"/>
  <c r="O2385" i="8"/>
  <c r="I2383" i="9" s="1"/>
  <c r="J2386" i="8"/>
  <c r="F2384" i="9" s="1"/>
  <c r="L2386" i="8"/>
  <c r="N2386" i="8"/>
  <c r="H2384" i="9" s="1"/>
  <c r="O2386" i="8"/>
  <c r="I2384" i="9" s="1"/>
  <c r="J2387" i="8"/>
  <c r="F2385" i="9" s="1"/>
  <c r="L2387" i="8"/>
  <c r="N2387" i="8"/>
  <c r="H2385" i="9" s="1"/>
  <c r="O2387" i="8"/>
  <c r="I2385" i="9" s="1"/>
  <c r="J2388" i="8"/>
  <c r="F2386" i="9" s="1"/>
  <c r="L2388" i="8"/>
  <c r="N2388" i="8"/>
  <c r="H2386" i="9" s="1"/>
  <c r="O2388" i="8"/>
  <c r="I2386" i="9" s="1"/>
  <c r="J2389" i="8"/>
  <c r="F2387" i="9" s="1"/>
  <c r="L2389" i="8"/>
  <c r="N2389" i="8"/>
  <c r="H2387" i="9" s="1"/>
  <c r="O2389" i="8"/>
  <c r="I2387" i="9" s="1"/>
  <c r="J2390" i="8"/>
  <c r="F2388" i="9" s="1"/>
  <c r="L2390" i="8"/>
  <c r="N2390" i="8"/>
  <c r="H2388" i="9" s="1"/>
  <c r="O2390" i="8"/>
  <c r="I2388" i="9" s="1"/>
  <c r="J2391" i="8"/>
  <c r="F2389" i="9" s="1"/>
  <c r="L2391" i="8"/>
  <c r="N2391" i="8"/>
  <c r="H2389" i="9" s="1"/>
  <c r="O2391" i="8"/>
  <c r="I2389" i="9" s="1"/>
  <c r="J2392" i="8"/>
  <c r="F2390" i="9" s="1"/>
  <c r="L2392" i="8"/>
  <c r="N2392" i="8"/>
  <c r="H2390" i="9" s="1"/>
  <c r="O2392" i="8"/>
  <c r="I2390" i="9" s="1"/>
  <c r="J2393" i="8"/>
  <c r="F2391" i="9" s="1"/>
  <c r="L2393" i="8"/>
  <c r="N2393" i="8"/>
  <c r="H2391" i="9" s="1"/>
  <c r="O2393" i="8"/>
  <c r="I2391" i="9" s="1"/>
  <c r="J2394" i="8"/>
  <c r="F2392" i="9" s="1"/>
  <c r="L2394" i="8"/>
  <c r="N2394" i="8"/>
  <c r="H2392" i="9" s="1"/>
  <c r="O2394" i="8"/>
  <c r="I2392" i="9" s="1"/>
  <c r="J2395" i="8"/>
  <c r="F2393" i="9" s="1"/>
  <c r="L2395" i="8"/>
  <c r="N2395" i="8"/>
  <c r="H2393" i="9" s="1"/>
  <c r="O2395" i="8"/>
  <c r="I2393" i="9" s="1"/>
  <c r="J2396" i="8"/>
  <c r="F2394" i="9" s="1"/>
  <c r="L2396" i="8"/>
  <c r="N2396" i="8"/>
  <c r="H2394" i="9" s="1"/>
  <c r="O2396" i="8"/>
  <c r="I2394" i="9" s="1"/>
  <c r="J2397" i="8"/>
  <c r="F2395" i="9" s="1"/>
  <c r="L2397" i="8"/>
  <c r="N2397" i="8"/>
  <c r="H2395" i="9" s="1"/>
  <c r="O2397" i="8"/>
  <c r="I2395" i="9" s="1"/>
  <c r="J2398" i="8"/>
  <c r="F2396" i="9" s="1"/>
  <c r="L2398" i="8"/>
  <c r="N2398" i="8"/>
  <c r="H2396" i="9" s="1"/>
  <c r="O2398" i="8"/>
  <c r="I2396" i="9" s="1"/>
  <c r="J2399" i="8"/>
  <c r="F2397" i="9" s="1"/>
  <c r="L2399" i="8"/>
  <c r="N2399" i="8"/>
  <c r="H2397" i="9" s="1"/>
  <c r="O2399" i="8"/>
  <c r="I2397" i="9" s="1"/>
  <c r="J2400" i="8"/>
  <c r="F2398" i="9" s="1"/>
  <c r="L2400" i="8"/>
  <c r="N2400" i="8"/>
  <c r="H2398" i="9" s="1"/>
  <c r="O2400" i="8"/>
  <c r="I2398" i="9" s="1"/>
  <c r="J2401" i="8"/>
  <c r="F2399" i="9" s="1"/>
  <c r="L2401" i="8"/>
  <c r="N2401" i="8"/>
  <c r="H2399" i="9" s="1"/>
  <c r="O2401" i="8"/>
  <c r="I2399" i="9" s="1"/>
  <c r="J2402" i="8"/>
  <c r="F2400" i="9" s="1"/>
  <c r="L2402" i="8"/>
  <c r="N2402" i="8"/>
  <c r="H2400" i="9" s="1"/>
  <c r="O2402" i="8"/>
  <c r="I2400" i="9" s="1"/>
  <c r="J2403" i="8"/>
  <c r="F2401" i="9" s="1"/>
  <c r="L2403" i="8"/>
  <c r="N2403" i="8"/>
  <c r="H2401" i="9" s="1"/>
  <c r="O2403" i="8"/>
  <c r="I2401" i="9" s="1"/>
  <c r="J2404" i="8"/>
  <c r="F2402" i="9" s="1"/>
  <c r="L2404" i="8"/>
  <c r="N2404" i="8"/>
  <c r="H2402" i="9" s="1"/>
  <c r="O2404" i="8"/>
  <c r="I2402" i="9" s="1"/>
  <c r="J2405" i="8"/>
  <c r="F2403" i="9" s="1"/>
  <c r="L2405" i="8"/>
  <c r="N2405" i="8"/>
  <c r="H2403" i="9" s="1"/>
  <c r="O2405" i="8"/>
  <c r="I2403" i="9" s="1"/>
  <c r="J2406" i="8"/>
  <c r="F2404" i="9" s="1"/>
  <c r="L2406" i="8"/>
  <c r="N2406" i="8"/>
  <c r="H2404" i="9" s="1"/>
  <c r="O2406" i="8"/>
  <c r="I2404" i="9" s="1"/>
  <c r="J2407" i="8"/>
  <c r="F2405" i="9" s="1"/>
  <c r="L2407" i="8"/>
  <c r="N2407" i="8"/>
  <c r="H2405" i="9" s="1"/>
  <c r="O2407" i="8"/>
  <c r="I2405" i="9" s="1"/>
  <c r="J2408" i="8"/>
  <c r="F2406" i="9" s="1"/>
  <c r="L2408" i="8"/>
  <c r="N2408" i="8"/>
  <c r="H2406" i="9" s="1"/>
  <c r="O2408" i="8"/>
  <c r="I2406" i="9" s="1"/>
  <c r="J2409" i="8"/>
  <c r="F2407" i="9" s="1"/>
  <c r="L2409" i="8"/>
  <c r="N2409" i="8"/>
  <c r="H2407" i="9" s="1"/>
  <c r="O2409" i="8"/>
  <c r="I2407" i="9" s="1"/>
  <c r="J2410" i="8"/>
  <c r="F2408" i="9" s="1"/>
  <c r="L2410" i="8"/>
  <c r="N2410" i="8"/>
  <c r="H2408" i="9" s="1"/>
  <c r="O2410" i="8"/>
  <c r="I2408" i="9" s="1"/>
  <c r="J2411" i="8"/>
  <c r="F2409" i="9" s="1"/>
  <c r="L2411" i="8"/>
  <c r="N2411" i="8"/>
  <c r="H2409" i="9" s="1"/>
  <c r="O2411" i="8"/>
  <c r="I2409" i="9" s="1"/>
  <c r="J2412" i="8"/>
  <c r="F2410" i="9" s="1"/>
  <c r="L2412" i="8"/>
  <c r="N2412" i="8"/>
  <c r="H2410" i="9" s="1"/>
  <c r="O2412" i="8"/>
  <c r="I2410" i="9" s="1"/>
  <c r="J2413" i="8"/>
  <c r="F2411" i="9" s="1"/>
  <c r="L2413" i="8"/>
  <c r="N2413" i="8"/>
  <c r="H2411" i="9" s="1"/>
  <c r="O2413" i="8"/>
  <c r="I2411" i="9" s="1"/>
  <c r="J2414" i="8"/>
  <c r="F2412" i="9" s="1"/>
  <c r="L2414" i="8"/>
  <c r="N2414" i="8"/>
  <c r="H2412" i="9" s="1"/>
  <c r="O2414" i="8"/>
  <c r="I2412" i="9" s="1"/>
  <c r="J2415" i="8"/>
  <c r="F2413" i="9" s="1"/>
  <c r="L2415" i="8"/>
  <c r="N2415" i="8"/>
  <c r="H2413" i="9" s="1"/>
  <c r="O2415" i="8"/>
  <c r="I2413" i="9" s="1"/>
  <c r="J2416" i="8"/>
  <c r="F2414" i="9" s="1"/>
  <c r="L2416" i="8"/>
  <c r="N2416" i="8"/>
  <c r="H2414" i="9" s="1"/>
  <c r="O2416" i="8"/>
  <c r="I2414" i="9" s="1"/>
  <c r="J2417" i="8"/>
  <c r="F2415" i="9" s="1"/>
  <c r="L2417" i="8"/>
  <c r="N2417" i="8"/>
  <c r="H2415" i="9" s="1"/>
  <c r="O2417" i="8"/>
  <c r="I2415" i="9" s="1"/>
  <c r="J2418" i="8"/>
  <c r="F2416" i="9" s="1"/>
  <c r="L2418" i="8"/>
  <c r="N2418" i="8"/>
  <c r="H2416" i="9" s="1"/>
  <c r="O2418" i="8"/>
  <c r="I2416" i="9" s="1"/>
  <c r="J2419" i="8"/>
  <c r="F2417" i="9" s="1"/>
  <c r="L2419" i="8"/>
  <c r="N2419" i="8"/>
  <c r="H2417" i="9" s="1"/>
  <c r="O2419" i="8"/>
  <c r="I2417" i="9" s="1"/>
  <c r="J2420" i="8"/>
  <c r="F2418" i="9" s="1"/>
  <c r="L2420" i="8"/>
  <c r="N2420" i="8"/>
  <c r="H2418" i="9" s="1"/>
  <c r="O2420" i="8"/>
  <c r="I2418" i="9" s="1"/>
  <c r="J2421" i="8"/>
  <c r="F2419" i="9" s="1"/>
  <c r="L2421" i="8"/>
  <c r="N2421" i="8"/>
  <c r="H2419" i="9" s="1"/>
  <c r="O2421" i="8"/>
  <c r="I2419" i="9" s="1"/>
  <c r="J2422" i="8"/>
  <c r="F2420" i="9" s="1"/>
  <c r="L2422" i="8"/>
  <c r="N2422" i="8"/>
  <c r="H2420" i="9" s="1"/>
  <c r="O2422" i="8"/>
  <c r="I2420" i="9" s="1"/>
  <c r="J2423" i="8"/>
  <c r="F2421" i="9" s="1"/>
  <c r="L2423" i="8"/>
  <c r="N2423" i="8"/>
  <c r="H2421" i="9" s="1"/>
  <c r="O2423" i="8"/>
  <c r="I2421" i="9" s="1"/>
  <c r="J2424" i="8"/>
  <c r="F2422" i="9" s="1"/>
  <c r="L2424" i="8"/>
  <c r="N2424" i="8"/>
  <c r="H2422" i="9" s="1"/>
  <c r="O2424" i="8"/>
  <c r="I2422" i="9" s="1"/>
  <c r="J2425" i="8"/>
  <c r="F2423" i="9" s="1"/>
  <c r="L2425" i="8"/>
  <c r="N2425" i="8"/>
  <c r="H2423" i="9" s="1"/>
  <c r="O2425" i="8"/>
  <c r="I2423" i="9" s="1"/>
  <c r="J2426" i="8"/>
  <c r="F2424" i="9" s="1"/>
  <c r="L2426" i="8"/>
  <c r="N2426" i="8"/>
  <c r="H2424" i="9" s="1"/>
  <c r="O2426" i="8"/>
  <c r="I2424" i="9" s="1"/>
  <c r="J2427" i="8"/>
  <c r="F2425" i="9" s="1"/>
  <c r="L2427" i="8"/>
  <c r="N2427" i="8"/>
  <c r="H2425" i="9" s="1"/>
  <c r="O2427" i="8"/>
  <c r="I2425" i="9" s="1"/>
  <c r="J2428" i="8"/>
  <c r="F2426" i="9" s="1"/>
  <c r="L2428" i="8"/>
  <c r="N2428" i="8"/>
  <c r="H2426" i="9" s="1"/>
  <c r="O2428" i="8"/>
  <c r="I2426" i="9" s="1"/>
  <c r="J2429" i="8"/>
  <c r="F2427" i="9" s="1"/>
  <c r="L2429" i="8"/>
  <c r="N2429" i="8"/>
  <c r="H2427" i="9" s="1"/>
  <c r="O2429" i="8"/>
  <c r="I2427" i="9" s="1"/>
  <c r="J2430" i="8"/>
  <c r="F2428" i="9" s="1"/>
  <c r="L2430" i="8"/>
  <c r="N2430" i="8"/>
  <c r="H2428" i="9" s="1"/>
  <c r="O2430" i="8"/>
  <c r="I2428" i="9" s="1"/>
  <c r="J2431" i="8"/>
  <c r="F2429" i="9" s="1"/>
  <c r="L2431" i="8"/>
  <c r="N2431" i="8"/>
  <c r="H2429" i="9" s="1"/>
  <c r="O2431" i="8"/>
  <c r="I2429" i="9" s="1"/>
  <c r="J2432" i="8"/>
  <c r="F2430" i="9" s="1"/>
  <c r="L2432" i="8"/>
  <c r="N2432" i="8"/>
  <c r="H2430" i="9" s="1"/>
  <c r="O2432" i="8"/>
  <c r="I2430" i="9" s="1"/>
  <c r="J2433" i="8"/>
  <c r="F2431" i="9" s="1"/>
  <c r="L2433" i="8"/>
  <c r="N2433" i="8"/>
  <c r="H2431" i="9" s="1"/>
  <c r="O2433" i="8"/>
  <c r="I2431" i="9" s="1"/>
  <c r="J2434" i="8"/>
  <c r="F2432" i="9" s="1"/>
  <c r="L2434" i="8"/>
  <c r="N2434" i="8"/>
  <c r="H2432" i="9" s="1"/>
  <c r="O2434" i="8"/>
  <c r="I2432" i="9" s="1"/>
  <c r="J2435" i="8"/>
  <c r="F2433" i="9" s="1"/>
  <c r="L2435" i="8"/>
  <c r="N2435" i="8"/>
  <c r="H2433" i="9" s="1"/>
  <c r="O2435" i="8"/>
  <c r="I2433" i="9" s="1"/>
  <c r="J2436" i="8"/>
  <c r="F2434" i="9" s="1"/>
  <c r="L2436" i="8"/>
  <c r="N2436" i="8"/>
  <c r="H2434" i="9" s="1"/>
  <c r="O2436" i="8"/>
  <c r="I2434" i="9" s="1"/>
  <c r="J2437" i="8"/>
  <c r="F2435" i="9" s="1"/>
  <c r="L2437" i="8"/>
  <c r="N2437" i="8"/>
  <c r="H2435" i="9" s="1"/>
  <c r="O2437" i="8"/>
  <c r="I2435" i="9" s="1"/>
  <c r="J2438" i="8"/>
  <c r="F2436" i="9" s="1"/>
  <c r="L2438" i="8"/>
  <c r="N2438" i="8"/>
  <c r="H2436" i="9" s="1"/>
  <c r="O2438" i="8"/>
  <c r="I2436" i="9" s="1"/>
  <c r="J2439" i="8"/>
  <c r="F2437" i="9" s="1"/>
  <c r="L2439" i="8"/>
  <c r="N2439" i="8"/>
  <c r="H2437" i="9" s="1"/>
  <c r="O2439" i="8"/>
  <c r="I2437" i="9" s="1"/>
  <c r="J2440" i="8"/>
  <c r="F2438" i="9" s="1"/>
  <c r="L2440" i="8"/>
  <c r="N2440" i="8"/>
  <c r="H2438" i="9" s="1"/>
  <c r="O2440" i="8"/>
  <c r="I2438" i="9" s="1"/>
  <c r="J2441" i="8"/>
  <c r="F2439" i="9" s="1"/>
  <c r="L2441" i="8"/>
  <c r="N2441" i="8"/>
  <c r="H2439" i="9" s="1"/>
  <c r="O2441" i="8"/>
  <c r="I2439" i="9" s="1"/>
  <c r="J2442" i="8"/>
  <c r="F2440" i="9" s="1"/>
  <c r="L2442" i="8"/>
  <c r="N2442" i="8"/>
  <c r="H2440" i="9" s="1"/>
  <c r="O2442" i="8"/>
  <c r="I2440" i="9" s="1"/>
  <c r="J2443" i="8"/>
  <c r="F2441" i="9" s="1"/>
  <c r="L2443" i="8"/>
  <c r="N2443" i="8"/>
  <c r="H2441" i="9" s="1"/>
  <c r="O2443" i="8"/>
  <c r="I2441" i="9" s="1"/>
  <c r="J2444" i="8"/>
  <c r="F2442" i="9" s="1"/>
  <c r="L2444" i="8"/>
  <c r="N2444" i="8"/>
  <c r="H2442" i="9" s="1"/>
  <c r="O2444" i="8"/>
  <c r="I2442" i="9" s="1"/>
  <c r="J2445" i="8"/>
  <c r="F2443" i="9" s="1"/>
  <c r="L2445" i="8"/>
  <c r="N2445" i="8"/>
  <c r="H2443" i="9" s="1"/>
  <c r="O2445" i="8"/>
  <c r="I2443" i="9" s="1"/>
  <c r="J2446" i="8"/>
  <c r="F2444" i="9" s="1"/>
  <c r="L2446" i="8"/>
  <c r="N2446" i="8"/>
  <c r="H2444" i="9" s="1"/>
  <c r="O2446" i="8"/>
  <c r="I2444" i="9" s="1"/>
  <c r="J2447" i="8"/>
  <c r="F2445" i="9" s="1"/>
  <c r="L2447" i="8"/>
  <c r="N2447" i="8"/>
  <c r="H2445" i="9" s="1"/>
  <c r="O2447" i="8"/>
  <c r="I2445" i="9" s="1"/>
  <c r="J2448" i="8"/>
  <c r="F2446" i="9" s="1"/>
  <c r="L2448" i="8"/>
  <c r="N2448" i="8"/>
  <c r="H2446" i="9" s="1"/>
  <c r="O2448" i="8"/>
  <c r="I2446" i="9" s="1"/>
  <c r="J2449" i="8"/>
  <c r="F2447" i="9" s="1"/>
  <c r="L2449" i="8"/>
  <c r="N2449" i="8"/>
  <c r="H2447" i="9" s="1"/>
  <c r="O2449" i="8"/>
  <c r="I2447" i="9" s="1"/>
  <c r="J2450" i="8"/>
  <c r="F2448" i="9" s="1"/>
  <c r="L2450" i="8"/>
  <c r="N2450" i="8"/>
  <c r="H2448" i="9" s="1"/>
  <c r="O2450" i="8"/>
  <c r="I2448" i="9" s="1"/>
  <c r="J2451" i="8"/>
  <c r="F2449" i="9" s="1"/>
  <c r="L2451" i="8"/>
  <c r="N2451" i="8"/>
  <c r="H2449" i="9" s="1"/>
  <c r="O2451" i="8"/>
  <c r="I2449" i="9" s="1"/>
  <c r="J2452" i="8"/>
  <c r="F2450" i="9" s="1"/>
  <c r="L2452" i="8"/>
  <c r="N2452" i="8"/>
  <c r="H2450" i="9" s="1"/>
  <c r="O2452" i="8"/>
  <c r="I2450" i="9" s="1"/>
  <c r="J2453" i="8"/>
  <c r="F2451" i="9" s="1"/>
  <c r="L2453" i="8"/>
  <c r="N2453" i="8"/>
  <c r="H2451" i="9" s="1"/>
  <c r="O2453" i="8"/>
  <c r="I2451" i="9" s="1"/>
  <c r="J2454" i="8"/>
  <c r="F2452" i="9" s="1"/>
  <c r="L2454" i="8"/>
  <c r="N2454" i="8"/>
  <c r="H2452" i="9" s="1"/>
  <c r="O2454" i="8"/>
  <c r="I2452" i="9" s="1"/>
  <c r="J2455" i="8"/>
  <c r="F2453" i="9" s="1"/>
  <c r="L2455" i="8"/>
  <c r="N2455" i="8"/>
  <c r="H2453" i="9" s="1"/>
  <c r="O2455" i="8"/>
  <c r="I2453" i="9" s="1"/>
  <c r="J2456" i="8"/>
  <c r="F2454" i="9" s="1"/>
  <c r="L2456" i="8"/>
  <c r="N2456" i="8"/>
  <c r="H2454" i="9" s="1"/>
  <c r="O2456" i="8"/>
  <c r="I2454" i="9" s="1"/>
  <c r="J2457" i="8"/>
  <c r="F2455" i="9" s="1"/>
  <c r="L2457" i="8"/>
  <c r="N2457" i="8"/>
  <c r="H2455" i="9" s="1"/>
  <c r="O2457" i="8"/>
  <c r="I2455" i="9" s="1"/>
  <c r="J2458" i="8"/>
  <c r="F2456" i="9" s="1"/>
  <c r="L2458" i="8"/>
  <c r="N2458" i="8"/>
  <c r="H2456" i="9" s="1"/>
  <c r="O2458" i="8"/>
  <c r="I2456" i="9" s="1"/>
  <c r="J2459" i="8"/>
  <c r="F2457" i="9" s="1"/>
  <c r="L2459" i="8"/>
  <c r="N2459" i="8"/>
  <c r="H2457" i="9" s="1"/>
  <c r="O2459" i="8"/>
  <c r="I2457" i="9" s="1"/>
  <c r="J2460" i="8"/>
  <c r="F2458" i="9" s="1"/>
  <c r="L2460" i="8"/>
  <c r="N2460" i="8"/>
  <c r="H2458" i="9" s="1"/>
  <c r="O2460" i="8"/>
  <c r="I2458" i="9" s="1"/>
  <c r="J2461" i="8"/>
  <c r="F2459" i="9" s="1"/>
  <c r="L2461" i="8"/>
  <c r="N2461" i="8"/>
  <c r="H2459" i="9" s="1"/>
  <c r="O2461" i="8"/>
  <c r="I2459" i="9" s="1"/>
  <c r="J2462" i="8"/>
  <c r="F2460" i="9" s="1"/>
  <c r="L2462" i="8"/>
  <c r="N2462" i="8"/>
  <c r="H2460" i="9" s="1"/>
  <c r="O2462" i="8"/>
  <c r="I2460" i="9" s="1"/>
  <c r="J2463" i="8"/>
  <c r="F2461" i="9" s="1"/>
  <c r="L2463" i="8"/>
  <c r="N2463" i="8"/>
  <c r="H2461" i="9" s="1"/>
  <c r="O2463" i="8"/>
  <c r="I2461" i="9" s="1"/>
  <c r="J2464" i="8"/>
  <c r="F2462" i="9" s="1"/>
  <c r="L2464" i="8"/>
  <c r="N2464" i="8"/>
  <c r="H2462" i="9" s="1"/>
  <c r="O2464" i="8"/>
  <c r="I2462" i="9" s="1"/>
  <c r="J2465" i="8"/>
  <c r="F2463" i="9" s="1"/>
  <c r="L2465" i="8"/>
  <c r="N2465" i="8"/>
  <c r="H2463" i="9" s="1"/>
  <c r="O2465" i="8"/>
  <c r="I2463" i="9" s="1"/>
  <c r="J2466" i="8"/>
  <c r="F2464" i="9" s="1"/>
  <c r="L2466" i="8"/>
  <c r="N2466" i="8"/>
  <c r="H2464" i="9" s="1"/>
  <c r="O2466" i="8"/>
  <c r="I2464" i="9" s="1"/>
  <c r="J2467" i="8"/>
  <c r="F2465" i="9" s="1"/>
  <c r="L2467" i="8"/>
  <c r="N2467" i="8"/>
  <c r="H2465" i="9" s="1"/>
  <c r="O2467" i="8"/>
  <c r="I2465" i="9" s="1"/>
  <c r="J2468" i="8"/>
  <c r="F2466" i="9" s="1"/>
  <c r="L2468" i="8"/>
  <c r="N2468" i="8"/>
  <c r="H2466" i="9" s="1"/>
  <c r="O2468" i="8"/>
  <c r="I2466" i="9" s="1"/>
  <c r="J2469" i="8"/>
  <c r="F2467" i="9" s="1"/>
  <c r="L2469" i="8"/>
  <c r="N2469" i="8"/>
  <c r="H2467" i="9" s="1"/>
  <c r="O2469" i="8"/>
  <c r="I2467" i="9" s="1"/>
  <c r="J2470" i="8"/>
  <c r="F2468" i="9" s="1"/>
  <c r="L2470" i="8"/>
  <c r="N2470" i="8"/>
  <c r="H2468" i="9" s="1"/>
  <c r="O2470" i="8"/>
  <c r="I2468" i="9" s="1"/>
  <c r="J2471" i="8"/>
  <c r="F2469" i="9" s="1"/>
  <c r="L2471" i="8"/>
  <c r="N2471" i="8"/>
  <c r="H2469" i="9" s="1"/>
  <c r="O2471" i="8"/>
  <c r="I2469" i="9" s="1"/>
  <c r="J2472" i="8"/>
  <c r="F2470" i="9" s="1"/>
  <c r="L2472" i="8"/>
  <c r="N2472" i="8"/>
  <c r="H2470" i="9" s="1"/>
  <c r="O2472" i="8"/>
  <c r="I2470" i="9" s="1"/>
  <c r="J2473" i="8"/>
  <c r="F2471" i="9" s="1"/>
  <c r="L2473" i="8"/>
  <c r="N2473" i="8"/>
  <c r="H2471" i="9" s="1"/>
  <c r="O2473" i="8"/>
  <c r="I2471" i="9" s="1"/>
  <c r="J2474" i="8"/>
  <c r="F2472" i="9" s="1"/>
  <c r="L2474" i="8"/>
  <c r="N2474" i="8"/>
  <c r="H2472" i="9" s="1"/>
  <c r="O2474" i="8"/>
  <c r="I2472" i="9" s="1"/>
  <c r="J2475" i="8"/>
  <c r="F2473" i="9" s="1"/>
  <c r="L2475" i="8"/>
  <c r="N2475" i="8"/>
  <c r="H2473" i="9" s="1"/>
  <c r="O2475" i="8"/>
  <c r="I2473" i="9" s="1"/>
  <c r="J2476" i="8"/>
  <c r="F2474" i="9" s="1"/>
  <c r="L2476" i="8"/>
  <c r="N2476" i="8"/>
  <c r="H2474" i="9" s="1"/>
  <c r="O2476" i="8"/>
  <c r="I2474" i="9" s="1"/>
  <c r="J2477" i="8"/>
  <c r="F2475" i="9" s="1"/>
  <c r="L2477" i="8"/>
  <c r="N2477" i="8"/>
  <c r="H2475" i="9" s="1"/>
  <c r="O2477" i="8"/>
  <c r="I2475" i="9" s="1"/>
  <c r="J2478" i="8"/>
  <c r="F2476" i="9" s="1"/>
  <c r="L2478" i="8"/>
  <c r="N2478" i="8"/>
  <c r="H2476" i="9" s="1"/>
  <c r="O2478" i="8"/>
  <c r="I2476" i="9" s="1"/>
  <c r="J2479" i="8"/>
  <c r="F2477" i="9" s="1"/>
  <c r="L2479" i="8"/>
  <c r="N2479" i="8"/>
  <c r="H2477" i="9" s="1"/>
  <c r="O2479" i="8"/>
  <c r="I2477" i="9" s="1"/>
  <c r="J2480" i="8"/>
  <c r="F2478" i="9" s="1"/>
  <c r="L2480" i="8"/>
  <c r="N2480" i="8"/>
  <c r="H2478" i="9" s="1"/>
  <c r="O2480" i="8"/>
  <c r="I2478" i="9" s="1"/>
  <c r="J2481" i="8"/>
  <c r="F2479" i="9" s="1"/>
  <c r="L2481" i="8"/>
  <c r="N2481" i="8"/>
  <c r="H2479" i="9" s="1"/>
  <c r="O2481" i="8"/>
  <c r="I2479" i="9" s="1"/>
  <c r="J2482" i="8"/>
  <c r="F2480" i="9" s="1"/>
  <c r="L2482" i="8"/>
  <c r="N2482" i="8"/>
  <c r="H2480" i="9" s="1"/>
  <c r="O2482" i="8"/>
  <c r="I2480" i="9" s="1"/>
  <c r="J2483" i="8"/>
  <c r="F2481" i="9" s="1"/>
  <c r="L2483" i="8"/>
  <c r="N2483" i="8"/>
  <c r="H2481" i="9" s="1"/>
  <c r="O2483" i="8"/>
  <c r="I2481" i="9" s="1"/>
  <c r="J2484" i="8"/>
  <c r="F2482" i="9" s="1"/>
  <c r="L2484" i="8"/>
  <c r="N2484" i="8"/>
  <c r="H2482" i="9" s="1"/>
  <c r="O2484" i="8"/>
  <c r="I2482" i="9" s="1"/>
  <c r="J2485" i="8"/>
  <c r="F2483" i="9" s="1"/>
  <c r="L2485" i="8"/>
  <c r="N2485" i="8"/>
  <c r="H2483" i="9" s="1"/>
  <c r="O2485" i="8"/>
  <c r="I2483" i="9" s="1"/>
  <c r="J2486" i="8"/>
  <c r="F2484" i="9" s="1"/>
  <c r="L2486" i="8"/>
  <c r="N2486" i="8"/>
  <c r="H2484" i="9" s="1"/>
  <c r="O2486" i="8"/>
  <c r="I2484" i="9" s="1"/>
  <c r="J2487" i="8"/>
  <c r="F2485" i="9" s="1"/>
  <c r="L2487" i="8"/>
  <c r="N2487" i="8"/>
  <c r="H2485" i="9" s="1"/>
  <c r="O2487" i="8"/>
  <c r="I2485" i="9" s="1"/>
  <c r="J2488" i="8"/>
  <c r="F2486" i="9" s="1"/>
  <c r="L2488" i="8"/>
  <c r="N2488" i="8"/>
  <c r="H2486" i="9" s="1"/>
  <c r="O2488" i="8"/>
  <c r="I2486" i="9" s="1"/>
  <c r="J2489" i="8"/>
  <c r="F2487" i="9" s="1"/>
  <c r="L2489" i="8"/>
  <c r="N2489" i="8"/>
  <c r="H2487" i="9" s="1"/>
  <c r="O2489" i="8"/>
  <c r="I2487" i="9" s="1"/>
  <c r="J2490" i="8"/>
  <c r="F2488" i="9" s="1"/>
  <c r="L2490" i="8"/>
  <c r="N2490" i="8"/>
  <c r="H2488" i="9" s="1"/>
  <c r="O2490" i="8"/>
  <c r="I2488" i="9" s="1"/>
  <c r="J2491" i="8"/>
  <c r="F2489" i="9" s="1"/>
  <c r="L2491" i="8"/>
  <c r="N2491" i="8"/>
  <c r="H2489" i="9" s="1"/>
  <c r="O2491" i="8"/>
  <c r="I2489" i="9" s="1"/>
  <c r="J2492" i="8"/>
  <c r="F2490" i="9" s="1"/>
  <c r="L2492" i="8"/>
  <c r="N2492" i="8"/>
  <c r="H2490" i="9" s="1"/>
  <c r="O2492" i="8"/>
  <c r="I2490" i="9" s="1"/>
  <c r="J2493" i="8"/>
  <c r="F2491" i="9" s="1"/>
  <c r="L2493" i="8"/>
  <c r="N2493" i="8"/>
  <c r="H2491" i="9" s="1"/>
  <c r="O2493" i="8"/>
  <c r="I2491" i="9" s="1"/>
  <c r="J2494" i="8"/>
  <c r="F2492" i="9" s="1"/>
  <c r="L2494" i="8"/>
  <c r="N2494" i="8"/>
  <c r="H2492" i="9" s="1"/>
  <c r="O2494" i="8"/>
  <c r="I2492" i="9" s="1"/>
  <c r="J2495" i="8"/>
  <c r="F2493" i="9" s="1"/>
  <c r="L2495" i="8"/>
  <c r="N2495" i="8"/>
  <c r="H2493" i="9" s="1"/>
  <c r="O2495" i="8"/>
  <c r="I2493" i="9" s="1"/>
  <c r="J2496" i="8"/>
  <c r="F2494" i="9" s="1"/>
  <c r="L2496" i="8"/>
  <c r="N2496" i="8"/>
  <c r="H2494" i="9" s="1"/>
  <c r="O2496" i="8"/>
  <c r="I2494" i="9" s="1"/>
  <c r="J2497" i="8"/>
  <c r="F2495" i="9" s="1"/>
  <c r="L2497" i="8"/>
  <c r="N2497" i="8"/>
  <c r="H2495" i="9" s="1"/>
  <c r="O2497" i="8"/>
  <c r="I2495" i="9" s="1"/>
  <c r="J2498" i="8"/>
  <c r="F2496" i="9" s="1"/>
  <c r="L2498" i="8"/>
  <c r="N2498" i="8"/>
  <c r="H2496" i="9" s="1"/>
  <c r="O2498" i="8"/>
  <c r="I2496" i="9" s="1"/>
  <c r="J2499" i="8"/>
  <c r="F2497" i="9" s="1"/>
  <c r="L2499" i="8"/>
  <c r="N2499" i="8"/>
  <c r="H2497" i="9" s="1"/>
  <c r="O2499" i="8"/>
  <c r="I2497" i="9" s="1"/>
  <c r="J2500" i="8"/>
  <c r="F2498" i="9" s="1"/>
  <c r="L2500" i="8"/>
  <c r="N2500" i="8"/>
  <c r="H2498" i="9" s="1"/>
  <c r="O2500" i="8"/>
  <c r="I2498" i="9" s="1"/>
  <c r="J2501" i="8"/>
  <c r="F2499" i="9" s="1"/>
  <c r="L2501" i="8"/>
  <c r="N2501" i="8"/>
  <c r="H2499" i="9" s="1"/>
  <c r="O2501" i="8"/>
  <c r="I2499" i="9" s="1"/>
  <c r="J2502" i="8"/>
  <c r="F2500" i="9" s="1"/>
  <c r="L2502" i="8"/>
  <c r="N2502" i="8"/>
  <c r="H2500" i="9" s="1"/>
  <c r="O2502" i="8"/>
  <c r="I2500" i="9" s="1"/>
  <c r="J2503" i="8"/>
  <c r="F2501" i="9" s="1"/>
  <c r="L2503" i="8"/>
  <c r="N2503" i="8"/>
  <c r="H2501" i="9" s="1"/>
  <c r="O2503" i="8"/>
  <c r="I2501" i="9" s="1"/>
  <c r="J2504" i="8"/>
  <c r="F2502" i="9" s="1"/>
  <c r="L2504" i="8"/>
  <c r="N2504" i="8"/>
  <c r="H2502" i="9" s="1"/>
  <c r="O2504" i="8"/>
  <c r="I2502" i="9" s="1"/>
  <c r="J2505" i="8"/>
  <c r="F2503" i="9" s="1"/>
  <c r="L2505" i="8"/>
  <c r="N2505" i="8"/>
  <c r="H2503" i="9" s="1"/>
  <c r="O2505" i="8"/>
  <c r="I2503" i="9" s="1"/>
  <c r="J2506" i="8"/>
  <c r="F2504" i="9" s="1"/>
  <c r="L2506" i="8"/>
  <c r="N2506" i="8"/>
  <c r="H2504" i="9" s="1"/>
  <c r="O2506" i="8"/>
  <c r="I2504" i="9" s="1"/>
  <c r="J2507" i="8"/>
  <c r="F2505" i="9" s="1"/>
  <c r="L2507" i="8"/>
  <c r="N2507" i="8"/>
  <c r="H2505" i="9" s="1"/>
  <c r="O2507" i="8"/>
  <c r="I2505" i="9" s="1"/>
  <c r="J2508" i="8"/>
  <c r="F2506" i="9" s="1"/>
  <c r="L2508" i="8"/>
  <c r="N2508" i="8"/>
  <c r="H2506" i="9" s="1"/>
  <c r="O2508" i="8"/>
  <c r="I2506" i="9" s="1"/>
  <c r="J2509" i="8"/>
  <c r="F2507" i="9" s="1"/>
  <c r="L2509" i="8"/>
  <c r="N2509" i="8"/>
  <c r="H2507" i="9" s="1"/>
  <c r="O2509" i="8"/>
  <c r="I2507" i="9" s="1"/>
  <c r="J2510" i="8"/>
  <c r="F2508" i="9" s="1"/>
  <c r="L2510" i="8"/>
  <c r="N2510" i="8"/>
  <c r="H2508" i="9" s="1"/>
  <c r="O2510" i="8"/>
  <c r="I2508" i="9" s="1"/>
  <c r="J2511" i="8"/>
  <c r="F2509" i="9" s="1"/>
  <c r="L2511" i="8"/>
  <c r="N2511" i="8"/>
  <c r="H2509" i="9" s="1"/>
  <c r="O2511" i="8"/>
  <c r="I2509" i="9" s="1"/>
  <c r="J2512" i="8"/>
  <c r="F2510" i="9" s="1"/>
  <c r="L2512" i="8"/>
  <c r="N2512" i="8"/>
  <c r="H2510" i="9" s="1"/>
  <c r="O2512" i="8"/>
  <c r="I2510" i="9" s="1"/>
  <c r="J2513" i="8"/>
  <c r="F2511" i="9" s="1"/>
  <c r="L2513" i="8"/>
  <c r="N2513" i="8"/>
  <c r="H2511" i="9" s="1"/>
  <c r="O2513" i="8"/>
  <c r="I2511" i="9" s="1"/>
  <c r="J2514" i="8"/>
  <c r="F2512" i="9" s="1"/>
  <c r="L2514" i="8"/>
  <c r="N2514" i="8"/>
  <c r="H2512" i="9" s="1"/>
  <c r="O2514" i="8"/>
  <c r="I2512" i="9" s="1"/>
  <c r="J2515" i="8"/>
  <c r="F2513" i="9" s="1"/>
  <c r="L2515" i="8"/>
  <c r="N2515" i="8"/>
  <c r="H2513" i="9" s="1"/>
  <c r="O2515" i="8"/>
  <c r="I2513" i="9" s="1"/>
  <c r="J2516" i="8"/>
  <c r="F2514" i="9" s="1"/>
  <c r="L2516" i="8"/>
  <c r="N2516" i="8"/>
  <c r="H2514" i="9" s="1"/>
  <c r="O2516" i="8"/>
  <c r="I2514" i="9" s="1"/>
  <c r="J2517" i="8"/>
  <c r="F2515" i="9" s="1"/>
  <c r="L2517" i="8"/>
  <c r="N2517" i="8"/>
  <c r="H2515" i="9" s="1"/>
  <c r="O2517" i="8"/>
  <c r="I2515" i="9" s="1"/>
  <c r="J2518" i="8"/>
  <c r="F2516" i="9" s="1"/>
  <c r="L2518" i="8"/>
  <c r="N2518" i="8"/>
  <c r="H2516" i="9" s="1"/>
  <c r="O2518" i="8"/>
  <c r="I2516" i="9" s="1"/>
  <c r="J2519" i="8"/>
  <c r="F2517" i="9" s="1"/>
  <c r="L2519" i="8"/>
  <c r="N2519" i="8"/>
  <c r="H2517" i="9" s="1"/>
  <c r="O2519" i="8"/>
  <c r="I2517" i="9" s="1"/>
  <c r="J2520" i="8"/>
  <c r="F2518" i="9" s="1"/>
  <c r="L2520" i="8"/>
  <c r="N2520" i="8"/>
  <c r="H2518" i="9" s="1"/>
  <c r="O2520" i="8"/>
  <c r="I2518" i="9" s="1"/>
  <c r="J2521" i="8"/>
  <c r="F2519" i="9" s="1"/>
  <c r="L2521" i="8"/>
  <c r="N2521" i="8"/>
  <c r="H2519" i="9" s="1"/>
  <c r="O2521" i="8"/>
  <c r="I2519" i="9" s="1"/>
  <c r="J2522" i="8"/>
  <c r="F2520" i="9" s="1"/>
  <c r="L2522" i="8"/>
  <c r="N2522" i="8"/>
  <c r="H2520" i="9" s="1"/>
  <c r="O2522" i="8"/>
  <c r="I2520" i="9" s="1"/>
  <c r="J2523" i="8"/>
  <c r="F2521" i="9" s="1"/>
  <c r="L2523" i="8"/>
  <c r="N2523" i="8"/>
  <c r="H2521" i="9" s="1"/>
  <c r="O2523" i="8"/>
  <c r="I2521" i="9" s="1"/>
  <c r="J2524" i="8"/>
  <c r="F2522" i="9" s="1"/>
  <c r="L2524" i="8"/>
  <c r="N2524" i="8"/>
  <c r="H2522" i="9" s="1"/>
  <c r="O2524" i="8"/>
  <c r="I2522" i="9" s="1"/>
  <c r="J2525" i="8"/>
  <c r="F2523" i="9" s="1"/>
  <c r="L2525" i="8"/>
  <c r="N2525" i="8"/>
  <c r="H2523" i="9" s="1"/>
  <c r="O2525" i="8"/>
  <c r="I2523" i="9" s="1"/>
  <c r="J2526" i="8"/>
  <c r="F2524" i="9" s="1"/>
  <c r="L2526" i="8"/>
  <c r="N2526" i="8"/>
  <c r="H2524" i="9" s="1"/>
  <c r="O2526" i="8"/>
  <c r="I2524" i="9" s="1"/>
  <c r="J2527" i="8"/>
  <c r="F2525" i="9" s="1"/>
  <c r="L2527" i="8"/>
  <c r="N2527" i="8"/>
  <c r="H2525" i="9" s="1"/>
  <c r="O2527" i="8"/>
  <c r="I2525" i="9" s="1"/>
  <c r="J2528" i="8"/>
  <c r="F2526" i="9" s="1"/>
  <c r="L2528" i="8"/>
  <c r="N2528" i="8"/>
  <c r="H2526" i="9" s="1"/>
  <c r="O2528" i="8"/>
  <c r="I2526" i="9" s="1"/>
  <c r="J2529" i="8"/>
  <c r="F2527" i="9" s="1"/>
  <c r="L2529" i="8"/>
  <c r="N2529" i="8"/>
  <c r="H2527" i="9" s="1"/>
  <c r="O2529" i="8"/>
  <c r="I2527" i="9" s="1"/>
  <c r="J2530" i="8"/>
  <c r="F2528" i="9" s="1"/>
  <c r="L2530" i="8"/>
  <c r="N2530" i="8"/>
  <c r="H2528" i="9" s="1"/>
  <c r="O2530" i="8"/>
  <c r="I2528" i="9" s="1"/>
  <c r="J2531" i="8"/>
  <c r="F2529" i="9" s="1"/>
  <c r="L2531" i="8"/>
  <c r="N2531" i="8"/>
  <c r="H2529" i="9" s="1"/>
  <c r="O2531" i="8"/>
  <c r="I2529" i="9" s="1"/>
  <c r="J2532" i="8"/>
  <c r="F2530" i="9" s="1"/>
  <c r="L2532" i="8"/>
  <c r="N2532" i="8"/>
  <c r="H2530" i="9" s="1"/>
  <c r="O2532" i="8"/>
  <c r="I2530" i="9" s="1"/>
  <c r="J2533" i="8"/>
  <c r="F2531" i="9" s="1"/>
  <c r="L2533" i="8"/>
  <c r="N2533" i="8"/>
  <c r="H2531" i="9" s="1"/>
  <c r="O2533" i="8"/>
  <c r="I2531" i="9" s="1"/>
  <c r="J2534" i="8"/>
  <c r="F2532" i="9" s="1"/>
  <c r="L2534" i="8"/>
  <c r="N2534" i="8"/>
  <c r="H2532" i="9" s="1"/>
  <c r="O2534" i="8"/>
  <c r="I2532" i="9" s="1"/>
  <c r="J2535" i="8"/>
  <c r="F2533" i="9" s="1"/>
  <c r="L2535" i="8"/>
  <c r="N2535" i="8"/>
  <c r="H2533" i="9" s="1"/>
  <c r="O2535" i="8"/>
  <c r="I2533" i="9" s="1"/>
  <c r="J2536" i="8"/>
  <c r="F2534" i="9" s="1"/>
  <c r="L2536" i="8"/>
  <c r="N2536" i="8"/>
  <c r="H2534" i="9" s="1"/>
  <c r="O2536" i="8"/>
  <c r="I2534" i="9" s="1"/>
  <c r="J2537" i="8"/>
  <c r="F2535" i="9" s="1"/>
  <c r="L2537" i="8"/>
  <c r="N2537" i="8"/>
  <c r="H2535" i="9" s="1"/>
  <c r="O2537" i="8"/>
  <c r="I2535" i="9" s="1"/>
  <c r="J2538" i="8"/>
  <c r="F2536" i="9" s="1"/>
  <c r="L2538" i="8"/>
  <c r="N2538" i="8"/>
  <c r="H2536" i="9" s="1"/>
  <c r="O2538" i="8"/>
  <c r="I2536" i="9" s="1"/>
  <c r="J2539" i="8"/>
  <c r="F2537" i="9" s="1"/>
  <c r="L2539" i="8"/>
  <c r="N2539" i="8"/>
  <c r="H2537" i="9" s="1"/>
  <c r="O2539" i="8"/>
  <c r="I2537" i="9" s="1"/>
  <c r="J2540" i="8"/>
  <c r="F2538" i="9" s="1"/>
  <c r="L2540" i="8"/>
  <c r="N2540" i="8"/>
  <c r="H2538" i="9" s="1"/>
  <c r="O2540" i="8"/>
  <c r="I2538" i="9" s="1"/>
  <c r="J2541" i="8"/>
  <c r="F2539" i="9" s="1"/>
  <c r="L2541" i="8"/>
  <c r="N2541" i="8"/>
  <c r="H2539" i="9" s="1"/>
  <c r="O2541" i="8"/>
  <c r="I2539" i="9" s="1"/>
  <c r="J2542" i="8"/>
  <c r="F2540" i="9" s="1"/>
  <c r="L2542" i="8"/>
  <c r="N2542" i="8"/>
  <c r="H2540" i="9" s="1"/>
  <c r="O2542" i="8"/>
  <c r="I2540" i="9" s="1"/>
  <c r="J2543" i="8"/>
  <c r="F2541" i="9" s="1"/>
  <c r="L2543" i="8"/>
  <c r="N2543" i="8"/>
  <c r="H2541" i="9" s="1"/>
  <c r="O2543" i="8"/>
  <c r="I2541" i="9" s="1"/>
  <c r="J2544" i="8"/>
  <c r="F2542" i="9" s="1"/>
  <c r="L2544" i="8"/>
  <c r="N2544" i="8"/>
  <c r="H2542" i="9" s="1"/>
  <c r="O2544" i="8"/>
  <c r="I2542" i="9" s="1"/>
  <c r="J2545" i="8"/>
  <c r="F2543" i="9" s="1"/>
  <c r="L2545" i="8"/>
  <c r="N2545" i="8"/>
  <c r="H2543" i="9" s="1"/>
  <c r="O2545" i="8"/>
  <c r="I2543" i="9" s="1"/>
  <c r="J2546" i="8"/>
  <c r="F2544" i="9" s="1"/>
  <c r="L2546" i="8"/>
  <c r="N2546" i="8"/>
  <c r="H2544" i="9" s="1"/>
  <c r="O2546" i="8"/>
  <c r="I2544" i="9" s="1"/>
  <c r="J2547" i="8"/>
  <c r="F2545" i="9" s="1"/>
  <c r="L2547" i="8"/>
  <c r="N2547" i="8"/>
  <c r="H2545" i="9" s="1"/>
  <c r="O2547" i="8"/>
  <c r="I2545" i="9" s="1"/>
  <c r="J2548" i="8"/>
  <c r="F2546" i="9" s="1"/>
  <c r="L2548" i="8"/>
  <c r="N2548" i="8"/>
  <c r="H2546" i="9" s="1"/>
  <c r="O2548" i="8"/>
  <c r="I2546" i="9" s="1"/>
  <c r="J2549" i="8"/>
  <c r="F2547" i="9" s="1"/>
  <c r="L2549" i="8"/>
  <c r="N2549" i="8"/>
  <c r="H2547" i="9" s="1"/>
  <c r="O2549" i="8"/>
  <c r="I2547" i="9" s="1"/>
  <c r="J2550" i="8"/>
  <c r="F2548" i="9" s="1"/>
  <c r="L2550" i="8"/>
  <c r="N2550" i="8"/>
  <c r="H2548" i="9" s="1"/>
  <c r="O2550" i="8"/>
  <c r="I2548" i="9" s="1"/>
  <c r="J2551" i="8"/>
  <c r="F2549" i="9" s="1"/>
  <c r="L2551" i="8"/>
  <c r="N2551" i="8"/>
  <c r="H2549" i="9" s="1"/>
  <c r="O2551" i="8"/>
  <c r="I2549" i="9" s="1"/>
  <c r="J2552" i="8"/>
  <c r="F2550" i="9" s="1"/>
  <c r="L2552" i="8"/>
  <c r="N2552" i="8"/>
  <c r="H2550" i="9" s="1"/>
  <c r="O2552" i="8"/>
  <c r="I2550" i="9" s="1"/>
  <c r="J2553" i="8"/>
  <c r="F2551" i="9" s="1"/>
  <c r="L2553" i="8"/>
  <c r="N2553" i="8"/>
  <c r="H2551" i="9" s="1"/>
  <c r="O2553" i="8"/>
  <c r="I2551" i="9" s="1"/>
  <c r="J2554" i="8"/>
  <c r="F2552" i="9" s="1"/>
  <c r="L2554" i="8"/>
  <c r="N2554" i="8"/>
  <c r="H2552" i="9" s="1"/>
  <c r="O2554" i="8"/>
  <c r="I2552" i="9" s="1"/>
  <c r="J2555" i="8"/>
  <c r="F2553" i="9" s="1"/>
  <c r="L2555" i="8"/>
  <c r="N2555" i="8"/>
  <c r="H2553" i="9" s="1"/>
  <c r="O2555" i="8"/>
  <c r="I2553" i="9" s="1"/>
  <c r="J2556" i="8"/>
  <c r="F2554" i="9" s="1"/>
  <c r="L2556" i="8"/>
  <c r="N2556" i="8"/>
  <c r="H2554" i="9" s="1"/>
  <c r="O2556" i="8"/>
  <c r="I2554" i="9" s="1"/>
  <c r="J2557" i="8"/>
  <c r="F2555" i="9" s="1"/>
  <c r="L2557" i="8"/>
  <c r="N2557" i="8"/>
  <c r="H2555" i="9" s="1"/>
  <c r="O2557" i="8"/>
  <c r="I2555" i="9" s="1"/>
  <c r="J2558" i="8"/>
  <c r="F2556" i="9" s="1"/>
  <c r="L2558" i="8"/>
  <c r="N2558" i="8"/>
  <c r="H2556" i="9" s="1"/>
  <c r="O2558" i="8"/>
  <c r="I2556" i="9" s="1"/>
  <c r="J2559" i="8"/>
  <c r="F2557" i="9" s="1"/>
  <c r="L2559" i="8"/>
  <c r="N2559" i="8"/>
  <c r="H2557" i="9" s="1"/>
  <c r="O2559" i="8"/>
  <c r="I2557" i="9" s="1"/>
  <c r="J2560" i="8"/>
  <c r="F2558" i="9" s="1"/>
  <c r="L2560" i="8"/>
  <c r="N2560" i="8"/>
  <c r="H2558" i="9" s="1"/>
  <c r="O2560" i="8"/>
  <c r="I2558" i="9" s="1"/>
  <c r="J2561" i="8"/>
  <c r="F2559" i="9" s="1"/>
  <c r="L2561" i="8"/>
  <c r="N2561" i="8"/>
  <c r="H2559" i="9" s="1"/>
  <c r="O2561" i="8"/>
  <c r="I2559" i="9" s="1"/>
  <c r="J2562" i="8"/>
  <c r="F2560" i="9" s="1"/>
  <c r="L2562" i="8"/>
  <c r="N2562" i="8"/>
  <c r="H2560" i="9" s="1"/>
  <c r="O2562" i="8"/>
  <c r="I2560" i="9" s="1"/>
  <c r="J2563" i="8"/>
  <c r="F2561" i="9" s="1"/>
  <c r="L2563" i="8"/>
  <c r="N2563" i="8"/>
  <c r="H2561" i="9" s="1"/>
  <c r="O2563" i="8"/>
  <c r="I2561" i="9" s="1"/>
  <c r="J2564" i="8"/>
  <c r="F2562" i="9" s="1"/>
  <c r="L2564" i="8"/>
  <c r="N2564" i="8"/>
  <c r="H2562" i="9" s="1"/>
  <c r="O2564" i="8"/>
  <c r="I2562" i="9" s="1"/>
  <c r="J2565" i="8"/>
  <c r="F2563" i="9" s="1"/>
  <c r="L2565" i="8"/>
  <c r="N2565" i="8"/>
  <c r="H2563" i="9" s="1"/>
  <c r="O2565" i="8"/>
  <c r="I2563" i="9" s="1"/>
  <c r="J2566" i="8"/>
  <c r="F2564" i="9" s="1"/>
  <c r="L2566" i="8"/>
  <c r="N2566" i="8"/>
  <c r="H2564" i="9" s="1"/>
  <c r="O2566" i="8"/>
  <c r="I2564" i="9" s="1"/>
  <c r="J2567" i="8"/>
  <c r="F2565" i="9" s="1"/>
  <c r="L2567" i="8"/>
  <c r="N2567" i="8"/>
  <c r="H2565" i="9" s="1"/>
  <c r="O2567" i="8"/>
  <c r="I2565" i="9" s="1"/>
  <c r="J2568" i="8"/>
  <c r="F2566" i="9" s="1"/>
  <c r="L2568" i="8"/>
  <c r="N2568" i="8"/>
  <c r="H2566" i="9" s="1"/>
  <c r="O2568" i="8"/>
  <c r="I2566" i="9" s="1"/>
  <c r="J2569" i="8"/>
  <c r="F2567" i="9" s="1"/>
  <c r="L2569" i="8"/>
  <c r="N2569" i="8"/>
  <c r="H2567" i="9" s="1"/>
  <c r="O2569" i="8"/>
  <c r="I2567" i="9" s="1"/>
  <c r="J2570" i="8"/>
  <c r="F2568" i="9" s="1"/>
  <c r="L2570" i="8"/>
  <c r="N2570" i="8"/>
  <c r="H2568" i="9" s="1"/>
  <c r="O2570" i="8"/>
  <c r="I2568" i="9" s="1"/>
  <c r="J2571" i="8"/>
  <c r="F2569" i="9" s="1"/>
  <c r="L2571" i="8"/>
  <c r="N2571" i="8"/>
  <c r="H2569" i="9" s="1"/>
  <c r="O2571" i="8"/>
  <c r="I2569" i="9" s="1"/>
  <c r="J2572" i="8"/>
  <c r="F2570" i="9" s="1"/>
  <c r="L2572" i="8"/>
  <c r="N2572" i="8"/>
  <c r="H2570" i="9" s="1"/>
  <c r="O2572" i="8"/>
  <c r="I2570" i="9" s="1"/>
  <c r="J2573" i="8"/>
  <c r="F2571" i="9" s="1"/>
  <c r="L2573" i="8"/>
  <c r="N2573" i="8"/>
  <c r="H2571" i="9" s="1"/>
  <c r="O2573" i="8"/>
  <c r="I2571" i="9" s="1"/>
  <c r="J2574" i="8"/>
  <c r="F2572" i="9" s="1"/>
  <c r="L2574" i="8"/>
  <c r="N2574" i="8"/>
  <c r="H2572" i="9" s="1"/>
  <c r="O2574" i="8"/>
  <c r="I2572" i="9" s="1"/>
  <c r="J2575" i="8"/>
  <c r="F2573" i="9" s="1"/>
  <c r="L2575" i="8"/>
  <c r="N2575" i="8"/>
  <c r="H2573" i="9" s="1"/>
  <c r="O2575" i="8"/>
  <c r="I2573" i="9" s="1"/>
  <c r="J2576" i="8"/>
  <c r="F2574" i="9" s="1"/>
  <c r="L2576" i="8"/>
  <c r="N2576" i="8"/>
  <c r="H2574" i="9" s="1"/>
  <c r="O2576" i="8"/>
  <c r="I2574" i="9" s="1"/>
  <c r="J2577" i="8"/>
  <c r="F2575" i="9" s="1"/>
  <c r="L2577" i="8"/>
  <c r="N2577" i="8"/>
  <c r="H2575" i="9" s="1"/>
  <c r="O2577" i="8"/>
  <c r="I2575" i="9" s="1"/>
  <c r="J2578" i="8"/>
  <c r="F2576" i="9" s="1"/>
  <c r="L2578" i="8"/>
  <c r="N2578" i="8"/>
  <c r="H2576" i="9" s="1"/>
  <c r="O2578" i="8"/>
  <c r="I2576" i="9" s="1"/>
  <c r="J2579" i="8"/>
  <c r="F2577" i="9" s="1"/>
  <c r="L2579" i="8"/>
  <c r="N2579" i="8"/>
  <c r="H2577" i="9" s="1"/>
  <c r="O2579" i="8"/>
  <c r="I2577" i="9" s="1"/>
  <c r="J2580" i="8"/>
  <c r="F2578" i="9" s="1"/>
  <c r="L2580" i="8"/>
  <c r="N2580" i="8"/>
  <c r="H2578" i="9" s="1"/>
  <c r="O2580" i="8"/>
  <c r="I2578" i="9" s="1"/>
  <c r="J2581" i="8"/>
  <c r="F2579" i="9" s="1"/>
  <c r="L2581" i="8"/>
  <c r="N2581" i="8"/>
  <c r="H2579" i="9" s="1"/>
  <c r="O2581" i="8"/>
  <c r="I2579" i="9" s="1"/>
  <c r="J2582" i="8"/>
  <c r="F2580" i="9" s="1"/>
  <c r="L2582" i="8"/>
  <c r="N2582" i="8"/>
  <c r="H2580" i="9" s="1"/>
  <c r="O2582" i="8"/>
  <c r="I2580" i="9" s="1"/>
  <c r="J2583" i="8"/>
  <c r="F2581" i="9" s="1"/>
  <c r="L2583" i="8"/>
  <c r="N2583" i="8"/>
  <c r="H2581" i="9" s="1"/>
  <c r="O2583" i="8"/>
  <c r="I2581" i="9" s="1"/>
  <c r="J2584" i="8"/>
  <c r="F2582" i="9" s="1"/>
  <c r="L2584" i="8"/>
  <c r="N2584" i="8"/>
  <c r="H2582" i="9" s="1"/>
  <c r="O2584" i="8"/>
  <c r="I2582" i="9" s="1"/>
  <c r="J2585" i="8"/>
  <c r="F2583" i="9" s="1"/>
  <c r="L2585" i="8"/>
  <c r="N2585" i="8"/>
  <c r="H2583" i="9" s="1"/>
  <c r="O2585" i="8"/>
  <c r="I2583" i="9" s="1"/>
  <c r="J2586" i="8"/>
  <c r="F2584" i="9" s="1"/>
  <c r="L2586" i="8"/>
  <c r="N2586" i="8"/>
  <c r="H2584" i="9" s="1"/>
  <c r="O2586" i="8"/>
  <c r="I2584" i="9" s="1"/>
  <c r="J2587" i="8"/>
  <c r="F2585" i="9" s="1"/>
  <c r="L2587" i="8"/>
  <c r="N2587" i="8"/>
  <c r="H2585" i="9" s="1"/>
  <c r="O2587" i="8"/>
  <c r="I2585" i="9" s="1"/>
  <c r="J2588" i="8"/>
  <c r="F2586" i="9" s="1"/>
  <c r="L2588" i="8"/>
  <c r="N2588" i="8"/>
  <c r="H2586" i="9" s="1"/>
  <c r="O2588" i="8"/>
  <c r="I2586" i="9" s="1"/>
  <c r="J2589" i="8"/>
  <c r="F2587" i="9" s="1"/>
  <c r="L2589" i="8"/>
  <c r="N2589" i="8"/>
  <c r="H2587" i="9" s="1"/>
  <c r="O2589" i="8"/>
  <c r="I2587" i="9" s="1"/>
  <c r="J2590" i="8"/>
  <c r="F2588" i="9" s="1"/>
  <c r="L2590" i="8"/>
  <c r="N2590" i="8"/>
  <c r="H2588" i="9" s="1"/>
  <c r="O2590" i="8"/>
  <c r="I2588" i="9" s="1"/>
  <c r="J2591" i="8"/>
  <c r="F2589" i="9" s="1"/>
  <c r="L2591" i="8"/>
  <c r="N2591" i="8"/>
  <c r="H2589" i="9" s="1"/>
  <c r="O2591" i="8"/>
  <c r="I2589" i="9" s="1"/>
  <c r="J2592" i="8"/>
  <c r="F2590" i="9" s="1"/>
  <c r="L2592" i="8"/>
  <c r="N2592" i="8"/>
  <c r="H2590" i="9" s="1"/>
  <c r="O2592" i="8"/>
  <c r="I2590" i="9" s="1"/>
  <c r="J2593" i="8"/>
  <c r="F2591" i="9" s="1"/>
  <c r="L2593" i="8"/>
  <c r="N2593" i="8"/>
  <c r="H2591" i="9" s="1"/>
  <c r="O2593" i="8"/>
  <c r="I2591" i="9" s="1"/>
  <c r="J2594" i="8"/>
  <c r="F2592" i="9" s="1"/>
  <c r="L2594" i="8"/>
  <c r="N2594" i="8"/>
  <c r="H2592" i="9" s="1"/>
  <c r="O2594" i="8"/>
  <c r="I2592" i="9" s="1"/>
  <c r="J2595" i="8"/>
  <c r="F2593" i="9" s="1"/>
  <c r="L2595" i="8"/>
  <c r="N2595" i="8"/>
  <c r="H2593" i="9" s="1"/>
  <c r="O2595" i="8"/>
  <c r="I2593" i="9" s="1"/>
  <c r="J2596" i="8"/>
  <c r="F2594" i="9" s="1"/>
  <c r="L2596" i="8"/>
  <c r="N2596" i="8"/>
  <c r="H2594" i="9" s="1"/>
  <c r="O2596" i="8"/>
  <c r="I2594" i="9" s="1"/>
  <c r="J2597" i="8"/>
  <c r="F2595" i="9" s="1"/>
  <c r="L2597" i="8"/>
  <c r="N2597" i="8"/>
  <c r="H2595" i="9" s="1"/>
  <c r="O2597" i="8"/>
  <c r="I2595" i="9" s="1"/>
  <c r="J2598" i="8"/>
  <c r="F2596" i="9" s="1"/>
  <c r="L2598" i="8"/>
  <c r="N2598" i="8"/>
  <c r="H2596" i="9" s="1"/>
  <c r="O2598" i="8"/>
  <c r="I2596" i="9" s="1"/>
  <c r="J2599" i="8"/>
  <c r="F2597" i="9" s="1"/>
  <c r="L2599" i="8"/>
  <c r="N2599" i="8"/>
  <c r="H2597" i="9" s="1"/>
  <c r="O2599" i="8"/>
  <c r="I2597" i="9" s="1"/>
  <c r="J2600" i="8"/>
  <c r="F2598" i="9" s="1"/>
  <c r="L2600" i="8"/>
  <c r="N2600" i="8"/>
  <c r="H2598" i="9" s="1"/>
  <c r="O2600" i="8"/>
  <c r="I2598" i="9" s="1"/>
  <c r="J2601" i="8"/>
  <c r="F2599" i="9" s="1"/>
  <c r="L2601" i="8"/>
  <c r="N2601" i="8"/>
  <c r="H2599" i="9" s="1"/>
  <c r="O2601" i="8"/>
  <c r="I2599" i="9" s="1"/>
  <c r="J2602" i="8"/>
  <c r="F2600" i="9" s="1"/>
  <c r="L2602" i="8"/>
  <c r="N2602" i="8"/>
  <c r="H2600" i="9" s="1"/>
  <c r="O2602" i="8"/>
  <c r="I2600" i="9" s="1"/>
  <c r="J2603" i="8"/>
  <c r="F2601" i="9" s="1"/>
  <c r="L2603" i="8"/>
  <c r="N2603" i="8"/>
  <c r="H2601" i="9" s="1"/>
  <c r="O2603" i="8"/>
  <c r="I2601" i="9" s="1"/>
  <c r="J2604" i="8"/>
  <c r="F2602" i="9" s="1"/>
  <c r="L2604" i="8"/>
  <c r="N2604" i="8"/>
  <c r="H2602" i="9" s="1"/>
  <c r="O2604" i="8"/>
  <c r="I2602" i="9" s="1"/>
  <c r="J2605" i="8"/>
  <c r="F2603" i="9" s="1"/>
  <c r="L2605" i="8"/>
  <c r="N2605" i="8"/>
  <c r="H2603" i="9" s="1"/>
  <c r="O2605" i="8"/>
  <c r="I2603" i="9" s="1"/>
  <c r="J2606" i="8"/>
  <c r="F2604" i="9" s="1"/>
  <c r="L2606" i="8"/>
  <c r="N2606" i="8"/>
  <c r="H2604" i="9" s="1"/>
  <c r="O2606" i="8"/>
  <c r="I2604" i="9" s="1"/>
  <c r="J2607" i="8"/>
  <c r="F2605" i="9" s="1"/>
  <c r="L2607" i="8"/>
  <c r="N2607" i="8"/>
  <c r="H2605" i="9" s="1"/>
  <c r="O2607" i="8"/>
  <c r="I2605" i="9" s="1"/>
  <c r="J2608" i="8"/>
  <c r="F2606" i="9" s="1"/>
  <c r="L2608" i="8"/>
  <c r="N2608" i="8"/>
  <c r="H2606" i="9" s="1"/>
  <c r="O2608" i="8"/>
  <c r="I2606" i="9" s="1"/>
  <c r="J2609" i="8"/>
  <c r="F2607" i="9" s="1"/>
  <c r="L2609" i="8"/>
  <c r="N2609" i="8"/>
  <c r="H2607" i="9" s="1"/>
  <c r="O2609" i="8"/>
  <c r="I2607" i="9" s="1"/>
  <c r="J2610" i="8"/>
  <c r="F2608" i="9" s="1"/>
  <c r="L2610" i="8"/>
  <c r="N2610" i="8"/>
  <c r="H2608" i="9" s="1"/>
  <c r="O2610" i="8"/>
  <c r="I2608" i="9" s="1"/>
  <c r="J2611" i="8"/>
  <c r="F2609" i="9" s="1"/>
  <c r="L2611" i="8"/>
  <c r="N2611" i="8"/>
  <c r="H2609" i="9" s="1"/>
  <c r="O2611" i="8"/>
  <c r="I2609" i="9" s="1"/>
  <c r="J2612" i="8"/>
  <c r="F2610" i="9" s="1"/>
  <c r="L2612" i="8"/>
  <c r="N2612" i="8"/>
  <c r="H2610" i="9" s="1"/>
  <c r="O2612" i="8"/>
  <c r="I2610" i="9" s="1"/>
  <c r="J2613" i="8"/>
  <c r="F2611" i="9" s="1"/>
  <c r="L2613" i="8"/>
  <c r="N2613" i="8"/>
  <c r="H2611" i="9" s="1"/>
  <c r="O2613" i="8"/>
  <c r="I2611" i="9" s="1"/>
  <c r="J2614" i="8"/>
  <c r="F2612" i="9" s="1"/>
  <c r="L2614" i="8"/>
  <c r="N2614" i="8"/>
  <c r="H2612" i="9" s="1"/>
  <c r="O2614" i="8"/>
  <c r="I2612" i="9" s="1"/>
  <c r="J2615" i="8"/>
  <c r="F2613" i="9" s="1"/>
  <c r="L2615" i="8"/>
  <c r="N2615" i="8"/>
  <c r="H2613" i="9" s="1"/>
  <c r="O2615" i="8"/>
  <c r="I2613" i="9" s="1"/>
  <c r="J2616" i="8"/>
  <c r="F2614" i="9" s="1"/>
  <c r="L2616" i="8"/>
  <c r="N2616" i="8"/>
  <c r="H2614" i="9" s="1"/>
  <c r="O2616" i="8"/>
  <c r="I2614" i="9" s="1"/>
  <c r="J2617" i="8"/>
  <c r="F2615" i="9" s="1"/>
  <c r="L2617" i="8"/>
  <c r="N2617" i="8"/>
  <c r="H2615" i="9" s="1"/>
  <c r="O2617" i="8"/>
  <c r="I2615" i="9" s="1"/>
  <c r="J2618" i="8"/>
  <c r="F2616" i="9" s="1"/>
  <c r="L2618" i="8"/>
  <c r="N2618" i="8"/>
  <c r="H2616" i="9" s="1"/>
  <c r="O2618" i="8"/>
  <c r="I2616" i="9" s="1"/>
  <c r="J2619" i="8"/>
  <c r="F2617" i="9" s="1"/>
  <c r="L2619" i="8"/>
  <c r="N2619" i="8"/>
  <c r="H2617" i="9" s="1"/>
  <c r="O2619" i="8"/>
  <c r="I2617" i="9" s="1"/>
  <c r="J2620" i="8"/>
  <c r="F2618" i="9" s="1"/>
  <c r="L2620" i="8"/>
  <c r="N2620" i="8"/>
  <c r="H2618" i="9" s="1"/>
  <c r="O2620" i="8"/>
  <c r="I2618" i="9" s="1"/>
  <c r="J2621" i="8"/>
  <c r="F2619" i="9" s="1"/>
  <c r="L2621" i="8"/>
  <c r="N2621" i="8"/>
  <c r="H2619" i="9" s="1"/>
  <c r="O2621" i="8"/>
  <c r="I2619" i="9" s="1"/>
  <c r="J2622" i="8"/>
  <c r="F2620" i="9" s="1"/>
  <c r="L2622" i="8"/>
  <c r="N2622" i="8"/>
  <c r="H2620" i="9" s="1"/>
  <c r="O2622" i="8"/>
  <c r="I2620" i="9" s="1"/>
  <c r="J2623" i="8"/>
  <c r="F2621" i="9" s="1"/>
  <c r="L2623" i="8"/>
  <c r="N2623" i="8"/>
  <c r="H2621" i="9" s="1"/>
  <c r="O2623" i="8"/>
  <c r="I2621" i="9" s="1"/>
  <c r="J2624" i="8"/>
  <c r="F2622" i="9" s="1"/>
  <c r="L2624" i="8"/>
  <c r="N2624" i="8"/>
  <c r="H2622" i="9" s="1"/>
  <c r="O2624" i="8"/>
  <c r="I2622" i="9" s="1"/>
  <c r="J2625" i="8"/>
  <c r="F2623" i="9" s="1"/>
  <c r="L2625" i="8"/>
  <c r="N2625" i="8"/>
  <c r="H2623" i="9" s="1"/>
  <c r="O2625" i="8"/>
  <c r="I2623" i="9" s="1"/>
  <c r="J2626" i="8"/>
  <c r="F2624" i="9" s="1"/>
  <c r="L2626" i="8"/>
  <c r="N2626" i="8"/>
  <c r="H2624" i="9" s="1"/>
  <c r="O2626" i="8"/>
  <c r="I2624" i="9" s="1"/>
  <c r="J2627" i="8"/>
  <c r="F2625" i="9" s="1"/>
  <c r="L2627" i="8"/>
  <c r="N2627" i="8"/>
  <c r="H2625" i="9" s="1"/>
  <c r="O2627" i="8"/>
  <c r="I2625" i="9" s="1"/>
  <c r="J2628" i="8"/>
  <c r="F2626" i="9" s="1"/>
  <c r="L2628" i="8"/>
  <c r="N2628" i="8"/>
  <c r="H2626" i="9" s="1"/>
  <c r="O2628" i="8"/>
  <c r="I2626" i="9" s="1"/>
  <c r="J2629" i="8"/>
  <c r="F2627" i="9" s="1"/>
  <c r="L2629" i="8"/>
  <c r="N2629" i="8"/>
  <c r="H2627" i="9" s="1"/>
  <c r="O2629" i="8"/>
  <c r="I2627" i="9" s="1"/>
  <c r="J2630" i="8"/>
  <c r="F2628" i="9" s="1"/>
  <c r="L2630" i="8"/>
  <c r="N2630" i="8"/>
  <c r="H2628" i="9" s="1"/>
  <c r="O2630" i="8"/>
  <c r="I2628" i="9" s="1"/>
  <c r="J2631" i="8"/>
  <c r="F2629" i="9" s="1"/>
  <c r="L2631" i="8"/>
  <c r="N2631" i="8"/>
  <c r="H2629" i="9" s="1"/>
  <c r="O2631" i="8"/>
  <c r="I2629" i="9" s="1"/>
  <c r="J2632" i="8"/>
  <c r="F2630" i="9" s="1"/>
  <c r="L2632" i="8"/>
  <c r="N2632" i="8"/>
  <c r="H2630" i="9" s="1"/>
  <c r="O2632" i="8"/>
  <c r="I2630" i="9" s="1"/>
  <c r="J2633" i="8"/>
  <c r="F2631" i="9" s="1"/>
  <c r="L2633" i="8"/>
  <c r="N2633" i="8"/>
  <c r="H2631" i="9" s="1"/>
  <c r="O2633" i="8"/>
  <c r="I2631" i="9" s="1"/>
  <c r="J2634" i="8"/>
  <c r="F2632" i="9" s="1"/>
  <c r="L2634" i="8"/>
  <c r="N2634" i="8"/>
  <c r="H2632" i="9" s="1"/>
  <c r="O2634" i="8"/>
  <c r="I2632" i="9" s="1"/>
  <c r="J2635" i="8"/>
  <c r="F2633" i="9" s="1"/>
  <c r="L2635" i="8"/>
  <c r="N2635" i="8"/>
  <c r="H2633" i="9" s="1"/>
  <c r="O2635" i="8"/>
  <c r="I2633" i="9" s="1"/>
  <c r="J2636" i="8"/>
  <c r="F2634" i="9" s="1"/>
  <c r="L2636" i="8"/>
  <c r="N2636" i="8"/>
  <c r="H2634" i="9" s="1"/>
  <c r="O2636" i="8"/>
  <c r="I2634" i="9" s="1"/>
  <c r="J2637" i="8"/>
  <c r="F2635" i="9" s="1"/>
  <c r="L2637" i="8"/>
  <c r="N2637" i="8"/>
  <c r="H2635" i="9" s="1"/>
  <c r="O2637" i="8"/>
  <c r="I2635" i="9" s="1"/>
  <c r="J2638" i="8"/>
  <c r="F2636" i="9" s="1"/>
  <c r="L2638" i="8"/>
  <c r="N2638" i="8"/>
  <c r="H2636" i="9" s="1"/>
  <c r="O2638" i="8"/>
  <c r="I2636" i="9" s="1"/>
  <c r="J2639" i="8"/>
  <c r="F2637" i="9" s="1"/>
  <c r="L2639" i="8"/>
  <c r="N2639" i="8"/>
  <c r="H2637" i="9" s="1"/>
  <c r="O2639" i="8"/>
  <c r="I2637" i="9" s="1"/>
  <c r="J2640" i="8"/>
  <c r="F2638" i="9" s="1"/>
  <c r="L2640" i="8"/>
  <c r="N2640" i="8"/>
  <c r="H2638" i="9" s="1"/>
  <c r="O2640" i="8"/>
  <c r="I2638" i="9" s="1"/>
  <c r="J2641" i="8"/>
  <c r="F2639" i="9" s="1"/>
  <c r="L2641" i="8"/>
  <c r="N2641" i="8"/>
  <c r="H2639" i="9" s="1"/>
  <c r="O2641" i="8"/>
  <c r="I2639" i="9" s="1"/>
  <c r="J2642" i="8"/>
  <c r="F2640" i="9" s="1"/>
  <c r="L2642" i="8"/>
  <c r="N2642" i="8"/>
  <c r="H2640" i="9" s="1"/>
  <c r="O2642" i="8"/>
  <c r="I2640" i="9" s="1"/>
  <c r="J2643" i="8"/>
  <c r="F2641" i="9" s="1"/>
  <c r="L2643" i="8"/>
  <c r="N2643" i="8"/>
  <c r="H2641" i="9" s="1"/>
  <c r="O2643" i="8"/>
  <c r="I2641" i="9" s="1"/>
  <c r="J2644" i="8"/>
  <c r="F2642" i="9" s="1"/>
  <c r="L2644" i="8"/>
  <c r="N2644" i="8"/>
  <c r="H2642" i="9" s="1"/>
  <c r="O2644" i="8"/>
  <c r="I2642" i="9" s="1"/>
  <c r="J2645" i="8"/>
  <c r="F2643" i="9" s="1"/>
  <c r="L2645" i="8"/>
  <c r="N2645" i="8"/>
  <c r="H2643" i="9" s="1"/>
  <c r="O2645" i="8"/>
  <c r="I2643" i="9" s="1"/>
  <c r="J2646" i="8"/>
  <c r="F2644" i="9" s="1"/>
  <c r="L2646" i="8"/>
  <c r="N2646" i="8"/>
  <c r="H2644" i="9" s="1"/>
  <c r="O2646" i="8"/>
  <c r="I2644" i="9" s="1"/>
  <c r="J2647" i="8"/>
  <c r="F2645" i="9" s="1"/>
  <c r="L2647" i="8"/>
  <c r="N2647" i="8"/>
  <c r="H2645" i="9" s="1"/>
  <c r="O2647" i="8"/>
  <c r="I2645" i="9" s="1"/>
  <c r="J2648" i="8"/>
  <c r="F2646" i="9" s="1"/>
  <c r="L2648" i="8"/>
  <c r="N2648" i="8"/>
  <c r="H2646" i="9" s="1"/>
  <c r="O2648" i="8"/>
  <c r="I2646" i="9" s="1"/>
  <c r="J2649" i="8"/>
  <c r="F2647" i="9" s="1"/>
  <c r="L2649" i="8"/>
  <c r="N2649" i="8"/>
  <c r="H2647" i="9" s="1"/>
  <c r="O2649" i="8"/>
  <c r="I2647" i="9" s="1"/>
  <c r="J2650" i="8"/>
  <c r="F2648" i="9" s="1"/>
  <c r="L2650" i="8"/>
  <c r="N2650" i="8"/>
  <c r="H2648" i="9" s="1"/>
  <c r="O2650" i="8"/>
  <c r="I2648" i="9" s="1"/>
  <c r="J2651" i="8"/>
  <c r="F2649" i="9" s="1"/>
  <c r="L2651" i="8"/>
  <c r="N2651" i="8"/>
  <c r="H2649" i="9" s="1"/>
  <c r="O2651" i="8"/>
  <c r="I2649" i="9" s="1"/>
  <c r="J2652" i="8"/>
  <c r="F2650" i="9" s="1"/>
  <c r="L2652" i="8"/>
  <c r="N2652" i="8"/>
  <c r="H2650" i="9" s="1"/>
  <c r="O2652" i="8"/>
  <c r="I2650" i="9" s="1"/>
  <c r="J2653" i="8"/>
  <c r="F2651" i="9" s="1"/>
  <c r="L2653" i="8"/>
  <c r="N2653" i="8"/>
  <c r="H2651" i="9" s="1"/>
  <c r="O2653" i="8"/>
  <c r="I2651" i="9" s="1"/>
  <c r="J2654" i="8"/>
  <c r="F2652" i="9" s="1"/>
  <c r="L2654" i="8"/>
  <c r="N2654" i="8"/>
  <c r="H2652" i="9" s="1"/>
  <c r="O2654" i="8"/>
  <c r="I2652" i="9" s="1"/>
  <c r="J2655" i="8"/>
  <c r="F2653" i="9" s="1"/>
  <c r="L2655" i="8"/>
  <c r="N2655" i="8"/>
  <c r="H2653" i="9" s="1"/>
  <c r="O2655" i="8"/>
  <c r="I2653" i="9" s="1"/>
  <c r="J2656" i="8"/>
  <c r="F2654" i="9" s="1"/>
  <c r="L2656" i="8"/>
  <c r="N2656" i="8"/>
  <c r="H2654" i="9" s="1"/>
  <c r="O2656" i="8"/>
  <c r="I2654" i="9" s="1"/>
  <c r="J2657" i="8"/>
  <c r="F2655" i="9" s="1"/>
  <c r="L2657" i="8"/>
  <c r="N2657" i="8"/>
  <c r="H2655" i="9" s="1"/>
  <c r="O2657" i="8"/>
  <c r="I2655" i="9" s="1"/>
  <c r="J2658" i="8"/>
  <c r="F2656" i="9" s="1"/>
  <c r="L2658" i="8"/>
  <c r="N2658" i="8"/>
  <c r="H2656" i="9" s="1"/>
  <c r="O2658" i="8"/>
  <c r="I2656" i="9" s="1"/>
  <c r="J2659" i="8"/>
  <c r="F2657" i="9" s="1"/>
  <c r="L2659" i="8"/>
  <c r="N2659" i="8"/>
  <c r="H2657" i="9" s="1"/>
  <c r="O2659" i="8"/>
  <c r="I2657" i="9" s="1"/>
  <c r="J2660" i="8"/>
  <c r="F2658" i="9" s="1"/>
  <c r="L2660" i="8"/>
  <c r="N2660" i="8"/>
  <c r="H2658" i="9" s="1"/>
  <c r="O2660" i="8"/>
  <c r="I2658" i="9" s="1"/>
  <c r="J2661" i="8"/>
  <c r="F2659" i="9" s="1"/>
  <c r="L2661" i="8"/>
  <c r="N2661" i="8"/>
  <c r="H2659" i="9" s="1"/>
  <c r="O2661" i="8"/>
  <c r="I2659" i="9" s="1"/>
  <c r="J2662" i="8"/>
  <c r="F2660" i="9" s="1"/>
  <c r="L2662" i="8"/>
  <c r="N2662" i="8"/>
  <c r="H2660" i="9" s="1"/>
  <c r="O2662" i="8"/>
  <c r="I2660" i="9" s="1"/>
  <c r="J2663" i="8"/>
  <c r="F2661" i="9" s="1"/>
  <c r="L2663" i="8"/>
  <c r="N2663" i="8"/>
  <c r="H2661" i="9" s="1"/>
  <c r="O2663" i="8"/>
  <c r="I2661" i="9" s="1"/>
  <c r="J2664" i="8"/>
  <c r="F2662" i="9" s="1"/>
  <c r="L2664" i="8"/>
  <c r="N2664" i="8"/>
  <c r="H2662" i="9" s="1"/>
  <c r="O2664" i="8"/>
  <c r="I2662" i="9" s="1"/>
  <c r="J2665" i="8"/>
  <c r="F2663" i="9" s="1"/>
  <c r="L2665" i="8"/>
  <c r="N2665" i="8"/>
  <c r="H2663" i="9" s="1"/>
  <c r="O2665" i="8"/>
  <c r="I2663" i="9" s="1"/>
  <c r="J2666" i="8"/>
  <c r="F2664" i="9" s="1"/>
  <c r="L2666" i="8"/>
  <c r="N2666" i="8"/>
  <c r="H2664" i="9" s="1"/>
  <c r="O2666" i="8"/>
  <c r="I2664" i="9" s="1"/>
  <c r="J2667" i="8"/>
  <c r="F2665" i="9" s="1"/>
  <c r="L2667" i="8"/>
  <c r="N2667" i="8"/>
  <c r="H2665" i="9" s="1"/>
  <c r="O2667" i="8"/>
  <c r="I2665" i="9" s="1"/>
  <c r="J2668" i="8"/>
  <c r="F2666" i="9" s="1"/>
  <c r="L2668" i="8"/>
  <c r="N2668" i="8"/>
  <c r="H2666" i="9" s="1"/>
  <c r="O2668" i="8"/>
  <c r="I2666" i="9" s="1"/>
  <c r="J2669" i="8"/>
  <c r="F2667" i="9" s="1"/>
  <c r="L2669" i="8"/>
  <c r="N2669" i="8"/>
  <c r="H2667" i="9" s="1"/>
  <c r="O2669" i="8"/>
  <c r="I2667" i="9" s="1"/>
  <c r="J2670" i="8"/>
  <c r="F2668" i="9" s="1"/>
  <c r="L2670" i="8"/>
  <c r="N2670" i="8"/>
  <c r="H2668" i="9" s="1"/>
  <c r="O2670" i="8"/>
  <c r="I2668" i="9" s="1"/>
  <c r="J2671" i="8"/>
  <c r="F2669" i="9" s="1"/>
  <c r="L2671" i="8"/>
  <c r="N2671" i="8"/>
  <c r="H2669" i="9" s="1"/>
  <c r="O2671" i="8"/>
  <c r="I2669" i="9" s="1"/>
  <c r="J2672" i="8"/>
  <c r="F2670" i="9" s="1"/>
  <c r="L2672" i="8"/>
  <c r="N2672" i="8"/>
  <c r="H2670" i="9" s="1"/>
  <c r="O2672" i="8"/>
  <c r="I2670" i="9" s="1"/>
  <c r="J2673" i="8"/>
  <c r="F2671" i="9" s="1"/>
  <c r="L2673" i="8"/>
  <c r="N2673" i="8"/>
  <c r="H2671" i="9" s="1"/>
  <c r="O2673" i="8"/>
  <c r="I2671" i="9" s="1"/>
  <c r="J2674" i="8"/>
  <c r="F2672" i="9" s="1"/>
  <c r="L2674" i="8"/>
  <c r="N2674" i="8"/>
  <c r="H2672" i="9" s="1"/>
  <c r="O2674" i="8"/>
  <c r="I2672" i="9" s="1"/>
  <c r="J2675" i="8"/>
  <c r="F2673" i="9" s="1"/>
  <c r="L2675" i="8"/>
  <c r="N2675" i="8"/>
  <c r="H2673" i="9" s="1"/>
  <c r="O2675" i="8"/>
  <c r="I2673" i="9" s="1"/>
  <c r="J2676" i="8"/>
  <c r="F2674" i="9" s="1"/>
  <c r="L2676" i="8"/>
  <c r="N2676" i="8"/>
  <c r="H2674" i="9" s="1"/>
  <c r="O2676" i="8"/>
  <c r="I2674" i="9" s="1"/>
  <c r="J2677" i="8"/>
  <c r="F2675" i="9" s="1"/>
  <c r="L2677" i="8"/>
  <c r="N2677" i="8"/>
  <c r="H2675" i="9" s="1"/>
  <c r="O2677" i="8"/>
  <c r="I2675" i="9" s="1"/>
  <c r="J2678" i="8"/>
  <c r="F2676" i="9" s="1"/>
  <c r="L2678" i="8"/>
  <c r="N2678" i="8"/>
  <c r="H2676" i="9" s="1"/>
  <c r="O2678" i="8"/>
  <c r="I2676" i="9" s="1"/>
  <c r="J2679" i="8"/>
  <c r="F2677" i="9" s="1"/>
  <c r="L2679" i="8"/>
  <c r="N2679" i="8"/>
  <c r="H2677" i="9" s="1"/>
  <c r="O2679" i="8"/>
  <c r="I2677" i="9" s="1"/>
  <c r="J2680" i="8"/>
  <c r="F2678" i="9" s="1"/>
  <c r="L2680" i="8"/>
  <c r="N2680" i="8"/>
  <c r="H2678" i="9" s="1"/>
  <c r="O2680" i="8"/>
  <c r="I2678" i="9" s="1"/>
  <c r="J2681" i="8"/>
  <c r="F2679" i="9" s="1"/>
  <c r="L2681" i="8"/>
  <c r="N2681" i="8"/>
  <c r="H2679" i="9" s="1"/>
  <c r="O2681" i="8"/>
  <c r="I2679" i="9" s="1"/>
  <c r="J2682" i="8"/>
  <c r="F2680" i="9" s="1"/>
  <c r="L2682" i="8"/>
  <c r="N2682" i="8"/>
  <c r="H2680" i="9" s="1"/>
  <c r="O2682" i="8"/>
  <c r="I2680" i="9" s="1"/>
  <c r="J2683" i="8"/>
  <c r="F2681" i="9" s="1"/>
  <c r="L2683" i="8"/>
  <c r="N2683" i="8"/>
  <c r="H2681" i="9" s="1"/>
  <c r="O2683" i="8"/>
  <c r="I2681" i="9" s="1"/>
  <c r="J2684" i="8"/>
  <c r="F2682" i="9" s="1"/>
  <c r="L2684" i="8"/>
  <c r="N2684" i="8"/>
  <c r="H2682" i="9" s="1"/>
  <c r="O2684" i="8"/>
  <c r="I2682" i="9" s="1"/>
  <c r="J2685" i="8"/>
  <c r="F2683" i="9" s="1"/>
  <c r="L2685" i="8"/>
  <c r="N2685" i="8"/>
  <c r="H2683" i="9" s="1"/>
  <c r="O2685" i="8"/>
  <c r="I2683" i="9" s="1"/>
  <c r="J2686" i="8"/>
  <c r="F2684" i="9" s="1"/>
  <c r="L2686" i="8"/>
  <c r="N2686" i="8"/>
  <c r="H2684" i="9" s="1"/>
  <c r="O2686" i="8"/>
  <c r="I2684" i="9" s="1"/>
  <c r="J2687" i="8"/>
  <c r="F2685" i="9" s="1"/>
  <c r="L2687" i="8"/>
  <c r="N2687" i="8"/>
  <c r="H2685" i="9" s="1"/>
  <c r="O2687" i="8"/>
  <c r="I2685" i="9" s="1"/>
  <c r="J2688" i="8"/>
  <c r="F2686" i="9" s="1"/>
  <c r="L2688" i="8"/>
  <c r="N2688" i="8"/>
  <c r="H2686" i="9" s="1"/>
  <c r="O2688" i="8"/>
  <c r="I2686" i="9" s="1"/>
  <c r="J2689" i="8"/>
  <c r="F2687" i="9" s="1"/>
  <c r="L2689" i="8"/>
  <c r="N2689" i="8"/>
  <c r="H2687" i="9" s="1"/>
  <c r="O2689" i="8"/>
  <c r="I2687" i="9" s="1"/>
  <c r="J2690" i="8"/>
  <c r="F2688" i="9" s="1"/>
  <c r="L2690" i="8"/>
  <c r="N2690" i="8"/>
  <c r="H2688" i="9" s="1"/>
  <c r="O2690" i="8"/>
  <c r="I2688" i="9" s="1"/>
  <c r="J2691" i="8"/>
  <c r="F2689" i="9" s="1"/>
  <c r="L2691" i="8"/>
  <c r="N2691" i="8"/>
  <c r="H2689" i="9" s="1"/>
  <c r="O2691" i="8"/>
  <c r="I2689" i="9" s="1"/>
  <c r="J2692" i="8"/>
  <c r="F2690" i="9" s="1"/>
  <c r="L2692" i="8"/>
  <c r="N2692" i="8"/>
  <c r="H2690" i="9" s="1"/>
  <c r="O2692" i="8"/>
  <c r="I2690" i="9" s="1"/>
  <c r="J2693" i="8"/>
  <c r="F2691" i="9" s="1"/>
  <c r="L2693" i="8"/>
  <c r="N2693" i="8"/>
  <c r="H2691" i="9" s="1"/>
  <c r="O2693" i="8"/>
  <c r="I2691" i="9" s="1"/>
  <c r="J2694" i="8"/>
  <c r="F2692" i="9" s="1"/>
  <c r="L2694" i="8"/>
  <c r="N2694" i="8"/>
  <c r="H2692" i="9" s="1"/>
  <c r="O2694" i="8"/>
  <c r="I2692" i="9" s="1"/>
  <c r="J2695" i="8"/>
  <c r="F2693" i="9" s="1"/>
  <c r="L2695" i="8"/>
  <c r="N2695" i="8"/>
  <c r="H2693" i="9" s="1"/>
  <c r="O2695" i="8"/>
  <c r="I2693" i="9" s="1"/>
  <c r="J2696" i="8"/>
  <c r="F2694" i="9" s="1"/>
  <c r="L2696" i="8"/>
  <c r="N2696" i="8"/>
  <c r="H2694" i="9" s="1"/>
  <c r="O2696" i="8"/>
  <c r="I2694" i="9" s="1"/>
  <c r="J2697" i="8"/>
  <c r="F2695" i="9" s="1"/>
  <c r="L2697" i="8"/>
  <c r="N2697" i="8"/>
  <c r="H2695" i="9" s="1"/>
  <c r="O2697" i="8"/>
  <c r="I2695" i="9" s="1"/>
  <c r="J2698" i="8"/>
  <c r="F2696" i="9" s="1"/>
  <c r="L2698" i="8"/>
  <c r="N2698" i="8"/>
  <c r="H2696" i="9" s="1"/>
  <c r="O2698" i="8"/>
  <c r="I2696" i="9" s="1"/>
  <c r="J2699" i="8"/>
  <c r="F2697" i="9" s="1"/>
  <c r="L2699" i="8"/>
  <c r="N2699" i="8"/>
  <c r="H2697" i="9" s="1"/>
  <c r="O2699" i="8"/>
  <c r="I2697" i="9" s="1"/>
  <c r="J2700" i="8"/>
  <c r="F2698" i="9" s="1"/>
  <c r="L2700" i="8"/>
  <c r="N2700" i="8"/>
  <c r="H2698" i="9" s="1"/>
  <c r="O2700" i="8"/>
  <c r="I2698" i="9" s="1"/>
  <c r="J2701" i="8"/>
  <c r="F2699" i="9" s="1"/>
  <c r="L2701" i="8"/>
  <c r="N2701" i="8"/>
  <c r="H2699" i="9" s="1"/>
  <c r="O2701" i="8"/>
  <c r="I2699" i="9" s="1"/>
  <c r="J2702" i="8"/>
  <c r="F2700" i="9" s="1"/>
  <c r="L2702" i="8"/>
  <c r="N2702" i="8"/>
  <c r="H2700" i="9" s="1"/>
  <c r="O2702" i="8"/>
  <c r="I2700" i="9" s="1"/>
  <c r="J2703" i="8"/>
  <c r="F2701" i="9" s="1"/>
  <c r="L2703" i="8"/>
  <c r="N2703" i="8"/>
  <c r="H2701" i="9" s="1"/>
  <c r="O2703" i="8"/>
  <c r="I2701" i="9" s="1"/>
  <c r="J2704" i="8"/>
  <c r="F2702" i="9" s="1"/>
  <c r="L2704" i="8"/>
  <c r="N2704" i="8"/>
  <c r="H2702" i="9" s="1"/>
  <c r="O2704" i="8"/>
  <c r="I2702" i="9" s="1"/>
  <c r="J2705" i="8"/>
  <c r="F2703" i="9" s="1"/>
  <c r="L2705" i="8"/>
  <c r="N2705" i="8"/>
  <c r="H2703" i="9" s="1"/>
  <c r="O2705" i="8"/>
  <c r="I2703" i="9" s="1"/>
  <c r="J2706" i="8"/>
  <c r="F2704" i="9" s="1"/>
  <c r="L2706" i="8"/>
  <c r="N2706" i="8"/>
  <c r="H2704" i="9" s="1"/>
  <c r="O2706" i="8"/>
  <c r="I2704" i="9" s="1"/>
  <c r="J2707" i="8"/>
  <c r="F2705" i="9" s="1"/>
  <c r="L2707" i="8"/>
  <c r="N2707" i="8"/>
  <c r="H2705" i="9" s="1"/>
  <c r="O2707" i="8"/>
  <c r="I2705" i="9" s="1"/>
  <c r="J2708" i="8"/>
  <c r="F2706" i="9" s="1"/>
  <c r="L2708" i="8"/>
  <c r="N2708" i="8"/>
  <c r="H2706" i="9" s="1"/>
  <c r="O2708" i="8"/>
  <c r="I2706" i="9" s="1"/>
  <c r="J2709" i="8"/>
  <c r="F2707" i="9" s="1"/>
  <c r="L2709" i="8"/>
  <c r="N2709" i="8"/>
  <c r="H2707" i="9" s="1"/>
  <c r="O2709" i="8"/>
  <c r="I2707" i="9" s="1"/>
  <c r="J2710" i="8"/>
  <c r="F2708" i="9" s="1"/>
  <c r="L2710" i="8"/>
  <c r="N2710" i="8"/>
  <c r="H2708" i="9" s="1"/>
  <c r="O2710" i="8"/>
  <c r="I2708" i="9" s="1"/>
  <c r="J2711" i="8"/>
  <c r="F2709" i="9" s="1"/>
  <c r="L2711" i="8"/>
  <c r="N2711" i="8"/>
  <c r="H2709" i="9" s="1"/>
  <c r="O2711" i="8"/>
  <c r="I2709" i="9" s="1"/>
  <c r="J2712" i="8"/>
  <c r="F2710" i="9" s="1"/>
  <c r="L2712" i="8"/>
  <c r="N2712" i="8"/>
  <c r="H2710" i="9" s="1"/>
  <c r="O2712" i="8"/>
  <c r="I2710" i="9" s="1"/>
  <c r="J2713" i="8"/>
  <c r="F2711" i="9" s="1"/>
  <c r="L2713" i="8"/>
  <c r="N2713" i="8"/>
  <c r="H2711" i="9" s="1"/>
  <c r="O2713" i="8"/>
  <c r="I2711" i="9" s="1"/>
  <c r="J2714" i="8"/>
  <c r="F2712" i="9" s="1"/>
  <c r="L2714" i="8"/>
  <c r="N2714" i="8"/>
  <c r="H2712" i="9" s="1"/>
  <c r="O2714" i="8"/>
  <c r="I2712" i="9" s="1"/>
  <c r="J2715" i="8"/>
  <c r="F2713" i="9" s="1"/>
  <c r="L2715" i="8"/>
  <c r="N2715" i="8"/>
  <c r="H2713" i="9" s="1"/>
  <c r="O2715" i="8"/>
  <c r="I2713" i="9" s="1"/>
  <c r="J2716" i="8"/>
  <c r="F2714" i="9" s="1"/>
  <c r="L2716" i="8"/>
  <c r="N2716" i="8"/>
  <c r="H2714" i="9" s="1"/>
  <c r="O2716" i="8"/>
  <c r="I2714" i="9" s="1"/>
  <c r="J2717" i="8"/>
  <c r="F2715" i="9" s="1"/>
  <c r="L2717" i="8"/>
  <c r="N2717" i="8"/>
  <c r="H2715" i="9" s="1"/>
  <c r="O2717" i="8"/>
  <c r="I2715" i="9" s="1"/>
  <c r="J2718" i="8"/>
  <c r="F2716" i="9" s="1"/>
  <c r="L2718" i="8"/>
  <c r="N2718" i="8"/>
  <c r="H2716" i="9" s="1"/>
  <c r="O2718" i="8"/>
  <c r="I2716" i="9" s="1"/>
  <c r="J2719" i="8"/>
  <c r="F2717" i="9" s="1"/>
  <c r="L2719" i="8"/>
  <c r="N2719" i="8"/>
  <c r="H2717" i="9" s="1"/>
  <c r="O2719" i="8"/>
  <c r="I2717" i="9" s="1"/>
  <c r="J2720" i="8"/>
  <c r="F2718" i="9" s="1"/>
  <c r="L2720" i="8"/>
  <c r="N2720" i="8"/>
  <c r="H2718" i="9" s="1"/>
  <c r="O2720" i="8"/>
  <c r="I2718" i="9" s="1"/>
  <c r="J2721" i="8"/>
  <c r="F2719" i="9" s="1"/>
  <c r="L2721" i="8"/>
  <c r="N2721" i="8"/>
  <c r="H2719" i="9" s="1"/>
  <c r="O2721" i="8"/>
  <c r="I2719" i="9" s="1"/>
  <c r="J2722" i="8"/>
  <c r="F2720" i="9" s="1"/>
  <c r="L2722" i="8"/>
  <c r="N2722" i="8"/>
  <c r="H2720" i="9" s="1"/>
  <c r="O2722" i="8"/>
  <c r="I2720" i="9" s="1"/>
  <c r="J2723" i="8"/>
  <c r="F2721" i="9" s="1"/>
  <c r="L2723" i="8"/>
  <c r="N2723" i="8"/>
  <c r="H2721" i="9" s="1"/>
  <c r="O2723" i="8"/>
  <c r="I2721" i="9" s="1"/>
  <c r="J2724" i="8"/>
  <c r="F2722" i="9" s="1"/>
  <c r="L2724" i="8"/>
  <c r="N2724" i="8"/>
  <c r="H2722" i="9" s="1"/>
  <c r="O2724" i="8"/>
  <c r="I2722" i="9" s="1"/>
  <c r="J2725" i="8"/>
  <c r="F2723" i="9" s="1"/>
  <c r="L2725" i="8"/>
  <c r="N2725" i="8"/>
  <c r="H2723" i="9" s="1"/>
  <c r="O2725" i="8"/>
  <c r="I2723" i="9" s="1"/>
  <c r="J2726" i="8"/>
  <c r="F2724" i="9" s="1"/>
  <c r="L2726" i="8"/>
  <c r="N2726" i="8"/>
  <c r="H2724" i="9" s="1"/>
  <c r="O2726" i="8"/>
  <c r="I2724" i="9" s="1"/>
  <c r="J2727" i="8"/>
  <c r="F2725" i="9" s="1"/>
  <c r="L2727" i="8"/>
  <c r="N2727" i="8"/>
  <c r="H2725" i="9" s="1"/>
  <c r="O2727" i="8"/>
  <c r="I2725" i="9" s="1"/>
  <c r="J2728" i="8"/>
  <c r="F2726" i="9" s="1"/>
  <c r="L2728" i="8"/>
  <c r="N2728" i="8"/>
  <c r="H2726" i="9" s="1"/>
  <c r="O2728" i="8"/>
  <c r="I2726" i="9" s="1"/>
  <c r="J2729" i="8"/>
  <c r="F2727" i="9" s="1"/>
  <c r="L2729" i="8"/>
  <c r="N2729" i="8"/>
  <c r="H2727" i="9" s="1"/>
  <c r="O2729" i="8"/>
  <c r="I2727" i="9" s="1"/>
  <c r="J2730" i="8"/>
  <c r="F2728" i="9" s="1"/>
  <c r="L2730" i="8"/>
  <c r="N2730" i="8"/>
  <c r="H2728" i="9" s="1"/>
  <c r="O2730" i="8"/>
  <c r="I2728" i="9" s="1"/>
  <c r="J2731" i="8"/>
  <c r="F2729" i="9" s="1"/>
  <c r="L2731" i="8"/>
  <c r="N2731" i="8"/>
  <c r="H2729" i="9" s="1"/>
  <c r="O2731" i="8"/>
  <c r="I2729" i="9" s="1"/>
  <c r="J2732" i="8"/>
  <c r="F2730" i="9" s="1"/>
  <c r="L2732" i="8"/>
  <c r="N2732" i="8"/>
  <c r="H2730" i="9" s="1"/>
  <c r="O2732" i="8"/>
  <c r="I2730" i="9" s="1"/>
  <c r="J2733" i="8"/>
  <c r="F2731" i="9" s="1"/>
  <c r="L2733" i="8"/>
  <c r="N2733" i="8"/>
  <c r="H2731" i="9" s="1"/>
  <c r="O2733" i="8"/>
  <c r="I2731" i="9" s="1"/>
  <c r="J2734" i="8"/>
  <c r="F2732" i="9" s="1"/>
  <c r="L2734" i="8"/>
  <c r="N2734" i="8"/>
  <c r="H2732" i="9" s="1"/>
  <c r="O2734" i="8"/>
  <c r="I2732" i="9" s="1"/>
  <c r="J2735" i="8"/>
  <c r="F2733" i="9" s="1"/>
  <c r="L2735" i="8"/>
  <c r="N2735" i="8"/>
  <c r="H2733" i="9" s="1"/>
  <c r="O2735" i="8"/>
  <c r="I2733" i="9" s="1"/>
  <c r="J2736" i="8"/>
  <c r="F2734" i="9" s="1"/>
  <c r="L2736" i="8"/>
  <c r="N2736" i="8"/>
  <c r="H2734" i="9" s="1"/>
  <c r="O2736" i="8"/>
  <c r="I2734" i="9" s="1"/>
  <c r="J2737" i="8"/>
  <c r="F2735" i="9" s="1"/>
  <c r="L2737" i="8"/>
  <c r="N2737" i="8"/>
  <c r="H2735" i="9" s="1"/>
  <c r="O2737" i="8"/>
  <c r="I2735" i="9" s="1"/>
  <c r="J2738" i="8"/>
  <c r="F2736" i="9" s="1"/>
  <c r="L2738" i="8"/>
  <c r="N2738" i="8"/>
  <c r="H2736" i="9" s="1"/>
  <c r="O2738" i="8"/>
  <c r="I2736" i="9" s="1"/>
  <c r="J2739" i="8"/>
  <c r="F2737" i="9" s="1"/>
  <c r="L2739" i="8"/>
  <c r="N2739" i="8"/>
  <c r="H2737" i="9" s="1"/>
  <c r="O2739" i="8"/>
  <c r="I2737" i="9" s="1"/>
  <c r="J2740" i="8"/>
  <c r="F2738" i="9" s="1"/>
  <c r="L2740" i="8"/>
  <c r="N2740" i="8"/>
  <c r="H2738" i="9" s="1"/>
  <c r="O2740" i="8"/>
  <c r="I2738" i="9" s="1"/>
  <c r="J2741" i="8"/>
  <c r="F2739" i="9" s="1"/>
  <c r="L2741" i="8"/>
  <c r="N2741" i="8"/>
  <c r="H2739" i="9" s="1"/>
  <c r="O2741" i="8"/>
  <c r="I2739" i="9" s="1"/>
  <c r="J2742" i="8"/>
  <c r="F2740" i="9" s="1"/>
  <c r="L2742" i="8"/>
  <c r="N2742" i="8"/>
  <c r="H2740" i="9" s="1"/>
  <c r="O2742" i="8"/>
  <c r="I2740" i="9" s="1"/>
  <c r="J2743" i="8"/>
  <c r="F2741" i="9" s="1"/>
  <c r="L2743" i="8"/>
  <c r="N2743" i="8"/>
  <c r="H2741" i="9" s="1"/>
  <c r="O2743" i="8"/>
  <c r="I2741" i="9" s="1"/>
  <c r="J2744" i="8"/>
  <c r="F2742" i="9" s="1"/>
  <c r="L2744" i="8"/>
  <c r="N2744" i="8"/>
  <c r="H2742" i="9" s="1"/>
  <c r="O2744" i="8"/>
  <c r="I2742" i="9" s="1"/>
  <c r="J2745" i="8"/>
  <c r="F2743" i="9" s="1"/>
  <c r="L2745" i="8"/>
  <c r="N2745" i="8"/>
  <c r="H2743" i="9" s="1"/>
  <c r="O2745" i="8"/>
  <c r="I2743" i="9" s="1"/>
  <c r="J2746" i="8"/>
  <c r="F2744" i="9" s="1"/>
  <c r="L2746" i="8"/>
  <c r="N2746" i="8"/>
  <c r="H2744" i="9" s="1"/>
  <c r="O2746" i="8"/>
  <c r="I2744" i="9" s="1"/>
  <c r="J2747" i="8"/>
  <c r="F2745" i="9" s="1"/>
  <c r="L2747" i="8"/>
  <c r="N2747" i="8"/>
  <c r="H2745" i="9" s="1"/>
  <c r="O2747" i="8"/>
  <c r="I2745" i="9" s="1"/>
  <c r="J2748" i="8"/>
  <c r="F2746" i="9" s="1"/>
  <c r="L2748" i="8"/>
  <c r="N2748" i="8"/>
  <c r="H2746" i="9" s="1"/>
  <c r="O2748" i="8"/>
  <c r="I2746" i="9" s="1"/>
  <c r="J2749" i="8"/>
  <c r="F2747" i="9" s="1"/>
  <c r="L2749" i="8"/>
  <c r="N2749" i="8"/>
  <c r="H2747" i="9" s="1"/>
  <c r="O2749" i="8"/>
  <c r="I2747" i="9" s="1"/>
  <c r="J2750" i="8"/>
  <c r="F2748" i="9" s="1"/>
  <c r="L2750" i="8"/>
  <c r="N2750" i="8"/>
  <c r="H2748" i="9" s="1"/>
  <c r="O2750" i="8"/>
  <c r="I2748" i="9" s="1"/>
  <c r="J2751" i="8"/>
  <c r="F2749" i="9" s="1"/>
  <c r="L2751" i="8"/>
  <c r="N2751" i="8"/>
  <c r="H2749" i="9" s="1"/>
  <c r="O2751" i="8"/>
  <c r="I2749" i="9" s="1"/>
  <c r="J2752" i="8"/>
  <c r="F2750" i="9" s="1"/>
  <c r="L2752" i="8"/>
  <c r="N2752" i="8"/>
  <c r="H2750" i="9" s="1"/>
  <c r="O2752" i="8"/>
  <c r="I2750" i="9" s="1"/>
  <c r="J2753" i="8"/>
  <c r="F2751" i="9" s="1"/>
  <c r="L2753" i="8"/>
  <c r="N2753" i="8"/>
  <c r="H2751" i="9" s="1"/>
  <c r="O2753" i="8"/>
  <c r="I2751" i="9" s="1"/>
  <c r="J2754" i="8"/>
  <c r="F2752" i="9" s="1"/>
  <c r="L2754" i="8"/>
  <c r="N2754" i="8"/>
  <c r="H2752" i="9" s="1"/>
  <c r="O2754" i="8"/>
  <c r="I2752" i="9" s="1"/>
  <c r="J2755" i="8"/>
  <c r="F2753" i="9" s="1"/>
  <c r="L2755" i="8"/>
  <c r="N2755" i="8"/>
  <c r="H2753" i="9" s="1"/>
  <c r="O2755" i="8"/>
  <c r="I2753" i="9" s="1"/>
  <c r="J2756" i="8"/>
  <c r="F2754" i="9" s="1"/>
  <c r="L2756" i="8"/>
  <c r="N2756" i="8"/>
  <c r="H2754" i="9" s="1"/>
  <c r="O2756" i="8"/>
  <c r="I2754" i="9" s="1"/>
  <c r="J2757" i="8"/>
  <c r="F2755" i="9" s="1"/>
  <c r="L2757" i="8"/>
  <c r="N2757" i="8"/>
  <c r="H2755" i="9" s="1"/>
  <c r="O2757" i="8"/>
  <c r="I2755" i="9" s="1"/>
  <c r="J2758" i="8"/>
  <c r="F2756" i="9" s="1"/>
  <c r="L2758" i="8"/>
  <c r="N2758" i="8"/>
  <c r="H2756" i="9" s="1"/>
  <c r="O2758" i="8"/>
  <c r="I2756" i="9" s="1"/>
  <c r="J2759" i="8"/>
  <c r="F2757" i="9" s="1"/>
  <c r="L2759" i="8"/>
  <c r="N2759" i="8"/>
  <c r="H2757" i="9" s="1"/>
  <c r="O2759" i="8"/>
  <c r="I2757" i="9" s="1"/>
  <c r="J2760" i="8"/>
  <c r="F2758" i="9" s="1"/>
  <c r="L2760" i="8"/>
  <c r="N2760" i="8"/>
  <c r="H2758" i="9" s="1"/>
  <c r="O2760" i="8"/>
  <c r="I2758" i="9" s="1"/>
  <c r="J2761" i="8"/>
  <c r="F2759" i="9" s="1"/>
  <c r="L2761" i="8"/>
  <c r="N2761" i="8"/>
  <c r="H2759" i="9" s="1"/>
  <c r="O2761" i="8"/>
  <c r="I2759" i="9" s="1"/>
  <c r="J2762" i="8"/>
  <c r="F2760" i="9" s="1"/>
  <c r="L2762" i="8"/>
  <c r="N2762" i="8"/>
  <c r="H2760" i="9" s="1"/>
  <c r="O2762" i="8"/>
  <c r="I2760" i="9" s="1"/>
  <c r="J2763" i="8"/>
  <c r="F2761" i="9" s="1"/>
  <c r="L2763" i="8"/>
  <c r="N2763" i="8"/>
  <c r="H2761" i="9" s="1"/>
  <c r="O2763" i="8"/>
  <c r="I2761" i="9" s="1"/>
  <c r="J2764" i="8"/>
  <c r="F2762" i="9" s="1"/>
  <c r="L2764" i="8"/>
  <c r="N2764" i="8"/>
  <c r="H2762" i="9" s="1"/>
  <c r="O2764" i="8"/>
  <c r="I2762" i="9" s="1"/>
  <c r="J2765" i="8"/>
  <c r="F2763" i="9" s="1"/>
  <c r="L2765" i="8"/>
  <c r="N2765" i="8"/>
  <c r="H2763" i="9" s="1"/>
  <c r="O2765" i="8"/>
  <c r="I2763" i="9" s="1"/>
  <c r="J2766" i="8"/>
  <c r="F2764" i="9" s="1"/>
  <c r="L2766" i="8"/>
  <c r="N2766" i="8"/>
  <c r="H2764" i="9" s="1"/>
  <c r="O2766" i="8"/>
  <c r="I2764" i="9" s="1"/>
  <c r="J2767" i="8"/>
  <c r="F2765" i="9" s="1"/>
  <c r="L2767" i="8"/>
  <c r="N2767" i="8"/>
  <c r="H2765" i="9" s="1"/>
  <c r="O2767" i="8"/>
  <c r="I2765" i="9" s="1"/>
  <c r="J2768" i="8"/>
  <c r="F2766" i="9" s="1"/>
  <c r="L2768" i="8"/>
  <c r="N2768" i="8"/>
  <c r="H2766" i="9" s="1"/>
  <c r="O2768" i="8"/>
  <c r="I2766" i="9" s="1"/>
  <c r="J2769" i="8"/>
  <c r="F2767" i="9" s="1"/>
  <c r="L2769" i="8"/>
  <c r="N2769" i="8"/>
  <c r="H2767" i="9" s="1"/>
  <c r="O2769" i="8"/>
  <c r="I2767" i="9" s="1"/>
  <c r="J2770" i="8"/>
  <c r="F2768" i="9" s="1"/>
  <c r="L2770" i="8"/>
  <c r="N2770" i="8"/>
  <c r="H2768" i="9" s="1"/>
  <c r="O2770" i="8"/>
  <c r="I2768" i="9" s="1"/>
  <c r="J2771" i="8"/>
  <c r="F2769" i="9" s="1"/>
  <c r="L2771" i="8"/>
  <c r="N2771" i="8"/>
  <c r="H2769" i="9" s="1"/>
  <c r="O2771" i="8"/>
  <c r="I2769" i="9" s="1"/>
  <c r="J2772" i="8"/>
  <c r="F2770" i="9" s="1"/>
  <c r="L2772" i="8"/>
  <c r="N2772" i="8"/>
  <c r="H2770" i="9" s="1"/>
  <c r="O2772" i="8"/>
  <c r="I2770" i="9" s="1"/>
  <c r="J2773" i="8"/>
  <c r="F2771" i="9" s="1"/>
  <c r="L2773" i="8"/>
  <c r="N2773" i="8"/>
  <c r="H2771" i="9" s="1"/>
  <c r="O2773" i="8"/>
  <c r="I2771" i="9" s="1"/>
  <c r="J2774" i="8"/>
  <c r="F2772" i="9" s="1"/>
  <c r="L2774" i="8"/>
  <c r="N2774" i="8"/>
  <c r="H2772" i="9" s="1"/>
  <c r="O2774" i="8"/>
  <c r="I2772" i="9" s="1"/>
  <c r="J2775" i="8"/>
  <c r="F2773" i="9" s="1"/>
  <c r="L2775" i="8"/>
  <c r="N2775" i="8"/>
  <c r="H2773" i="9" s="1"/>
  <c r="O2775" i="8"/>
  <c r="I2773" i="9" s="1"/>
  <c r="J2776" i="8"/>
  <c r="F2774" i="9" s="1"/>
  <c r="L2776" i="8"/>
  <c r="N2776" i="8"/>
  <c r="H2774" i="9" s="1"/>
  <c r="O2776" i="8"/>
  <c r="I2774" i="9" s="1"/>
  <c r="J2777" i="8"/>
  <c r="F2775" i="9" s="1"/>
  <c r="L2777" i="8"/>
  <c r="N2777" i="8"/>
  <c r="H2775" i="9" s="1"/>
  <c r="O2777" i="8"/>
  <c r="I2775" i="9" s="1"/>
  <c r="J2778" i="8"/>
  <c r="F2776" i="9" s="1"/>
  <c r="L2778" i="8"/>
  <c r="N2778" i="8"/>
  <c r="H2776" i="9" s="1"/>
  <c r="O2778" i="8"/>
  <c r="I2776" i="9" s="1"/>
  <c r="J2779" i="8"/>
  <c r="F2777" i="9" s="1"/>
  <c r="L2779" i="8"/>
  <c r="N2779" i="8"/>
  <c r="H2777" i="9" s="1"/>
  <c r="O2779" i="8"/>
  <c r="I2777" i="9" s="1"/>
  <c r="J2780" i="8"/>
  <c r="F2778" i="9" s="1"/>
  <c r="L2780" i="8"/>
  <c r="N2780" i="8"/>
  <c r="H2778" i="9" s="1"/>
  <c r="O2780" i="8"/>
  <c r="I2778" i="9" s="1"/>
  <c r="J2781" i="8"/>
  <c r="F2779" i="9" s="1"/>
  <c r="L2781" i="8"/>
  <c r="N2781" i="8"/>
  <c r="H2779" i="9" s="1"/>
  <c r="O2781" i="8"/>
  <c r="I2779" i="9" s="1"/>
  <c r="J2782" i="8"/>
  <c r="F2780" i="9" s="1"/>
  <c r="L2782" i="8"/>
  <c r="N2782" i="8"/>
  <c r="H2780" i="9" s="1"/>
  <c r="O2782" i="8"/>
  <c r="I2780" i="9" s="1"/>
  <c r="J2783" i="8"/>
  <c r="F2781" i="9" s="1"/>
  <c r="L2783" i="8"/>
  <c r="N2783" i="8"/>
  <c r="H2781" i="9" s="1"/>
  <c r="O2783" i="8"/>
  <c r="I2781" i="9" s="1"/>
  <c r="J2784" i="8"/>
  <c r="F2782" i="9" s="1"/>
  <c r="L2784" i="8"/>
  <c r="N2784" i="8"/>
  <c r="H2782" i="9" s="1"/>
  <c r="O2784" i="8"/>
  <c r="I2782" i="9" s="1"/>
  <c r="J2785" i="8"/>
  <c r="F2783" i="9" s="1"/>
  <c r="L2785" i="8"/>
  <c r="N2785" i="8"/>
  <c r="H2783" i="9" s="1"/>
  <c r="O2785" i="8"/>
  <c r="I2783" i="9" s="1"/>
  <c r="J2786" i="8"/>
  <c r="F2784" i="9" s="1"/>
  <c r="L2786" i="8"/>
  <c r="N2786" i="8"/>
  <c r="H2784" i="9" s="1"/>
  <c r="O2786" i="8"/>
  <c r="I2784" i="9" s="1"/>
  <c r="J2787" i="8"/>
  <c r="F2785" i="9" s="1"/>
  <c r="L2787" i="8"/>
  <c r="N2787" i="8"/>
  <c r="H2785" i="9" s="1"/>
  <c r="O2787" i="8"/>
  <c r="I2785" i="9" s="1"/>
  <c r="J2788" i="8"/>
  <c r="F2786" i="9" s="1"/>
  <c r="L2788" i="8"/>
  <c r="N2788" i="8"/>
  <c r="H2786" i="9" s="1"/>
  <c r="O2788" i="8"/>
  <c r="I2786" i="9" s="1"/>
  <c r="J2789" i="8"/>
  <c r="F2787" i="9" s="1"/>
  <c r="L2789" i="8"/>
  <c r="N2789" i="8"/>
  <c r="H2787" i="9" s="1"/>
  <c r="O2789" i="8"/>
  <c r="I2787" i="9" s="1"/>
  <c r="J2790" i="8"/>
  <c r="F2788" i="9" s="1"/>
  <c r="L2790" i="8"/>
  <c r="N2790" i="8"/>
  <c r="H2788" i="9" s="1"/>
  <c r="O2790" i="8"/>
  <c r="I2788" i="9" s="1"/>
  <c r="J2791" i="8"/>
  <c r="F2789" i="9" s="1"/>
  <c r="L2791" i="8"/>
  <c r="N2791" i="8"/>
  <c r="H2789" i="9" s="1"/>
  <c r="O2791" i="8"/>
  <c r="I2789" i="9" s="1"/>
  <c r="J2792" i="8"/>
  <c r="F2790" i="9" s="1"/>
  <c r="L2792" i="8"/>
  <c r="N2792" i="8"/>
  <c r="H2790" i="9" s="1"/>
  <c r="O2792" i="8"/>
  <c r="I2790" i="9" s="1"/>
  <c r="J2793" i="8"/>
  <c r="F2791" i="9" s="1"/>
  <c r="L2793" i="8"/>
  <c r="N2793" i="8"/>
  <c r="H2791" i="9" s="1"/>
  <c r="O2793" i="8"/>
  <c r="I2791" i="9" s="1"/>
  <c r="J2794" i="8"/>
  <c r="F2792" i="9" s="1"/>
  <c r="L2794" i="8"/>
  <c r="N2794" i="8"/>
  <c r="H2792" i="9" s="1"/>
  <c r="O2794" i="8"/>
  <c r="I2792" i="9" s="1"/>
  <c r="J2795" i="8"/>
  <c r="F2793" i="9" s="1"/>
  <c r="L2795" i="8"/>
  <c r="N2795" i="8"/>
  <c r="H2793" i="9" s="1"/>
  <c r="O2795" i="8"/>
  <c r="I2793" i="9" s="1"/>
  <c r="J2796" i="8"/>
  <c r="F2794" i="9" s="1"/>
  <c r="L2796" i="8"/>
  <c r="N2796" i="8"/>
  <c r="H2794" i="9" s="1"/>
  <c r="O2796" i="8"/>
  <c r="I2794" i="9" s="1"/>
  <c r="J2797" i="8"/>
  <c r="F2795" i="9" s="1"/>
  <c r="L2797" i="8"/>
  <c r="N2797" i="8"/>
  <c r="H2795" i="9" s="1"/>
  <c r="O2797" i="8"/>
  <c r="I2795" i="9" s="1"/>
  <c r="J2798" i="8"/>
  <c r="F2796" i="9" s="1"/>
  <c r="L2798" i="8"/>
  <c r="N2798" i="8"/>
  <c r="H2796" i="9" s="1"/>
  <c r="O2798" i="8"/>
  <c r="I2796" i="9" s="1"/>
  <c r="J2799" i="8"/>
  <c r="F2797" i="9" s="1"/>
  <c r="L2799" i="8"/>
  <c r="N2799" i="8"/>
  <c r="H2797" i="9" s="1"/>
  <c r="O2799" i="8"/>
  <c r="I2797" i="9" s="1"/>
  <c r="J2800" i="8"/>
  <c r="F2798" i="9" s="1"/>
  <c r="L2800" i="8"/>
  <c r="N2800" i="8"/>
  <c r="H2798" i="9" s="1"/>
  <c r="O2800" i="8"/>
  <c r="I2798" i="9" s="1"/>
  <c r="J2801" i="8"/>
  <c r="F2799" i="9" s="1"/>
  <c r="L2801" i="8"/>
  <c r="N2801" i="8"/>
  <c r="H2799" i="9" s="1"/>
  <c r="O2801" i="8"/>
  <c r="I2799" i="9" s="1"/>
  <c r="J2802" i="8"/>
  <c r="F2800" i="9" s="1"/>
  <c r="L2802" i="8"/>
  <c r="N2802" i="8"/>
  <c r="H2800" i="9" s="1"/>
  <c r="O2802" i="8"/>
  <c r="I2800" i="9" s="1"/>
  <c r="J2803" i="8"/>
  <c r="F2801" i="9" s="1"/>
  <c r="L2803" i="8"/>
  <c r="N2803" i="8"/>
  <c r="H2801" i="9" s="1"/>
  <c r="O2803" i="8"/>
  <c r="I2801" i="9" s="1"/>
  <c r="J2804" i="8"/>
  <c r="F2802" i="9" s="1"/>
  <c r="L2804" i="8"/>
  <c r="N2804" i="8"/>
  <c r="H2802" i="9" s="1"/>
  <c r="O2804" i="8"/>
  <c r="I2802" i="9" s="1"/>
  <c r="J2805" i="8"/>
  <c r="F2803" i="9" s="1"/>
  <c r="L2805" i="8"/>
  <c r="N2805" i="8"/>
  <c r="H2803" i="9" s="1"/>
  <c r="O2805" i="8"/>
  <c r="I2803" i="9" s="1"/>
  <c r="J2806" i="8"/>
  <c r="F2804" i="9" s="1"/>
  <c r="L2806" i="8"/>
  <c r="N2806" i="8"/>
  <c r="H2804" i="9" s="1"/>
  <c r="O2806" i="8"/>
  <c r="I2804" i="9" s="1"/>
  <c r="J2807" i="8"/>
  <c r="F2805" i="9" s="1"/>
  <c r="L2807" i="8"/>
  <c r="N2807" i="8"/>
  <c r="H2805" i="9" s="1"/>
  <c r="O2807" i="8"/>
  <c r="I2805" i="9" s="1"/>
  <c r="J2808" i="8"/>
  <c r="F2806" i="9" s="1"/>
  <c r="L2808" i="8"/>
  <c r="N2808" i="8"/>
  <c r="H2806" i="9" s="1"/>
  <c r="O2808" i="8"/>
  <c r="I2806" i="9" s="1"/>
  <c r="J2809" i="8"/>
  <c r="F2807" i="9" s="1"/>
  <c r="L2809" i="8"/>
  <c r="N2809" i="8"/>
  <c r="H2807" i="9" s="1"/>
  <c r="O2809" i="8"/>
  <c r="I2807" i="9" s="1"/>
  <c r="J2810" i="8"/>
  <c r="F2808" i="9" s="1"/>
  <c r="L2810" i="8"/>
  <c r="N2810" i="8"/>
  <c r="H2808" i="9" s="1"/>
  <c r="O2810" i="8"/>
  <c r="I2808" i="9" s="1"/>
  <c r="J2811" i="8"/>
  <c r="F2809" i="9" s="1"/>
  <c r="L2811" i="8"/>
  <c r="N2811" i="8"/>
  <c r="H2809" i="9" s="1"/>
  <c r="O2811" i="8"/>
  <c r="I2809" i="9" s="1"/>
  <c r="J2812" i="8"/>
  <c r="F2810" i="9" s="1"/>
  <c r="L2812" i="8"/>
  <c r="N2812" i="8"/>
  <c r="H2810" i="9" s="1"/>
  <c r="O2812" i="8"/>
  <c r="I2810" i="9" s="1"/>
  <c r="J2813" i="8"/>
  <c r="F2811" i="9" s="1"/>
  <c r="L2813" i="8"/>
  <c r="N2813" i="8"/>
  <c r="H2811" i="9" s="1"/>
  <c r="O2813" i="8"/>
  <c r="I2811" i="9" s="1"/>
  <c r="J2814" i="8"/>
  <c r="F2812" i="9" s="1"/>
  <c r="L2814" i="8"/>
  <c r="N2814" i="8"/>
  <c r="H2812" i="9" s="1"/>
  <c r="O2814" i="8"/>
  <c r="I2812" i="9" s="1"/>
  <c r="J2815" i="8"/>
  <c r="F2813" i="9" s="1"/>
  <c r="L2815" i="8"/>
  <c r="N2815" i="8"/>
  <c r="H2813" i="9" s="1"/>
  <c r="O2815" i="8"/>
  <c r="I2813" i="9" s="1"/>
  <c r="J2816" i="8"/>
  <c r="F2814" i="9" s="1"/>
  <c r="L2816" i="8"/>
  <c r="N2816" i="8"/>
  <c r="H2814" i="9" s="1"/>
  <c r="O2816" i="8"/>
  <c r="I2814" i="9" s="1"/>
  <c r="J2817" i="8"/>
  <c r="F2815" i="9" s="1"/>
  <c r="L2817" i="8"/>
  <c r="N2817" i="8"/>
  <c r="H2815" i="9" s="1"/>
  <c r="O2817" i="8"/>
  <c r="I2815" i="9" s="1"/>
  <c r="J2818" i="8"/>
  <c r="F2816" i="9" s="1"/>
  <c r="L2818" i="8"/>
  <c r="N2818" i="8"/>
  <c r="H2816" i="9" s="1"/>
  <c r="O2818" i="8"/>
  <c r="I2816" i="9" s="1"/>
  <c r="J2819" i="8"/>
  <c r="F2817" i="9" s="1"/>
  <c r="L2819" i="8"/>
  <c r="N2819" i="8"/>
  <c r="H2817" i="9" s="1"/>
  <c r="O2819" i="8"/>
  <c r="I2817" i="9" s="1"/>
  <c r="J2820" i="8"/>
  <c r="F2818" i="9" s="1"/>
  <c r="L2820" i="8"/>
  <c r="N2820" i="8"/>
  <c r="H2818" i="9" s="1"/>
  <c r="O2820" i="8"/>
  <c r="I2818" i="9" s="1"/>
  <c r="J2821" i="8"/>
  <c r="F2819" i="9" s="1"/>
  <c r="L2821" i="8"/>
  <c r="N2821" i="8"/>
  <c r="H2819" i="9" s="1"/>
  <c r="O2821" i="8"/>
  <c r="I2819" i="9" s="1"/>
  <c r="J2822" i="8"/>
  <c r="F2820" i="9" s="1"/>
  <c r="L2822" i="8"/>
  <c r="N2822" i="8"/>
  <c r="H2820" i="9" s="1"/>
  <c r="O2822" i="8"/>
  <c r="I2820" i="9" s="1"/>
  <c r="J2823" i="8"/>
  <c r="F2821" i="9" s="1"/>
  <c r="L2823" i="8"/>
  <c r="N2823" i="8"/>
  <c r="H2821" i="9" s="1"/>
  <c r="O2823" i="8"/>
  <c r="I2821" i="9" s="1"/>
  <c r="J2824" i="8"/>
  <c r="F2822" i="9" s="1"/>
  <c r="L2824" i="8"/>
  <c r="N2824" i="8"/>
  <c r="H2822" i="9" s="1"/>
  <c r="O2824" i="8"/>
  <c r="I2822" i="9" s="1"/>
  <c r="J2825" i="8"/>
  <c r="F2823" i="9" s="1"/>
  <c r="L2825" i="8"/>
  <c r="N2825" i="8"/>
  <c r="H2823" i="9" s="1"/>
  <c r="O2825" i="8"/>
  <c r="I2823" i="9" s="1"/>
  <c r="J2826" i="8"/>
  <c r="F2824" i="9" s="1"/>
  <c r="L2826" i="8"/>
  <c r="N2826" i="8"/>
  <c r="H2824" i="9" s="1"/>
  <c r="O2826" i="8"/>
  <c r="I2824" i="9" s="1"/>
  <c r="J2827" i="8"/>
  <c r="F2825" i="9" s="1"/>
  <c r="L2827" i="8"/>
  <c r="N2827" i="8"/>
  <c r="H2825" i="9" s="1"/>
  <c r="O2827" i="8"/>
  <c r="I2825" i="9" s="1"/>
  <c r="J2828" i="8"/>
  <c r="F2826" i="9" s="1"/>
  <c r="L2828" i="8"/>
  <c r="N2828" i="8"/>
  <c r="H2826" i="9" s="1"/>
  <c r="O2828" i="8"/>
  <c r="I2826" i="9" s="1"/>
  <c r="J2829" i="8"/>
  <c r="F2827" i="9" s="1"/>
  <c r="L2829" i="8"/>
  <c r="N2829" i="8"/>
  <c r="H2827" i="9" s="1"/>
  <c r="O2829" i="8"/>
  <c r="I2827" i="9" s="1"/>
  <c r="J2830" i="8"/>
  <c r="F2828" i="9" s="1"/>
  <c r="L2830" i="8"/>
  <c r="N2830" i="8"/>
  <c r="H2828" i="9" s="1"/>
  <c r="O2830" i="8"/>
  <c r="I2828" i="9" s="1"/>
  <c r="J2831" i="8"/>
  <c r="F2829" i="9" s="1"/>
  <c r="L2831" i="8"/>
  <c r="N2831" i="8"/>
  <c r="H2829" i="9" s="1"/>
  <c r="O2831" i="8"/>
  <c r="I2829" i="9" s="1"/>
  <c r="J2832" i="8"/>
  <c r="F2830" i="9" s="1"/>
  <c r="L2832" i="8"/>
  <c r="N2832" i="8"/>
  <c r="H2830" i="9" s="1"/>
  <c r="O2832" i="8"/>
  <c r="I2830" i="9" s="1"/>
  <c r="J2833" i="8"/>
  <c r="F2831" i="9" s="1"/>
  <c r="L2833" i="8"/>
  <c r="N2833" i="8"/>
  <c r="H2831" i="9" s="1"/>
  <c r="O2833" i="8"/>
  <c r="I2831" i="9" s="1"/>
  <c r="J2834" i="8"/>
  <c r="F2832" i="9" s="1"/>
  <c r="L2834" i="8"/>
  <c r="N2834" i="8"/>
  <c r="H2832" i="9" s="1"/>
  <c r="O2834" i="8"/>
  <c r="I2832" i="9" s="1"/>
  <c r="J2835" i="8"/>
  <c r="F2833" i="9" s="1"/>
  <c r="L2835" i="8"/>
  <c r="N2835" i="8"/>
  <c r="H2833" i="9" s="1"/>
  <c r="O2835" i="8"/>
  <c r="I2833" i="9" s="1"/>
  <c r="J2836" i="8"/>
  <c r="F2834" i="9" s="1"/>
  <c r="L2836" i="8"/>
  <c r="N2836" i="8"/>
  <c r="H2834" i="9" s="1"/>
  <c r="O2836" i="8"/>
  <c r="I2834" i="9" s="1"/>
  <c r="J2837" i="8"/>
  <c r="F2835" i="9" s="1"/>
  <c r="L2837" i="8"/>
  <c r="N2837" i="8"/>
  <c r="H2835" i="9" s="1"/>
  <c r="O2837" i="8"/>
  <c r="I2835" i="9" s="1"/>
  <c r="J2838" i="8"/>
  <c r="F2836" i="9" s="1"/>
  <c r="L2838" i="8"/>
  <c r="N2838" i="8"/>
  <c r="H2836" i="9" s="1"/>
  <c r="O2838" i="8"/>
  <c r="I2836" i="9" s="1"/>
  <c r="J2839" i="8"/>
  <c r="F2837" i="9" s="1"/>
  <c r="L2839" i="8"/>
  <c r="N2839" i="8"/>
  <c r="H2837" i="9" s="1"/>
  <c r="O2839" i="8"/>
  <c r="I2837" i="9" s="1"/>
  <c r="J2840" i="8"/>
  <c r="F2838" i="9" s="1"/>
  <c r="L2840" i="8"/>
  <c r="N2840" i="8"/>
  <c r="H2838" i="9" s="1"/>
  <c r="O2840" i="8"/>
  <c r="I2838" i="9" s="1"/>
  <c r="J2841" i="8"/>
  <c r="F2839" i="9" s="1"/>
  <c r="L2841" i="8"/>
  <c r="N2841" i="8"/>
  <c r="H2839" i="9" s="1"/>
  <c r="O2841" i="8"/>
  <c r="I2839" i="9" s="1"/>
  <c r="J2842" i="8"/>
  <c r="F2840" i="9" s="1"/>
  <c r="L2842" i="8"/>
  <c r="N2842" i="8"/>
  <c r="H2840" i="9" s="1"/>
  <c r="O2842" i="8"/>
  <c r="I2840" i="9" s="1"/>
  <c r="J2843" i="8"/>
  <c r="F2841" i="9" s="1"/>
  <c r="L2843" i="8"/>
  <c r="N2843" i="8"/>
  <c r="H2841" i="9" s="1"/>
  <c r="O2843" i="8"/>
  <c r="I2841" i="9" s="1"/>
  <c r="J2844" i="8"/>
  <c r="F2842" i="9" s="1"/>
  <c r="L2844" i="8"/>
  <c r="N2844" i="8"/>
  <c r="H2842" i="9" s="1"/>
  <c r="O2844" i="8"/>
  <c r="I2842" i="9" s="1"/>
  <c r="J2845" i="8"/>
  <c r="F2843" i="9" s="1"/>
  <c r="L2845" i="8"/>
  <c r="N2845" i="8"/>
  <c r="H2843" i="9" s="1"/>
  <c r="O2845" i="8"/>
  <c r="I2843" i="9" s="1"/>
  <c r="J2846" i="8"/>
  <c r="F2844" i="9" s="1"/>
  <c r="L2846" i="8"/>
  <c r="N2846" i="8"/>
  <c r="H2844" i="9" s="1"/>
  <c r="O2846" i="8"/>
  <c r="I2844" i="9" s="1"/>
  <c r="J2847" i="8"/>
  <c r="F2845" i="9" s="1"/>
  <c r="L2847" i="8"/>
  <c r="N2847" i="8"/>
  <c r="H2845" i="9" s="1"/>
  <c r="O2847" i="8"/>
  <c r="I2845" i="9" s="1"/>
  <c r="J2848" i="8"/>
  <c r="F2846" i="9" s="1"/>
  <c r="L2848" i="8"/>
  <c r="N2848" i="8"/>
  <c r="H2846" i="9" s="1"/>
  <c r="O2848" i="8"/>
  <c r="I2846" i="9" s="1"/>
  <c r="J2849" i="8"/>
  <c r="F2847" i="9" s="1"/>
  <c r="L2849" i="8"/>
  <c r="N2849" i="8"/>
  <c r="H2847" i="9" s="1"/>
  <c r="O2849" i="8"/>
  <c r="I2847" i="9" s="1"/>
  <c r="J2850" i="8"/>
  <c r="F2848" i="9" s="1"/>
  <c r="L2850" i="8"/>
  <c r="N2850" i="8"/>
  <c r="H2848" i="9" s="1"/>
  <c r="O2850" i="8"/>
  <c r="I2848" i="9" s="1"/>
  <c r="J2851" i="8"/>
  <c r="F2849" i="9" s="1"/>
  <c r="L2851" i="8"/>
  <c r="N2851" i="8"/>
  <c r="H2849" i="9" s="1"/>
  <c r="O2851" i="8"/>
  <c r="I2849" i="9" s="1"/>
  <c r="J2852" i="8"/>
  <c r="F2850" i="9" s="1"/>
  <c r="L2852" i="8"/>
  <c r="N2852" i="8"/>
  <c r="H2850" i="9" s="1"/>
  <c r="O2852" i="8"/>
  <c r="I2850" i="9" s="1"/>
  <c r="J2853" i="8"/>
  <c r="F2851" i="9" s="1"/>
  <c r="L2853" i="8"/>
  <c r="N2853" i="8"/>
  <c r="H2851" i="9" s="1"/>
  <c r="O2853" i="8"/>
  <c r="I2851" i="9" s="1"/>
  <c r="J2854" i="8"/>
  <c r="F2852" i="9" s="1"/>
  <c r="L2854" i="8"/>
  <c r="N2854" i="8"/>
  <c r="H2852" i="9" s="1"/>
  <c r="O2854" i="8"/>
  <c r="I2852" i="9" s="1"/>
  <c r="J2855" i="8"/>
  <c r="F2853" i="9" s="1"/>
  <c r="L2855" i="8"/>
  <c r="N2855" i="8"/>
  <c r="H2853" i="9" s="1"/>
  <c r="O2855" i="8"/>
  <c r="I2853" i="9" s="1"/>
  <c r="J2856" i="8"/>
  <c r="F2854" i="9" s="1"/>
  <c r="L2856" i="8"/>
  <c r="N2856" i="8"/>
  <c r="H2854" i="9" s="1"/>
  <c r="O2856" i="8"/>
  <c r="I2854" i="9" s="1"/>
  <c r="J2857" i="8"/>
  <c r="F2855" i="9" s="1"/>
  <c r="L2857" i="8"/>
  <c r="N2857" i="8"/>
  <c r="H2855" i="9" s="1"/>
  <c r="O2857" i="8"/>
  <c r="I2855" i="9" s="1"/>
  <c r="J2858" i="8"/>
  <c r="F2856" i="9" s="1"/>
  <c r="L2858" i="8"/>
  <c r="N2858" i="8"/>
  <c r="H2856" i="9" s="1"/>
  <c r="O2858" i="8"/>
  <c r="I2856" i="9" s="1"/>
  <c r="J2859" i="8"/>
  <c r="F2857" i="9" s="1"/>
  <c r="L2859" i="8"/>
  <c r="N2859" i="8"/>
  <c r="H2857" i="9" s="1"/>
  <c r="O2859" i="8"/>
  <c r="I2857" i="9" s="1"/>
  <c r="J2860" i="8"/>
  <c r="F2858" i="9" s="1"/>
  <c r="L2860" i="8"/>
  <c r="N2860" i="8"/>
  <c r="H2858" i="9" s="1"/>
  <c r="O2860" i="8"/>
  <c r="I2858" i="9" s="1"/>
  <c r="J2861" i="8"/>
  <c r="F2859" i="9" s="1"/>
  <c r="L2861" i="8"/>
  <c r="N2861" i="8"/>
  <c r="H2859" i="9" s="1"/>
  <c r="O2861" i="8"/>
  <c r="I2859" i="9" s="1"/>
  <c r="J2862" i="8"/>
  <c r="F2860" i="9" s="1"/>
  <c r="L2862" i="8"/>
  <c r="N2862" i="8"/>
  <c r="H2860" i="9" s="1"/>
  <c r="O2862" i="8"/>
  <c r="I2860" i="9" s="1"/>
  <c r="J2863" i="8"/>
  <c r="F2861" i="9" s="1"/>
  <c r="L2863" i="8"/>
  <c r="N2863" i="8"/>
  <c r="H2861" i="9" s="1"/>
  <c r="O2863" i="8"/>
  <c r="I2861" i="9" s="1"/>
  <c r="J2864" i="8"/>
  <c r="F2862" i="9" s="1"/>
  <c r="L2864" i="8"/>
  <c r="N2864" i="8"/>
  <c r="H2862" i="9" s="1"/>
  <c r="O2864" i="8"/>
  <c r="I2862" i="9" s="1"/>
  <c r="J2865" i="8"/>
  <c r="F2863" i="9" s="1"/>
  <c r="L2865" i="8"/>
  <c r="N2865" i="8"/>
  <c r="H2863" i="9" s="1"/>
  <c r="O2865" i="8"/>
  <c r="I2863" i="9" s="1"/>
  <c r="J2866" i="8"/>
  <c r="F2864" i="9" s="1"/>
  <c r="L2866" i="8"/>
  <c r="N2866" i="8"/>
  <c r="H2864" i="9" s="1"/>
  <c r="O2866" i="8"/>
  <c r="I2864" i="9" s="1"/>
  <c r="J2867" i="8"/>
  <c r="F2865" i="9" s="1"/>
  <c r="L2867" i="8"/>
  <c r="N2867" i="8"/>
  <c r="H2865" i="9" s="1"/>
  <c r="O2867" i="8"/>
  <c r="I2865" i="9" s="1"/>
  <c r="J2868" i="8"/>
  <c r="F2866" i="9" s="1"/>
  <c r="L2868" i="8"/>
  <c r="N2868" i="8"/>
  <c r="H2866" i="9" s="1"/>
  <c r="O2868" i="8"/>
  <c r="I2866" i="9" s="1"/>
  <c r="J2869" i="8"/>
  <c r="F2867" i="9" s="1"/>
  <c r="L2869" i="8"/>
  <c r="N2869" i="8"/>
  <c r="H2867" i="9" s="1"/>
  <c r="O2869" i="8"/>
  <c r="I2867" i="9" s="1"/>
  <c r="J2870" i="8"/>
  <c r="F2868" i="9" s="1"/>
  <c r="L2870" i="8"/>
  <c r="N2870" i="8"/>
  <c r="H2868" i="9" s="1"/>
  <c r="O2870" i="8"/>
  <c r="I2868" i="9" s="1"/>
  <c r="J2871" i="8"/>
  <c r="F2869" i="9" s="1"/>
  <c r="L2871" i="8"/>
  <c r="N2871" i="8"/>
  <c r="H2869" i="9" s="1"/>
  <c r="O2871" i="8"/>
  <c r="I2869" i="9" s="1"/>
  <c r="J2872" i="8"/>
  <c r="F2870" i="9" s="1"/>
  <c r="L2872" i="8"/>
  <c r="N2872" i="8"/>
  <c r="H2870" i="9" s="1"/>
  <c r="O2872" i="8"/>
  <c r="I2870" i="9" s="1"/>
  <c r="J2873" i="8"/>
  <c r="F2871" i="9" s="1"/>
  <c r="L2873" i="8"/>
  <c r="N2873" i="8"/>
  <c r="H2871" i="9" s="1"/>
  <c r="O2873" i="8"/>
  <c r="I2871" i="9" s="1"/>
  <c r="J2874" i="8"/>
  <c r="F2872" i="9" s="1"/>
  <c r="L2874" i="8"/>
  <c r="N2874" i="8"/>
  <c r="H2872" i="9" s="1"/>
  <c r="O2874" i="8"/>
  <c r="I2872" i="9" s="1"/>
  <c r="J2875" i="8"/>
  <c r="F2873" i="9" s="1"/>
  <c r="L2875" i="8"/>
  <c r="N2875" i="8"/>
  <c r="H2873" i="9" s="1"/>
  <c r="O2875" i="8"/>
  <c r="I2873" i="9" s="1"/>
  <c r="J2876" i="8"/>
  <c r="F2874" i="9" s="1"/>
  <c r="L2876" i="8"/>
  <c r="N2876" i="8"/>
  <c r="H2874" i="9" s="1"/>
  <c r="O2876" i="8"/>
  <c r="I2874" i="9" s="1"/>
  <c r="J2877" i="8"/>
  <c r="F2875" i="9" s="1"/>
  <c r="L2877" i="8"/>
  <c r="N2877" i="8"/>
  <c r="H2875" i="9" s="1"/>
  <c r="O2877" i="8"/>
  <c r="I2875" i="9" s="1"/>
  <c r="J2878" i="8"/>
  <c r="F2876" i="9" s="1"/>
  <c r="L2878" i="8"/>
  <c r="N2878" i="8"/>
  <c r="H2876" i="9" s="1"/>
  <c r="O2878" i="8"/>
  <c r="I2876" i="9" s="1"/>
  <c r="J2879" i="8"/>
  <c r="F2877" i="9" s="1"/>
  <c r="L2879" i="8"/>
  <c r="N2879" i="8"/>
  <c r="H2877" i="9" s="1"/>
  <c r="O2879" i="8"/>
  <c r="I2877" i="9" s="1"/>
  <c r="J2880" i="8"/>
  <c r="F2878" i="9" s="1"/>
  <c r="L2880" i="8"/>
  <c r="N2880" i="8"/>
  <c r="H2878" i="9" s="1"/>
  <c r="O2880" i="8"/>
  <c r="I2878" i="9" s="1"/>
  <c r="J2881" i="8"/>
  <c r="F2879" i="9" s="1"/>
  <c r="L2881" i="8"/>
  <c r="N2881" i="8"/>
  <c r="H2879" i="9" s="1"/>
  <c r="O2881" i="8"/>
  <c r="I2879" i="9" s="1"/>
  <c r="J2882" i="8"/>
  <c r="F2880" i="9" s="1"/>
  <c r="L2882" i="8"/>
  <c r="N2882" i="8"/>
  <c r="H2880" i="9" s="1"/>
  <c r="O2882" i="8"/>
  <c r="I2880" i="9" s="1"/>
  <c r="J2883" i="8"/>
  <c r="F2881" i="9" s="1"/>
  <c r="L2883" i="8"/>
  <c r="N2883" i="8"/>
  <c r="H2881" i="9" s="1"/>
  <c r="O2883" i="8"/>
  <c r="I2881" i="9" s="1"/>
  <c r="J2884" i="8"/>
  <c r="F2882" i="9" s="1"/>
  <c r="L2884" i="8"/>
  <c r="N2884" i="8"/>
  <c r="H2882" i="9" s="1"/>
  <c r="O2884" i="8"/>
  <c r="I2882" i="9" s="1"/>
  <c r="J2885" i="8"/>
  <c r="F2883" i="9" s="1"/>
  <c r="L2885" i="8"/>
  <c r="N2885" i="8"/>
  <c r="H2883" i="9" s="1"/>
  <c r="O2885" i="8"/>
  <c r="I2883" i="9" s="1"/>
  <c r="J2886" i="8"/>
  <c r="F2884" i="9" s="1"/>
  <c r="L2886" i="8"/>
  <c r="N2886" i="8"/>
  <c r="H2884" i="9" s="1"/>
  <c r="O2886" i="8"/>
  <c r="I2884" i="9" s="1"/>
  <c r="J2887" i="8"/>
  <c r="F2885" i="9" s="1"/>
  <c r="L2887" i="8"/>
  <c r="N2887" i="8"/>
  <c r="H2885" i="9" s="1"/>
  <c r="O2887" i="8"/>
  <c r="I2885" i="9" s="1"/>
  <c r="J2888" i="8"/>
  <c r="F2886" i="9" s="1"/>
  <c r="L2888" i="8"/>
  <c r="N2888" i="8"/>
  <c r="H2886" i="9" s="1"/>
  <c r="O2888" i="8"/>
  <c r="I2886" i="9" s="1"/>
  <c r="J2889" i="8"/>
  <c r="F2887" i="9" s="1"/>
  <c r="L2889" i="8"/>
  <c r="N2889" i="8"/>
  <c r="H2887" i="9" s="1"/>
  <c r="O2889" i="8"/>
  <c r="I2887" i="9" s="1"/>
  <c r="J2890" i="8"/>
  <c r="F2888" i="9" s="1"/>
  <c r="L2890" i="8"/>
  <c r="N2890" i="8"/>
  <c r="H2888" i="9" s="1"/>
  <c r="O2890" i="8"/>
  <c r="I2888" i="9" s="1"/>
  <c r="J2891" i="8"/>
  <c r="F2889" i="9" s="1"/>
  <c r="L2891" i="8"/>
  <c r="N2891" i="8"/>
  <c r="H2889" i="9" s="1"/>
  <c r="O2891" i="8"/>
  <c r="I2889" i="9" s="1"/>
  <c r="J2892" i="8"/>
  <c r="F2890" i="9" s="1"/>
  <c r="L2892" i="8"/>
  <c r="N2892" i="8"/>
  <c r="H2890" i="9" s="1"/>
  <c r="O2892" i="8"/>
  <c r="I2890" i="9" s="1"/>
  <c r="J2893" i="8"/>
  <c r="F2891" i="9" s="1"/>
  <c r="L2893" i="8"/>
  <c r="N2893" i="8"/>
  <c r="H2891" i="9" s="1"/>
  <c r="O2893" i="8"/>
  <c r="I2891" i="9" s="1"/>
  <c r="J2894" i="8"/>
  <c r="F2892" i="9" s="1"/>
  <c r="L2894" i="8"/>
  <c r="N2894" i="8"/>
  <c r="H2892" i="9" s="1"/>
  <c r="O2894" i="8"/>
  <c r="I2892" i="9" s="1"/>
  <c r="J2895" i="8"/>
  <c r="F2893" i="9" s="1"/>
  <c r="L2895" i="8"/>
  <c r="N2895" i="8"/>
  <c r="H2893" i="9" s="1"/>
  <c r="O2895" i="8"/>
  <c r="I2893" i="9" s="1"/>
  <c r="J2896" i="8"/>
  <c r="F2894" i="9" s="1"/>
  <c r="L2896" i="8"/>
  <c r="N2896" i="8"/>
  <c r="H2894" i="9" s="1"/>
  <c r="O2896" i="8"/>
  <c r="I2894" i="9" s="1"/>
  <c r="J2897" i="8"/>
  <c r="F2895" i="9" s="1"/>
  <c r="L2897" i="8"/>
  <c r="N2897" i="8"/>
  <c r="H2895" i="9" s="1"/>
  <c r="O2897" i="8"/>
  <c r="I2895" i="9" s="1"/>
  <c r="J2898" i="8"/>
  <c r="F2896" i="9" s="1"/>
  <c r="L2898" i="8"/>
  <c r="N2898" i="8"/>
  <c r="H2896" i="9" s="1"/>
  <c r="O2898" i="8"/>
  <c r="I2896" i="9" s="1"/>
  <c r="J2899" i="8"/>
  <c r="F2897" i="9" s="1"/>
  <c r="L2899" i="8"/>
  <c r="N2899" i="8"/>
  <c r="H2897" i="9" s="1"/>
  <c r="O2899" i="8"/>
  <c r="I2897" i="9" s="1"/>
  <c r="J2900" i="8"/>
  <c r="F2898" i="9" s="1"/>
  <c r="L2900" i="8"/>
  <c r="N2900" i="8"/>
  <c r="H2898" i="9" s="1"/>
  <c r="O2900" i="8"/>
  <c r="I2898" i="9" s="1"/>
  <c r="J2901" i="8"/>
  <c r="F2899" i="9" s="1"/>
  <c r="L2901" i="8"/>
  <c r="N2901" i="8"/>
  <c r="H2899" i="9" s="1"/>
  <c r="O2901" i="8"/>
  <c r="I2899" i="9" s="1"/>
  <c r="J2902" i="8"/>
  <c r="F2900" i="9" s="1"/>
  <c r="L2902" i="8"/>
  <c r="N2902" i="8"/>
  <c r="H2900" i="9" s="1"/>
  <c r="O2902" i="8"/>
  <c r="I2900" i="9" s="1"/>
  <c r="J2903" i="8"/>
  <c r="F2901" i="9" s="1"/>
  <c r="L2903" i="8"/>
  <c r="N2903" i="8"/>
  <c r="H2901" i="9" s="1"/>
  <c r="O2903" i="8"/>
  <c r="I2901" i="9" s="1"/>
  <c r="J2904" i="8"/>
  <c r="F2902" i="9" s="1"/>
  <c r="L2904" i="8"/>
  <c r="N2904" i="8"/>
  <c r="H2902" i="9" s="1"/>
  <c r="O2904" i="8"/>
  <c r="I2902" i="9" s="1"/>
  <c r="J2905" i="8"/>
  <c r="F2903" i="9" s="1"/>
  <c r="L2905" i="8"/>
  <c r="N2905" i="8"/>
  <c r="H2903" i="9" s="1"/>
  <c r="O2905" i="8"/>
  <c r="I2903" i="9" s="1"/>
  <c r="J2906" i="8"/>
  <c r="F2904" i="9" s="1"/>
  <c r="L2906" i="8"/>
  <c r="N2906" i="8"/>
  <c r="H2904" i="9" s="1"/>
  <c r="O2906" i="8"/>
  <c r="I2904" i="9" s="1"/>
  <c r="J2907" i="8"/>
  <c r="F2905" i="9" s="1"/>
  <c r="L2907" i="8"/>
  <c r="N2907" i="8"/>
  <c r="H2905" i="9" s="1"/>
  <c r="O2907" i="8"/>
  <c r="I2905" i="9" s="1"/>
  <c r="J2908" i="8"/>
  <c r="F2906" i="9" s="1"/>
  <c r="L2908" i="8"/>
  <c r="N2908" i="8"/>
  <c r="H2906" i="9" s="1"/>
  <c r="O2908" i="8"/>
  <c r="I2906" i="9" s="1"/>
  <c r="J2909" i="8"/>
  <c r="F2907" i="9" s="1"/>
  <c r="L2909" i="8"/>
  <c r="N2909" i="8"/>
  <c r="H2907" i="9" s="1"/>
  <c r="O2909" i="8"/>
  <c r="I2907" i="9" s="1"/>
  <c r="J2910" i="8"/>
  <c r="F2908" i="9" s="1"/>
  <c r="L2910" i="8"/>
  <c r="N2910" i="8"/>
  <c r="H2908" i="9" s="1"/>
  <c r="O2910" i="8"/>
  <c r="I2908" i="9" s="1"/>
  <c r="J2911" i="8"/>
  <c r="F2909" i="9" s="1"/>
  <c r="L2911" i="8"/>
  <c r="N2911" i="8"/>
  <c r="H2909" i="9" s="1"/>
  <c r="O2911" i="8"/>
  <c r="I2909" i="9" s="1"/>
  <c r="J2912" i="8"/>
  <c r="F2910" i="9" s="1"/>
  <c r="L2912" i="8"/>
  <c r="N2912" i="8"/>
  <c r="H2910" i="9" s="1"/>
  <c r="O2912" i="8"/>
  <c r="I2910" i="9" s="1"/>
  <c r="J2913" i="8"/>
  <c r="F2911" i="9" s="1"/>
  <c r="L2913" i="8"/>
  <c r="N2913" i="8"/>
  <c r="H2911" i="9" s="1"/>
  <c r="O2913" i="8"/>
  <c r="I2911" i="9" s="1"/>
  <c r="J2914" i="8"/>
  <c r="F2912" i="9" s="1"/>
  <c r="L2914" i="8"/>
  <c r="N2914" i="8"/>
  <c r="H2912" i="9" s="1"/>
  <c r="O2914" i="8"/>
  <c r="I2912" i="9" s="1"/>
  <c r="J2915" i="8"/>
  <c r="F2913" i="9" s="1"/>
  <c r="L2915" i="8"/>
  <c r="N2915" i="8"/>
  <c r="H2913" i="9" s="1"/>
  <c r="O2915" i="8"/>
  <c r="I2913" i="9" s="1"/>
  <c r="J2916" i="8"/>
  <c r="F2914" i="9" s="1"/>
  <c r="L2916" i="8"/>
  <c r="N2916" i="8"/>
  <c r="H2914" i="9" s="1"/>
  <c r="O2916" i="8"/>
  <c r="I2914" i="9" s="1"/>
  <c r="J2917" i="8"/>
  <c r="F2915" i="9" s="1"/>
  <c r="L2917" i="8"/>
  <c r="N2917" i="8"/>
  <c r="H2915" i="9" s="1"/>
  <c r="O2917" i="8"/>
  <c r="I2915" i="9" s="1"/>
  <c r="J2918" i="8"/>
  <c r="F2916" i="9" s="1"/>
  <c r="L2918" i="8"/>
  <c r="N2918" i="8"/>
  <c r="H2916" i="9" s="1"/>
  <c r="O2918" i="8"/>
  <c r="I2916" i="9" s="1"/>
  <c r="J2919" i="8"/>
  <c r="F2917" i="9" s="1"/>
  <c r="L2919" i="8"/>
  <c r="N2919" i="8"/>
  <c r="H2917" i="9" s="1"/>
  <c r="O2919" i="8"/>
  <c r="I2917" i="9" s="1"/>
  <c r="J2920" i="8"/>
  <c r="F2918" i="9" s="1"/>
  <c r="L2920" i="8"/>
  <c r="N2920" i="8"/>
  <c r="H2918" i="9" s="1"/>
  <c r="O2920" i="8"/>
  <c r="I2918" i="9" s="1"/>
  <c r="J2921" i="8"/>
  <c r="F2919" i="9" s="1"/>
  <c r="L2921" i="8"/>
  <c r="N2921" i="8"/>
  <c r="H2919" i="9" s="1"/>
  <c r="O2921" i="8"/>
  <c r="I2919" i="9" s="1"/>
  <c r="J2922" i="8"/>
  <c r="F2920" i="9" s="1"/>
  <c r="L2922" i="8"/>
  <c r="N2922" i="8"/>
  <c r="H2920" i="9" s="1"/>
  <c r="O2922" i="8"/>
  <c r="I2920" i="9" s="1"/>
  <c r="J2923" i="8"/>
  <c r="F2921" i="9" s="1"/>
  <c r="L2923" i="8"/>
  <c r="N2923" i="8"/>
  <c r="H2921" i="9" s="1"/>
  <c r="O2923" i="8"/>
  <c r="I2921" i="9" s="1"/>
  <c r="J2924" i="8"/>
  <c r="F2922" i="9" s="1"/>
  <c r="L2924" i="8"/>
  <c r="N2924" i="8"/>
  <c r="H2922" i="9" s="1"/>
  <c r="O2924" i="8"/>
  <c r="I2922" i="9" s="1"/>
  <c r="J2925" i="8"/>
  <c r="F2923" i="9" s="1"/>
  <c r="L2925" i="8"/>
  <c r="N2925" i="8"/>
  <c r="H2923" i="9" s="1"/>
  <c r="O2925" i="8"/>
  <c r="I2923" i="9" s="1"/>
  <c r="J2926" i="8"/>
  <c r="F2924" i="9" s="1"/>
  <c r="L2926" i="8"/>
  <c r="N2926" i="8"/>
  <c r="H2924" i="9" s="1"/>
  <c r="O2926" i="8"/>
  <c r="I2924" i="9" s="1"/>
  <c r="J2927" i="8"/>
  <c r="F2925" i="9" s="1"/>
  <c r="L2927" i="8"/>
  <c r="N2927" i="8"/>
  <c r="H2925" i="9" s="1"/>
  <c r="O2927" i="8"/>
  <c r="I2925" i="9" s="1"/>
  <c r="J2928" i="8"/>
  <c r="F2926" i="9" s="1"/>
  <c r="L2928" i="8"/>
  <c r="N2928" i="8"/>
  <c r="H2926" i="9" s="1"/>
  <c r="O2928" i="8"/>
  <c r="I2926" i="9" s="1"/>
  <c r="J2929" i="8"/>
  <c r="F2927" i="9" s="1"/>
  <c r="L2929" i="8"/>
  <c r="N2929" i="8"/>
  <c r="H2927" i="9" s="1"/>
  <c r="O2929" i="8"/>
  <c r="I2927" i="9" s="1"/>
  <c r="J2930" i="8"/>
  <c r="F2928" i="9" s="1"/>
  <c r="L2930" i="8"/>
  <c r="N2930" i="8"/>
  <c r="H2928" i="9" s="1"/>
  <c r="O2930" i="8"/>
  <c r="I2928" i="9" s="1"/>
  <c r="J2931" i="8"/>
  <c r="F2929" i="9" s="1"/>
  <c r="L2931" i="8"/>
  <c r="N2931" i="8"/>
  <c r="H2929" i="9" s="1"/>
  <c r="O2931" i="8"/>
  <c r="I2929" i="9" s="1"/>
  <c r="J2932" i="8"/>
  <c r="F2930" i="9" s="1"/>
  <c r="L2932" i="8"/>
  <c r="N2932" i="8"/>
  <c r="H2930" i="9" s="1"/>
  <c r="O2932" i="8"/>
  <c r="I2930" i="9" s="1"/>
  <c r="J2933" i="8"/>
  <c r="F2931" i="9" s="1"/>
  <c r="L2933" i="8"/>
  <c r="N2933" i="8"/>
  <c r="H2931" i="9" s="1"/>
  <c r="O2933" i="8"/>
  <c r="I2931" i="9" s="1"/>
  <c r="J2934" i="8"/>
  <c r="F2932" i="9" s="1"/>
  <c r="L2934" i="8"/>
  <c r="N2934" i="8"/>
  <c r="H2932" i="9" s="1"/>
  <c r="O2934" i="8"/>
  <c r="I2932" i="9" s="1"/>
  <c r="J2935" i="8"/>
  <c r="F2933" i="9" s="1"/>
  <c r="L2935" i="8"/>
  <c r="N2935" i="8"/>
  <c r="H2933" i="9" s="1"/>
  <c r="O2935" i="8"/>
  <c r="I2933" i="9" s="1"/>
  <c r="J2936" i="8"/>
  <c r="F2934" i="9" s="1"/>
  <c r="L2936" i="8"/>
  <c r="N2936" i="8"/>
  <c r="H2934" i="9" s="1"/>
  <c r="O2936" i="8"/>
  <c r="I2934" i="9" s="1"/>
  <c r="J2937" i="8"/>
  <c r="F2935" i="9" s="1"/>
  <c r="L2937" i="8"/>
  <c r="N2937" i="8"/>
  <c r="H2935" i="9" s="1"/>
  <c r="O2937" i="8"/>
  <c r="I2935" i="9" s="1"/>
  <c r="J2938" i="8"/>
  <c r="F2936" i="9" s="1"/>
  <c r="L2938" i="8"/>
  <c r="N2938" i="8"/>
  <c r="H2936" i="9" s="1"/>
  <c r="O2938" i="8"/>
  <c r="I2936" i="9" s="1"/>
  <c r="J2939" i="8"/>
  <c r="F2937" i="9" s="1"/>
  <c r="L2939" i="8"/>
  <c r="N2939" i="8"/>
  <c r="H2937" i="9" s="1"/>
  <c r="O2939" i="8"/>
  <c r="I2937" i="9" s="1"/>
  <c r="J2940" i="8"/>
  <c r="F2938" i="9" s="1"/>
  <c r="L2940" i="8"/>
  <c r="N2940" i="8"/>
  <c r="H2938" i="9" s="1"/>
  <c r="O2940" i="8"/>
  <c r="I2938" i="9" s="1"/>
  <c r="J2941" i="8"/>
  <c r="F2939" i="9" s="1"/>
  <c r="L2941" i="8"/>
  <c r="N2941" i="8"/>
  <c r="H2939" i="9" s="1"/>
  <c r="O2941" i="8"/>
  <c r="I2939" i="9" s="1"/>
  <c r="J2942" i="8"/>
  <c r="F2940" i="9" s="1"/>
  <c r="L2942" i="8"/>
  <c r="N2942" i="8"/>
  <c r="H2940" i="9" s="1"/>
  <c r="O2942" i="8"/>
  <c r="I2940" i="9" s="1"/>
  <c r="J2943" i="8"/>
  <c r="F2941" i="9" s="1"/>
  <c r="L2943" i="8"/>
  <c r="N2943" i="8"/>
  <c r="H2941" i="9" s="1"/>
  <c r="O2943" i="8"/>
  <c r="I2941" i="9" s="1"/>
  <c r="J2944" i="8"/>
  <c r="F2942" i="9" s="1"/>
  <c r="L2944" i="8"/>
  <c r="N2944" i="8"/>
  <c r="H2942" i="9" s="1"/>
  <c r="O2944" i="8"/>
  <c r="I2942" i="9" s="1"/>
  <c r="J2945" i="8"/>
  <c r="F2943" i="9" s="1"/>
  <c r="L2945" i="8"/>
  <c r="N2945" i="8"/>
  <c r="H2943" i="9" s="1"/>
  <c r="O2945" i="8"/>
  <c r="I2943" i="9" s="1"/>
  <c r="J2946" i="8"/>
  <c r="F2944" i="9" s="1"/>
  <c r="L2946" i="8"/>
  <c r="N2946" i="8"/>
  <c r="H2944" i="9" s="1"/>
  <c r="O2946" i="8"/>
  <c r="I2944" i="9" s="1"/>
  <c r="J2947" i="8"/>
  <c r="F2945" i="9" s="1"/>
  <c r="L2947" i="8"/>
  <c r="N2947" i="8"/>
  <c r="H2945" i="9" s="1"/>
  <c r="O2947" i="8"/>
  <c r="I2945" i="9" s="1"/>
  <c r="J2948" i="8"/>
  <c r="F2946" i="9" s="1"/>
  <c r="L2948" i="8"/>
  <c r="N2948" i="8"/>
  <c r="H2946" i="9" s="1"/>
  <c r="O2948" i="8"/>
  <c r="I2946" i="9" s="1"/>
  <c r="J2949" i="8"/>
  <c r="F2947" i="9" s="1"/>
  <c r="L2949" i="8"/>
  <c r="N2949" i="8"/>
  <c r="H2947" i="9" s="1"/>
  <c r="O2949" i="8"/>
  <c r="I2947" i="9" s="1"/>
  <c r="J2950" i="8"/>
  <c r="F2948" i="9" s="1"/>
  <c r="L2950" i="8"/>
  <c r="N2950" i="8"/>
  <c r="H2948" i="9" s="1"/>
  <c r="O2950" i="8"/>
  <c r="I2948" i="9" s="1"/>
  <c r="J2951" i="8"/>
  <c r="F2949" i="9" s="1"/>
  <c r="L2951" i="8"/>
  <c r="N2951" i="8"/>
  <c r="H2949" i="9" s="1"/>
  <c r="O2951" i="8"/>
  <c r="I2949" i="9" s="1"/>
  <c r="J2952" i="8"/>
  <c r="F2950" i="9" s="1"/>
  <c r="L2952" i="8"/>
  <c r="N2952" i="8"/>
  <c r="H2950" i="9" s="1"/>
  <c r="O2952" i="8"/>
  <c r="I2950" i="9" s="1"/>
  <c r="J2953" i="8"/>
  <c r="F2951" i="9" s="1"/>
  <c r="L2953" i="8"/>
  <c r="N2953" i="8"/>
  <c r="H2951" i="9" s="1"/>
  <c r="O2953" i="8"/>
  <c r="I2951" i="9" s="1"/>
  <c r="J2954" i="8"/>
  <c r="F2952" i="9" s="1"/>
  <c r="L2954" i="8"/>
  <c r="N2954" i="8"/>
  <c r="H2952" i="9" s="1"/>
  <c r="O2954" i="8"/>
  <c r="I2952" i="9" s="1"/>
  <c r="J2955" i="8"/>
  <c r="F2953" i="9" s="1"/>
  <c r="L2955" i="8"/>
  <c r="N2955" i="8"/>
  <c r="H2953" i="9" s="1"/>
  <c r="O2955" i="8"/>
  <c r="I2953" i="9" s="1"/>
  <c r="J2956" i="8"/>
  <c r="F2954" i="9" s="1"/>
  <c r="L2956" i="8"/>
  <c r="N2956" i="8"/>
  <c r="H2954" i="9" s="1"/>
  <c r="O2956" i="8"/>
  <c r="I2954" i="9" s="1"/>
  <c r="J2957" i="8"/>
  <c r="F2955" i="9" s="1"/>
  <c r="L2957" i="8"/>
  <c r="N2957" i="8"/>
  <c r="H2955" i="9" s="1"/>
  <c r="O2957" i="8"/>
  <c r="I2955" i="9" s="1"/>
  <c r="J2958" i="8"/>
  <c r="F2956" i="9" s="1"/>
  <c r="L2958" i="8"/>
  <c r="N2958" i="8"/>
  <c r="H2956" i="9" s="1"/>
  <c r="O2958" i="8"/>
  <c r="I2956" i="9" s="1"/>
  <c r="J2959" i="8"/>
  <c r="F2957" i="9" s="1"/>
  <c r="L2959" i="8"/>
  <c r="N2959" i="8"/>
  <c r="H2957" i="9" s="1"/>
  <c r="O2959" i="8"/>
  <c r="I2957" i="9" s="1"/>
  <c r="J2960" i="8"/>
  <c r="F2958" i="9" s="1"/>
  <c r="L2960" i="8"/>
  <c r="N2960" i="8"/>
  <c r="H2958" i="9" s="1"/>
  <c r="O2960" i="8"/>
  <c r="I2958" i="9" s="1"/>
  <c r="J2961" i="8"/>
  <c r="F2959" i="9" s="1"/>
  <c r="L2961" i="8"/>
  <c r="N2961" i="8"/>
  <c r="H2959" i="9" s="1"/>
  <c r="O2961" i="8"/>
  <c r="I2959" i="9" s="1"/>
  <c r="J2962" i="8"/>
  <c r="F2960" i="9" s="1"/>
  <c r="L2962" i="8"/>
  <c r="N2962" i="8"/>
  <c r="H2960" i="9" s="1"/>
  <c r="O2962" i="8"/>
  <c r="I2960" i="9" s="1"/>
  <c r="J2963" i="8"/>
  <c r="F2961" i="9" s="1"/>
  <c r="L2963" i="8"/>
  <c r="N2963" i="8"/>
  <c r="H2961" i="9" s="1"/>
  <c r="O2963" i="8"/>
  <c r="I2961" i="9" s="1"/>
  <c r="J2964" i="8"/>
  <c r="F2962" i="9" s="1"/>
  <c r="L2964" i="8"/>
  <c r="N2964" i="8"/>
  <c r="H2962" i="9" s="1"/>
  <c r="O2964" i="8"/>
  <c r="I2962" i="9" s="1"/>
  <c r="J2965" i="8"/>
  <c r="F2963" i="9" s="1"/>
  <c r="L2965" i="8"/>
  <c r="N2965" i="8"/>
  <c r="H2963" i="9" s="1"/>
  <c r="O2965" i="8"/>
  <c r="I2963" i="9" s="1"/>
  <c r="J2966" i="8"/>
  <c r="F2964" i="9" s="1"/>
  <c r="L2966" i="8"/>
  <c r="N2966" i="8"/>
  <c r="H2964" i="9" s="1"/>
  <c r="O2966" i="8"/>
  <c r="I2964" i="9" s="1"/>
  <c r="J2967" i="8"/>
  <c r="F2965" i="9" s="1"/>
  <c r="L2967" i="8"/>
  <c r="N2967" i="8"/>
  <c r="H2965" i="9" s="1"/>
  <c r="O2967" i="8"/>
  <c r="I2965" i="9" s="1"/>
  <c r="J2968" i="8"/>
  <c r="F2966" i="9" s="1"/>
  <c r="L2968" i="8"/>
  <c r="N2968" i="8"/>
  <c r="H2966" i="9" s="1"/>
  <c r="O2968" i="8"/>
  <c r="I2966" i="9" s="1"/>
  <c r="J2969" i="8"/>
  <c r="F2967" i="9" s="1"/>
  <c r="L2969" i="8"/>
  <c r="N2969" i="8"/>
  <c r="H2967" i="9" s="1"/>
  <c r="O2969" i="8"/>
  <c r="I2967" i="9" s="1"/>
  <c r="J2970" i="8"/>
  <c r="F2968" i="9" s="1"/>
  <c r="L2970" i="8"/>
  <c r="N2970" i="8"/>
  <c r="H2968" i="9" s="1"/>
  <c r="O2970" i="8"/>
  <c r="I2968" i="9" s="1"/>
  <c r="J2971" i="8"/>
  <c r="F2969" i="9" s="1"/>
  <c r="L2971" i="8"/>
  <c r="N2971" i="8"/>
  <c r="H2969" i="9" s="1"/>
  <c r="O2971" i="8"/>
  <c r="I2969" i="9" s="1"/>
  <c r="J2972" i="8"/>
  <c r="F2970" i="9" s="1"/>
  <c r="L2972" i="8"/>
  <c r="N2972" i="8"/>
  <c r="H2970" i="9" s="1"/>
  <c r="O2972" i="8"/>
  <c r="I2970" i="9" s="1"/>
  <c r="J2973" i="8"/>
  <c r="F2971" i="9" s="1"/>
  <c r="L2973" i="8"/>
  <c r="N2973" i="8"/>
  <c r="H2971" i="9" s="1"/>
  <c r="O2973" i="8"/>
  <c r="I2971" i="9" s="1"/>
  <c r="J2974" i="8"/>
  <c r="F2972" i="9" s="1"/>
  <c r="L2974" i="8"/>
  <c r="N2974" i="8"/>
  <c r="H2972" i="9" s="1"/>
  <c r="O2974" i="8"/>
  <c r="I2972" i="9" s="1"/>
  <c r="J2975" i="8"/>
  <c r="F2973" i="9" s="1"/>
  <c r="L2975" i="8"/>
  <c r="N2975" i="8"/>
  <c r="H2973" i="9" s="1"/>
  <c r="O2975" i="8"/>
  <c r="I2973" i="9" s="1"/>
  <c r="J2976" i="8"/>
  <c r="F2974" i="9" s="1"/>
  <c r="L2976" i="8"/>
  <c r="N2976" i="8"/>
  <c r="H2974" i="9" s="1"/>
  <c r="O2976" i="8"/>
  <c r="I2974" i="9" s="1"/>
  <c r="J2977" i="8"/>
  <c r="F2975" i="9" s="1"/>
  <c r="L2977" i="8"/>
  <c r="N2977" i="8"/>
  <c r="H2975" i="9" s="1"/>
  <c r="O2977" i="8"/>
  <c r="I2975" i="9" s="1"/>
  <c r="J2978" i="8"/>
  <c r="F2976" i="9" s="1"/>
  <c r="L2978" i="8"/>
  <c r="N2978" i="8"/>
  <c r="H2976" i="9" s="1"/>
  <c r="O2978" i="8"/>
  <c r="I2976" i="9" s="1"/>
  <c r="J2979" i="8"/>
  <c r="F2977" i="9" s="1"/>
  <c r="L2979" i="8"/>
  <c r="N2979" i="8"/>
  <c r="H2977" i="9" s="1"/>
  <c r="O2979" i="8"/>
  <c r="I2977" i="9" s="1"/>
  <c r="J2980" i="8"/>
  <c r="F2978" i="9" s="1"/>
  <c r="L2980" i="8"/>
  <c r="N2980" i="8"/>
  <c r="H2978" i="9" s="1"/>
  <c r="O2980" i="8"/>
  <c r="I2978" i="9" s="1"/>
  <c r="J2981" i="8"/>
  <c r="F2979" i="9" s="1"/>
  <c r="L2981" i="8"/>
  <c r="N2981" i="8"/>
  <c r="H2979" i="9" s="1"/>
  <c r="O2981" i="8"/>
  <c r="I2979" i="9" s="1"/>
  <c r="J2982" i="8"/>
  <c r="F2980" i="9" s="1"/>
  <c r="L2982" i="8"/>
  <c r="N2982" i="8"/>
  <c r="H2980" i="9" s="1"/>
  <c r="O2982" i="8"/>
  <c r="I2980" i="9" s="1"/>
  <c r="J2983" i="8"/>
  <c r="F2981" i="9" s="1"/>
  <c r="L2983" i="8"/>
  <c r="N2983" i="8"/>
  <c r="H2981" i="9" s="1"/>
  <c r="O2983" i="8"/>
  <c r="I2981" i="9" s="1"/>
  <c r="J2984" i="8"/>
  <c r="F2982" i="9" s="1"/>
  <c r="L2984" i="8"/>
  <c r="N2984" i="8"/>
  <c r="H2982" i="9" s="1"/>
  <c r="O2984" i="8"/>
  <c r="I2982" i="9" s="1"/>
  <c r="J2985" i="8"/>
  <c r="F2983" i="9" s="1"/>
  <c r="L2985" i="8"/>
  <c r="N2985" i="8"/>
  <c r="H2983" i="9" s="1"/>
  <c r="O2985" i="8"/>
  <c r="I2983" i="9" s="1"/>
  <c r="J2986" i="8"/>
  <c r="F2984" i="9" s="1"/>
  <c r="L2986" i="8"/>
  <c r="N2986" i="8"/>
  <c r="H2984" i="9" s="1"/>
  <c r="O2986" i="8"/>
  <c r="I2984" i="9" s="1"/>
  <c r="J2987" i="8"/>
  <c r="F2985" i="9" s="1"/>
  <c r="L2987" i="8"/>
  <c r="N2987" i="8"/>
  <c r="H2985" i="9" s="1"/>
  <c r="O2987" i="8"/>
  <c r="I2985" i="9" s="1"/>
  <c r="J2988" i="8"/>
  <c r="F2986" i="9" s="1"/>
  <c r="L2988" i="8"/>
  <c r="N2988" i="8"/>
  <c r="H2986" i="9" s="1"/>
  <c r="O2988" i="8"/>
  <c r="I2986" i="9" s="1"/>
  <c r="J2989" i="8"/>
  <c r="F2987" i="9" s="1"/>
  <c r="L2989" i="8"/>
  <c r="N2989" i="8"/>
  <c r="H2987" i="9" s="1"/>
  <c r="O2989" i="8"/>
  <c r="I2987" i="9" s="1"/>
  <c r="J2990" i="8"/>
  <c r="F2988" i="9" s="1"/>
  <c r="L2990" i="8"/>
  <c r="N2990" i="8"/>
  <c r="H2988" i="9" s="1"/>
  <c r="O2990" i="8"/>
  <c r="I2988" i="9" s="1"/>
  <c r="J2991" i="8"/>
  <c r="F2989" i="9" s="1"/>
  <c r="L2991" i="8"/>
  <c r="N2991" i="8"/>
  <c r="H2989" i="9" s="1"/>
  <c r="O2991" i="8"/>
  <c r="I2989" i="9" s="1"/>
  <c r="J2992" i="8"/>
  <c r="F2990" i="9" s="1"/>
  <c r="L2992" i="8"/>
  <c r="N2992" i="8"/>
  <c r="H2990" i="9" s="1"/>
  <c r="O2992" i="8"/>
  <c r="I2990" i="9" s="1"/>
  <c r="J2993" i="8"/>
  <c r="F2991" i="9" s="1"/>
  <c r="L2993" i="8"/>
  <c r="N2993" i="8"/>
  <c r="H2991" i="9" s="1"/>
  <c r="O2993" i="8"/>
  <c r="I2991" i="9" s="1"/>
  <c r="J2994" i="8"/>
  <c r="F2992" i="9" s="1"/>
  <c r="L2994" i="8"/>
  <c r="N2994" i="8"/>
  <c r="H2992" i="9" s="1"/>
  <c r="O2994" i="8"/>
  <c r="I2992" i="9" s="1"/>
  <c r="J2995" i="8"/>
  <c r="F2993" i="9" s="1"/>
  <c r="L2995" i="8"/>
  <c r="N2995" i="8"/>
  <c r="H2993" i="9" s="1"/>
  <c r="O2995" i="8"/>
  <c r="I2993" i="9" s="1"/>
  <c r="J2996" i="8"/>
  <c r="F2994" i="9" s="1"/>
  <c r="L2996" i="8"/>
  <c r="N2996" i="8"/>
  <c r="H2994" i="9" s="1"/>
  <c r="O2996" i="8"/>
  <c r="I2994" i="9" s="1"/>
  <c r="J2997" i="8"/>
  <c r="F2995" i="9" s="1"/>
  <c r="L2997" i="8"/>
  <c r="N2997" i="8"/>
  <c r="H2995" i="9" s="1"/>
  <c r="O2997" i="8"/>
  <c r="I2995" i="9" s="1"/>
  <c r="J2998" i="8"/>
  <c r="F2996" i="9" s="1"/>
  <c r="L2998" i="8"/>
  <c r="N2998" i="8"/>
  <c r="H2996" i="9" s="1"/>
  <c r="O2998" i="8"/>
  <c r="I2996" i="9" s="1"/>
  <c r="J2999" i="8"/>
  <c r="F2997" i="9" s="1"/>
  <c r="L2999" i="8"/>
  <c r="N2999" i="8"/>
  <c r="H2997" i="9" s="1"/>
  <c r="O2999" i="8"/>
  <c r="I2997" i="9" s="1"/>
  <c r="J3000" i="8"/>
  <c r="F2998" i="9" s="1"/>
  <c r="L3000" i="8"/>
  <c r="N3000" i="8"/>
  <c r="H2998" i="9" s="1"/>
  <c r="O3000" i="8"/>
  <c r="I2998" i="9" s="1"/>
  <c r="J3001" i="8"/>
  <c r="F2999" i="9" s="1"/>
  <c r="L3001" i="8"/>
  <c r="N3001" i="8"/>
  <c r="H2999" i="9" s="1"/>
  <c r="O3001" i="8"/>
  <c r="I2999" i="9" s="1"/>
  <c r="J3002" i="8"/>
  <c r="F3000" i="9" s="1"/>
  <c r="L3002" i="8"/>
  <c r="N3002" i="8"/>
  <c r="H3000" i="9" s="1"/>
  <c r="O3002" i="8"/>
  <c r="I3000" i="9" s="1"/>
  <c r="J3003" i="8"/>
  <c r="F3001" i="9" s="1"/>
  <c r="L3003" i="8"/>
  <c r="N3003" i="8"/>
  <c r="H3001" i="9" s="1"/>
  <c r="O3003" i="8"/>
  <c r="I3001" i="9" s="1"/>
  <c r="J3004" i="8"/>
  <c r="F3002" i="9" s="1"/>
  <c r="L3004" i="8"/>
  <c r="N3004" i="8"/>
  <c r="H3002" i="9" s="1"/>
  <c r="O3004" i="8"/>
  <c r="I3002" i="9" s="1"/>
  <c r="J3005" i="8"/>
  <c r="F3003" i="9" s="1"/>
  <c r="L3005" i="8"/>
  <c r="N3005" i="8"/>
  <c r="H3003" i="9" s="1"/>
  <c r="O3005" i="8"/>
  <c r="I3003" i="9" s="1"/>
  <c r="J3006" i="8"/>
  <c r="F3004" i="9" s="1"/>
  <c r="L3006" i="8"/>
  <c r="N3006" i="8"/>
  <c r="H3004" i="9" s="1"/>
  <c r="O3006" i="8"/>
  <c r="I3004" i="9" s="1"/>
  <c r="J3007" i="8"/>
  <c r="F3005" i="9" s="1"/>
  <c r="L3007" i="8"/>
  <c r="N3007" i="8"/>
  <c r="H3005" i="9" s="1"/>
  <c r="O3007" i="8"/>
  <c r="I3005" i="9" s="1"/>
  <c r="J3008" i="8"/>
  <c r="F3006" i="9" s="1"/>
  <c r="L3008" i="8"/>
  <c r="N3008" i="8"/>
  <c r="H3006" i="9" s="1"/>
  <c r="O3008" i="8"/>
  <c r="I3006" i="9" s="1"/>
  <c r="J3009" i="8"/>
  <c r="F3007" i="9" s="1"/>
  <c r="L3009" i="8"/>
  <c r="N3009" i="8"/>
  <c r="H3007" i="9" s="1"/>
  <c r="O3009" i="8"/>
  <c r="I3007" i="9" s="1"/>
  <c r="J3010" i="8"/>
  <c r="F3008" i="9" s="1"/>
  <c r="L3010" i="8"/>
  <c r="N3010" i="8"/>
  <c r="H3008" i="9" s="1"/>
  <c r="O3010" i="8"/>
  <c r="I3008" i="9" s="1"/>
  <c r="J3011" i="8"/>
  <c r="F3009" i="9" s="1"/>
  <c r="L3011" i="8"/>
  <c r="N3011" i="8"/>
  <c r="H3009" i="9" s="1"/>
  <c r="O3011" i="8"/>
  <c r="I3009" i="9" s="1"/>
  <c r="J3012" i="8"/>
  <c r="F3010" i="9" s="1"/>
  <c r="L3012" i="8"/>
  <c r="N3012" i="8"/>
  <c r="H3010" i="9" s="1"/>
  <c r="O3012" i="8"/>
  <c r="I3010" i="9" s="1"/>
  <c r="J3013" i="8"/>
  <c r="F3011" i="9" s="1"/>
  <c r="L3013" i="8"/>
  <c r="N3013" i="8"/>
  <c r="H3011" i="9" s="1"/>
  <c r="O3013" i="8"/>
  <c r="I3011" i="9" s="1"/>
  <c r="J3014" i="8"/>
  <c r="F3012" i="9" s="1"/>
  <c r="L3014" i="8"/>
  <c r="N3014" i="8"/>
  <c r="H3012" i="9" s="1"/>
  <c r="O3014" i="8"/>
  <c r="I3012" i="9" s="1"/>
  <c r="J3015" i="8"/>
  <c r="F3013" i="9" s="1"/>
  <c r="L3015" i="8"/>
  <c r="N3015" i="8"/>
  <c r="H3013" i="9" s="1"/>
  <c r="O3015" i="8"/>
  <c r="I3013" i="9" s="1"/>
  <c r="J3016" i="8"/>
  <c r="F3014" i="9" s="1"/>
  <c r="L3016" i="8"/>
  <c r="N3016" i="8"/>
  <c r="H3014" i="9" s="1"/>
  <c r="O3016" i="8"/>
  <c r="I3014" i="9" s="1"/>
  <c r="J3017" i="8"/>
  <c r="F3015" i="9" s="1"/>
  <c r="L3017" i="8"/>
  <c r="N3017" i="8"/>
  <c r="H3015" i="9" s="1"/>
  <c r="O3017" i="8"/>
  <c r="I3015" i="9" s="1"/>
  <c r="J3018" i="8"/>
  <c r="F3016" i="9" s="1"/>
  <c r="L3018" i="8"/>
  <c r="N3018" i="8"/>
  <c r="H3016" i="9" s="1"/>
  <c r="O3018" i="8"/>
  <c r="I3016" i="9" s="1"/>
  <c r="J3019" i="8"/>
  <c r="F3017" i="9" s="1"/>
  <c r="L3019" i="8"/>
  <c r="N3019" i="8"/>
  <c r="H3017" i="9" s="1"/>
  <c r="O3019" i="8"/>
  <c r="I3017" i="9" s="1"/>
  <c r="J3020" i="8"/>
  <c r="F3018" i="9" s="1"/>
  <c r="L3020" i="8"/>
  <c r="N3020" i="8"/>
  <c r="H3018" i="9" s="1"/>
  <c r="O3020" i="8"/>
  <c r="I3018" i="9" s="1"/>
  <c r="J3021" i="8"/>
  <c r="F3019" i="9" s="1"/>
  <c r="L3021" i="8"/>
  <c r="N3021" i="8"/>
  <c r="H3019" i="9" s="1"/>
  <c r="O3021" i="8"/>
  <c r="I3019" i="9" s="1"/>
  <c r="J3022" i="8"/>
  <c r="F3020" i="9" s="1"/>
  <c r="L3022" i="8"/>
  <c r="N3022" i="8"/>
  <c r="H3020" i="9" s="1"/>
  <c r="O3022" i="8"/>
  <c r="I3020" i="9" s="1"/>
  <c r="J3023" i="8"/>
  <c r="F3021" i="9" s="1"/>
  <c r="L3023" i="8"/>
  <c r="N3023" i="8"/>
  <c r="H3021" i="9" s="1"/>
  <c r="O3023" i="8"/>
  <c r="I3021" i="9" s="1"/>
  <c r="J3024" i="8"/>
  <c r="F3022" i="9" s="1"/>
  <c r="L3024" i="8"/>
  <c r="N3024" i="8"/>
  <c r="H3022" i="9" s="1"/>
  <c r="O3024" i="8"/>
  <c r="I3022" i="9" s="1"/>
  <c r="J3025" i="8"/>
  <c r="F3023" i="9" s="1"/>
  <c r="L3025" i="8"/>
  <c r="N3025" i="8"/>
  <c r="H3023" i="9" s="1"/>
  <c r="O3025" i="8"/>
  <c r="I3023" i="9" s="1"/>
  <c r="J3026" i="8"/>
  <c r="F3024" i="9" s="1"/>
  <c r="L3026" i="8"/>
  <c r="N3026" i="8"/>
  <c r="H3024" i="9" s="1"/>
  <c r="O3026" i="8"/>
  <c r="I3024" i="9" s="1"/>
  <c r="J3027" i="8"/>
  <c r="F3025" i="9" s="1"/>
  <c r="L3027" i="8"/>
  <c r="N3027" i="8"/>
  <c r="H3025" i="9" s="1"/>
  <c r="O3027" i="8"/>
  <c r="I3025" i="9" s="1"/>
  <c r="J3028" i="8"/>
  <c r="F3026" i="9" s="1"/>
  <c r="L3028" i="8"/>
  <c r="N3028" i="8"/>
  <c r="H3026" i="9" s="1"/>
  <c r="O3028" i="8"/>
  <c r="I3026" i="9" s="1"/>
  <c r="J3029" i="8"/>
  <c r="F3027" i="9" s="1"/>
  <c r="L3029" i="8"/>
  <c r="N3029" i="8"/>
  <c r="H3027" i="9" s="1"/>
  <c r="O3029" i="8"/>
  <c r="I3027" i="9" s="1"/>
  <c r="J3030" i="8"/>
  <c r="F3028" i="9" s="1"/>
  <c r="L3030" i="8"/>
  <c r="N3030" i="8"/>
  <c r="H3028" i="9" s="1"/>
  <c r="O3030" i="8"/>
  <c r="I3028" i="9" s="1"/>
  <c r="J3031" i="8"/>
  <c r="F3029" i="9" s="1"/>
  <c r="L3031" i="8"/>
  <c r="N3031" i="8"/>
  <c r="H3029" i="9" s="1"/>
  <c r="O3031" i="8"/>
  <c r="I3029" i="9" s="1"/>
  <c r="J3032" i="8"/>
  <c r="F3030" i="9" s="1"/>
  <c r="L3032" i="8"/>
  <c r="N3032" i="8"/>
  <c r="H3030" i="9" s="1"/>
  <c r="O3032" i="8"/>
  <c r="I3030" i="9" s="1"/>
  <c r="J3033" i="8"/>
  <c r="F3031" i="9" s="1"/>
  <c r="L3033" i="8"/>
  <c r="N3033" i="8"/>
  <c r="H3031" i="9" s="1"/>
  <c r="O3033" i="8"/>
  <c r="I3031" i="9" s="1"/>
  <c r="J3034" i="8"/>
  <c r="F3032" i="9" s="1"/>
  <c r="L3034" i="8"/>
  <c r="N3034" i="8"/>
  <c r="H3032" i="9" s="1"/>
  <c r="O3034" i="8"/>
  <c r="I3032" i="9" s="1"/>
  <c r="J3035" i="8"/>
  <c r="F3033" i="9" s="1"/>
  <c r="L3035" i="8"/>
  <c r="N3035" i="8"/>
  <c r="H3033" i="9" s="1"/>
  <c r="O3035" i="8"/>
  <c r="I3033" i="9" s="1"/>
  <c r="J3036" i="8"/>
  <c r="F3034" i="9" s="1"/>
  <c r="L3036" i="8"/>
  <c r="N3036" i="8"/>
  <c r="H3034" i="9" s="1"/>
  <c r="O3036" i="8"/>
  <c r="I3034" i="9" s="1"/>
  <c r="J3037" i="8"/>
  <c r="F3035" i="9" s="1"/>
  <c r="L3037" i="8"/>
  <c r="N3037" i="8"/>
  <c r="H3035" i="9" s="1"/>
  <c r="O3037" i="8"/>
  <c r="I3035" i="9" s="1"/>
  <c r="J3038" i="8"/>
  <c r="F3036" i="9" s="1"/>
  <c r="L3038" i="8"/>
  <c r="N3038" i="8"/>
  <c r="H3036" i="9" s="1"/>
  <c r="O3038" i="8"/>
  <c r="I3036" i="9" s="1"/>
  <c r="J3039" i="8"/>
  <c r="F3037" i="9" s="1"/>
  <c r="L3039" i="8"/>
  <c r="N3039" i="8"/>
  <c r="H3037" i="9" s="1"/>
  <c r="O3039" i="8"/>
  <c r="I3037" i="9" s="1"/>
  <c r="J3040" i="8"/>
  <c r="F3038" i="9" s="1"/>
  <c r="L3040" i="8"/>
  <c r="N3040" i="8"/>
  <c r="H3038" i="9" s="1"/>
  <c r="O3040" i="8"/>
  <c r="I3038" i="9" s="1"/>
  <c r="J3041" i="8"/>
  <c r="F3039" i="9" s="1"/>
  <c r="L3041" i="8"/>
  <c r="N3041" i="8"/>
  <c r="H3039" i="9" s="1"/>
  <c r="O3041" i="8"/>
  <c r="I3039" i="9" s="1"/>
  <c r="J3042" i="8"/>
  <c r="F3040" i="9" s="1"/>
  <c r="L3042" i="8"/>
  <c r="N3042" i="8"/>
  <c r="H3040" i="9" s="1"/>
  <c r="O3042" i="8"/>
  <c r="I3040" i="9" s="1"/>
  <c r="J3043" i="8"/>
  <c r="F3041" i="9" s="1"/>
  <c r="L3043" i="8"/>
  <c r="N3043" i="8"/>
  <c r="H3041" i="9" s="1"/>
  <c r="O3043" i="8"/>
  <c r="I3041" i="9" s="1"/>
  <c r="J3044" i="8"/>
  <c r="F3042" i="9" s="1"/>
  <c r="L3044" i="8"/>
  <c r="N3044" i="8"/>
  <c r="H3042" i="9" s="1"/>
  <c r="O3044" i="8"/>
  <c r="I3042" i="9" s="1"/>
  <c r="J3045" i="8"/>
  <c r="F3043" i="9" s="1"/>
  <c r="L3045" i="8"/>
  <c r="N3045" i="8"/>
  <c r="H3043" i="9" s="1"/>
  <c r="O3045" i="8"/>
  <c r="I3043" i="9" s="1"/>
  <c r="J3046" i="8"/>
  <c r="F3044" i="9" s="1"/>
  <c r="L3046" i="8"/>
  <c r="N3046" i="8"/>
  <c r="H3044" i="9" s="1"/>
  <c r="O3046" i="8"/>
  <c r="I3044" i="9" s="1"/>
  <c r="J3047" i="8"/>
  <c r="F3045" i="9" s="1"/>
  <c r="L3047" i="8"/>
  <c r="N3047" i="8"/>
  <c r="H3045" i="9" s="1"/>
  <c r="O3047" i="8"/>
  <c r="I3045" i="9" s="1"/>
  <c r="J3048" i="8"/>
  <c r="F3046" i="9" s="1"/>
  <c r="L3048" i="8"/>
  <c r="N3048" i="8"/>
  <c r="H3046" i="9" s="1"/>
  <c r="O3048" i="8"/>
  <c r="I3046" i="9" s="1"/>
  <c r="J3049" i="8"/>
  <c r="F3047" i="9" s="1"/>
  <c r="L3049" i="8"/>
  <c r="N3049" i="8"/>
  <c r="H3047" i="9" s="1"/>
  <c r="O3049" i="8"/>
  <c r="I3047" i="9" s="1"/>
  <c r="J3050" i="8"/>
  <c r="F3048" i="9" s="1"/>
  <c r="L3050" i="8"/>
  <c r="N3050" i="8"/>
  <c r="H3048" i="9" s="1"/>
  <c r="O3050" i="8"/>
  <c r="I3048" i="9" s="1"/>
  <c r="J3051" i="8"/>
  <c r="F3049" i="9" s="1"/>
  <c r="L3051" i="8"/>
  <c r="N3051" i="8"/>
  <c r="H3049" i="9" s="1"/>
  <c r="O3051" i="8"/>
  <c r="I3049" i="9" s="1"/>
  <c r="J3052" i="8"/>
  <c r="F3050" i="9" s="1"/>
  <c r="L3052" i="8"/>
  <c r="N3052" i="8"/>
  <c r="H3050" i="9" s="1"/>
  <c r="O3052" i="8"/>
  <c r="I3050" i="9" s="1"/>
  <c r="J3053" i="8"/>
  <c r="F3051" i="9" s="1"/>
  <c r="L3053" i="8"/>
  <c r="N3053" i="8"/>
  <c r="H3051" i="9" s="1"/>
  <c r="O3053" i="8"/>
  <c r="I3051" i="9" s="1"/>
  <c r="J3054" i="8"/>
  <c r="F3052" i="9" s="1"/>
  <c r="L3054" i="8"/>
  <c r="N3054" i="8"/>
  <c r="H3052" i="9" s="1"/>
  <c r="O3054" i="8"/>
  <c r="I3052" i="9" s="1"/>
  <c r="J3055" i="8"/>
  <c r="F3053" i="9" s="1"/>
  <c r="L3055" i="8"/>
  <c r="N3055" i="8"/>
  <c r="H3053" i="9" s="1"/>
  <c r="O3055" i="8"/>
  <c r="I3053" i="9" s="1"/>
  <c r="J3056" i="8"/>
  <c r="F3054" i="9" s="1"/>
  <c r="L3056" i="8"/>
  <c r="N3056" i="8"/>
  <c r="H3054" i="9" s="1"/>
  <c r="O3056" i="8"/>
  <c r="I3054" i="9" s="1"/>
  <c r="J3057" i="8"/>
  <c r="F3055" i="9" s="1"/>
  <c r="L3057" i="8"/>
  <c r="N3057" i="8"/>
  <c r="H3055" i="9" s="1"/>
  <c r="O3057" i="8"/>
  <c r="I3055" i="9" s="1"/>
  <c r="J3058" i="8"/>
  <c r="F3056" i="9" s="1"/>
  <c r="L3058" i="8"/>
  <c r="N3058" i="8"/>
  <c r="H3056" i="9" s="1"/>
  <c r="O3058" i="8"/>
  <c r="I3056" i="9" s="1"/>
  <c r="J3059" i="8"/>
  <c r="F3057" i="9" s="1"/>
  <c r="L3059" i="8"/>
  <c r="N3059" i="8"/>
  <c r="H3057" i="9" s="1"/>
  <c r="O3059" i="8"/>
  <c r="I3057" i="9" s="1"/>
  <c r="J3060" i="8"/>
  <c r="F3058" i="9" s="1"/>
  <c r="L3060" i="8"/>
  <c r="N3060" i="8"/>
  <c r="H3058" i="9" s="1"/>
  <c r="O3060" i="8"/>
  <c r="I3058" i="9" s="1"/>
  <c r="J3061" i="8"/>
  <c r="F3059" i="9" s="1"/>
  <c r="L3061" i="8"/>
  <c r="N3061" i="8"/>
  <c r="H3059" i="9" s="1"/>
  <c r="O3061" i="8"/>
  <c r="I3059" i="9" s="1"/>
  <c r="J3062" i="8"/>
  <c r="F3060" i="9" s="1"/>
  <c r="L3062" i="8"/>
  <c r="N3062" i="8"/>
  <c r="H3060" i="9" s="1"/>
  <c r="O3062" i="8"/>
  <c r="I3060" i="9" s="1"/>
  <c r="J3063" i="8"/>
  <c r="F3061" i="9" s="1"/>
  <c r="L3063" i="8"/>
  <c r="N3063" i="8"/>
  <c r="H3061" i="9" s="1"/>
  <c r="O3063" i="8"/>
  <c r="I3061" i="9" s="1"/>
  <c r="J3064" i="8"/>
  <c r="F3062" i="9" s="1"/>
  <c r="L3064" i="8"/>
  <c r="N3064" i="8"/>
  <c r="H3062" i="9" s="1"/>
  <c r="O3064" i="8"/>
  <c r="I3062" i="9" s="1"/>
  <c r="J3065" i="8"/>
  <c r="F3063" i="9" s="1"/>
  <c r="L3065" i="8"/>
  <c r="N3065" i="8"/>
  <c r="H3063" i="9" s="1"/>
  <c r="O3065" i="8"/>
  <c r="I3063" i="9" s="1"/>
  <c r="J3066" i="8"/>
  <c r="F3064" i="9" s="1"/>
  <c r="L3066" i="8"/>
  <c r="N3066" i="8"/>
  <c r="H3064" i="9" s="1"/>
  <c r="O3066" i="8"/>
  <c r="I3064" i="9" s="1"/>
  <c r="J3067" i="8"/>
  <c r="F3065" i="9" s="1"/>
  <c r="L3067" i="8"/>
  <c r="N3067" i="8"/>
  <c r="H3065" i="9" s="1"/>
  <c r="O3067" i="8"/>
  <c r="I3065" i="9" s="1"/>
  <c r="J3068" i="8"/>
  <c r="F3066" i="9" s="1"/>
  <c r="L3068" i="8"/>
  <c r="N3068" i="8"/>
  <c r="H3066" i="9" s="1"/>
  <c r="O3068" i="8"/>
  <c r="I3066" i="9" s="1"/>
  <c r="J3069" i="8"/>
  <c r="F3067" i="9" s="1"/>
  <c r="L3069" i="8"/>
  <c r="N3069" i="8"/>
  <c r="H3067" i="9" s="1"/>
  <c r="O3069" i="8"/>
  <c r="I3067" i="9" s="1"/>
  <c r="J3070" i="8"/>
  <c r="F3068" i="9" s="1"/>
  <c r="L3070" i="8"/>
  <c r="N3070" i="8"/>
  <c r="H3068" i="9" s="1"/>
  <c r="O3070" i="8"/>
  <c r="I3068" i="9" s="1"/>
  <c r="J3071" i="8"/>
  <c r="F3069" i="9" s="1"/>
  <c r="L3071" i="8"/>
  <c r="N3071" i="8"/>
  <c r="H3069" i="9" s="1"/>
  <c r="O3071" i="8"/>
  <c r="I3069" i="9" s="1"/>
  <c r="J3072" i="8"/>
  <c r="F3070" i="9" s="1"/>
  <c r="L3072" i="8"/>
  <c r="N3072" i="8"/>
  <c r="H3070" i="9" s="1"/>
  <c r="O3072" i="8"/>
  <c r="I3070" i="9" s="1"/>
  <c r="J3073" i="8"/>
  <c r="F3071" i="9" s="1"/>
  <c r="L3073" i="8"/>
  <c r="N3073" i="8"/>
  <c r="H3071" i="9" s="1"/>
  <c r="O3073" i="8"/>
  <c r="I3071" i="9" s="1"/>
  <c r="J3074" i="8"/>
  <c r="F3072" i="9" s="1"/>
  <c r="L3074" i="8"/>
  <c r="N3074" i="8"/>
  <c r="H3072" i="9" s="1"/>
  <c r="O3074" i="8"/>
  <c r="I3072" i="9" s="1"/>
  <c r="J3075" i="8"/>
  <c r="F3073" i="9" s="1"/>
  <c r="L3075" i="8"/>
  <c r="N3075" i="8"/>
  <c r="H3073" i="9" s="1"/>
  <c r="O3075" i="8"/>
  <c r="I3073" i="9" s="1"/>
  <c r="J3076" i="8"/>
  <c r="F3074" i="9" s="1"/>
  <c r="L3076" i="8"/>
  <c r="N3076" i="8"/>
  <c r="H3074" i="9" s="1"/>
  <c r="O3076" i="8"/>
  <c r="I3074" i="9" s="1"/>
  <c r="J3077" i="8"/>
  <c r="F3075" i="9" s="1"/>
  <c r="L3077" i="8"/>
  <c r="N3077" i="8"/>
  <c r="H3075" i="9" s="1"/>
  <c r="O3077" i="8"/>
  <c r="I3075" i="9" s="1"/>
  <c r="J3078" i="8"/>
  <c r="F3076" i="9" s="1"/>
  <c r="L3078" i="8"/>
  <c r="N3078" i="8"/>
  <c r="H3076" i="9" s="1"/>
  <c r="O3078" i="8"/>
  <c r="I3076" i="9" s="1"/>
  <c r="J3079" i="8"/>
  <c r="F3077" i="9" s="1"/>
  <c r="L3079" i="8"/>
  <c r="N3079" i="8"/>
  <c r="H3077" i="9" s="1"/>
  <c r="O3079" i="8"/>
  <c r="I3077" i="9" s="1"/>
  <c r="J3080" i="8"/>
  <c r="F3078" i="9" s="1"/>
  <c r="L3080" i="8"/>
  <c r="N3080" i="8"/>
  <c r="H3078" i="9" s="1"/>
  <c r="O3080" i="8"/>
  <c r="I3078" i="9" s="1"/>
  <c r="J3081" i="8"/>
  <c r="F3079" i="9" s="1"/>
  <c r="L3081" i="8"/>
  <c r="N3081" i="8"/>
  <c r="H3079" i="9" s="1"/>
  <c r="O3081" i="8"/>
  <c r="I3079" i="9" s="1"/>
  <c r="J3082" i="8"/>
  <c r="F3080" i="9" s="1"/>
  <c r="L3082" i="8"/>
  <c r="N3082" i="8"/>
  <c r="H3080" i="9" s="1"/>
  <c r="O3082" i="8"/>
  <c r="I3080" i="9" s="1"/>
  <c r="J3083" i="8"/>
  <c r="F3081" i="9" s="1"/>
  <c r="L3083" i="8"/>
  <c r="N3083" i="8"/>
  <c r="H3081" i="9" s="1"/>
  <c r="O3083" i="8"/>
  <c r="I3081" i="9" s="1"/>
  <c r="J3084" i="8"/>
  <c r="F3082" i="9" s="1"/>
  <c r="L3084" i="8"/>
  <c r="N3084" i="8"/>
  <c r="H3082" i="9" s="1"/>
  <c r="O3084" i="8"/>
  <c r="I3082" i="9" s="1"/>
  <c r="J3085" i="8"/>
  <c r="F3083" i="9" s="1"/>
  <c r="L3085" i="8"/>
  <c r="N3085" i="8"/>
  <c r="H3083" i="9" s="1"/>
  <c r="O3085" i="8"/>
  <c r="I3083" i="9" s="1"/>
  <c r="J3086" i="8"/>
  <c r="F3084" i="9" s="1"/>
  <c r="L3086" i="8"/>
  <c r="N3086" i="8"/>
  <c r="H3084" i="9" s="1"/>
  <c r="O3086" i="8"/>
  <c r="I3084" i="9" s="1"/>
  <c r="J3087" i="8"/>
  <c r="F3085" i="9" s="1"/>
  <c r="L3087" i="8"/>
  <c r="N3087" i="8"/>
  <c r="H3085" i="9" s="1"/>
  <c r="O3087" i="8"/>
  <c r="I3085" i="9" s="1"/>
  <c r="J3088" i="8"/>
  <c r="F3086" i="9" s="1"/>
  <c r="L3088" i="8"/>
  <c r="N3088" i="8"/>
  <c r="H3086" i="9" s="1"/>
  <c r="O3088" i="8"/>
  <c r="I3086" i="9" s="1"/>
  <c r="J3089" i="8"/>
  <c r="F3087" i="9" s="1"/>
  <c r="L3089" i="8"/>
  <c r="N3089" i="8"/>
  <c r="H3087" i="9" s="1"/>
  <c r="O3089" i="8"/>
  <c r="I3087" i="9" s="1"/>
  <c r="J3090" i="8"/>
  <c r="F3088" i="9" s="1"/>
  <c r="L3090" i="8"/>
  <c r="N3090" i="8"/>
  <c r="H3088" i="9" s="1"/>
  <c r="O3090" i="8"/>
  <c r="I3088" i="9" s="1"/>
  <c r="J3091" i="8"/>
  <c r="F3089" i="9" s="1"/>
  <c r="L3091" i="8"/>
  <c r="N3091" i="8"/>
  <c r="H3089" i="9" s="1"/>
  <c r="O3091" i="8"/>
  <c r="I3089" i="9" s="1"/>
  <c r="J3092" i="8"/>
  <c r="F3090" i="9" s="1"/>
  <c r="L3092" i="8"/>
  <c r="N3092" i="8"/>
  <c r="H3090" i="9" s="1"/>
  <c r="O3092" i="8"/>
  <c r="I3090" i="9" s="1"/>
  <c r="J3093" i="8"/>
  <c r="F3091" i="9" s="1"/>
  <c r="L3093" i="8"/>
  <c r="N3093" i="8"/>
  <c r="H3091" i="9" s="1"/>
  <c r="O3093" i="8"/>
  <c r="I3091" i="9" s="1"/>
  <c r="J3094" i="8"/>
  <c r="F3092" i="9" s="1"/>
  <c r="L3094" i="8"/>
  <c r="N3094" i="8"/>
  <c r="H3092" i="9" s="1"/>
  <c r="O3094" i="8"/>
  <c r="I3092" i="9" s="1"/>
  <c r="J3095" i="8"/>
  <c r="F3093" i="9" s="1"/>
  <c r="L3095" i="8"/>
  <c r="N3095" i="8"/>
  <c r="H3093" i="9" s="1"/>
  <c r="O3095" i="8"/>
  <c r="I3093" i="9" s="1"/>
  <c r="J3096" i="8"/>
  <c r="F3094" i="9" s="1"/>
  <c r="L3096" i="8"/>
  <c r="N3096" i="8"/>
  <c r="H3094" i="9" s="1"/>
  <c r="O3096" i="8"/>
  <c r="I3094" i="9" s="1"/>
  <c r="J3097" i="8"/>
  <c r="F3095" i="9" s="1"/>
  <c r="L3097" i="8"/>
  <c r="N3097" i="8"/>
  <c r="H3095" i="9" s="1"/>
  <c r="O3097" i="8"/>
  <c r="I3095" i="9" s="1"/>
  <c r="J3098" i="8"/>
  <c r="F3096" i="9" s="1"/>
  <c r="L3098" i="8"/>
  <c r="N3098" i="8"/>
  <c r="H3096" i="9" s="1"/>
  <c r="O3098" i="8"/>
  <c r="I3096" i="9" s="1"/>
  <c r="J3099" i="8"/>
  <c r="F3097" i="9" s="1"/>
  <c r="L3099" i="8"/>
  <c r="N3099" i="8"/>
  <c r="H3097" i="9" s="1"/>
  <c r="O3099" i="8"/>
  <c r="I3097" i="9" s="1"/>
  <c r="J3100" i="8"/>
  <c r="F3098" i="9" s="1"/>
  <c r="L3100" i="8"/>
  <c r="N3100" i="8"/>
  <c r="H3098" i="9" s="1"/>
  <c r="O3100" i="8"/>
  <c r="I3098" i="9" s="1"/>
  <c r="J3101" i="8"/>
  <c r="F3099" i="9" s="1"/>
  <c r="L3101" i="8"/>
  <c r="N3101" i="8"/>
  <c r="H3099" i="9" s="1"/>
  <c r="O3101" i="8"/>
  <c r="I3099" i="9" s="1"/>
  <c r="J3102" i="8"/>
  <c r="F3100" i="9" s="1"/>
  <c r="L3102" i="8"/>
  <c r="N3102" i="8"/>
  <c r="H3100" i="9" s="1"/>
  <c r="O3102" i="8"/>
  <c r="I3100" i="9" s="1"/>
  <c r="J3103" i="8"/>
  <c r="F3101" i="9" s="1"/>
  <c r="L3103" i="8"/>
  <c r="N3103" i="8"/>
  <c r="H3101" i="9" s="1"/>
  <c r="O3103" i="8"/>
  <c r="I3101" i="9" s="1"/>
  <c r="J3104" i="8"/>
  <c r="F3102" i="9" s="1"/>
  <c r="L3104" i="8"/>
  <c r="N3104" i="8"/>
  <c r="H3102" i="9" s="1"/>
  <c r="O3104" i="8"/>
  <c r="I3102" i="9" s="1"/>
  <c r="J3105" i="8"/>
  <c r="F3103" i="9" s="1"/>
  <c r="L3105" i="8"/>
  <c r="N3105" i="8"/>
  <c r="H3103" i="9" s="1"/>
  <c r="O3105" i="8"/>
  <c r="I3103" i="9" s="1"/>
  <c r="J3106" i="8"/>
  <c r="F3104" i="9" s="1"/>
  <c r="L3106" i="8"/>
  <c r="N3106" i="8"/>
  <c r="H3104" i="9" s="1"/>
  <c r="O3106" i="8"/>
  <c r="I3104" i="9" s="1"/>
  <c r="J3107" i="8"/>
  <c r="F3105" i="9" s="1"/>
  <c r="L3107" i="8"/>
  <c r="N3107" i="8"/>
  <c r="H3105" i="9" s="1"/>
  <c r="O3107" i="8"/>
  <c r="I3105" i="9" s="1"/>
  <c r="J3108" i="8"/>
  <c r="F3106" i="9" s="1"/>
  <c r="L3108" i="8"/>
  <c r="N3108" i="8"/>
  <c r="H3106" i="9" s="1"/>
  <c r="O3108" i="8"/>
  <c r="I3106" i="9" s="1"/>
  <c r="J3109" i="8"/>
  <c r="F3107" i="9" s="1"/>
  <c r="L3109" i="8"/>
  <c r="N3109" i="8"/>
  <c r="H3107" i="9" s="1"/>
  <c r="O3109" i="8"/>
  <c r="I3107" i="9" s="1"/>
  <c r="J3110" i="8"/>
  <c r="F3108" i="9" s="1"/>
  <c r="L3110" i="8"/>
  <c r="N3110" i="8"/>
  <c r="H3108" i="9" s="1"/>
  <c r="O3110" i="8"/>
  <c r="I3108" i="9" s="1"/>
  <c r="J3111" i="8"/>
  <c r="F3109" i="9" s="1"/>
  <c r="L3111" i="8"/>
  <c r="N3111" i="8"/>
  <c r="H3109" i="9" s="1"/>
  <c r="O3111" i="8"/>
  <c r="I3109" i="9" s="1"/>
  <c r="J3112" i="8"/>
  <c r="F3110" i="9" s="1"/>
  <c r="L3112" i="8"/>
  <c r="N3112" i="8"/>
  <c r="H3110" i="9" s="1"/>
  <c r="O3112" i="8"/>
  <c r="I3110" i="9" s="1"/>
  <c r="J3113" i="8"/>
  <c r="F3111" i="9" s="1"/>
  <c r="L3113" i="8"/>
  <c r="N3113" i="8"/>
  <c r="H3111" i="9" s="1"/>
  <c r="O3113" i="8"/>
  <c r="I3111" i="9" s="1"/>
  <c r="J3114" i="8"/>
  <c r="F3112" i="9" s="1"/>
  <c r="L3114" i="8"/>
  <c r="N3114" i="8"/>
  <c r="H3112" i="9" s="1"/>
  <c r="O3114" i="8"/>
  <c r="I3112" i="9" s="1"/>
  <c r="J3115" i="8"/>
  <c r="F3113" i="9" s="1"/>
  <c r="L3115" i="8"/>
  <c r="N3115" i="8"/>
  <c r="H3113" i="9" s="1"/>
  <c r="O3115" i="8"/>
  <c r="I3113" i="9" s="1"/>
  <c r="J3116" i="8"/>
  <c r="F3114" i="9" s="1"/>
  <c r="L3116" i="8"/>
  <c r="N3116" i="8"/>
  <c r="H3114" i="9" s="1"/>
  <c r="O3116" i="8"/>
  <c r="I3114" i="9" s="1"/>
  <c r="J3117" i="8"/>
  <c r="F3115" i="9" s="1"/>
  <c r="L3117" i="8"/>
  <c r="N3117" i="8"/>
  <c r="H3115" i="9" s="1"/>
  <c r="O3117" i="8"/>
  <c r="I3115" i="9" s="1"/>
  <c r="J3118" i="8"/>
  <c r="F3116" i="9" s="1"/>
  <c r="L3118" i="8"/>
  <c r="N3118" i="8"/>
  <c r="H3116" i="9" s="1"/>
  <c r="O3118" i="8"/>
  <c r="I3116" i="9" s="1"/>
  <c r="J3119" i="8"/>
  <c r="F3117" i="9" s="1"/>
  <c r="L3119" i="8"/>
  <c r="N3119" i="8"/>
  <c r="H3117" i="9" s="1"/>
  <c r="O3119" i="8"/>
  <c r="I3117" i="9" s="1"/>
  <c r="J3120" i="8"/>
  <c r="F3118" i="9" s="1"/>
  <c r="L3120" i="8"/>
  <c r="N3120" i="8"/>
  <c r="H3118" i="9" s="1"/>
  <c r="O3120" i="8"/>
  <c r="I3118" i="9" s="1"/>
  <c r="J3121" i="8"/>
  <c r="F3119" i="9" s="1"/>
  <c r="L3121" i="8"/>
  <c r="N3121" i="8"/>
  <c r="H3119" i="9" s="1"/>
  <c r="O3121" i="8"/>
  <c r="I3119" i="9" s="1"/>
  <c r="J3122" i="8"/>
  <c r="F3120" i="9" s="1"/>
  <c r="L3122" i="8"/>
  <c r="N3122" i="8"/>
  <c r="H3120" i="9" s="1"/>
  <c r="O3122" i="8"/>
  <c r="I3120" i="9" s="1"/>
  <c r="J3123" i="8"/>
  <c r="F3121" i="9" s="1"/>
  <c r="L3123" i="8"/>
  <c r="N3123" i="8"/>
  <c r="H3121" i="9" s="1"/>
  <c r="O3123" i="8"/>
  <c r="I3121" i="9" s="1"/>
  <c r="J3124" i="8"/>
  <c r="F3122" i="9" s="1"/>
  <c r="L3124" i="8"/>
  <c r="N3124" i="8"/>
  <c r="H3122" i="9" s="1"/>
  <c r="O3124" i="8"/>
  <c r="I3122" i="9" s="1"/>
  <c r="J3125" i="8"/>
  <c r="F3123" i="9" s="1"/>
  <c r="L3125" i="8"/>
  <c r="N3125" i="8"/>
  <c r="H3123" i="9" s="1"/>
  <c r="O3125" i="8"/>
  <c r="I3123" i="9" s="1"/>
  <c r="J3126" i="8"/>
  <c r="F3124" i="9" s="1"/>
  <c r="L3126" i="8"/>
  <c r="N3126" i="8"/>
  <c r="H3124" i="9" s="1"/>
  <c r="O3126" i="8"/>
  <c r="I3124" i="9" s="1"/>
  <c r="J3127" i="8"/>
  <c r="F3125" i="9" s="1"/>
  <c r="L3127" i="8"/>
  <c r="N3127" i="8"/>
  <c r="H3125" i="9" s="1"/>
  <c r="O3127" i="8"/>
  <c r="I3125" i="9" s="1"/>
  <c r="J3128" i="8"/>
  <c r="F3126" i="9" s="1"/>
  <c r="L3128" i="8"/>
  <c r="N3128" i="8"/>
  <c r="H3126" i="9" s="1"/>
  <c r="O3128" i="8"/>
  <c r="I3126" i="9" s="1"/>
  <c r="J3129" i="8"/>
  <c r="F3127" i="9" s="1"/>
  <c r="L3129" i="8"/>
  <c r="N3129" i="8"/>
  <c r="H3127" i="9" s="1"/>
  <c r="O3129" i="8"/>
  <c r="I3127" i="9" s="1"/>
  <c r="J3130" i="8"/>
  <c r="F3128" i="9" s="1"/>
  <c r="L3130" i="8"/>
  <c r="N3130" i="8"/>
  <c r="H3128" i="9" s="1"/>
  <c r="O3130" i="8"/>
  <c r="I3128" i="9" s="1"/>
  <c r="J3131" i="8"/>
  <c r="F3129" i="9" s="1"/>
  <c r="L3131" i="8"/>
  <c r="N3131" i="8"/>
  <c r="H3129" i="9" s="1"/>
  <c r="O3131" i="8"/>
  <c r="I3129" i="9" s="1"/>
  <c r="J3132" i="8"/>
  <c r="F3130" i="9" s="1"/>
  <c r="L3132" i="8"/>
  <c r="N3132" i="8"/>
  <c r="H3130" i="9" s="1"/>
  <c r="O3132" i="8"/>
  <c r="I3130" i="9" s="1"/>
  <c r="J3133" i="8"/>
  <c r="F3131" i="9" s="1"/>
  <c r="L3133" i="8"/>
  <c r="N3133" i="8"/>
  <c r="H3131" i="9" s="1"/>
  <c r="O3133" i="8"/>
  <c r="I3131" i="9" s="1"/>
  <c r="J3134" i="8"/>
  <c r="F3132" i="9" s="1"/>
  <c r="L3134" i="8"/>
  <c r="N3134" i="8"/>
  <c r="H3132" i="9" s="1"/>
  <c r="O3134" i="8"/>
  <c r="I3132" i="9" s="1"/>
  <c r="J3135" i="8"/>
  <c r="F3133" i="9" s="1"/>
  <c r="L3135" i="8"/>
  <c r="N3135" i="8"/>
  <c r="H3133" i="9" s="1"/>
  <c r="O3135" i="8"/>
  <c r="I3133" i="9" s="1"/>
  <c r="J3136" i="8"/>
  <c r="F3134" i="9" s="1"/>
  <c r="L3136" i="8"/>
  <c r="N3136" i="8"/>
  <c r="H3134" i="9" s="1"/>
  <c r="O3136" i="8"/>
  <c r="I3134" i="9" s="1"/>
  <c r="J3137" i="8"/>
  <c r="F3135" i="9" s="1"/>
  <c r="L3137" i="8"/>
  <c r="N3137" i="8"/>
  <c r="H3135" i="9" s="1"/>
  <c r="O3137" i="8"/>
  <c r="I3135" i="9" s="1"/>
  <c r="J3138" i="8"/>
  <c r="F3136" i="9" s="1"/>
  <c r="L3138" i="8"/>
  <c r="N3138" i="8"/>
  <c r="H3136" i="9" s="1"/>
  <c r="O3138" i="8"/>
  <c r="I3136" i="9" s="1"/>
  <c r="J3139" i="8"/>
  <c r="F3137" i="9" s="1"/>
  <c r="L3139" i="8"/>
  <c r="N3139" i="8"/>
  <c r="H3137" i="9" s="1"/>
  <c r="O3139" i="8"/>
  <c r="I3137" i="9" s="1"/>
  <c r="J3140" i="8"/>
  <c r="F3138" i="9" s="1"/>
  <c r="L3140" i="8"/>
  <c r="N3140" i="8"/>
  <c r="H3138" i="9" s="1"/>
  <c r="O3140" i="8"/>
  <c r="I3138" i="9" s="1"/>
  <c r="J3141" i="8"/>
  <c r="F3139" i="9" s="1"/>
  <c r="L3141" i="8"/>
  <c r="N3141" i="8"/>
  <c r="H3139" i="9" s="1"/>
  <c r="O3141" i="8"/>
  <c r="I3139" i="9" s="1"/>
  <c r="J3142" i="8"/>
  <c r="F3140" i="9" s="1"/>
  <c r="L3142" i="8"/>
  <c r="N3142" i="8"/>
  <c r="H3140" i="9" s="1"/>
  <c r="O3142" i="8"/>
  <c r="I3140" i="9" s="1"/>
  <c r="J3143" i="8"/>
  <c r="F3141" i="9" s="1"/>
  <c r="L3143" i="8"/>
  <c r="N3143" i="8"/>
  <c r="H3141" i="9" s="1"/>
  <c r="O3143" i="8"/>
  <c r="I3141" i="9" s="1"/>
  <c r="J3144" i="8"/>
  <c r="F3142" i="9" s="1"/>
  <c r="L3144" i="8"/>
  <c r="N3144" i="8"/>
  <c r="H3142" i="9" s="1"/>
  <c r="O3144" i="8"/>
  <c r="I3142" i="9" s="1"/>
  <c r="J3145" i="8"/>
  <c r="F3143" i="9" s="1"/>
  <c r="L3145" i="8"/>
  <c r="N3145" i="8"/>
  <c r="H3143" i="9" s="1"/>
  <c r="O3145" i="8"/>
  <c r="I3143" i="9" s="1"/>
  <c r="J3146" i="8"/>
  <c r="F3144" i="9" s="1"/>
  <c r="L3146" i="8"/>
  <c r="N3146" i="8"/>
  <c r="H3144" i="9" s="1"/>
  <c r="O3146" i="8"/>
  <c r="I3144" i="9" s="1"/>
  <c r="J3147" i="8"/>
  <c r="F3145" i="9" s="1"/>
  <c r="L3147" i="8"/>
  <c r="N3147" i="8"/>
  <c r="H3145" i="9" s="1"/>
  <c r="O3147" i="8"/>
  <c r="I3145" i="9" s="1"/>
  <c r="J3148" i="8"/>
  <c r="F3146" i="9" s="1"/>
  <c r="L3148" i="8"/>
  <c r="N3148" i="8"/>
  <c r="H3146" i="9" s="1"/>
  <c r="O3148" i="8"/>
  <c r="I3146" i="9" s="1"/>
  <c r="J3149" i="8"/>
  <c r="F3147" i="9" s="1"/>
  <c r="L3149" i="8"/>
  <c r="N3149" i="8"/>
  <c r="H3147" i="9" s="1"/>
  <c r="O3149" i="8"/>
  <c r="I3147" i="9" s="1"/>
  <c r="J3150" i="8"/>
  <c r="F3148" i="9" s="1"/>
  <c r="L3150" i="8"/>
  <c r="N3150" i="8"/>
  <c r="H3148" i="9" s="1"/>
  <c r="O3150" i="8"/>
  <c r="I3148" i="9" s="1"/>
  <c r="J3151" i="8"/>
  <c r="F3149" i="9" s="1"/>
  <c r="L3151" i="8"/>
  <c r="N3151" i="8"/>
  <c r="H3149" i="9" s="1"/>
  <c r="O3151" i="8"/>
  <c r="I3149" i="9" s="1"/>
  <c r="J3152" i="8"/>
  <c r="F3150" i="9" s="1"/>
  <c r="L3152" i="8"/>
  <c r="N3152" i="8"/>
  <c r="H3150" i="9" s="1"/>
  <c r="O3152" i="8"/>
  <c r="I3150" i="9" s="1"/>
  <c r="J3153" i="8"/>
  <c r="F3151" i="9" s="1"/>
  <c r="L3153" i="8"/>
  <c r="N3153" i="8"/>
  <c r="H3151" i="9" s="1"/>
  <c r="O3153" i="8"/>
  <c r="I3151" i="9" s="1"/>
  <c r="J3154" i="8"/>
  <c r="F3152" i="9" s="1"/>
  <c r="L3154" i="8"/>
  <c r="N3154" i="8"/>
  <c r="H3152" i="9" s="1"/>
  <c r="O3154" i="8"/>
  <c r="I3152" i="9" s="1"/>
  <c r="J3155" i="8"/>
  <c r="F3153" i="9" s="1"/>
  <c r="L3155" i="8"/>
  <c r="N3155" i="8"/>
  <c r="H3153" i="9" s="1"/>
  <c r="O3155" i="8"/>
  <c r="I3153" i="9" s="1"/>
  <c r="J3156" i="8"/>
  <c r="F3154" i="9" s="1"/>
  <c r="L3156" i="8"/>
  <c r="N3156" i="8"/>
  <c r="H3154" i="9" s="1"/>
  <c r="O3156" i="8"/>
  <c r="I3154" i="9" s="1"/>
  <c r="J3157" i="8"/>
  <c r="F3155" i="9" s="1"/>
  <c r="L3157" i="8"/>
  <c r="N3157" i="8"/>
  <c r="H3155" i="9" s="1"/>
  <c r="O3157" i="8"/>
  <c r="I3155" i="9" s="1"/>
  <c r="J3158" i="8"/>
  <c r="F3156" i="9" s="1"/>
  <c r="L3158" i="8"/>
  <c r="N3158" i="8"/>
  <c r="H3156" i="9" s="1"/>
  <c r="O3158" i="8"/>
  <c r="I3156" i="9" s="1"/>
  <c r="J3159" i="8"/>
  <c r="F3157" i="9" s="1"/>
  <c r="L3159" i="8"/>
  <c r="N3159" i="8"/>
  <c r="H3157" i="9" s="1"/>
  <c r="O3159" i="8"/>
  <c r="I3157" i="9" s="1"/>
  <c r="J3160" i="8"/>
  <c r="F3158" i="9" s="1"/>
  <c r="L3160" i="8"/>
  <c r="N3160" i="8"/>
  <c r="H3158" i="9" s="1"/>
  <c r="O3160" i="8"/>
  <c r="I3158" i="9" s="1"/>
  <c r="J3161" i="8"/>
  <c r="F3159" i="9" s="1"/>
  <c r="L3161" i="8"/>
  <c r="N3161" i="8"/>
  <c r="H3159" i="9" s="1"/>
  <c r="O3161" i="8"/>
  <c r="I3159" i="9" s="1"/>
  <c r="J3162" i="8"/>
  <c r="F3160" i="9" s="1"/>
  <c r="L3162" i="8"/>
  <c r="N3162" i="8"/>
  <c r="H3160" i="9" s="1"/>
  <c r="O3162" i="8"/>
  <c r="I3160" i="9" s="1"/>
  <c r="J3163" i="8"/>
  <c r="F3161" i="9" s="1"/>
  <c r="L3163" i="8"/>
  <c r="N3163" i="8"/>
  <c r="H3161" i="9" s="1"/>
  <c r="O3163" i="8"/>
  <c r="I3161" i="9" s="1"/>
  <c r="J3164" i="8"/>
  <c r="F3162" i="9" s="1"/>
  <c r="L3164" i="8"/>
  <c r="N3164" i="8"/>
  <c r="H3162" i="9" s="1"/>
  <c r="O3164" i="8"/>
  <c r="I3162" i="9" s="1"/>
  <c r="J3165" i="8"/>
  <c r="F3163" i="9" s="1"/>
  <c r="L3165" i="8"/>
  <c r="N3165" i="8"/>
  <c r="H3163" i="9" s="1"/>
  <c r="O3165" i="8"/>
  <c r="I3163" i="9" s="1"/>
  <c r="J3166" i="8"/>
  <c r="F3164" i="9" s="1"/>
  <c r="L3166" i="8"/>
  <c r="N3166" i="8"/>
  <c r="H3164" i="9" s="1"/>
  <c r="O3166" i="8"/>
  <c r="I3164" i="9" s="1"/>
  <c r="J3167" i="8"/>
  <c r="F3165" i="9" s="1"/>
  <c r="L3167" i="8"/>
  <c r="N3167" i="8"/>
  <c r="H3165" i="9" s="1"/>
  <c r="O3167" i="8"/>
  <c r="I3165" i="9" s="1"/>
  <c r="J3168" i="8"/>
  <c r="F3166" i="9" s="1"/>
  <c r="L3168" i="8"/>
  <c r="N3168" i="8"/>
  <c r="H3166" i="9" s="1"/>
  <c r="O3168" i="8"/>
  <c r="I3166" i="9" s="1"/>
  <c r="J3169" i="8"/>
  <c r="F3167" i="9" s="1"/>
  <c r="L3169" i="8"/>
  <c r="N3169" i="8"/>
  <c r="H3167" i="9" s="1"/>
  <c r="O3169" i="8"/>
  <c r="I3167" i="9" s="1"/>
  <c r="J3170" i="8"/>
  <c r="F3168" i="9" s="1"/>
  <c r="L3170" i="8"/>
  <c r="N3170" i="8"/>
  <c r="H3168" i="9" s="1"/>
  <c r="O3170" i="8"/>
  <c r="I3168" i="9" s="1"/>
  <c r="J3171" i="8"/>
  <c r="F3169" i="9" s="1"/>
  <c r="L3171" i="8"/>
  <c r="N3171" i="8"/>
  <c r="H3169" i="9" s="1"/>
  <c r="O3171" i="8"/>
  <c r="I3169" i="9" s="1"/>
  <c r="J3172" i="8"/>
  <c r="F3170" i="9" s="1"/>
  <c r="L3172" i="8"/>
  <c r="N3172" i="8"/>
  <c r="H3170" i="9" s="1"/>
  <c r="O3172" i="8"/>
  <c r="I3170" i="9" s="1"/>
  <c r="J3173" i="8"/>
  <c r="F3171" i="9" s="1"/>
  <c r="L3173" i="8"/>
  <c r="N3173" i="8"/>
  <c r="H3171" i="9" s="1"/>
  <c r="O3173" i="8"/>
  <c r="I3171" i="9" s="1"/>
  <c r="J3174" i="8"/>
  <c r="F3172" i="9" s="1"/>
  <c r="L3174" i="8"/>
  <c r="N3174" i="8"/>
  <c r="H3172" i="9" s="1"/>
  <c r="O3174" i="8"/>
  <c r="I3172" i="9" s="1"/>
  <c r="J3175" i="8"/>
  <c r="F3173" i="9" s="1"/>
  <c r="L3175" i="8"/>
  <c r="N3175" i="8"/>
  <c r="H3173" i="9" s="1"/>
  <c r="O3175" i="8"/>
  <c r="I3173" i="9" s="1"/>
  <c r="J3176" i="8"/>
  <c r="F3174" i="9" s="1"/>
  <c r="L3176" i="8"/>
  <c r="N3176" i="8"/>
  <c r="H3174" i="9" s="1"/>
  <c r="O3176" i="8"/>
  <c r="I3174" i="9" s="1"/>
  <c r="J3177" i="8"/>
  <c r="F3175" i="9" s="1"/>
  <c r="L3177" i="8"/>
  <c r="N3177" i="8"/>
  <c r="H3175" i="9" s="1"/>
  <c r="O3177" i="8"/>
  <c r="I3175" i="9" s="1"/>
  <c r="J3178" i="8"/>
  <c r="F3176" i="9" s="1"/>
  <c r="L3178" i="8"/>
  <c r="N3178" i="8"/>
  <c r="H3176" i="9" s="1"/>
  <c r="O3178" i="8"/>
  <c r="I3176" i="9" s="1"/>
  <c r="J3179" i="8"/>
  <c r="F3177" i="9" s="1"/>
  <c r="L3179" i="8"/>
  <c r="N3179" i="8"/>
  <c r="H3177" i="9" s="1"/>
  <c r="O3179" i="8"/>
  <c r="I3177" i="9" s="1"/>
  <c r="J3180" i="8"/>
  <c r="F3178" i="9" s="1"/>
  <c r="L3180" i="8"/>
  <c r="N3180" i="8"/>
  <c r="H3178" i="9" s="1"/>
  <c r="O3180" i="8"/>
  <c r="I3178" i="9" s="1"/>
  <c r="J3181" i="8"/>
  <c r="F3179" i="9" s="1"/>
  <c r="L3181" i="8"/>
  <c r="N3181" i="8"/>
  <c r="H3179" i="9" s="1"/>
  <c r="O3181" i="8"/>
  <c r="I3179" i="9" s="1"/>
  <c r="J3182" i="8"/>
  <c r="F3180" i="9" s="1"/>
  <c r="L3182" i="8"/>
  <c r="N3182" i="8"/>
  <c r="H3180" i="9" s="1"/>
  <c r="O3182" i="8"/>
  <c r="I3180" i="9" s="1"/>
  <c r="J3183" i="8"/>
  <c r="F3181" i="9" s="1"/>
  <c r="L3183" i="8"/>
  <c r="N3183" i="8"/>
  <c r="H3181" i="9" s="1"/>
  <c r="O3183" i="8"/>
  <c r="I3181" i="9" s="1"/>
  <c r="J3184" i="8"/>
  <c r="F3182" i="9" s="1"/>
  <c r="L3184" i="8"/>
  <c r="N3184" i="8"/>
  <c r="H3182" i="9" s="1"/>
  <c r="O3184" i="8"/>
  <c r="I3182" i="9" s="1"/>
  <c r="J3185" i="8"/>
  <c r="F3183" i="9" s="1"/>
  <c r="L3185" i="8"/>
  <c r="N3185" i="8"/>
  <c r="H3183" i="9" s="1"/>
  <c r="O3185" i="8"/>
  <c r="I3183" i="9" s="1"/>
  <c r="J3186" i="8"/>
  <c r="F3184" i="9" s="1"/>
  <c r="L3186" i="8"/>
  <c r="N3186" i="8"/>
  <c r="H3184" i="9" s="1"/>
  <c r="O3186" i="8"/>
  <c r="I3184" i="9" s="1"/>
  <c r="J3187" i="8"/>
  <c r="F3185" i="9" s="1"/>
  <c r="L3187" i="8"/>
  <c r="N3187" i="8"/>
  <c r="H3185" i="9" s="1"/>
  <c r="O3187" i="8"/>
  <c r="I3185" i="9" s="1"/>
  <c r="J3188" i="8"/>
  <c r="F3186" i="9" s="1"/>
  <c r="L3188" i="8"/>
  <c r="N3188" i="8"/>
  <c r="H3186" i="9" s="1"/>
  <c r="O3188" i="8"/>
  <c r="I3186" i="9" s="1"/>
  <c r="J3189" i="8"/>
  <c r="F3187" i="9" s="1"/>
  <c r="L3189" i="8"/>
  <c r="N3189" i="8"/>
  <c r="H3187" i="9" s="1"/>
  <c r="O3189" i="8"/>
  <c r="I3187" i="9" s="1"/>
  <c r="J3190" i="8"/>
  <c r="F3188" i="9" s="1"/>
  <c r="L3190" i="8"/>
  <c r="N3190" i="8"/>
  <c r="H3188" i="9" s="1"/>
  <c r="O3190" i="8"/>
  <c r="I3188" i="9" s="1"/>
  <c r="J3191" i="8"/>
  <c r="F3189" i="9" s="1"/>
  <c r="L3191" i="8"/>
  <c r="N3191" i="8"/>
  <c r="H3189" i="9" s="1"/>
  <c r="O3191" i="8"/>
  <c r="I3189" i="9" s="1"/>
  <c r="J3192" i="8"/>
  <c r="F3190" i="9" s="1"/>
  <c r="L3192" i="8"/>
  <c r="N3192" i="8"/>
  <c r="H3190" i="9" s="1"/>
  <c r="O3192" i="8"/>
  <c r="I3190" i="9" s="1"/>
  <c r="J3193" i="8"/>
  <c r="F3191" i="9" s="1"/>
  <c r="L3193" i="8"/>
  <c r="N3193" i="8"/>
  <c r="H3191" i="9" s="1"/>
  <c r="O3193" i="8"/>
  <c r="I3191" i="9" s="1"/>
  <c r="J3194" i="8"/>
  <c r="F3192" i="9" s="1"/>
  <c r="L3194" i="8"/>
  <c r="N3194" i="8"/>
  <c r="H3192" i="9" s="1"/>
  <c r="O3194" i="8"/>
  <c r="I3192" i="9" s="1"/>
  <c r="J3195" i="8"/>
  <c r="F3193" i="9" s="1"/>
  <c r="L3195" i="8"/>
  <c r="N3195" i="8"/>
  <c r="H3193" i="9" s="1"/>
  <c r="O3195" i="8"/>
  <c r="I3193" i="9" s="1"/>
  <c r="J3196" i="8"/>
  <c r="F3194" i="9" s="1"/>
  <c r="L3196" i="8"/>
  <c r="N3196" i="8"/>
  <c r="H3194" i="9" s="1"/>
  <c r="O3196" i="8"/>
  <c r="I3194" i="9" s="1"/>
  <c r="J3197" i="8"/>
  <c r="F3195" i="9" s="1"/>
  <c r="L3197" i="8"/>
  <c r="N3197" i="8"/>
  <c r="H3195" i="9" s="1"/>
  <c r="O3197" i="8"/>
  <c r="I3195" i="9" s="1"/>
  <c r="J3198" i="8"/>
  <c r="F3196" i="9" s="1"/>
  <c r="L3198" i="8"/>
  <c r="N3198" i="8"/>
  <c r="H3196" i="9" s="1"/>
  <c r="O3198" i="8"/>
  <c r="I3196" i="9" s="1"/>
  <c r="J3199" i="8"/>
  <c r="F3197" i="9" s="1"/>
  <c r="L3199" i="8"/>
  <c r="N3199" i="8"/>
  <c r="H3197" i="9" s="1"/>
  <c r="O3199" i="8"/>
  <c r="I3197" i="9" s="1"/>
  <c r="J3200" i="8"/>
  <c r="F3198" i="9" s="1"/>
  <c r="L3200" i="8"/>
  <c r="N3200" i="8"/>
  <c r="H3198" i="9" s="1"/>
  <c r="O3200" i="8"/>
  <c r="I3198" i="9" s="1"/>
  <c r="J3201" i="8"/>
  <c r="F3199" i="9" s="1"/>
  <c r="L3201" i="8"/>
  <c r="N3201" i="8"/>
  <c r="H3199" i="9" s="1"/>
  <c r="O3201" i="8"/>
  <c r="I3199" i="9" s="1"/>
  <c r="J3202" i="8"/>
  <c r="F3200" i="9" s="1"/>
  <c r="L3202" i="8"/>
  <c r="N3202" i="8"/>
  <c r="H3200" i="9" s="1"/>
  <c r="O3202" i="8"/>
  <c r="I3200" i="9" s="1"/>
  <c r="J3203" i="8"/>
  <c r="F3201" i="9" s="1"/>
  <c r="L3203" i="8"/>
  <c r="N3203" i="8"/>
  <c r="H3201" i="9" s="1"/>
  <c r="O3203" i="8"/>
  <c r="I3201" i="9" s="1"/>
  <c r="J3204" i="8"/>
  <c r="F3202" i="9" s="1"/>
  <c r="L3204" i="8"/>
  <c r="N3204" i="8"/>
  <c r="H3202" i="9" s="1"/>
  <c r="O3204" i="8"/>
  <c r="I3202" i="9" s="1"/>
  <c r="J3205" i="8"/>
  <c r="F3203" i="9" s="1"/>
  <c r="L3205" i="8"/>
  <c r="N3205" i="8"/>
  <c r="H3203" i="9" s="1"/>
  <c r="O3205" i="8"/>
  <c r="I3203" i="9" s="1"/>
  <c r="J3206" i="8"/>
  <c r="F3204" i="9" s="1"/>
  <c r="L3206" i="8"/>
  <c r="N3206" i="8"/>
  <c r="H3204" i="9" s="1"/>
  <c r="O3206" i="8"/>
  <c r="I3204" i="9" s="1"/>
  <c r="J3207" i="8"/>
  <c r="F3205" i="9" s="1"/>
  <c r="L3207" i="8"/>
  <c r="N3207" i="8"/>
  <c r="H3205" i="9" s="1"/>
  <c r="O3207" i="8"/>
  <c r="I3205" i="9" s="1"/>
  <c r="J3208" i="8"/>
  <c r="F3206" i="9" s="1"/>
  <c r="L3208" i="8"/>
  <c r="N3208" i="8"/>
  <c r="H3206" i="9" s="1"/>
  <c r="O3208" i="8"/>
  <c r="I3206" i="9" s="1"/>
  <c r="J3209" i="8"/>
  <c r="F3207" i="9" s="1"/>
  <c r="L3209" i="8"/>
  <c r="N3209" i="8"/>
  <c r="H3207" i="9" s="1"/>
  <c r="O3209" i="8"/>
  <c r="I3207" i="9" s="1"/>
  <c r="J3210" i="8"/>
  <c r="F3208" i="9" s="1"/>
  <c r="L3210" i="8"/>
  <c r="N3210" i="8"/>
  <c r="H3208" i="9" s="1"/>
  <c r="O3210" i="8"/>
  <c r="I3208" i="9" s="1"/>
  <c r="J3211" i="8"/>
  <c r="F3209" i="9" s="1"/>
  <c r="L3211" i="8"/>
  <c r="N3211" i="8"/>
  <c r="H3209" i="9" s="1"/>
  <c r="O3211" i="8"/>
  <c r="I3209" i="9" s="1"/>
  <c r="J3212" i="8"/>
  <c r="F3210" i="9" s="1"/>
  <c r="L3212" i="8"/>
  <c r="N3212" i="8"/>
  <c r="H3210" i="9" s="1"/>
  <c r="O3212" i="8"/>
  <c r="I3210" i="9" s="1"/>
  <c r="J3213" i="8"/>
  <c r="F3211" i="9" s="1"/>
  <c r="L3213" i="8"/>
  <c r="N3213" i="8"/>
  <c r="H3211" i="9" s="1"/>
  <c r="O3213" i="8"/>
  <c r="I3211" i="9" s="1"/>
  <c r="J3214" i="8"/>
  <c r="F3212" i="9" s="1"/>
  <c r="L3214" i="8"/>
  <c r="N3214" i="8"/>
  <c r="H3212" i="9" s="1"/>
  <c r="O3214" i="8"/>
  <c r="I3212" i="9" s="1"/>
  <c r="J3215" i="8"/>
  <c r="F3213" i="9" s="1"/>
  <c r="L3215" i="8"/>
  <c r="N3215" i="8"/>
  <c r="H3213" i="9" s="1"/>
  <c r="O3215" i="8"/>
  <c r="I3213" i="9" s="1"/>
  <c r="J3216" i="8"/>
  <c r="F3214" i="9" s="1"/>
  <c r="L3216" i="8"/>
  <c r="N3216" i="8"/>
  <c r="H3214" i="9" s="1"/>
  <c r="O3216" i="8"/>
  <c r="I3214" i="9" s="1"/>
  <c r="J3217" i="8"/>
  <c r="F3215" i="9" s="1"/>
  <c r="L3217" i="8"/>
  <c r="N3217" i="8"/>
  <c r="H3215" i="9" s="1"/>
  <c r="O3217" i="8"/>
  <c r="I3215" i="9" s="1"/>
  <c r="J3218" i="8"/>
  <c r="F3216" i="9" s="1"/>
  <c r="L3218" i="8"/>
  <c r="N3218" i="8"/>
  <c r="H3216" i="9" s="1"/>
  <c r="O3218" i="8"/>
  <c r="I3216" i="9" s="1"/>
  <c r="J3219" i="8"/>
  <c r="F3217" i="9" s="1"/>
  <c r="L3219" i="8"/>
  <c r="N3219" i="8"/>
  <c r="H3217" i="9" s="1"/>
  <c r="O3219" i="8"/>
  <c r="I3217" i="9" s="1"/>
  <c r="J3220" i="8"/>
  <c r="F3218" i="9" s="1"/>
  <c r="L3220" i="8"/>
  <c r="N3220" i="8"/>
  <c r="H3218" i="9" s="1"/>
  <c r="O3220" i="8"/>
  <c r="I3218" i="9" s="1"/>
  <c r="J3221" i="8"/>
  <c r="F3219" i="9" s="1"/>
  <c r="L3221" i="8"/>
  <c r="N3221" i="8"/>
  <c r="H3219" i="9" s="1"/>
  <c r="O3221" i="8"/>
  <c r="I3219" i="9" s="1"/>
  <c r="J3222" i="8"/>
  <c r="F3220" i="9" s="1"/>
  <c r="L3222" i="8"/>
  <c r="N3222" i="8"/>
  <c r="H3220" i="9" s="1"/>
  <c r="O3222" i="8"/>
  <c r="I3220" i="9" s="1"/>
  <c r="J3223" i="8"/>
  <c r="F3221" i="9" s="1"/>
  <c r="L3223" i="8"/>
  <c r="N3223" i="8"/>
  <c r="H3221" i="9" s="1"/>
  <c r="O3223" i="8"/>
  <c r="I3221" i="9" s="1"/>
  <c r="J3224" i="8"/>
  <c r="F3222" i="9" s="1"/>
  <c r="L3224" i="8"/>
  <c r="N3224" i="8"/>
  <c r="H3222" i="9" s="1"/>
  <c r="O3224" i="8"/>
  <c r="I3222" i="9" s="1"/>
  <c r="J3225" i="8"/>
  <c r="F3223" i="9" s="1"/>
  <c r="L3225" i="8"/>
  <c r="N3225" i="8"/>
  <c r="H3223" i="9" s="1"/>
  <c r="O3225" i="8"/>
  <c r="I3223" i="9" s="1"/>
  <c r="J3226" i="8"/>
  <c r="F3224" i="9" s="1"/>
  <c r="L3226" i="8"/>
  <c r="N3226" i="8"/>
  <c r="H3224" i="9" s="1"/>
  <c r="O3226" i="8"/>
  <c r="I3224" i="9" s="1"/>
  <c r="J3227" i="8"/>
  <c r="F3225" i="9" s="1"/>
  <c r="L3227" i="8"/>
  <c r="N3227" i="8"/>
  <c r="H3225" i="9" s="1"/>
  <c r="O3227" i="8"/>
  <c r="I3225" i="9" s="1"/>
  <c r="J3228" i="8"/>
  <c r="F3226" i="9" s="1"/>
  <c r="L3228" i="8"/>
  <c r="N3228" i="8"/>
  <c r="H3226" i="9" s="1"/>
  <c r="O3228" i="8"/>
  <c r="I3226" i="9" s="1"/>
  <c r="J3229" i="8"/>
  <c r="F3227" i="9" s="1"/>
  <c r="L3229" i="8"/>
  <c r="N3229" i="8"/>
  <c r="H3227" i="9" s="1"/>
  <c r="O3229" i="8"/>
  <c r="I3227" i="9" s="1"/>
  <c r="J3230" i="8"/>
  <c r="F3228" i="9" s="1"/>
  <c r="L3230" i="8"/>
  <c r="N3230" i="8"/>
  <c r="H3228" i="9" s="1"/>
  <c r="O3230" i="8"/>
  <c r="I3228" i="9" s="1"/>
  <c r="J3231" i="8"/>
  <c r="F3229" i="9" s="1"/>
  <c r="L3231" i="8"/>
  <c r="N3231" i="8"/>
  <c r="H3229" i="9" s="1"/>
  <c r="O3231" i="8"/>
  <c r="I3229" i="9" s="1"/>
  <c r="J3232" i="8"/>
  <c r="F3230" i="9" s="1"/>
  <c r="L3232" i="8"/>
  <c r="N3232" i="8"/>
  <c r="H3230" i="9" s="1"/>
  <c r="O3232" i="8"/>
  <c r="I3230" i="9" s="1"/>
  <c r="J3233" i="8"/>
  <c r="F3231" i="9" s="1"/>
  <c r="L3233" i="8"/>
  <c r="N3233" i="8"/>
  <c r="H3231" i="9" s="1"/>
  <c r="O3233" i="8"/>
  <c r="I3231" i="9" s="1"/>
  <c r="J3234" i="8"/>
  <c r="F3232" i="9" s="1"/>
  <c r="L3234" i="8"/>
  <c r="N3234" i="8"/>
  <c r="H3232" i="9" s="1"/>
  <c r="O3234" i="8"/>
  <c r="I3232" i="9" s="1"/>
  <c r="J3235" i="8"/>
  <c r="F3233" i="9" s="1"/>
  <c r="L3235" i="8"/>
  <c r="N3235" i="8"/>
  <c r="H3233" i="9" s="1"/>
  <c r="O3235" i="8"/>
  <c r="I3233" i="9" s="1"/>
  <c r="J3236" i="8"/>
  <c r="F3234" i="9" s="1"/>
  <c r="L3236" i="8"/>
  <c r="N3236" i="8"/>
  <c r="H3234" i="9" s="1"/>
  <c r="O3236" i="8"/>
  <c r="I3234" i="9" s="1"/>
  <c r="J3237" i="8"/>
  <c r="F3235" i="9" s="1"/>
  <c r="L3237" i="8"/>
  <c r="N3237" i="8"/>
  <c r="H3235" i="9" s="1"/>
  <c r="O3237" i="8"/>
  <c r="I3235" i="9" s="1"/>
  <c r="J3238" i="8"/>
  <c r="F3236" i="9" s="1"/>
  <c r="L3238" i="8"/>
  <c r="N3238" i="8"/>
  <c r="H3236" i="9" s="1"/>
  <c r="O3238" i="8"/>
  <c r="I3236" i="9" s="1"/>
  <c r="J3239" i="8"/>
  <c r="F3237" i="9" s="1"/>
  <c r="L3239" i="8"/>
  <c r="N3239" i="8"/>
  <c r="H3237" i="9" s="1"/>
  <c r="O3239" i="8"/>
  <c r="I3237" i="9" s="1"/>
  <c r="J3240" i="8"/>
  <c r="F3238" i="9" s="1"/>
  <c r="L3240" i="8"/>
  <c r="N3240" i="8"/>
  <c r="H3238" i="9" s="1"/>
  <c r="O3240" i="8"/>
  <c r="I3238" i="9" s="1"/>
  <c r="J3241" i="8"/>
  <c r="F3239" i="9" s="1"/>
  <c r="L3241" i="8"/>
  <c r="N3241" i="8"/>
  <c r="H3239" i="9" s="1"/>
  <c r="O3241" i="8"/>
  <c r="I3239" i="9" s="1"/>
  <c r="J3242" i="8"/>
  <c r="F3240" i="9" s="1"/>
  <c r="L3242" i="8"/>
  <c r="N3242" i="8"/>
  <c r="H3240" i="9" s="1"/>
  <c r="O3242" i="8"/>
  <c r="I3240" i="9" s="1"/>
  <c r="J3243" i="8"/>
  <c r="F3241" i="9" s="1"/>
  <c r="L3243" i="8"/>
  <c r="N3243" i="8"/>
  <c r="H3241" i="9" s="1"/>
  <c r="O3243" i="8"/>
  <c r="I3241" i="9" s="1"/>
  <c r="J3244" i="8"/>
  <c r="F3242" i="9" s="1"/>
  <c r="L3244" i="8"/>
  <c r="N3244" i="8"/>
  <c r="H3242" i="9" s="1"/>
  <c r="O3244" i="8"/>
  <c r="I3242" i="9" s="1"/>
  <c r="J3245" i="8"/>
  <c r="F3243" i="9" s="1"/>
  <c r="L3245" i="8"/>
  <c r="N3245" i="8"/>
  <c r="H3243" i="9" s="1"/>
  <c r="O3245" i="8"/>
  <c r="I3243" i="9" s="1"/>
  <c r="J3246" i="8"/>
  <c r="F3244" i="9" s="1"/>
  <c r="L3246" i="8"/>
  <c r="N3246" i="8"/>
  <c r="H3244" i="9" s="1"/>
  <c r="O3246" i="8"/>
  <c r="I3244" i="9" s="1"/>
  <c r="J3247" i="8"/>
  <c r="F3245" i="9" s="1"/>
  <c r="L3247" i="8"/>
  <c r="N3247" i="8"/>
  <c r="H3245" i="9" s="1"/>
  <c r="O3247" i="8"/>
  <c r="I3245" i="9" s="1"/>
  <c r="J3248" i="8"/>
  <c r="F3246" i="9" s="1"/>
  <c r="L3248" i="8"/>
  <c r="N3248" i="8"/>
  <c r="H3246" i="9" s="1"/>
  <c r="O3248" i="8"/>
  <c r="I3246" i="9" s="1"/>
  <c r="J3249" i="8"/>
  <c r="F3247" i="9" s="1"/>
  <c r="L3249" i="8"/>
  <c r="N3249" i="8"/>
  <c r="H3247" i="9" s="1"/>
  <c r="O3249" i="8"/>
  <c r="I3247" i="9" s="1"/>
  <c r="J3250" i="8"/>
  <c r="F3248" i="9" s="1"/>
  <c r="L3250" i="8"/>
  <c r="N3250" i="8"/>
  <c r="H3248" i="9" s="1"/>
  <c r="O3250" i="8"/>
  <c r="I3248" i="9" s="1"/>
  <c r="J3251" i="8"/>
  <c r="F3249" i="9" s="1"/>
  <c r="L3251" i="8"/>
  <c r="N3251" i="8"/>
  <c r="H3249" i="9" s="1"/>
  <c r="O3251" i="8"/>
  <c r="I3249" i="9" s="1"/>
  <c r="J3252" i="8"/>
  <c r="F3250" i="9" s="1"/>
  <c r="L3252" i="8"/>
  <c r="N3252" i="8"/>
  <c r="H3250" i="9" s="1"/>
  <c r="O3252" i="8"/>
  <c r="I3250" i="9" s="1"/>
  <c r="J3253" i="8"/>
  <c r="F3251" i="9" s="1"/>
  <c r="L3253" i="8"/>
  <c r="N3253" i="8"/>
  <c r="H3251" i="9" s="1"/>
  <c r="O3253" i="8"/>
  <c r="I3251" i="9" s="1"/>
  <c r="J3254" i="8"/>
  <c r="F3252" i="9" s="1"/>
  <c r="L3254" i="8"/>
  <c r="N3254" i="8"/>
  <c r="H3252" i="9" s="1"/>
  <c r="O3254" i="8"/>
  <c r="I3252" i="9" s="1"/>
  <c r="J3255" i="8"/>
  <c r="F3253" i="9" s="1"/>
  <c r="L3255" i="8"/>
  <c r="N3255" i="8"/>
  <c r="H3253" i="9" s="1"/>
  <c r="O3255" i="8"/>
  <c r="I3253" i="9" s="1"/>
  <c r="J3256" i="8"/>
  <c r="F3254" i="9" s="1"/>
  <c r="L3256" i="8"/>
  <c r="N3256" i="8"/>
  <c r="H3254" i="9" s="1"/>
  <c r="O3256" i="8"/>
  <c r="I3254" i="9" s="1"/>
  <c r="J3257" i="8"/>
  <c r="F3255" i="9" s="1"/>
  <c r="L3257" i="8"/>
  <c r="N3257" i="8"/>
  <c r="H3255" i="9" s="1"/>
  <c r="O3257" i="8"/>
  <c r="I3255" i="9" s="1"/>
  <c r="J3258" i="8"/>
  <c r="F3256" i="9" s="1"/>
  <c r="L3258" i="8"/>
  <c r="N3258" i="8"/>
  <c r="H3256" i="9" s="1"/>
  <c r="O3258" i="8"/>
  <c r="I3256" i="9" s="1"/>
  <c r="J3259" i="8"/>
  <c r="F3257" i="9" s="1"/>
  <c r="L3259" i="8"/>
  <c r="N3259" i="8"/>
  <c r="H3257" i="9" s="1"/>
  <c r="O3259" i="8"/>
  <c r="I3257" i="9" s="1"/>
  <c r="J3260" i="8"/>
  <c r="F3258" i="9" s="1"/>
  <c r="L3260" i="8"/>
  <c r="N3260" i="8"/>
  <c r="H3258" i="9" s="1"/>
  <c r="O3260" i="8"/>
  <c r="I3258" i="9" s="1"/>
  <c r="J3261" i="8"/>
  <c r="F3259" i="9" s="1"/>
  <c r="L3261" i="8"/>
  <c r="N3261" i="8"/>
  <c r="H3259" i="9" s="1"/>
  <c r="O3261" i="8"/>
  <c r="I3259" i="9" s="1"/>
  <c r="J3262" i="8"/>
  <c r="F3260" i="9" s="1"/>
  <c r="L3262" i="8"/>
  <c r="N3262" i="8"/>
  <c r="H3260" i="9" s="1"/>
  <c r="O3262" i="8"/>
  <c r="I3260" i="9" s="1"/>
  <c r="J3263" i="8"/>
  <c r="F3261" i="9" s="1"/>
  <c r="L3263" i="8"/>
  <c r="N3263" i="8"/>
  <c r="H3261" i="9" s="1"/>
  <c r="O3263" i="8"/>
  <c r="I3261" i="9" s="1"/>
  <c r="J3264" i="8"/>
  <c r="F3262" i="9" s="1"/>
  <c r="L3264" i="8"/>
  <c r="N3264" i="8"/>
  <c r="H3262" i="9" s="1"/>
  <c r="O3264" i="8"/>
  <c r="I3262" i="9" s="1"/>
  <c r="J3265" i="8"/>
  <c r="F3263" i="9" s="1"/>
  <c r="L3265" i="8"/>
  <c r="N3265" i="8"/>
  <c r="H3263" i="9" s="1"/>
  <c r="O3265" i="8"/>
  <c r="I3263" i="9" s="1"/>
  <c r="J3266" i="8"/>
  <c r="F3264" i="9" s="1"/>
  <c r="L3266" i="8"/>
  <c r="N3266" i="8"/>
  <c r="H3264" i="9" s="1"/>
  <c r="O3266" i="8"/>
  <c r="I3264" i="9" s="1"/>
  <c r="J3267" i="8"/>
  <c r="F3265" i="9" s="1"/>
  <c r="L3267" i="8"/>
  <c r="N3267" i="8"/>
  <c r="H3265" i="9" s="1"/>
  <c r="O3267" i="8"/>
  <c r="I3265" i="9" s="1"/>
  <c r="J3268" i="8"/>
  <c r="F3266" i="9" s="1"/>
  <c r="L3268" i="8"/>
  <c r="N3268" i="8"/>
  <c r="H3266" i="9" s="1"/>
  <c r="O3268" i="8"/>
  <c r="I3266" i="9" s="1"/>
  <c r="J3269" i="8"/>
  <c r="F3267" i="9" s="1"/>
  <c r="L3269" i="8"/>
  <c r="N3269" i="8"/>
  <c r="H3267" i="9" s="1"/>
  <c r="O3269" i="8"/>
  <c r="I3267" i="9" s="1"/>
  <c r="J3270" i="8"/>
  <c r="F3268" i="9" s="1"/>
  <c r="L3270" i="8"/>
  <c r="N3270" i="8"/>
  <c r="H3268" i="9" s="1"/>
  <c r="O3270" i="8"/>
  <c r="I3268" i="9" s="1"/>
  <c r="J3271" i="8"/>
  <c r="F3269" i="9" s="1"/>
  <c r="L3271" i="8"/>
  <c r="N3271" i="8"/>
  <c r="H3269" i="9" s="1"/>
  <c r="O3271" i="8"/>
  <c r="I3269" i="9" s="1"/>
  <c r="J3272" i="8"/>
  <c r="F3270" i="9" s="1"/>
  <c r="L3272" i="8"/>
  <c r="N3272" i="8"/>
  <c r="H3270" i="9" s="1"/>
  <c r="O3272" i="8"/>
  <c r="I3270" i="9" s="1"/>
  <c r="J3273" i="8"/>
  <c r="F3271" i="9" s="1"/>
  <c r="L3273" i="8"/>
  <c r="N3273" i="8"/>
  <c r="H3271" i="9" s="1"/>
  <c r="O3273" i="8"/>
  <c r="I3271" i="9" s="1"/>
  <c r="J3274" i="8"/>
  <c r="F3272" i="9" s="1"/>
  <c r="L3274" i="8"/>
  <c r="N3274" i="8"/>
  <c r="H3272" i="9" s="1"/>
  <c r="O3274" i="8"/>
  <c r="I3272" i="9" s="1"/>
  <c r="J3275" i="8"/>
  <c r="F3273" i="9" s="1"/>
  <c r="L3275" i="8"/>
  <c r="N3275" i="8"/>
  <c r="H3273" i="9" s="1"/>
  <c r="O3275" i="8"/>
  <c r="I3273" i="9" s="1"/>
  <c r="J3276" i="8"/>
  <c r="F3274" i="9" s="1"/>
  <c r="L3276" i="8"/>
  <c r="N3276" i="8"/>
  <c r="H3274" i="9" s="1"/>
  <c r="O3276" i="8"/>
  <c r="I3274" i="9" s="1"/>
  <c r="J3277" i="8"/>
  <c r="F3275" i="9" s="1"/>
  <c r="L3277" i="8"/>
  <c r="N3277" i="8"/>
  <c r="H3275" i="9" s="1"/>
  <c r="O3277" i="8"/>
  <c r="I3275" i="9" s="1"/>
  <c r="J3278" i="8"/>
  <c r="F3276" i="9" s="1"/>
  <c r="L3278" i="8"/>
  <c r="N3278" i="8"/>
  <c r="H3276" i="9" s="1"/>
  <c r="O3278" i="8"/>
  <c r="I3276" i="9" s="1"/>
  <c r="J3279" i="8"/>
  <c r="F3277" i="9" s="1"/>
  <c r="L3279" i="8"/>
  <c r="N3279" i="8"/>
  <c r="H3277" i="9" s="1"/>
  <c r="O3279" i="8"/>
  <c r="I3277" i="9" s="1"/>
  <c r="J3280" i="8"/>
  <c r="F3278" i="9" s="1"/>
  <c r="L3280" i="8"/>
  <c r="N3280" i="8"/>
  <c r="H3278" i="9" s="1"/>
  <c r="O3280" i="8"/>
  <c r="I3278" i="9" s="1"/>
  <c r="J3281" i="8"/>
  <c r="F3279" i="9" s="1"/>
  <c r="L3281" i="8"/>
  <c r="N3281" i="8"/>
  <c r="H3279" i="9" s="1"/>
  <c r="O3281" i="8"/>
  <c r="I3279" i="9" s="1"/>
  <c r="J3282" i="8"/>
  <c r="F3280" i="9" s="1"/>
  <c r="L3282" i="8"/>
  <c r="N3282" i="8"/>
  <c r="H3280" i="9" s="1"/>
  <c r="O3282" i="8"/>
  <c r="I3280" i="9" s="1"/>
  <c r="J3283" i="8"/>
  <c r="F3281" i="9" s="1"/>
  <c r="L3283" i="8"/>
  <c r="N3283" i="8"/>
  <c r="H3281" i="9" s="1"/>
  <c r="O3283" i="8"/>
  <c r="I3281" i="9" s="1"/>
  <c r="J3284" i="8"/>
  <c r="F3282" i="9" s="1"/>
  <c r="L3284" i="8"/>
  <c r="N3284" i="8"/>
  <c r="H3282" i="9" s="1"/>
  <c r="O3284" i="8"/>
  <c r="I3282" i="9" s="1"/>
  <c r="J3285" i="8"/>
  <c r="F3283" i="9" s="1"/>
  <c r="L3285" i="8"/>
  <c r="N3285" i="8"/>
  <c r="H3283" i="9" s="1"/>
  <c r="O3285" i="8"/>
  <c r="I3283" i="9" s="1"/>
  <c r="J3286" i="8"/>
  <c r="F3284" i="9" s="1"/>
  <c r="L3286" i="8"/>
  <c r="N3286" i="8"/>
  <c r="H3284" i="9" s="1"/>
  <c r="O3286" i="8"/>
  <c r="I3284" i="9" s="1"/>
  <c r="J3287" i="8"/>
  <c r="F3285" i="9" s="1"/>
  <c r="L3287" i="8"/>
  <c r="N3287" i="8"/>
  <c r="H3285" i="9" s="1"/>
  <c r="O3287" i="8"/>
  <c r="I3285" i="9" s="1"/>
  <c r="J3288" i="8"/>
  <c r="F3286" i="9" s="1"/>
  <c r="L3288" i="8"/>
  <c r="N3288" i="8"/>
  <c r="H3286" i="9" s="1"/>
  <c r="O3288" i="8"/>
  <c r="I3286" i="9" s="1"/>
  <c r="J3289" i="8"/>
  <c r="F3287" i="9" s="1"/>
  <c r="L3289" i="8"/>
  <c r="N3289" i="8"/>
  <c r="H3287" i="9" s="1"/>
  <c r="O3289" i="8"/>
  <c r="I3287" i="9" s="1"/>
  <c r="J3290" i="8"/>
  <c r="F3288" i="9" s="1"/>
  <c r="L3290" i="8"/>
  <c r="N3290" i="8"/>
  <c r="H3288" i="9" s="1"/>
  <c r="O3290" i="8"/>
  <c r="I3288" i="9" s="1"/>
  <c r="J3291" i="8"/>
  <c r="F3289" i="9" s="1"/>
  <c r="L3291" i="8"/>
  <c r="N3291" i="8"/>
  <c r="H3289" i="9" s="1"/>
  <c r="O3291" i="8"/>
  <c r="I3289" i="9" s="1"/>
  <c r="J3292" i="8"/>
  <c r="F3290" i="9" s="1"/>
  <c r="L3292" i="8"/>
  <c r="N3292" i="8"/>
  <c r="H3290" i="9" s="1"/>
  <c r="O3292" i="8"/>
  <c r="I3290" i="9" s="1"/>
  <c r="J3293" i="8"/>
  <c r="F3291" i="9" s="1"/>
  <c r="L3293" i="8"/>
  <c r="N3293" i="8"/>
  <c r="H3291" i="9" s="1"/>
  <c r="O3293" i="8"/>
  <c r="I3291" i="9" s="1"/>
  <c r="J3294" i="8"/>
  <c r="F3292" i="9" s="1"/>
  <c r="L3294" i="8"/>
  <c r="N3294" i="8"/>
  <c r="H3292" i="9" s="1"/>
  <c r="O3294" i="8"/>
  <c r="I3292" i="9" s="1"/>
  <c r="J3295" i="8"/>
  <c r="F3293" i="9" s="1"/>
  <c r="L3295" i="8"/>
  <c r="N3295" i="8"/>
  <c r="H3293" i="9" s="1"/>
  <c r="O3295" i="8"/>
  <c r="I3293" i="9" s="1"/>
  <c r="J3296" i="8"/>
  <c r="F3294" i="9" s="1"/>
  <c r="L3296" i="8"/>
  <c r="N3296" i="8"/>
  <c r="H3294" i="9" s="1"/>
  <c r="O3296" i="8"/>
  <c r="I3294" i="9" s="1"/>
  <c r="J3297" i="8"/>
  <c r="F3295" i="9" s="1"/>
  <c r="L3297" i="8"/>
  <c r="N3297" i="8"/>
  <c r="H3295" i="9" s="1"/>
  <c r="O3297" i="8"/>
  <c r="I3295" i="9" s="1"/>
  <c r="J3298" i="8"/>
  <c r="F3296" i="9" s="1"/>
  <c r="L3298" i="8"/>
  <c r="N3298" i="8"/>
  <c r="H3296" i="9" s="1"/>
  <c r="O3298" i="8"/>
  <c r="I3296" i="9" s="1"/>
  <c r="J3299" i="8"/>
  <c r="F3297" i="9" s="1"/>
  <c r="L3299" i="8"/>
  <c r="N3299" i="8"/>
  <c r="H3297" i="9" s="1"/>
  <c r="O3299" i="8"/>
  <c r="I3297" i="9" s="1"/>
  <c r="J3300" i="8"/>
  <c r="F3298" i="9" s="1"/>
  <c r="L3300" i="8"/>
  <c r="N3300" i="8"/>
  <c r="H3298" i="9" s="1"/>
  <c r="O3300" i="8"/>
  <c r="I3298" i="9" s="1"/>
  <c r="J3301" i="8"/>
  <c r="F3299" i="9" s="1"/>
  <c r="L3301" i="8"/>
  <c r="N3301" i="8"/>
  <c r="H3299" i="9" s="1"/>
  <c r="O3301" i="8"/>
  <c r="I3299" i="9" s="1"/>
  <c r="J3302" i="8"/>
  <c r="F3300" i="9" s="1"/>
  <c r="L3302" i="8"/>
  <c r="N3302" i="8"/>
  <c r="H3300" i="9" s="1"/>
  <c r="O3302" i="8"/>
  <c r="I3300" i="9" s="1"/>
  <c r="J3303" i="8"/>
  <c r="F3301" i="9" s="1"/>
  <c r="L3303" i="8"/>
  <c r="N3303" i="8"/>
  <c r="H3301" i="9" s="1"/>
  <c r="O3303" i="8"/>
  <c r="I3301" i="9" s="1"/>
  <c r="J3304" i="8"/>
  <c r="F3302" i="9" s="1"/>
  <c r="L3304" i="8"/>
  <c r="N3304" i="8"/>
  <c r="H3302" i="9" s="1"/>
  <c r="O3304" i="8"/>
  <c r="I3302" i="9" s="1"/>
  <c r="J3305" i="8"/>
  <c r="F3303" i="9" s="1"/>
  <c r="L3305" i="8"/>
  <c r="N3305" i="8"/>
  <c r="H3303" i="9" s="1"/>
  <c r="O3305" i="8"/>
  <c r="I3303" i="9" s="1"/>
  <c r="J3306" i="8"/>
  <c r="F3304" i="9" s="1"/>
  <c r="L3306" i="8"/>
  <c r="N3306" i="8"/>
  <c r="H3304" i="9" s="1"/>
  <c r="O3306" i="8"/>
  <c r="I3304" i="9" s="1"/>
  <c r="J3307" i="8"/>
  <c r="F3305" i="9" s="1"/>
  <c r="L3307" i="8"/>
  <c r="N3307" i="8"/>
  <c r="H3305" i="9" s="1"/>
  <c r="O3307" i="8"/>
  <c r="I3305" i="9" s="1"/>
  <c r="J3308" i="8"/>
  <c r="F3306" i="9" s="1"/>
  <c r="L3308" i="8"/>
  <c r="N3308" i="8"/>
  <c r="H3306" i="9" s="1"/>
  <c r="O3308" i="8"/>
  <c r="I3306" i="9" s="1"/>
  <c r="J3309" i="8"/>
  <c r="F3307" i="9" s="1"/>
  <c r="L3309" i="8"/>
  <c r="N3309" i="8"/>
  <c r="H3307" i="9" s="1"/>
  <c r="O3309" i="8"/>
  <c r="I3307" i="9" s="1"/>
  <c r="J3310" i="8"/>
  <c r="F3308" i="9" s="1"/>
  <c r="L3310" i="8"/>
  <c r="N3310" i="8"/>
  <c r="H3308" i="9" s="1"/>
  <c r="O3310" i="8"/>
  <c r="I3308" i="9" s="1"/>
  <c r="J3311" i="8"/>
  <c r="F3309" i="9" s="1"/>
  <c r="L3311" i="8"/>
  <c r="N3311" i="8"/>
  <c r="H3309" i="9" s="1"/>
  <c r="O3311" i="8"/>
  <c r="I3309" i="9" s="1"/>
  <c r="J3312" i="8"/>
  <c r="F3310" i="9" s="1"/>
  <c r="L3312" i="8"/>
  <c r="N3312" i="8"/>
  <c r="H3310" i="9" s="1"/>
  <c r="O3312" i="8"/>
  <c r="I3310" i="9" s="1"/>
  <c r="J3313" i="8"/>
  <c r="F3311" i="9" s="1"/>
  <c r="L3313" i="8"/>
  <c r="N3313" i="8"/>
  <c r="H3311" i="9" s="1"/>
  <c r="O3313" i="8"/>
  <c r="I3311" i="9" s="1"/>
  <c r="J3314" i="8"/>
  <c r="F3312" i="9" s="1"/>
  <c r="L3314" i="8"/>
  <c r="N3314" i="8"/>
  <c r="H3312" i="9" s="1"/>
  <c r="O3314" i="8"/>
  <c r="I3312" i="9" s="1"/>
  <c r="J3315" i="8"/>
  <c r="F3313" i="9" s="1"/>
  <c r="L3315" i="8"/>
  <c r="N3315" i="8"/>
  <c r="H3313" i="9" s="1"/>
  <c r="O3315" i="8"/>
  <c r="I3313" i="9" s="1"/>
  <c r="J3316" i="8"/>
  <c r="F3314" i="9" s="1"/>
  <c r="L3316" i="8"/>
  <c r="N3316" i="8"/>
  <c r="H3314" i="9" s="1"/>
  <c r="O3316" i="8"/>
  <c r="I3314" i="9" s="1"/>
  <c r="J3317" i="8"/>
  <c r="F3315" i="9" s="1"/>
  <c r="L3317" i="8"/>
  <c r="N3317" i="8"/>
  <c r="H3315" i="9" s="1"/>
  <c r="O3317" i="8"/>
  <c r="I3315" i="9" s="1"/>
  <c r="J3318" i="8"/>
  <c r="F3316" i="9" s="1"/>
  <c r="L3318" i="8"/>
  <c r="N3318" i="8"/>
  <c r="H3316" i="9" s="1"/>
  <c r="O3318" i="8"/>
  <c r="I3316" i="9" s="1"/>
  <c r="J3319" i="8"/>
  <c r="F3317" i="9" s="1"/>
  <c r="L3319" i="8"/>
  <c r="N3319" i="8"/>
  <c r="H3317" i="9" s="1"/>
  <c r="O3319" i="8"/>
  <c r="I3317" i="9" s="1"/>
  <c r="J3320" i="8"/>
  <c r="F3318" i="9" s="1"/>
  <c r="L3320" i="8"/>
  <c r="N3320" i="8"/>
  <c r="H3318" i="9" s="1"/>
  <c r="O3320" i="8"/>
  <c r="I3318" i="9" s="1"/>
  <c r="J3321" i="8"/>
  <c r="F3319" i="9" s="1"/>
  <c r="L3321" i="8"/>
  <c r="N3321" i="8"/>
  <c r="H3319" i="9" s="1"/>
  <c r="O3321" i="8"/>
  <c r="I3319" i="9" s="1"/>
  <c r="J3322" i="8"/>
  <c r="F3320" i="9" s="1"/>
  <c r="L3322" i="8"/>
  <c r="N3322" i="8"/>
  <c r="H3320" i="9" s="1"/>
  <c r="O3322" i="8"/>
  <c r="I3320" i="9" s="1"/>
  <c r="J3323" i="8"/>
  <c r="F3321" i="9" s="1"/>
  <c r="L3323" i="8"/>
  <c r="N3323" i="8"/>
  <c r="H3321" i="9" s="1"/>
  <c r="O3323" i="8"/>
  <c r="I3321" i="9" s="1"/>
  <c r="J3324" i="8"/>
  <c r="F3322" i="9" s="1"/>
  <c r="L3324" i="8"/>
  <c r="N3324" i="8"/>
  <c r="H3322" i="9" s="1"/>
  <c r="O3324" i="8"/>
  <c r="I3322" i="9" s="1"/>
  <c r="J3325" i="8"/>
  <c r="F3323" i="9" s="1"/>
  <c r="L3325" i="8"/>
  <c r="N3325" i="8"/>
  <c r="H3323" i="9" s="1"/>
  <c r="O3325" i="8"/>
  <c r="I3323" i="9" s="1"/>
  <c r="J3326" i="8"/>
  <c r="F3324" i="9" s="1"/>
  <c r="L3326" i="8"/>
  <c r="N3326" i="8"/>
  <c r="H3324" i="9" s="1"/>
  <c r="O3326" i="8"/>
  <c r="I3324" i="9" s="1"/>
  <c r="J3327" i="8"/>
  <c r="F3325" i="9" s="1"/>
  <c r="L3327" i="8"/>
  <c r="N3327" i="8"/>
  <c r="H3325" i="9" s="1"/>
  <c r="O3327" i="8"/>
  <c r="I3325" i="9" s="1"/>
  <c r="J3328" i="8"/>
  <c r="F3326" i="9" s="1"/>
  <c r="L3328" i="8"/>
  <c r="N3328" i="8"/>
  <c r="H3326" i="9" s="1"/>
  <c r="O3328" i="8"/>
  <c r="I3326" i="9" s="1"/>
  <c r="J3329" i="8"/>
  <c r="F3327" i="9" s="1"/>
  <c r="L3329" i="8"/>
  <c r="N3329" i="8"/>
  <c r="H3327" i="9" s="1"/>
  <c r="O3329" i="8"/>
  <c r="I3327" i="9" s="1"/>
  <c r="J3330" i="8"/>
  <c r="F3328" i="9" s="1"/>
  <c r="L3330" i="8"/>
  <c r="N3330" i="8"/>
  <c r="H3328" i="9" s="1"/>
  <c r="O3330" i="8"/>
  <c r="I3328" i="9" s="1"/>
  <c r="J3331" i="8"/>
  <c r="F3329" i="9" s="1"/>
  <c r="L3331" i="8"/>
  <c r="N3331" i="8"/>
  <c r="H3329" i="9" s="1"/>
  <c r="O3331" i="8"/>
  <c r="I3329" i="9" s="1"/>
  <c r="J3332" i="8"/>
  <c r="F3330" i="9" s="1"/>
  <c r="L3332" i="8"/>
  <c r="N3332" i="8"/>
  <c r="H3330" i="9" s="1"/>
  <c r="O3332" i="8"/>
  <c r="I3330" i="9" s="1"/>
  <c r="J3333" i="8"/>
  <c r="F3331" i="9" s="1"/>
  <c r="L3333" i="8"/>
  <c r="N3333" i="8"/>
  <c r="H3331" i="9" s="1"/>
  <c r="O3333" i="8"/>
  <c r="I3331" i="9" s="1"/>
  <c r="J3334" i="8"/>
  <c r="F3332" i="9" s="1"/>
  <c r="L3334" i="8"/>
  <c r="N3334" i="8"/>
  <c r="H3332" i="9" s="1"/>
  <c r="O3334" i="8"/>
  <c r="I3332" i="9" s="1"/>
  <c r="J3335" i="8"/>
  <c r="F3333" i="9" s="1"/>
  <c r="L3335" i="8"/>
  <c r="N3335" i="8"/>
  <c r="H3333" i="9" s="1"/>
  <c r="O3335" i="8"/>
  <c r="I3333" i="9" s="1"/>
  <c r="J3336" i="8"/>
  <c r="F3334" i="9" s="1"/>
  <c r="L3336" i="8"/>
  <c r="N3336" i="8"/>
  <c r="H3334" i="9" s="1"/>
  <c r="O3336" i="8"/>
  <c r="I3334" i="9" s="1"/>
  <c r="J3337" i="8"/>
  <c r="F3335" i="9" s="1"/>
  <c r="L3337" i="8"/>
  <c r="N3337" i="8"/>
  <c r="H3335" i="9" s="1"/>
  <c r="O3337" i="8"/>
  <c r="I3335" i="9" s="1"/>
  <c r="J3338" i="8"/>
  <c r="F3336" i="9" s="1"/>
  <c r="L3338" i="8"/>
  <c r="N3338" i="8"/>
  <c r="H3336" i="9" s="1"/>
  <c r="O3338" i="8"/>
  <c r="I3336" i="9" s="1"/>
  <c r="J3339" i="8"/>
  <c r="F3337" i="9" s="1"/>
  <c r="L3339" i="8"/>
  <c r="N3339" i="8"/>
  <c r="H3337" i="9" s="1"/>
  <c r="O3339" i="8"/>
  <c r="I3337" i="9" s="1"/>
  <c r="J3340" i="8"/>
  <c r="F3338" i="9" s="1"/>
  <c r="L3340" i="8"/>
  <c r="N3340" i="8"/>
  <c r="H3338" i="9" s="1"/>
  <c r="O3340" i="8"/>
  <c r="I3338" i="9" s="1"/>
  <c r="J3341" i="8"/>
  <c r="F3339" i="9" s="1"/>
  <c r="L3341" i="8"/>
  <c r="N3341" i="8"/>
  <c r="H3339" i="9" s="1"/>
  <c r="O3341" i="8"/>
  <c r="I3339" i="9" s="1"/>
  <c r="J3342" i="8"/>
  <c r="F3340" i="9" s="1"/>
  <c r="L3342" i="8"/>
  <c r="N3342" i="8"/>
  <c r="H3340" i="9" s="1"/>
  <c r="O3342" i="8"/>
  <c r="I3340" i="9" s="1"/>
  <c r="J3343" i="8"/>
  <c r="F3341" i="9" s="1"/>
  <c r="L3343" i="8"/>
  <c r="N3343" i="8"/>
  <c r="H3341" i="9" s="1"/>
  <c r="O3343" i="8"/>
  <c r="I3341" i="9" s="1"/>
  <c r="J3344" i="8"/>
  <c r="F3342" i="9" s="1"/>
  <c r="L3344" i="8"/>
  <c r="N3344" i="8"/>
  <c r="H3342" i="9" s="1"/>
  <c r="O3344" i="8"/>
  <c r="I3342" i="9" s="1"/>
  <c r="J3345" i="8"/>
  <c r="F3343" i="9" s="1"/>
  <c r="L3345" i="8"/>
  <c r="N3345" i="8"/>
  <c r="H3343" i="9" s="1"/>
  <c r="O3345" i="8"/>
  <c r="I3343" i="9" s="1"/>
  <c r="J3346" i="8"/>
  <c r="F3344" i="9" s="1"/>
  <c r="L3346" i="8"/>
  <c r="N3346" i="8"/>
  <c r="H3344" i="9" s="1"/>
  <c r="O3346" i="8"/>
  <c r="I3344" i="9" s="1"/>
  <c r="J3347" i="8"/>
  <c r="F3345" i="9" s="1"/>
  <c r="L3347" i="8"/>
  <c r="N3347" i="8"/>
  <c r="H3345" i="9" s="1"/>
  <c r="O3347" i="8"/>
  <c r="I3345" i="9" s="1"/>
  <c r="J3348" i="8"/>
  <c r="F3346" i="9" s="1"/>
  <c r="L3348" i="8"/>
  <c r="N3348" i="8"/>
  <c r="H3346" i="9" s="1"/>
  <c r="O3348" i="8"/>
  <c r="I3346" i="9" s="1"/>
  <c r="J3349" i="8"/>
  <c r="F3347" i="9" s="1"/>
  <c r="L3349" i="8"/>
  <c r="N3349" i="8"/>
  <c r="H3347" i="9" s="1"/>
  <c r="O3349" i="8"/>
  <c r="I3347" i="9" s="1"/>
  <c r="J3350" i="8"/>
  <c r="F3348" i="9" s="1"/>
  <c r="L3350" i="8"/>
  <c r="N3350" i="8"/>
  <c r="H3348" i="9" s="1"/>
  <c r="O3350" i="8"/>
  <c r="I3348" i="9" s="1"/>
  <c r="J3351" i="8"/>
  <c r="F3349" i="9" s="1"/>
  <c r="L3351" i="8"/>
  <c r="N3351" i="8"/>
  <c r="H3349" i="9" s="1"/>
  <c r="O3351" i="8"/>
  <c r="I3349" i="9" s="1"/>
  <c r="J3352" i="8"/>
  <c r="F3350" i="9" s="1"/>
  <c r="L3352" i="8"/>
  <c r="N3352" i="8"/>
  <c r="H3350" i="9" s="1"/>
  <c r="O3352" i="8"/>
  <c r="I3350" i="9" s="1"/>
  <c r="J3353" i="8"/>
  <c r="F3351" i="9" s="1"/>
  <c r="L3353" i="8"/>
  <c r="N3353" i="8"/>
  <c r="H3351" i="9" s="1"/>
  <c r="O3353" i="8"/>
  <c r="I3351" i="9" s="1"/>
  <c r="J3354" i="8"/>
  <c r="F3352" i="9" s="1"/>
  <c r="L3354" i="8"/>
  <c r="N3354" i="8"/>
  <c r="H3352" i="9" s="1"/>
  <c r="O3354" i="8"/>
  <c r="I3352" i="9" s="1"/>
  <c r="J3355" i="8"/>
  <c r="F3353" i="9" s="1"/>
  <c r="L3355" i="8"/>
  <c r="N3355" i="8"/>
  <c r="H3353" i="9" s="1"/>
  <c r="O3355" i="8"/>
  <c r="I3353" i="9" s="1"/>
  <c r="J3356" i="8"/>
  <c r="F3354" i="9" s="1"/>
  <c r="L3356" i="8"/>
  <c r="N3356" i="8"/>
  <c r="H3354" i="9" s="1"/>
  <c r="O3356" i="8"/>
  <c r="I3354" i="9" s="1"/>
  <c r="J3357" i="8"/>
  <c r="F3355" i="9" s="1"/>
  <c r="L3357" i="8"/>
  <c r="N3357" i="8"/>
  <c r="H3355" i="9" s="1"/>
  <c r="O3357" i="8"/>
  <c r="I3355" i="9" s="1"/>
  <c r="J3358" i="8"/>
  <c r="F3356" i="9" s="1"/>
  <c r="L3358" i="8"/>
  <c r="N3358" i="8"/>
  <c r="H3356" i="9" s="1"/>
  <c r="O3358" i="8"/>
  <c r="I3356" i="9" s="1"/>
  <c r="J3359" i="8"/>
  <c r="F3357" i="9" s="1"/>
  <c r="L3359" i="8"/>
  <c r="N3359" i="8"/>
  <c r="H3357" i="9" s="1"/>
  <c r="O3359" i="8"/>
  <c r="I3357" i="9" s="1"/>
  <c r="J3360" i="8"/>
  <c r="F3358" i="9" s="1"/>
  <c r="L3360" i="8"/>
  <c r="N3360" i="8"/>
  <c r="H3358" i="9" s="1"/>
  <c r="O3360" i="8"/>
  <c r="I3358" i="9" s="1"/>
  <c r="J3361" i="8"/>
  <c r="F3359" i="9" s="1"/>
  <c r="L3361" i="8"/>
  <c r="N3361" i="8"/>
  <c r="H3359" i="9" s="1"/>
  <c r="O3361" i="8"/>
  <c r="I3359" i="9" s="1"/>
  <c r="J3362" i="8"/>
  <c r="F3360" i="9" s="1"/>
  <c r="L3362" i="8"/>
  <c r="N3362" i="8"/>
  <c r="H3360" i="9" s="1"/>
  <c r="O3362" i="8"/>
  <c r="I3360" i="9" s="1"/>
  <c r="J3363" i="8"/>
  <c r="F3361" i="9" s="1"/>
  <c r="L3363" i="8"/>
  <c r="N3363" i="8"/>
  <c r="H3361" i="9" s="1"/>
  <c r="O3363" i="8"/>
  <c r="I3361" i="9" s="1"/>
  <c r="J3364" i="8"/>
  <c r="F3362" i="9" s="1"/>
  <c r="L3364" i="8"/>
  <c r="N3364" i="8"/>
  <c r="H3362" i="9" s="1"/>
  <c r="O3364" i="8"/>
  <c r="I3362" i="9" s="1"/>
  <c r="J3365" i="8"/>
  <c r="F3363" i="9" s="1"/>
  <c r="L3365" i="8"/>
  <c r="N3365" i="8"/>
  <c r="H3363" i="9" s="1"/>
  <c r="O3365" i="8"/>
  <c r="I3363" i="9" s="1"/>
  <c r="J3366" i="8"/>
  <c r="F3364" i="9" s="1"/>
  <c r="L3366" i="8"/>
  <c r="N3366" i="8"/>
  <c r="H3364" i="9" s="1"/>
  <c r="O3366" i="8"/>
  <c r="I3364" i="9" s="1"/>
  <c r="J3367" i="8"/>
  <c r="F3365" i="9" s="1"/>
  <c r="L3367" i="8"/>
  <c r="N3367" i="8"/>
  <c r="H3365" i="9" s="1"/>
  <c r="O3367" i="8"/>
  <c r="I3365" i="9" s="1"/>
  <c r="J3368" i="8"/>
  <c r="F3366" i="9" s="1"/>
  <c r="L3368" i="8"/>
  <c r="N3368" i="8"/>
  <c r="H3366" i="9" s="1"/>
  <c r="O3368" i="8"/>
  <c r="I3366" i="9" s="1"/>
  <c r="J3369" i="8"/>
  <c r="F3367" i="9" s="1"/>
  <c r="L3369" i="8"/>
  <c r="N3369" i="8"/>
  <c r="H3367" i="9" s="1"/>
  <c r="O3369" i="8"/>
  <c r="I3367" i="9" s="1"/>
  <c r="J3370" i="8"/>
  <c r="F3368" i="9" s="1"/>
  <c r="L3370" i="8"/>
  <c r="N3370" i="8"/>
  <c r="H3368" i="9" s="1"/>
  <c r="O3370" i="8"/>
  <c r="I3368" i="9" s="1"/>
  <c r="J3371" i="8"/>
  <c r="F3369" i="9" s="1"/>
  <c r="L3371" i="8"/>
  <c r="N3371" i="8"/>
  <c r="H3369" i="9" s="1"/>
  <c r="O3371" i="8"/>
  <c r="I3369" i="9" s="1"/>
  <c r="J3372" i="8"/>
  <c r="F3370" i="9" s="1"/>
  <c r="L3372" i="8"/>
  <c r="N3372" i="8"/>
  <c r="H3370" i="9" s="1"/>
  <c r="O3372" i="8"/>
  <c r="I3370" i="9" s="1"/>
  <c r="J3373" i="8"/>
  <c r="F3371" i="9" s="1"/>
  <c r="L3373" i="8"/>
  <c r="N3373" i="8"/>
  <c r="H3371" i="9" s="1"/>
  <c r="O3373" i="8"/>
  <c r="I3371" i="9" s="1"/>
  <c r="J3374" i="8"/>
  <c r="F3372" i="9" s="1"/>
  <c r="L3374" i="8"/>
  <c r="N3374" i="8"/>
  <c r="H3372" i="9" s="1"/>
  <c r="O3374" i="8"/>
  <c r="I3372" i="9" s="1"/>
  <c r="J3375" i="8"/>
  <c r="F3373" i="9" s="1"/>
  <c r="L3375" i="8"/>
  <c r="N3375" i="8"/>
  <c r="H3373" i="9" s="1"/>
  <c r="O3375" i="8"/>
  <c r="I3373" i="9" s="1"/>
  <c r="J3376" i="8"/>
  <c r="F3374" i="9" s="1"/>
  <c r="L3376" i="8"/>
  <c r="N3376" i="8"/>
  <c r="H3374" i="9" s="1"/>
  <c r="O3376" i="8"/>
  <c r="I3374" i="9" s="1"/>
  <c r="J3377" i="8"/>
  <c r="F3375" i="9" s="1"/>
  <c r="L3377" i="8"/>
  <c r="N3377" i="8"/>
  <c r="H3375" i="9" s="1"/>
  <c r="O3377" i="8"/>
  <c r="I3375" i="9" s="1"/>
  <c r="J3378" i="8"/>
  <c r="F3376" i="9" s="1"/>
  <c r="L3378" i="8"/>
  <c r="N3378" i="8"/>
  <c r="H3376" i="9" s="1"/>
  <c r="O3378" i="8"/>
  <c r="I3376" i="9" s="1"/>
  <c r="J3379" i="8"/>
  <c r="F3377" i="9" s="1"/>
  <c r="L3379" i="8"/>
  <c r="N3379" i="8"/>
  <c r="H3377" i="9" s="1"/>
  <c r="O3379" i="8"/>
  <c r="I3377" i="9" s="1"/>
  <c r="J3380" i="8"/>
  <c r="F3378" i="9" s="1"/>
  <c r="L3380" i="8"/>
  <c r="N3380" i="8"/>
  <c r="H3378" i="9" s="1"/>
  <c r="O3380" i="8"/>
  <c r="I3378" i="9" s="1"/>
  <c r="J3381" i="8"/>
  <c r="F3379" i="9" s="1"/>
  <c r="L3381" i="8"/>
  <c r="N3381" i="8"/>
  <c r="H3379" i="9" s="1"/>
  <c r="O3381" i="8"/>
  <c r="I3379" i="9" s="1"/>
  <c r="J3382" i="8"/>
  <c r="F3380" i="9" s="1"/>
  <c r="L3382" i="8"/>
  <c r="N3382" i="8"/>
  <c r="H3380" i="9" s="1"/>
  <c r="O3382" i="8"/>
  <c r="I3380" i="9" s="1"/>
  <c r="J3383" i="8"/>
  <c r="F3381" i="9" s="1"/>
  <c r="L3383" i="8"/>
  <c r="N3383" i="8"/>
  <c r="H3381" i="9" s="1"/>
  <c r="O3383" i="8"/>
  <c r="I3381" i="9" s="1"/>
  <c r="J3384" i="8"/>
  <c r="F3382" i="9" s="1"/>
  <c r="L3384" i="8"/>
  <c r="N3384" i="8"/>
  <c r="H3382" i="9" s="1"/>
  <c r="O3384" i="8"/>
  <c r="I3382" i="9" s="1"/>
  <c r="J3385" i="8"/>
  <c r="F3383" i="9" s="1"/>
  <c r="L3385" i="8"/>
  <c r="N3385" i="8"/>
  <c r="H3383" i="9" s="1"/>
  <c r="O3385" i="8"/>
  <c r="I3383" i="9" s="1"/>
  <c r="J3386" i="8"/>
  <c r="F3384" i="9" s="1"/>
  <c r="L3386" i="8"/>
  <c r="N3386" i="8"/>
  <c r="H3384" i="9" s="1"/>
  <c r="O3386" i="8"/>
  <c r="I3384" i="9" s="1"/>
  <c r="J3387" i="8"/>
  <c r="F3385" i="9" s="1"/>
  <c r="L3387" i="8"/>
  <c r="N3387" i="8"/>
  <c r="H3385" i="9" s="1"/>
  <c r="O3387" i="8"/>
  <c r="I3385" i="9" s="1"/>
  <c r="J3388" i="8"/>
  <c r="F3386" i="9" s="1"/>
  <c r="L3388" i="8"/>
  <c r="N3388" i="8"/>
  <c r="H3386" i="9" s="1"/>
  <c r="O3388" i="8"/>
  <c r="I3386" i="9" s="1"/>
  <c r="J3389" i="8"/>
  <c r="F3387" i="9" s="1"/>
  <c r="L3389" i="8"/>
  <c r="N3389" i="8"/>
  <c r="H3387" i="9" s="1"/>
  <c r="O3389" i="8"/>
  <c r="I3387" i="9" s="1"/>
  <c r="J3390" i="8"/>
  <c r="F3388" i="9" s="1"/>
  <c r="L3390" i="8"/>
  <c r="N3390" i="8"/>
  <c r="H3388" i="9" s="1"/>
  <c r="O3390" i="8"/>
  <c r="I3388" i="9" s="1"/>
  <c r="J3391" i="8"/>
  <c r="F3389" i="9" s="1"/>
  <c r="L3391" i="8"/>
  <c r="N3391" i="8"/>
  <c r="H3389" i="9" s="1"/>
  <c r="O3391" i="8"/>
  <c r="I3389" i="9" s="1"/>
  <c r="J3392" i="8"/>
  <c r="F3390" i="9" s="1"/>
  <c r="L3392" i="8"/>
  <c r="N3392" i="8"/>
  <c r="H3390" i="9" s="1"/>
  <c r="O3392" i="8"/>
  <c r="I3390" i="9" s="1"/>
  <c r="J3393" i="8"/>
  <c r="F3391" i="9" s="1"/>
  <c r="L3393" i="8"/>
  <c r="N3393" i="8"/>
  <c r="H3391" i="9" s="1"/>
  <c r="O3393" i="8"/>
  <c r="I3391" i="9" s="1"/>
  <c r="J3394" i="8"/>
  <c r="F3392" i="9" s="1"/>
  <c r="L3394" i="8"/>
  <c r="N3394" i="8"/>
  <c r="H3392" i="9" s="1"/>
  <c r="O3394" i="8"/>
  <c r="I3392" i="9" s="1"/>
  <c r="J3395" i="8"/>
  <c r="F3393" i="9" s="1"/>
  <c r="L3395" i="8"/>
  <c r="N3395" i="8"/>
  <c r="H3393" i="9" s="1"/>
  <c r="O3395" i="8"/>
  <c r="I3393" i="9" s="1"/>
  <c r="J3396" i="8"/>
  <c r="F3394" i="9" s="1"/>
  <c r="L3396" i="8"/>
  <c r="N3396" i="8"/>
  <c r="H3394" i="9" s="1"/>
  <c r="O3396" i="8"/>
  <c r="I3394" i="9" s="1"/>
  <c r="J3397" i="8"/>
  <c r="F3395" i="9" s="1"/>
  <c r="L3397" i="8"/>
  <c r="N3397" i="8"/>
  <c r="H3395" i="9" s="1"/>
  <c r="O3397" i="8"/>
  <c r="I3395" i="9" s="1"/>
  <c r="J3398" i="8"/>
  <c r="F3396" i="9" s="1"/>
  <c r="L3398" i="8"/>
  <c r="N3398" i="8"/>
  <c r="H3396" i="9" s="1"/>
  <c r="O3398" i="8"/>
  <c r="I3396" i="9" s="1"/>
  <c r="J3399" i="8"/>
  <c r="F3397" i="9" s="1"/>
  <c r="L3399" i="8"/>
  <c r="N3399" i="8"/>
  <c r="H3397" i="9" s="1"/>
  <c r="O3399" i="8"/>
  <c r="I3397" i="9" s="1"/>
  <c r="J3400" i="8"/>
  <c r="F3398" i="9" s="1"/>
  <c r="L3400" i="8"/>
  <c r="N3400" i="8"/>
  <c r="H3398" i="9" s="1"/>
  <c r="O3400" i="8"/>
  <c r="I3398" i="9" s="1"/>
  <c r="J3401" i="8"/>
  <c r="F3399" i="9" s="1"/>
  <c r="L3401" i="8"/>
  <c r="N3401" i="8"/>
  <c r="H3399" i="9" s="1"/>
  <c r="O3401" i="8"/>
  <c r="I3399" i="9" s="1"/>
  <c r="J3402" i="8"/>
  <c r="F3400" i="9" s="1"/>
  <c r="L3402" i="8"/>
  <c r="N3402" i="8"/>
  <c r="H3400" i="9" s="1"/>
  <c r="O3402" i="8"/>
  <c r="I3400" i="9" s="1"/>
  <c r="J3403" i="8"/>
  <c r="F3401" i="9" s="1"/>
  <c r="L3403" i="8"/>
  <c r="N3403" i="8"/>
  <c r="H3401" i="9" s="1"/>
  <c r="O3403" i="8"/>
  <c r="I3401" i="9" s="1"/>
  <c r="J3404" i="8"/>
  <c r="F3402" i="9" s="1"/>
  <c r="L3404" i="8"/>
  <c r="N3404" i="8"/>
  <c r="H3402" i="9" s="1"/>
  <c r="O3404" i="8"/>
  <c r="I3402" i="9" s="1"/>
  <c r="J3405" i="8"/>
  <c r="F3403" i="9" s="1"/>
  <c r="L3405" i="8"/>
  <c r="N3405" i="8"/>
  <c r="H3403" i="9" s="1"/>
  <c r="O3405" i="8"/>
  <c r="I3403" i="9" s="1"/>
  <c r="J3406" i="8"/>
  <c r="F3404" i="9" s="1"/>
  <c r="L3406" i="8"/>
  <c r="N3406" i="8"/>
  <c r="H3404" i="9" s="1"/>
  <c r="O3406" i="8"/>
  <c r="I3404" i="9" s="1"/>
  <c r="J3407" i="8"/>
  <c r="F3405" i="9" s="1"/>
  <c r="L3407" i="8"/>
  <c r="N3407" i="8"/>
  <c r="H3405" i="9" s="1"/>
  <c r="O3407" i="8"/>
  <c r="I3405" i="9" s="1"/>
  <c r="J3408" i="8"/>
  <c r="F3406" i="9" s="1"/>
  <c r="L3408" i="8"/>
  <c r="N3408" i="8"/>
  <c r="H3406" i="9" s="1"/>
  <c r="O3408" i="8"/>
  <c r="I3406" i="9" s="1"/>
  <c r="J3409" i="8"/>
  <c r="F3407" i="9" s="1"/>
  <c r="L3409" i="8"/>
  <c r="N3409" i="8"/>
  <c r="H3407" i="9" s="1"/>
  <c r="O3409" i="8"/>
  <c r="I3407" i="9" s="1"/>
  <c r="J3410" i="8"/>
  <c r="F3408" i="9" s="1"/>
  <c r="L3410" i="8"/>
  <c r="N3410" i="8"/>
  <c r="H3408" i="9" s="1"/>
  <c r="O3410" i="8"/>
  <c r="I3408" i="9" s="1"/>
  <c r="J3411" i="8"/>
  <c r="F3409" i="9" s="1"/>
  <c r="L3411" i="8"/>
  <c r="N3411" i="8"/>
  <c r="H3409" i="9" s="1"/>
  <c r="O3411" i="8"/>
  <c r="I3409" i="9" s="1"/>
  <c r="J3412" i="8"/>
  <c r="F3410" i="9" s="1"/>
  <c r="L3412" i="8"/>
  <c r="N3412" i="8"/>
  <c r="H3410" i="9" s="1"/>
  <c r="O3412" i="8"/>
  <c r="I3410" i="9" s="1"/>
  <c r="J3413" i="8"/>
  <c r="F3411" i="9" s="1"/>
  <c r="L3413" i="8"/>
  <c r="N3413" i="8"/>
  <c r="H3411" i="9" s="1"/>
  <c r="O3413" i="8"/>
  <c r="I3411" i="9" s="1"/>
  <c r="J3414" i="8"/>
  <c r="F3412" i="9" s="1"/>
  <c r="L3414" i="8"/>
  <c r="N3414" i="8"/>
  <c r="H3412" i="9" s="1"/>
  <c r="O3414" i="8"/>
  <c r="I3412" i="9" s="1"/>
  <c r="J3415" i="8"/>
  <c r="F3413" i="9" s="1"/>
  <c r="L3415" i="8"/>
  <c r="N3415" i="8"/>
  <c r="H3413" i="9" s="1"/>
  <c r="O3415" i="8"/>
  <c r="I3413" i="9" s="1"/>
  <c r="J3416" i="8"/>
  <c r="F3414" i="9" s="1"/>
  <c r="L3416" i="8"/>
  <c r="N3416" i="8"/>
  <c r="H3414" i="9" s="1"/>
  <c r="O3416" i="8"/>
  <c r="I3414" i="9" s="1"/>
  <c r="J3417" i="8"/>
  <c r="F3415" i="9" s="1"/>
  <c r="L3417" i="8"/>
  <c r="N3417" i="8"/>
  <c r="H3415" i="9" s="1"/>
  <c r="O3417" i="8"/>
  <c r="I3415" i="9" s="1"/>
  <c r="J3418" i="8"/>
  <c r="F3416" i="9" s="1"/>
  <c r="L3418" i="8"/>
  <c r="N3418" i="8"/>
  <c r="H3416" i="9" s="1"/>
  <c r="O3418" i="8"/>
  <c r="I3416" i="9" s="1"/>
  <c r="J3419" i="8"/>
  <c r="F3417" i="9" s="1"/>
  <c r="L3419" i="8"/>
  <c r="N3419" i="8"/>
  <c r="H3417" i="9" s="1"/>
  <c r="O3419" i="8"/>
  <c r="I3417" i="9" s="1"/>
  <c r="J3420" i="8"/>
  <c r="F3418" i="9" s="1"/>
  <c r="L3420" i="8"/>
  <c r="N3420" i="8"/>
  <c r="H3418" i="9" s="1"/>
  <c r="O3420" i="8"/>
  <c r="I3418" i="9" s="1"/>
  <c r="J3421" i="8"/>
  <c r="F3419" i="9" s="1"/>
  <c r="L3421" i="8"/>
  <c r="N3421" i="8"/>
  <c r="H3419" i="9" s="1"/>
  <c r="O3421" i="8"/>
  <c r="I3419" i="9" s="1"/>
  <c r="J3422" i="8"/>
  <c r="F3420" i="9" s="1"/>
  <c r="L3422" i="8"/>
  <c r="N3422" i="8"/>
  <c r="H3420" i="9" s="1"/>
  <c r="O3422" i="8"/>
  <c r="I3420" i="9" s="1"/>
  <c r="J3423" i="8"/>
  <c r="F3421" i="9" s="1"/>
  <c r="L3423" i="8"/>
  <c r="N3423" i="8"/>
  <c r="H3421" i="9" s="1"/>
  <c r="O3423" i="8"/>
  <c r="I3421" i="9" s="1"/>
  <c r="J3424" i="8"/>
  <c r="F3422" i="9" s="1"/>
  <c r="L3424" i="8"/>
  <c r="N3424" i="8"/>
  <c r="H3422" i="9" s="1"/>
  <c r="O3424" i="8"/>
  <c r="I3422" i="9" s="1"/>
  <c r="J3425" i="8"/>
  <c r="F3423" i="9" s="1"/>
  <c r="L3425" i="8"/>
  <c r="N3425" i="8"/>
  <c r="H3423" i="9" s="1"/>
  <c r="O3425" i="8"/>
  <c r="I3423" i="9" s="1"/>
  <c r="J3426" i="8"/>
  <c r="F3424" i="9" s="1"/>
  <c r="L3426" i="8"/>
  <c r="N3426" i="8"/>
  <c r="H3424" i="9" s="1"/>
  <c r="O3426" i="8"/>
  <c r="I3424" i="9" s="1"/>
  <c r="J3427" i="8"/>
  <c r="F3425" i="9" s="1"/>
  <c r="L3427" i="8"/>
  <c r="N3427" i="8"/>
  <c r="H3425" i="9" s="1"/>
  <c r="O3427" i="8"/>
  <c r="I3425" i="9" s="1"/>
  <c r="J3428" i="8"/>
  <c r="F3426" i="9" s="1"/>
  <c r="L3428" i="8"/>
  <c r="N3428" i="8"/>
  <c r="H3426" i="9" s="1"/>
  <c r="O3428" i="8"/>
  <c r="I3426" i="9" s="1"/>
  <c r="J3429" i="8"/>
  <c r="F3427" i="9" s="1"/>
  <c r="L3429" i="8"/>
  <c r="N3429" i="8"/>
  <c r="H3427" i="9" s="1"/>
  <c r="O3429" i="8"/>
  <c r="I3427" i="9" s="1"/>
  <c r="J3430" i="8"/>
  <c r="F3428" i="9" s="1"/>
  <c r="L3430" i="8"/>
  <c r="N3430" i="8"/>
  <c r="H3428" i="9" s="1"/>
  <c r="O3430" i="8"/>
  <c r="I3428" i="9" s="1"/>
  <c r="J3431" i="8"/>
  <c r="F3429" i="9" s="1"/>
  <c r="L3431" i="8"/>
  <c r="N3431" i="8"/>
  <c r="H3429" i="9" s="1"/>
  <c r="O3431" i="8"/>
  <c r="I3429" i="9" s="1"/>
  <c r="J3432" i="8"/>
  <c r="F3430" i="9" s="1"/>
  <c r="L3432" i="8"/>
  <c r="N3432" i="8"/>
  <c r="H3430" i="9" s="1"/>
  <c r="O3432" i="8"/>
  <c r="I3430" i="9" s="1"/>
  <c r="J3433" i="8"/>
  <c r="F3431" i="9" s="1"/>
  <c r="L3433" i="8"/>
  <c r="N3433" i="8"/>
  <c r="H3431" i="9" s="1"/>
  <c r="O3433" i="8"/>
  <c r="I3431" i="9" s="1"/>
  <c r="J3434" i="8"/>
  <c r="F3432" i="9" s="1"/>
  <c r="L3434" i="8"/>
  <c r="N3434" i="8"/>
  <c r="H3432" i="9" s="1"/>
  <c r="O3434" i="8"/>
  <c r="I3432" i="9" s="1"/>
  <c r="J3435" i="8"/>
  <c r="F3433" i="9" s="1"/>
  <c r="L3435" i="8"/>
  <c r="N3435" i="8"/>
  <c r="H3433" i="9" s="1"/>
  <c r="O3435" i="8"/>
  <c r="I3433" i="9" s="1"/>
  <c r="J3436" i="8"/>
  <c r="F3434" i="9" s="1"/>
  <c r="L3436" i="8"/>
  <c r="N3436" i="8"/>
  <c r="H3434" i="9" s="1"/>
  <c r="O3436" i="8"/>
  <c r="I3434" i="9" s="1"/>
  <c r="J3437" i="8"/>
  <c r="F3435" i="9" s="1"/>
  <c r="L3437" i="8"/>
  <c r="N3437" i="8"/>
  <c r="H3435" i="9" s="1"/>
  <c r="O3437" i="8"/>
  <c r="I3435" i="9" s="1"/>
  <c r="J3438" i="8"/>
  <c r="F3436" i="9" s="1"/>
  <c r="L3438" i="8"/>
  <c r="N3438" i="8"/>
  <c r="H3436" i="9" s="1"/>
  <c r="O3438" i="8"/>
  <c r="I3436" i="9" s="1"/>
  <c r="J3439" i="8"/>
  <c r="F3437" i="9" s="1"/>
  <c r="L3439" i="8"/>
  <c r="N3439" i="8"/>
  <c r="H3437" i="9" s="1"/>
  <c r="O3439" i="8"/>
  <c r="I3437" i="9" s="1"/>
  <c r="J3440" i="8"/>
  <c r="F3438" i="9" s="1"/>
  <c r="L3440" i="8"/>
  <c r="N3440" i="8"/>
  <c r="H3438" i="9" s="1"/>
  <c r="O3440" i="8"/>
  <c r="I3438" i="9" s="1"/>
  <c r="J3441" i="8"/>
  <c r="F3439" i="9" s="1"/>
  <c r="L3441" i="8"/>
  <c r="N3441" i="8"/>
  <c r="H3439" i="9" s="1"/>
  <c r="O3441" i="8"/>
  <c r="I3439" i="9" s="1"/>
  <c r="J3442" i="8"/>
  <c r="F3440" i="9" s="1"/>
  <c r="L3442" i="8"/>
  <c r="N3442" i="8"/>
  <c r="H3440" i="9" s="1"/>
  <c r="O3442" i="8"/>
  <c r="I3440" i="9" s="1"/>
  <c r="J3443" i="8"/>
  <c r="F3441" i="9" s="1"/>
  <c r="L3443" i="8"/>
  <c r="N3443" i="8"/>
  <c r="H3441" i="9" s="1"/>
  <c r="O3443" i="8"/>
  <c r="I3441" i="9" s="1"/>
  <c r="J3444" i="8"/>
  <c r="F3442" i="9" s="1"/>
  <c r="L3444" i="8"/>
  <c r="N3444" i="8"/>
  <c r="H3442" i="9" s="1"/>
  <c r="O3444" i="8"/>
  <c r="I3442" i="9" s="1"/>
  <c r="J3445" i="8"/>
  <c r="F3443" i="9" s="1"/>
  <c r="L3445" i="8"/>
  <c r="N3445" i="8"/>
  <c r="H3443" i="9" s="1"/>
  <c r="O3445" i="8"/>
  <c r="I3443" i="9" s="1"/>
  <c r="J3446" i="8"/>
  <c r="F3444" i="9" s="1"/>
  <c r="L3446" i="8"/>
  <c r="N3446" i="8"/>
  <c r="H3444" i="9" s="1"/>
  <c r="O3446" i="8"/>
  <c r="I3444" i="9" s="1"/>
  <c r="J3447" i="8"/>
  <c r="F3445" i="9" s="1"/>
  <c r="L3447" i="8"/>
  <c r="N3447" i="8"/>
  <c r="H3445" i="9" s="1"/>
  <c r="O3447" i="8"/>
  <c r="I3445" i="9" s="1"/>
  <c r="J3448" i="8"/>
  <c r="F3446" i="9" s="1"/>
  <c r="L3448" i="8"/>
  <c r="N3448" i="8"/>
  <c r="H3446" i="9" s="1"/>
  <c r="O3448" i="8"/>
  <c r="I3446" i="9" s="1"/>
  <c r="J3449" i="8"/>
  <c r="F3447" i="9" s="1"/>
  <c r="L3449" i="8"/>
  <c r="N3449" i="8"/>
  <c r="H3447" i="9" s="1"/>
  <c r="O3449" i="8"/>
  <c r="I3447" i="9" s="1"/>
  <c r="J3450" i="8"/>
  <c r="F3448" i="9" s="1"/>
  <c r="L3450" i="8"/>
  <c r="N3450" i="8"/>
  <c r="H3448" i="9" s="1"/>
  <c r="O3450" i="8"/>
  <c r="I3448" i="9" s="1"/>
  <c r="J3451" i="8"/>
  <c r="F3449" i="9" s="1"/>
  <c r="L3451" i="8"/>
  <c r="N3451" i="8"/>
  <c r="H3449" i="9" s="1"/>
  <c r="O3451" i="8"/>
  <c r="I3449" i="9" s="1"/>
  <c r="J3452" i="8"/>
  <c r="F3450" i="9" s="1"/>
  <c r="L3452" i="8"/>
  <c r="N3452" i="8"/>
  <c r="H3450" i="9" s="1"/>
  <c r="O3452" i="8"/>
  <c r="I3450" i="9" s="1"/>
  <c r="J3453" i="8"/>
  <c r="F3451" i="9" s="1"/>
  <c r="L3453" i="8"/>
  <c r="N3453" i="8"/>
  <c r="H3451" i="9" s="1"/>
  <c r="O3453" i="8"/>
  <c r="I3451" i="9" s="1"/>
  <c r="J3454" i="8"/>
  <c r="F3452" i="9" s="1"/>
  <c r="L3454" i="8"/>
  <c r="N3454" i="8"/>
  <c r="H3452" i="9" s="1"/>
  <c r="O3454" i="8"/>
  <c r="I3452" i="9" s="1"/>
  <c r="J3455" i="8"/>
  <c r="F3453" i="9" s="1"/>
  <c r="L3455" i="8"/>
  <c r="N3455" i="8"/>
  <c r="H3453" i="9" s="1"/>
  <c r="O3455" i="8"/>
  <c r="I3453" i="9" s="1"/>
  <c r="J3456" i="8"/>
  <c r="F3454" i="9" s="1"/>
  <c r="L3456" i="8"/>
  <c r="N3456" i="8"/>
  <c r="H3454" i="9" s="1"/>
  <c r="O3456" i="8"/>
  <c r="I3454" i="9" s="1"/>
  <c r="J3457" i="8"/>
  <c r="F3455" i="9" s="1"/>
  <c r="L3457" i="8"/>
  <c r="N3457" i="8"/>
  <c r="H3455" i="9" s="1"/>
  <c r="O3457" i="8"/>
  <c r="I3455" i="9" s="1"/>
  <c r="J3458" i="8"/>
  <c r="F3456" i="9" s="1"/>
  <c r="L3458" i="8"/>
  <c r="N3458" i="8"/>
  <c r="H3456" i="9" s="1"/>
  <c r="O3458" i="8"/>
  <c r="I3456" i="9" s="1"/>
  <c r="J3459" i="8"/>
  <c r="F3457" i="9" s="1"/>
  <c r="L3459" i="8"/>
  <c r="N3459" i="8"/>
  <c r="H3457" i="9" s="1"/>
  <c r="O3459" i="8"/>
  <c r="I3457" i="9" s="1"/>
  <c r="J3460" i="8"/>
  <c r="F3458" i="9" s="1"/>
  <c r="L3460" i="8"/>
  <c r="N3460" i="8"/>
  <c r="H3458" i="9" s="1"/>
  <c r="O3460" i="8"/>
  <c r="I3458" i="9" s="1"/>
  <c r="J3461" i="8"/>
  <c r="F3459" i="9" s="1"/>
  <c r="L3461" i="8"/>
  <c r="N3461" i="8"/>
  <c r="H3459" i="9" s="1"/>
  <c r="O3461" i="8"/>
  <c r="I3459" i="9" s="1"/>
  <c r="J3462" i="8"/>
  <c r="F3460" i="9" s="1"/>
  <c r="L3462" i="8"/>
  <c r="N3462" i="8"/>
  <c r="H3460" i="9" s="1"/>
  <c r="O3462" i="8"/>
  <c r="I3460" i="9" s="1"/>
  <c r="J3463" i="8"/>
  <c r="F3461" i="9" s="1"/>
  <c r="L3463" i="8"/>
  <c r="N3463" i="8"/>
  <c r="H3461" i="9" s="1"/>
  <c r="O3463" i="8"/>
  <c r="I3461" i="9" s="1"/>
  <c r="J3464" i="8"/>
  <c r="F3462" i="9" s="1"/>
  <c r="L3464" i="8"/>
  <c r="N3464" i="8"/>
  <c r="H3462" i="9" s="1"/>
  <c r="O3464" i="8"/>
  <c r="I3462" i="9" s="1"/>
  <c r="J3465" i="8"/>
  <c r="F3463" i="9" s="1"/>
  <c r="L3465" i="8"/>
  <c r="N3465" i="8"/>
  <c r="H3463" i="9" s="1"/>
  <c r="O3465" i="8"/>
  <c r="I3463" i="9" s="1"/>
  <c r="J3466" i="8"/>
  <c r="F3464" i="9" s="1"/>
  <c r="L3466" i="8"/>
  <c r="N3466" i="8"/>
  <c r="H3464" i="9" s="1"/>
  <c r="O3466" i="8"/>
  <c r="I3464" i="9" s="1"/>
  <c r="J3467" i="8"/>
  <c r="F3465" i="9" s="1"/>
  <c r="L3467" i="8"/>
  <c r="N3467" i="8"/>
  <c r="H3465" i="9" s="1"/>
  <c r="O3467" i="8"/>
  <c r="I3465" i="9" s="1"/>
  <c r="J3468" i="8"/>
  <c r="F3466" i="9" s="1"/>
  <c r="L3468" i="8"/>
  <c r="N3468" i="8"/>
  <c r="H3466" i="9" s="1"/>
  <c r="O3468" i="8"/>
  <c r="I3466" i="9" s="1"/>
  <c r="J3469" i="8"/>
  <c r="F3467" i="9" s="1"/>
  <c r="L3469" i="8"/>
  <c r="N3469" i="8"/>
  <c r="H3467" i="9" s="1"/>
  <c r="O3469" i="8"/>
  <c r="I3467" i="9" s="1"/>
  <c r="J3470" i="8"/>
  <c r="F3468" i="9" s="1"/>
  <c r="L3470" i="8"/>
  <c r="N3470" i="8"/>
  <c r="H3468" i="9" s="1"/>
  <c r="O3470" i="8"/>
  <c r="I3468" i="9" s="1"/>
  <c r="J3471" i="8"/>
  <c r="F3469" i="9" s="1"/>
  <c r="L3471" i="8"/>
  <c r="N3471" i="8"/>
  <c r="H3469" i="9" s="1"/>
  <c r="O3471" i="8"/>
  <c r="I3469" i="9" s="1"/>
  <c r="J3472" i="8"/>
  <c r="F3470" i="9" s="1"/>
  <c r="L3472" i="8"/>
  <c r="N3472" i="8"/>
  <c r="H3470" i="9" s="1"/>
  <c r="O3472" i="8"/>
  <c r="I3470" i="9" s="1"/>
  <c r="J3473" i="8"/>
  <c r="F3471" i="9" s="1"/>
  <c r="L3473" i="8"/>
  <c r="N3473" i="8"/>
  <c r="H3471" i="9" s="1"/>
  <c r="O3473" i="8"/>
  <c r="I3471" i="9" s="1"/>
  <c r="J3474" i="8"/>
  <c r="F3472" i="9" s="1"/>
  <c r="L3474" i="8"/>
  <c r="N3474" i="8"/>
  <c r="H3472" i="9" s="1"/>
  <c r="O3474" i="8"/>
  <c r="I3472" i="9" s="1"/>
  <c r="J3475" i="8"/>
  <c r="F3473" i="9" s="1"/>
  <c r="L3475" i="8"/>
  <c r="N3475" i="8"/>
  <c r="H3473" i="9" s="1"/>
  <c r="O3475" i="8"/>
  <c r="I3473" i="9" s="1"/>
  <c r="J3476" i="8"/>
  <c r="F3474" i="9" s="1"/>
  <c r="L3476" i="8"/>
  <c r="N3476" i="8"/>
  <c r="H3474" i="9" s="1"/>
  <c r="O3476" i="8"/>
  <c r="I3474" i="9" s="1"/>
  <c r="J3477" i="8"/>
  <c r="F3475" i="9" s="1"/>
  <c r="L3477" i="8"/>
  <c r="N3477" i="8"/>
  <c r="H3475" i="9" s="1"/>
  <c r="O3477" i="8"/>
  <c r="I3475" i="9" s="1"/>
  <c r="J3478" i="8"/>
  <c r="F3476" i="9" s="1"/>
  <c r="L3478" i="8"/>
  <c r="N3478" i="8"/>
  <c r="H3476" i="9" s="1"/>
  <c r="O3478" i="8"/>
  <c r="I3476" i="9" s="1"/>
  <c r="J3479" i="8"/>
  <c r="F3477" i="9" s="1"/>
  <c r="L3479" i="8"/>
  <c r="N3479" i="8"/>
  <c r="H3477" i="9" s="1"/>
  <c r="O3479" i="8"/>
  <c r="I3477" i="9" s="1"/>
  <c r="J3480" i="8"/>
  <c r="F3478" i="9" s="1"/>
  <c r="L3480" i="8"/>
  <c r="N3480" i="8"/>
  <c r="H3478" i="9" s="1"/>
  <c r="O3480" i="8"/>
  <c r="I3478" i="9" s="1"/>
  <c r="J3481" i="8"/>
  <c r="F3479" i="9" s="1"/>
  <c r="L3481" i="8"/>
  <c r="N3481" i="8"/>
  <c r="H3479" i="9" s="1"/>
  <c r="O3481" i="8"/>
  <c r="I3479" i="9" s="1"/>
  <c r="J3482" i="8"/>
  <c r="F3480" i="9" s="1"/>
  <c r="L3482" i="8"/>
  <c r="N3482" i="8"/>
  <c r="H3480" i="9" s="1"/>
  <c r="O3482" i="8"/>
  <c r="I3480" i="9" s="1"/>
  <c r="J3483" i="8"/>
  <c r="F3481" i="9" s="1"/>
  <c r="L3483" i="8"/>
  <c r="N3483" i="8"/>
  <c r="H3481" i="9" s="1"/>
  <c r="O3483" i="8"/>
  <c r="I3481" i="9" s="1"/>
  <c r="J3484" i="8"/>
  <c r="F3482" i="9" s="1"/>
  <c r="L3484" i="8"/>
  <c r="N3484" i="8"/>
  <c r="H3482" i="9" s="1"/>
  <c r="O3484" i="8"/>
  <c r="I3482" i="9" s="1"/>
  <c r="J3485" i="8"/>
  <c r="F3483" i="9" s="1"/>
  <c r="L3485" i="8"/>
  <c r="N3485" i="8"/>
  <c r="H3483" i="9" s="1"/>
  <c r="O3485" i="8"/>
  <c r="I3483" i="9" s="1"/>
  <c r="J3486" i="8"/>
  <c r="F3484" i="9" s="1"/>
  <c r="L3486" i="8"/>
  <c r="N3486" i="8"/>
  <c r="H3484" i="9" s="1"/>
  <c r="O3486" i="8"/>
  <c r="I3484" i="9" s="1"/>
  <c r="J3487" i="8"/>
  <c r="F3485" i="9" s="1"/>
  <c r="L3487" i="8"/>
  <c r="N3487" i="8"/>
  <c r="H3485" i="9" s="1"/>
  <c r="O3487" i="8"/>
  <c r="I3485" i="9" s="1"/>
  <c r="J3488" i="8"/>
  <c r="F3486" i="9" s="1"/>
  <c r="L3488" i="8"/>
  <c r="N3488" i="8"/>
  <c r="H3486" i="9" s="1"/>
  <c r="O3488" i="8"/>
  <c r="I3486" i="9" s="1"/>
  <c r="J3489" i="8"/>
  <c r="F3487" i="9" s="1"/>
  <c r="L3489" i="8"/>
  <c r="N3489" i="8"/>
  <c r="H3487" i="9" s="1"/>
  <c r="O3489" i="8"/>
  <c r="I3487" i="9" s="1"/>
  <c r="J3490" i="8"/>
  <c r="F3488" i="9" s="1"/>
  <c r="L3490" i="8"/>
  <c r="N3490" i="8"/>
  <c r="H3488" i="9" s="1"/>
  <c r="O3490" i="8"/>
  <c r="I3488" i="9" s="1"/>
  <c r="J3491" i="8"/>
  <c r="F3489" i="9" s="1"/>
  <c r="L3491" i="8"/>
  <c r="N3491" i="8"/>
  <c r="H3489" i="9" s="1"/>
  <c r="O3491" i="8"/>
  <c r="I3489" i="9" s="1"/>
  <c r="J3492" i="8"/>
  <c r="F3490" i="9" s="1"/>
  <c r="L3492" i="8"/>
  <c r="N3492" i="8"/>
  <c r="H3490" i="9" s="1"/>
  <c r="O3492" i="8"/>
  <c r="I3490" i="9" s="1"/>
  <c r="J3493" i="8"/>
  <c r="F3491" i="9" s="1"/>
  <c r="L3493" i="8"/>
  <c r="N3493" i="8"/>
  <c r="H3491" i="9" s="1"/>
  <c r="O3493" i="8"/>
  <c r="I3491" i="9" s="1"/>
  <c r="J3494" i="8"/>
  <c r="F3492" i="9" s="1"/>
  <c r="L3494" i="8"/>
  <c r="N3494" i="8"/>
  <c r="H3492" i="9" s="1"/>
  <c r="O3494" i="8"/>
  <c r="I3492" i="9" s="1"/>
  <c r="J3495" i="8"/>
  <c r="F3493" i="9" s="1"/>
  <c r="L3495" i="8"/>
  <c r="N3495" i="8"/>
  <c r="H3493" i="9" s="1"/>
  <c r="O3495" i="8"/>
  <c r="I3493" i="9" s="1"/>
  <c r="J3496" i="8"/>
  <c r="F3494" i="9" s="1"/>
  <c r="L3496" i="8"/>
  <c r="N3496" i="8"/>
  <c r="H3494" i="9" s="1"/>
  <c r="O3496" i="8"/>
  <c r="I3494" i="9" s="1"/>
  <c r="J3497" i="8"/>
  <c r="F3495" i="9" s="1"/>
  <c r="L3497" i="8"/>
  <c r="N3497" i="8"/>
  <c r="H3495" i="9" s="1"/>
  <c r="O3497" i="8"/>
  <c r="I3495" i="9" s="1"/>
  <c r="J3498" i="8"/>
  <c r="F3496" i="9" s="1"/>
  <c r="L3498" i="8"/>
  <c r="N3498" i="8"/>
  <c r="H3496" i="9" s="1"/>
  <c r="O3498" i="8"/>
  <c r="I3496" i="9" s="1"/>
  <c r="J3499" i="8"/>
  <c r="F3497" i="9" s="1"/>
  <c r="L3499" i="8"/>
  <c r="N3499" i="8"/>
  <c r="H3497" i="9" s="1"/>
  <c r="O3499" i="8"/>
  <c r="I3497" i="9" s="1"/>
  <c r="J3500" i="8"/>
  <c r="F3498" i="9" s="1"/>
  <c r="L3500" i="8"/>
  <c r="N3500" i="8"/>
  <c r="H3498" i="9" s="1"/>
  <c r="O3500" i="8"/>
  <c r="I3498" i="9" s="1"/>
  <c r="J3501" i="8"/>
  <c r="F3499" i="9" s="1"/>
  <c r="L3501" i="8"/>
  <c r="N3501" i="8"/>
  <c r="H3499" i="9" s="1"/>
  <c r="O3501" i="8"/>
  <c r="I3499" i="9" s="1"/>
  <c r="J3502" i="8"/>
  <c r="F3500" i="9" s="1"/>
  <c r="L3502" i="8"/>
  <c r="N3502" i="8"/>
  <c r="H3500" i="9" s="1"/>
  <c r="O3502" i="8"/>
  <c r="I3500" i="9" s="1"/>
  <c r="J3503" i="8"/>
  <c r="F3501" i="9" s="1"/>
  <c r="L3503" i="8"/>
  <c r="N3503" i="8"/>
  <c r="H3501" i="9" s="1"/>
  <c r="O3503" i="8"/>
  <c r="I3501" i="9" s="1"/>
  <c r="J3504" i="8"/>
  <c r="F3502" i="9" s="1"/>
  <c r="L3504" i="8"/>
  <c r="N3504" i="8"/>
  <c r="H3502" i="9" s="1"/>
  <c r="O3504" i="8"/>
  <c r="I3502" i="9" s="1"/>
  <c r="J3505" i="8"/>
  <c r="F3503" i="9" s="1"/>
  <c r="L3505" i="8"/>
  <c r="N3505" i="8"/>
  <c r="H3503" i="9" s="1"/>
  <c r="O3505" i="8"/>
  <c r="I3503" i="9" s="1"/>
  <c r="J3506" i="8"/>
  <c r="F3504" i="9" s="1"/>
  <c r="L3506" i="8"/>
  <c r="N3506" i="8"/>
  <c r="H3504" i="9" s="1"/>
  <c r="O3506" i="8"/>
  <c r="I3504" i="9" s="1"/>
  <c r="N7" i="8"/>
  <c r="O7" i="8" s="1"/>
  <c r="L7" i="8"/>
  <c r="J7" i="8"/>
  <c r="H6" i="9" l="1"/>
  <c r="A2" i="7" l="1"/>
  <c r="B5" i="9" l="1"/>
  <c r="B6" i="9"/>
  <c r="B7" i="9"/>
  <c r="B8" i="9"/>
  <c r="B9" i="9"/>
  <c r="B10" i="9"/>
  <c r="B11" i="9"/>
  <c r="B12" i="9"/>
  <c r="B13" i="9"/>
  <c r="B14" i="9"/>
  <c r="B15" i="9"/>
  <c r="B16" i="9"/>
  <c r="B17" i="9"/>
  <c r="B18" i="9"/>
  <c r="B19" i="9"/>
  <c r="B20" i="9"/>
  <c r="B21" i="9"/>
  <c r="B22" i="9"/>
  <c r="B23" i="9"/>
  <c r="B24" i="9"/>
  <c r="B25" i="9"/>
  <c r="B26" i="9"/>
  <c r="B27" i="9"/>
  <c r="B28" i="9"/>
  <c r="B29" i="9"/>
  <c r="B30" i="9"/>
  <c r="B31" i="9"/>
  <c r="B32" i="9"/>
  <c r="B33" i="9"/>
  <c r="B34" i="9"/>
  <c r="B35" i="9"/>
  <c r="B36" i="9"/>
  <c r="B37" i="9"/>
  <c r="B38" i="9"/>
  <c r="B39" i="9"/>
  <c r="B40" i="9"/>
  <c r="B41" i="9"/>
  <c r="B42" i="9"/>
  <c r="B43" i="9"/>
  <c r="B44" i="9"/>
  <c r="B45" i="9"/>
  <c r="B46" i="9"/>
  <c r="B47" i="9"/>
  <c r="B48" i="9"/>
  <c r="B49" i="9"/>
  <c r="B50" i="9"/>
  <c r="B51" i="9"/>
  <c r="B52" i="9"/>
  <c r="B53" i="9"/>
  <c r="B54" i="9"/>
  <c r="B4" i="9"/>
  <c r="C5" i="9" l="1"/>
  <c r="D5" i="9"/>
  <c r="E5" i="9"/>
  <c r="G5" i="9"/>
  <c r="J5" i="9"/>
  <c r="C6" i="9"/>
  <c r="D6" i="9"/>
  <c r="E6" i="9"/>
  <c r="G6" i="9"/>
  <c r="J6" i="9"/>
  <c r="C7" i="9"/>
  <c r="D7" i="9"/>
  <c r="E7" i="9"/>
  <c r="G7" i="9"/>
  <c r="J7" i="9"/>
  <c r="C8" i="9"/>
  <c r="D8" i="9"/>
  <c r="E8" i="9"/>
  <c r="G8" i="9"/>
  <c r="J8" i="9"/>
  <c r="C9" i="9"/>
  <c r="D9" i="9"/>
  <c r="E9" i="9"/>
  <c r="G9" i="9"/>
  <c r="J9" i="9"/>
  <c r="C10" i="9"/>
  <c r="D10" i="9"/>
  <c r="E10" i="9"/>
  <c r="G10" i="9"/>
  <c r="J10" i="9"/>
  <c r="C11" i="9"/>
  <c r="D11" i="9"/>
  <c r="E11" i="9"/>
  <c r="G11" i="9"/>
  <c r="J11" i="9"/>
  <c r="C12" i="9"/>
  <c r="D12" i="9"/>
  <c r="E12" i="9"/>
  <c r="G12" i="9"/>
  <c r="J12" i="9"/>
  <c r="C13" i="9"/>
  <c r="D13" i="9"/>
  <c r="E13" i="9"/>
  <c r="G13" i="9"/>
  <c r="J13" i="9"/>
  <c r="C14" i="9"/>
  <c r="D14" i="9"/>
  <c r="E14" i="9"/>
  <c r="G14" i="9"/>
  <c r="J14" i="9"/>
  <c r="C15" i="9"/>
  <c r="D15" i="9"/>
  <c r="E15" i="9"/>
  <c r="G15" i="9"/>
  <c r="J15" i="9"/>
  <c r="C16" i="9"/>
  <c r="D16" i="9"/>
  <c r="E16" i="9"/>
  <c r="G16" i="9"/>
  <c r="J16" i="9"/>
  <c r="C17" i="9"/>
  <c r="D17" i="9"/>
  <c r="E17" i="9"/>
  <c r="G17" i="9"/>
  <c r="J17" i="9"/>
  <c r="C18" i="9"/>
  <c r="D18" i="9"/>
  <c r="E18" i="9"/>
  <c r="G18" i="9"/>
  <c r="J18" i="9"/>
  <c r="C19" i="9"/>
  <c r="D19" i="9"/>
  <c r="E19" i="9"/>
  <c r="G19" i="9"/>
  <c r="J19" i="9"/>
  <c r="C20" i="9"/>
  <c r="D20" i="9"/>
  <c r="E20" i="9"/>
  <c r="G20" i="9"/>
  <c r="J20" i="9"/>
  <c r="C21" i="9"/>
  <c r="D21" i="9"/>
  <c r="E21" i="9"/>
  <c r="G21" i="9"/>
  <c r="J21" i="9"/>
  <c r="C22" i="9"/>
  <c r="D22" i="9"/>
  <c r="E22" i="9"/>
  <c r="G22" i="9"/>
  <c r="J22" i="9"/>
  <c r="C23" i="9"/>
  <c r="D23" i="9"/>
  <c r="E23" i="9"/>
  <c r="G23" i="9"/>
  <c r="J23" i="9"/>
  <c r="C24" i="9"/>
  <c r="D24" i="9"/>
  <c r="E24" i="9"/>
  <c r="G24" i="9"/>
  <c r="J24" i="9"/>
  <c r="C25" i="9"/>
  <c r="D25" i="9"/>
  <c r="E25" i="9"/>
  <c r="G25" i="9"/>
  <c r="J25" i="9"/>
  <c r="C26" i="9"/>
  <c r="D26" i="9"/>
  <c r="E26" i="9"/>
  <c r="G26" i="9"/>
  <c r="J26" i="9"/>
  <c r="C27" i="9"/>
  <c r="D27" i="9"/>
  <c r="E27" i="9"/>
  <c r="G27" i="9"/>
  <c r="J27" i="9"/>
  <c r="C28" i="9"/>
  <c r="D28" i="9"/>
  <c r="E28" i="9"/>
  <c r="G28" i="9"/>
  <c r="J28" i="9"/>
  <c r="C29" i="9"/>
  <c r="D29" i="9"/>
  <c r="E29" i="9"/>
  <c r="G29" i="9"/>
  <c r="J29" i="9"/>
  <c r="C30" i="9"/>
  <c r="D30" i="9"/>
  <c r="E30" i="9"/>
  <c r="G30" i="9"/>
  <c r="J30" i="9"/>
  <c r="C31" i="9"/>
  <c r="D31" i="9"/>
  <c r="E31" i="9"/>
  <c r="G31" i="9"/>
  <c r="J31" i="9"/>
  <c r="C32" i="9"/>
  <c r="D32" i="9"/>
  <c r="E32" i="9"/>
  <c r="G32" i="9"/>
  <c r="J32" i="9"/>
  <c r="C33" i="9"/>
  <c r="D33" i="9"/>
  <c r="E33" i="9"/>
  <c r="G33" i="9"/>
  <c r="J33" i="9"/>
  <c r="C34" i="9"/>
  <c r="D34" i="9"/>
  <c r="E34" i="9"/>
  <c r="G34" i="9"/>
  <c r="J34" i="9"/>
  <c r="C35" i="9"/>
  <c r="D35" i="9"/>
  <c r="E35" i="9"/>
  <c r="G35" i="9"/>
  <c r="J35" i="9"/>
  <c r="C36" i="9"/>
  <c r="D36" i="9"/>
  <c r="E36" i="9"/>
  <c r="G36" i="9"/>
  <c r="J36" i="9"/>
  <c r="C37" i="9"/>
  <c r="D37" i="9"/>
  <c r="E37" i="9"/>
  <c r="G37" i="9"/>
  <c r="J37" i="9"/>
  <c r="C38" i="9"/>
  <c r="D38" i="9"/>
  <c r="E38" i="9"/>
  <c r="G38" i="9"/>
  <c r="J38" i="9"/>
  <c r="C39" i="9"/>
  <c r="D39" i="9"/>
  <c r="E39" i="9"/>
  <c r="G39" i="9"/>
  <c r="J39" i="9"/>
  <c r="C40" i="9"/>
  <c r="D40" i="9"/>
  <c r="E40" i="9"/>
  <c r="G40" i="9"/>
  <c r="J40" i="9"/>
  <c r="C41" i="9"/>
  <c r="D41" i="9"/>
  <c r="E41" i="9"/>
  <c r="G41" i="9"/>
  <c r="J41" i="9"/>
  <c r="C42" i="9"/>
  <c r="D42" i="9"/>
  <c r="E42" i="9"/>
  <c r="G42" i="9"/>
  <c r="J42" i="9"/>
  <c r="C43" i="9"/>
  <c r="D43" i="9"/>
  <c r="E43" i="9"/>
  <c r="G43" i="9"/>
  <c r="J43" i="9"/>
  <c r="C44" i="9"/>
  <c r="D44" i="9"/>
  <c r="E44" i="9"/>
  <c r="G44" i="9"/>
  <c r="J44" i="9"/>
  <c r="C45" i="9"/>
  <c r="D45" i="9"/>
  <c r="E45" i="9"/>
  <c r="G45" i="9"/>
  <c r="J45" i="9"/>
  <c r="C46" i="9"/>
  <c r="D46" i="9"/>
  <c r="E46" i="9"/>
  <c r="G46" i="9"/>
  <c r="J46" i="9"/>
  <c r="C47" i="9"/>
  <c r="D47" i="9"/>
  <c r="E47" i="9"/>
  <c r="G47" i="9"/>
  <c r="J47" i="9"/>
  <c r="C48" i="9"/>
  <c r="D48" i="9"/>
  <c r="E48" i="9"/>
  <c r="G48" i="9"/>
  <c r="J48" i="9"/>
  <c r="C49" i="9"/>
  <c r="D49" i="9"/>
  <c r="E49" i="9"/>
  <c r="G49" i="9"/>
  <c r="J49" i="9"/>
  <c r="C50" i="9"/>
  <c r="D50" i="9"/>
  <c r="E50" i="9"/>
  <c r="G50" i="9"/>
  <c r="J50" i="9"/>
  <c r="C51" i="9"/>
  <c r="D51" i="9"/>
  <c r="E51" i="9"/>
  <c r="G51" i="9"/>
  <c r="J51" i="9"/>
  <c r="C52" i="9"/>
  <c r="D52" i="9"/>
  <c r="E52" i="9"/>
  <c r="G52" i="9"/>
  <c r="J52" i="9"/>
  <c r="C53" i="9"/>
  <c r="D53" i="9"/>
  <c r="E53" i="9"/>
  <c r="G53" i="9"/>
  <c r="J53" i="9"/>
  <c r="C54" i="9"/>
  <c r="D54" i="9"/>
  <c r="E54" i="9"/>
  <c r="G54" i="9"/>
  <c r="J54" i="9"/>
  <c r="J4" i="9"/>
  <c r="G4" i="9"/>
  <c r="H7" i="9" l="1"/>
  <c r="H8" i="9"/>
  <c r="H9" i="9"/>
  <c r="H10" i="9"/>
  <c r="H11" i="9"/>
  <c r="H12" i="9"/>
  <c r="H13" i="9"/>
  <c r="H14" i="9"/>
  <c r="H15" i="9"/>
  <c r="H16" i="9"/>
  <c r="H17" i="9"/>
  <c r="H18" i="9"/>
  <c r="H19" i="9"/>
  <c r="H20" i="9"/>
  <c r="H21" i="9"/>
  <c r="H22" i="9"/>
  <c r="H23" i="9"/>
  <c r="H24" i="9"/>
  <c r="H25" i="9"/>
  <c r="H26" i="9"/>
  <c r="H27" i="9"/>
  <c r="H28" i="9"/>
  <c r="H29" i="9"/>
  <c r="H30" i="9"/>
  <c r="H31" i="9"/>
  <c r="H32" i="9"/>
  <c r="H33" i="9"/>
  <c r="H34" i="9"/>
  <c r="H35" i="9"/>
  <c r="H36" i="9"/>
  <c r="H37" i="9"/>
  <c r="H38" i="9"/>
  <c r="H39" i="9"/>
  <c r="H40" i="9"/>
  <c r="H41" i="9"/>
  <c r="H42" i="9"/>
  <c r="H43" i="9"/>
  <c r="H44" i="9"/>
  <c r="H45" i="9"/>
  <c r="H46" i="9"/>
  <c r="H47" i="9"/>
  <c r="H48" i="9"/>
  <c r="H49" i="9"/>
  <c r="H50" i="9"/>
  <c r="H51" i="9"/>
  <c r="H52" i="9"/>
  <c r="H53" i="9"/>
  <c r="H54" i="9"/>
  <c r="H5" i="9"/>
  <c r="L5" i="8" l="1"/>
  <c r="I5" i="9"/>
  <c r="I6" i="9"/>
  <c r="I7" i="9"/>
  <c r="I8" i="9"/>
  <c r="I9" i="9"/>
  <c r="I10" i="9"/>
  <c r="I11" i="9"/>
  <c r="I12" i="9"/>
  <c r="I13" i="9"/>
  <c r="I14" i="9"/>
  <c r="I15" i="9"/>
  <c r="I16" i="9"/>
  <c r="I17" i="9"/>
  <c r="I18" i="9"/>
  <c r="I19" i="9"/>
  <c r="I20" i="9"/>
  <c r="I21" i="9"/>
  <c r="I22" i="9"/>
  <c r="I23" i="9"/>
  <c r="I24" i="9"/>
  <c r="I25" i="9"/>
  <c r="I26" i="9"/>
  <c r="I27" i="9"/>
  <c r="I28" i="9"/>
  <c r="I29" i="9"/>
  <c r="I30" i="9"/>
  <c r="I31" i="9"/>
  <c r="I32" i="9"/>
  <c r="I33" i="9"/>
  <c r="I34" i="9"/>
  <c r="I35" i="9"/>
  <c r="I36" i="9"/>
  <c r="I37" i="9"/>
  <c r="I38" i="9"/>
  <c r="I39" i="9"/>
  <c r="I40" i="9"/>
  <c r="I41" i="9"/>
  <c r="I42" i="9"/>
  <c r="I43" i="9"/>
  <c r="I44" i="9"/>
  <c r="I45" i="9"/>
  <c r="I46" i="9"/>
  <c r="I47" i="9"/>
  <c r="I48" i="9"/>
  <c r="I49" i="9"/>
  <c r="I50" i="9"/>
  <c r="I51" i="9"/>
  <c r="I52" i="9"/>
  <c r="I53" i="9"/>
  <c r="I54" i="9"/>
  <c r="AE6" i="8"/>
  <c r="AD6" i="8"/>
  <c r="AC6" i="8"/>
  <c r="AB6" i="8"/>
  <c r="AA6" i="8"/>
  <c r="Z6" i="8"/>
  <c r="G6" i="8"/>
  <c r="F6" i="8"/>
  <c r="E6" i="8"/>
  <c r="C6" i="8"/>
  <c r="M6" i="8" l="1"/>
  <c r="L6" i="8"/>
  <c r="F54" i="9"/>
  <c r="F52" i="9"/>
  <c r="F50" i="9"/>
  <c r="F48" i="9"/>
  <c r="F46" i="9"/>
  <c r="F44" i="9"/>
  <c r="F42" i="9"/>
  <c r="F40" i="9"/>
  <c r="F38" i="9"/>
  <c r="F36" i="9"/>
  <c r="F34" i="9"/>
  <c r="F32" i="9"/>
  <c r="F30" i="9"/>
  <c r="F28" i="9"/>
  <c r="F26" i="9"/>
  <c r="F24" i="9"/>
  <c r="F22" i="9"/>
  <c r="F20" i="9"/>
  <c r="F18" i="9"/>
  <c r="F16" i="9"/>
  <c r="F14" i="9"/>
  <c r="F12" i="9"/>
  <c r="F10" i="9"/>
  <c r="F8" i="9"/>
  <c r="F6" i="9"/>
  <c r="F53" i="9"/>
  <c r="F51" i="9"/>
  <c r="F49" i="9"/>
  <c r="F47" i="9"/>
  <c r="F45" i="9"/>
  <c r="F43" i="9"/>
  <c r="F41" i="9"/>
  <c r="F39" i="9"/>
  <c r="F37" i="9"/>
  <c r="F35" i="9"/>
  <c r="F33" i="9"/>
  <c r="F31" i="9"/>
  <c r="F29" i="9"/>
  <c r="F27" i="9"/>
  <c r="F25" i="9"/>
  <c r="F23" i="9"/>
  <c r="F21" i="9"/>
  <c r="F19" i="9"/>
  <c r="F17" i="9"/>
  <c r="F15" i="9"/>
  <c r="F13" i="9"/>
  <c r="F11" i="9"/>
  <c r="F9" i="9"/>
  <c r="F7" i="9"/>
  <c r="F5" i="9"/>
  <c r="J6" i="8"/>
  <c r="N6" i="8"/>
  <c r="H6" i="8"/>
  <c r="D6" i="8"/>
  <c r="B6" i="8"/>
  <c r="E4" i="9" l="1"/>
  <c r="D4" i="9"/>
  <c r="O6" i="8"/>
  <c r="I4" i="9" s="1"/>
  <c r="H4" i="9"/>
  <c r="C4" i="9"/>
  <c r="F4" i="9"/>
</calcChain>
</file>

<file path=xl/sharedStrings.xml><?xml version="1.0" encoding="utf-8"?>
<sst xmlns="http://schemas.openxmlformats.org/spreadsheetml/2006/main" count="42320" uniqueCount="7139">
  <si>
    <t>北海道</t>
  </si>
  <si>
    <t>札幌市</t>
  </si>
  <si>
    <t>函館市</t>
  </si>
  <si>
    <t>小樽市</t>
  </si>
  <si>
    <t>旭川市</t>
  </si>
  <si>
    <t>室蘭市</t>
  </si>
  <si>
    <t>釧路市</t>
  </si>
  <si>
    <t>帯広市</t>
  </si>
  <si>
    <t>北見市</t>
  </si>
  <si>
    <t>夕張市</t>
  </si>
  <si>
    <t>岩見沢市</t>
  </si>
  <si>
    <t>網走市</t>
  </si>
  <si>
    <t>留萌市</t>
  </si>
  <si>
    <t>苫小牧市</t>
  </si>
  <si>
    <t>稚内市</t>
  </si>
  <si>
    <t>美唄市</t>
  </si>
  <si>
    <t>芦別市</t>
  </si>
  <si>
    <t>江別市</t>
  </si>
  <si>
    <t>赤平市</t>
  </si>
  <si>
    <t>紋別市</t>
  </si>
  <si>
    <t>士別市</t>
  </si>
  <si>
    <t>名寄市</t>
  </si>
  <si>
    <t>三笠市</t>
  </si>
  <si>
    <t>根室市</t>
  </si>
  <si>
    <t>千歳市</t>
  </si>
  <si>
    <t>滝川市</t>
  </si>
  <si>
    <t>砂川市</t>
  </si>
  <si>
    <t>歌志内市</t>
  </si>
  <si>
    <t>深川市</t>
  </si>
  <si>
    <t>富良野市</t>
  </si>
  <si>
    <t>登別市</t>
  </si>
  <si>
    <t>恵庭市</t>
  </si>
  <si>
    <t>伊達市</t>
  </si>
  <si>
    <t>北広島市</t>
  </si>
  <si>
    <t>石狩市</t>
  </si>
  <si>
    <t>北斗市</t>
  </si>
  <si>
    <t>当別町</t>
  </si>
  <si>
    <t>新篠津村</t>
  </si>
  <si>
    <t>松前町</t>
  </si>
  <si>
    <t>福島町</t>
  </si>
  <si>
    <t>知内町</t>
  </si>
  <si>
    <t>木古内町</t>
  </si>
  <si>
    <t>七飯町</t>
  </si>
  <si>
    <t>鹿部町</t>
  </si>
  <si>
    <t>森町</t>
  </si>
  <si>
    <t>八雲町</t>
  </si>
  <si>
    <t>長万部町</t>
  </si>
  <si>
    <t>江差町</t>
  </si>
  <si>
    <t>上ノ国町</t>
  </si>
  <si>
    <t>厚沢部町</t>
  </si>
  <si>
    <t>乙部町</t>
  </si>
  <si>
    <t>奥尻町</t>
  </si>
  <si>
    <t>今金町</t>
  </si>
  <si>
    <t>せたな町</t>
  </si>
  <si>
    <t>島牧村</t>
  </si>
  <si>
    <t>寿都町</t>
  </si>
  <si>
    <t>黒松内町</t>
  </si>
  <si>
    <t>蘭越町</t>
  </si>
  <si>
    <t>ニセコ町</t>
  </si>
  <si>
    <t>真狩村</t>
  </si>
  <si>
    <t>留寿都村</t>
  </si>
  <si>
    <t>喜茂別町</t>
  </si>
  <si>
    <t>京極町</t>
  </si>
  <si>
    <t>倶知安町</t>
  </si>
  <si>
    <t>共和町</t>
  </si>
  <si>
    <t>岩内町</t>
  </si>
  <si>
    <t>泊村</t>
  </si>
  <si>
    <t>神恵内村</t>
  </si>
  <si>
    <t>積丹町</t>
  </si>
  <si>
    <t>古平町</t>
  </si>
  <si>
    <t>仁木町</t>
  </si>
  <si>
    <t>余市町</t>
  </si>
  <si>
    <t>赤井川村</t>
  </si>
  <si>
    <t>南幌町</t>
  </si>
  <si>
    <t>奈井江町</t>
  </si>
  <si>
    <t>上砂川町</t>
  </si>
  <si>
    <t>由仁町</t>
  </si>
  <si>
    <t>長沼町</t>
  </si>
  <si>
    <t>栗山町</t>
  </si>
  <si>
    <t>月形町</t>
  </si>
  <si>
    <t>浦臼町</t>
  </si>
  <si>
    <t>新十津川町</t>
  </si>
  <si>
    <t>妹背牛町</t>
  </si>
  <si>
    <t>秩父別町</t>
  </si>
  <si>
    <t>雨竜町</t>
  </si>
  <si>
    <t>北竜町</t>
  </si>
  <si>
    <t>沼田町</t>
  </si>
  <si>
    <t>鷹栖町</t>
  </si>
  <si>
    <t>東神楽町</t>
  </si>
  <si>
    <t>当麻町</t>
  </si>
  <si>
    <t>比布町</t>
  </si>
  <si>
    <t>愛別町</t>
  </si>
  <si>
    <t>上川町</t>
  </si>
  <si>
    <t>東川町</t>
  </si>
  <si>
    <t>美瑛町</t>
  </si>
  <si>
    <t>上富良野町</t>
  </si>
  <si>
    <t>中富良野町</t>
  </si>
  <si>
    <t>南富良野町</t>
  </si>
  <si>
    <t>占冠村</t>
  </si>
  <si>
    <t>和寒町</t>
  </si>
  <si>
    <t>剣淵町</t>
  </si>
  <si>
    <t>下川町</t>
  </si>
  <si>
    <t>美深町</t>
  </si>
  <si>
    <t>音威子府村</t>
  </si>
  <si>
    <t>中川町</t>
  </si>
  <si>
    <t>幌加内町</t>
  </si>
  <si>
    <t>増毛町</t>
  </si>
  <si>
    <t>小平町</t>
  </si>
  <si>
    <t>苫前町</t>
  </si>
  <si>
    <t>羽幌町</t>
  </si>
  <si>
    <t>初山別村</t>
  </si>
  <si>
    <t>遠別町</t>
  </si>
  <si>
    <t>天塩町</t>
  </si>
  <si>
    <t>猿払村</t>
  </si>
  <si>
    <t>浜頓別町</t>
  </si>
  <si>
    <t>中頓別町</t>
  </si>
  <si>
    <t>枝幸町</t>
  </si>
  <si>
    <t>豊富町</t>
  </si>
  <si>
    <t>礼文町</t>
  </si>
  <si>
    <t>利尻町</t>
  </si>
  <si>
    <t>利尻富士町</t>
  </si>
  <si>
    <t>幌延町</t>
  </si>
  <si>
    <t>美幌町</t>
  </si>
  <si>
    <t>津別町</t>
  </si>
  <si>
    <t>斜里町</t>
  </si>
  <si>
    <t>清里町</t>
  </si>
  <si>
    <t>小清水町</t>
  </si>
  <si>
    <t>訓子府町</t>
  </si>
  <si>
    <t>置戸町</t>
  </si>
  <si>
    <t>佐呂間町</t>
  </si>
  <si>
    <t>遠軽町</t>
  </si>
  <si>
    <t>湧別町</t>
  </si>
  <si>
    <t>滝上町</t>
  </si>
  <si>
    <t>興部町</t>
  </si>
  <si>
    <t>西興部村</t>
  </si>
  <si>
    <t>雄武町</t>
  </si>
  <si>
    <t>大空町</t>
  </si>
  <si>
    <t>豊浦町</t>
  </si>
  <si>
    <t>壮瞥町</t>
  </si>
  <si>
    <t>白老町</t>
  </si>
  <si>
    <t>厚真町</t>
  </si>
  <si>
    <t>洞爺湖町</t>
  </si>
  <si>
    <t>安平町</t>
  </si>
  <si>
    <t>むかわ町</t>
  </si>
  <si>
    <t>日高町</t>
  </si>
  <si>
    <t>平取町</t>
  </si>
  <si>
    <t>新冠町</t>
  </si>
  <si>
    <t>浦河町</t>
  </si>
  <si>
    <t>様似町</t>
  </si>
  <si>
    <t>えりも町</t>
  </si>
  <si>
    <t>新ひだか町</t>
  </si>
  <si>
    <t>音更町</t>
  </si>
  <si>
    <t>士幌町</t>
  </si>
  <si>
    <t>上士幌町</t>
  </si>
  <si>
    <t>鹿追町</t>
  </si>
  <si>
    <t>新得町</t>
  </si>
  <si>
    <t>清水町</t>
  </si>
  <si>
    <t>芽室町</t>
  </si>
  <si>
    <t>中札内村</t>
  </si>
  <si>
    <t>更別村</t>
  </si>
  <si>
    <t>大樹町</t>
  </si>
  <si>
    <t>広尾町</t>
  </si>
  <si>
    <t>幕別町</t>
  </si>
  <si>
    <t>池田町</t>
  </si>
  <si>
    <t>豊頃町</t>
  </si>
  <si>
    <t>本別町</t>
  </si>
  <si>
    <t>足寄町</t>
  </si>
  <si>
    <t>陸別町</t>
  </si>
  <si>
    <t>浦幌町</t>
  </si>
  <si>
    <t>釧路町</t>
  </si>
  <si>
    <t>厚岸町</t>
  </si>
  <si>
    <t>浜中町</t>
  </si>
  <si>
    <t>標茶町</t>
  </si>
  <si>
    <t>弟子屈町</t>
  </si>
  <si>
    <t>鶴居村</t>
  </si>
  <si>
    <t>白糠町</t>
  </si>
  <si>
    <t>別海町</t>
  </si>
  <si>
    <t>中標津町</t>
  </si>
  <si>
    <t>標津町</t>
  </si>
  <si>
    <t>羅臼町</t>
  </si>
  <si>
    <t>青森県</t>
  </si>
  <si>
    <t>青森市</t>
  </si>
  <si>
    <t>弘前市</t>
  </si>
  <si>
    <t>八戸市</t>
  </si>
  <si>
    <t>黒石市</t>
  </si>
  <si>
    <t>五所川原市</t>
  </si>
  <si>
    <t>十和田市</t>
  </si>
  <si>
    <t>三沢市</t>
  </si>
  <si>
    <t>むつ市</t>
  </si>
  <si>
    <t>つがる市</t>
  </si>
  <si>
    <t>平川市</t>
  </si>
  <si>
    <t>平内町</t>
  </si>
  <si>
    <t>今別町</t>
  </si>
  <si>
    <t>蓬田村</t>
  </si>
  <si>
    <t>外ヶ浜町</t>
  </si>
  <si>
    <t>鰺ヶ沢町</t>
  </si>
  <si>
    <t>深浦町</t>
  </si>
  <si>
    <t>西目屋村</t>
  </si>
  <si>
    <t>藤崎町</t>
  </si>
  <si>
    <t>大鰐町</t>
  </si>
  <si>
    <t>田舎館村</t>
  </si>
  <si>
    <t>板柳町</t>
  </si>
  <si>
    <t>鶴田町</t>
  </si>
  <si>
    <t>中泊町</t>
  </si>
  <si>
    <t>野辺地町</t>
  </si>
  <si>
    <t>七戸町</t>
  </si>
  <si>
    <t>六戸町</t>
  </si>
  <si>
    <t>横浜町</t>
  </si>
  <si>
    <t>東北町</t>
  </si>
  <si>
    <t>六ヶ所村</t>
  </si>
  <si>
    <t>おいらせ町</t>
  </si>
  <si>
    <t>大間町</t>
  </si>
  <si>
    <t>東通村</t>
  </si>
  <si>
    <t>風間浦村</t>
  </si>
  <si>
    <t>佐井村</t>
  </si>
  <si>
    <t>三戸町</t>
  </si>
  <si>
    <t>五戸町</t>
  </si>
  <si>
    <t>田子町</t>
  </si>
  <si>
    <t>南部町</t>
  </si>
  <si>
    <t>階上町</t>
  </si>
  <si>
    <t>新郷村</t>
  </si>
  <si>
    <t>岩手県</t>
  </si>
  <si>
    <t>盛岡市</t>
  </si>
  <si>
    <t>宮古市</t>
  </si>
  <si>
    <t>大船渡市</t>
  </si>
  <si>
    <t>花巻市</t>
  </si>
  <si>
    <t>北上市</t>
  </si>
  <si>
    <t>久慈市</t>
  </si>
  <si>
    <t>遠野市</t>
  </si>
  <si>
    <t>一関市</t>
  </si>
  <si>
    <t>陸前高田市</t>
  </si>
  <si>
    <t>釜石市</t>
  </si>
  <si>
    <t>二戸市</t>
  </si>
  <si>
    <t>八幡平市</t>
  </si>
  <si>
    <t>奥州市</t>
  </si>
  <si>
    <t>滝沢市</t>
    <rPh sb="2" eb="3">
      <t>シ</t>
    </rPh>
    <phoneticPr fontId="1"/>
  </si>
  <si>
    <t>雫石町</t>
  </si>
  <si>
    <t>葛巻町</t>
  </si>
  <si>
    <t>岩手町</t>
  </si>
  <si>
    <t>紫波町</t>
  </si>
  <si>
    <t>矢巾町</t>
  </si>
  <si>
    <t>西和賀町</t>
  </si>
  <si>
    <t>金ケ崎町</t>
  </si>
  <si>
    <t>平泉町</t>
  </si>
  <si>
    <t>住田町</t>
  </si>
  <si>
    <t>大槌町</t>
  </si>
  <si>
    <t>山田町</t>
  </si>
  <si>
    <t>岩泉町</t>
  </si>
  <si>
    <t>田野畑村</t>
  </si>
  <si>
    <t>普代村</t>
  </si>
  <si>
    <t>軽米町</t>
  </si>
  <si>
    <t>野田村</t>
  </si>
  <si>
    <t>九戸村</t>
  </si>
  <si>
    <t>洋野町</t>
  </si>
  <si>
    <t>一戸町</t>
  </si>
  <si>
    <t>宮城県</t>
  </si>
  <si>
    <t>仙台市</t>
  </si>
  <si>
    <t>石巻市</t>
  </si>
  <si>
    <t>塩竈市</t>
  </si>
  <si>
    <t>気仙沼市</t>
  </si>
  <si>
    <t>白石市</t>
  </si>
  <si>
    <t>名取市</t>
  </si>
  <si>
    <t>角田市</t>
  </si>
  <si>
    <t>多賀城市</t>
  </si>
  <si>
    <t>岩沼市</t>
  </si>
  <si>
    <t>登米市</t>
  </si>
  <si>
    <t>栗原市</t>
  </si>
  <si>
    <t>東松島市</t>
  </si>
  <si>
    <t>大崎市</t>
  </si>
  <si>
    <t>富谷市</t>
    <rPh sb="2" eb="3">
      <t>シ</t>
    </rPh>
    <phoneticPr fontId="1"/>
  </si>
  <si>
    <t>蔵王町</t>
  </si>
  <si>
    <t>七ヶ宿町</t>
  </si>
  <si>
    <t>大河原町</t>
  </si>
  <si>
    <t>村田町</t>
  </si>
  <si>
    <t>柴田町</t>
  </si>
  <si>
    <t>川崎町</t>
  </si>
  <si>
    <t>丸森町</t>
  </si>
  <si>
    <t>亘理町</t>
  </si>
  <si>
    <t>山元町</t>
  </si>
  <si>
    <t>松島町</t>
  </si>
  <si>
    <t>七ヶ浜町</t>
  </si>
  <si>
    <t>利府町</t>
  </si>
  <si>
    <t>大和町</t>
  </si>
  <si>
    <t>大郷町</t>
  </si>
  <si>
    <t>大衡村</t>
  </si>
  <si>
    <t>色麻町</t>
  </si>
  <si>
    <t>加美町</t>
  </si>
  <si>
    <t>涌谷町</t>
  </si>
  <si>
    <t>美里町</t>
  </si>
  <si>
    <t>女川町</t>
  </si>
  <si>
    <t>南三陸町</t>
  </si>
  <si>
    <t>秋田県</t>
  </si>
  <si>
    <t>秋田市</t>
  </si>
  <si>
    <t>能代市</t>
  </si>
  <si>
    <t>横手市</t>
  </si>
  <si>
    <t>大館市</t>
  </si>
  <si>
    <t>男鹿市</t>
  </si>
  <si>
    <t>湯沢市</t>
  </si>
  <si>
    <t>鹿角市</t>
  </si>
  <si>
    <t>由利本荘市</t>
  </si>
  <si>
    <t>潟上市</t>
  </si>
  <si>
    <t>大仙市</t>
  </si>
  <si>
    <t>北秋田市</t>
  </si>
  <si>
    <t>にかほ市</t>
  </si>
  <si>
    <t>仙北市</t>
  </si>
  <si>
    <t>小坂町</t>
  </si>
  <si>
    <t>上小阿仁村</t>
  </si>
  <si>
    <t>藤里町</t>
  </si>
  <si>
    <t>三種町</t>
  </si>
  <si>
    <t>八峰町</t>
  </si>
  <si>
    <t>五城目町</t>
  </si>
  <si>
    <t>八郎潟町</t>
  </si>
  <si>
    <t>井川町</t>
  </si>
  <si>
    <t>大潟村</t>
  </si>
  <si>
    <t>美郷町</t>
  </si>
  <si>
    <t>羽後町</t>
  </si>
  <si>
    <t>東成瀬村</t>
  </si>
  <si>
    <t>山形県</t>
  </si>
  <si>
    <t>山形市</t>
  </si>
  <si>
    <t>米沢市</t>
  </si>
  <si>
    <t>鶴岡市</t>
  </si>
  <si>
    <t>酒田市</t>
  </si>
  <si>
    <t>新庄市</t>
  </si>
  <si>
    <t>寒河江市</t>
  </si>
  <si>
    <t>上山市</t>
  </si>
  <si>
    <t>村山市</t>
  </si>
  <si>
    <t>長井市</t>
  </si>
  <si>
    <t>天童市</t>
  </si>
  <si>
    <t>東根市</t>
  </si>
  <si>
    <t>尾花沢市</t>
  </si>
  <si>
    <t>南陽市</t>
  </si>
  <si>
    <t>山辺町</t>
  </si>
  <si>
    <t>中山町</t>
  </si>
  <si>
    <t>河北町</t>
  </si>
  <si>
    <t>西川町</t>
  </si>
  <si>
    <t>朝日町</t>
  </si>
  <si>
    <t>大江町</t>
  </si>
  <si>
    <t>大石田町</t>
  </si>
  <si>
    <t>金山町</t>
  </si>
  <si>
    <t>最上町</t>
  </si>
  <si>
    <t>舟形町</t>
  </si>
  <si>
    <t>真室川町</t>
  </si>
  <si>
    <t>大蔵村</t>
  </si>
  <si>
    <t>鮭川村</t>
  </si>
  <si>
    <t>戸沢村</t>
  </si>
  <si>
    <t>高畠町</t>
  </si>
  <si>
    <t>川西町</t>
  </si>
  <si>
    <t>小国町</t>
  </si>
  <si>
    <t>白鷹町</t>
  </si>
  <si>
    <t>飯豊町</t>
  </si>
  <si>
    <t>三川町</t>
  </si>
  <si>
    <t>庄内町</t>
  </si>
  <si>
    <t>遊佐町</t>
  </si>
  <si>
    <t>福島県</t>
  </si>
  <si>
    <t>福島市</t>
  </si>
  <si>
    <t>会津若松市</t>
  </si>
  <si>
    <t>郡山市</t>
  </si>
  <si>
    <t>いわき市</t>
  </si>
  <si>
    <t>白河市</t>
  </si>
  <si>
    <t>須賀川市</t>
  </si>
  <si>
    <t>喜多方市</t>
  </si>
  <si>
    <t>相馬市</t>
  </si>
  <si>
    <t>二本松市</t>
  </si>
  <si>
    <t>田村市</t>
  </si>
  <si>
    <t>南相馬市</t>
  </si>
  <si>
    <t>本宮市</t>
  </si>
  <si>
    <t>桑折町</t>
  </si>
  <si>
    <t>国見町</t>
  </si>
  <si>
    <t>川俣町</t>
  </si>
  <si>
    <t>大玉村</t>
  </si>
  <si>
    <t>鏡石町</t>
  </si>
  <si>
    <t>天栄村</t>
  </si>
  <si>
    <t>下郷町</t>
  </si>
  <si>
    <t>檜枝岐村</t>
  </si>
  <si>
    <t>只見町</t>
  </si>
  <si>
    <t>南会津町</t>
  </si>
  <si>
    <t>北塩原村</t>
  </si>
  <si>
    <t>西会津町</t>
  </si>
  <si>
    <t>磐梯町</t>
  </si>
  <si>
    <t>猪苗代町</t>
  </si>
  <si>
    <t>会津坂下町</t>
  </si>
  <si>
    <t>湯川村</t>
  </si>
  <si>
    <t>柳津町</t>
  </si>
  <si>
    <t>三島町</t>
  </si>
  <si>
    <t>昭和村</t>
  </si>
  <si>
    <t>会津美里町</t>
  </si>
  <si>
    <t>西郷村</t>
  </si>
  <si>
    <t>泉崎村</t>
  </si>
  <si>
    <t>中島村</t>
  </si>
  <si>
    <t>矢吹町</t>
  </si>
  <si>
    <t>棚倉町</t>
  </si>
  <si>
    <t>矢祭町</t>
  </si>
  <si>
    <t>塙町</t>
  </si>
  <si>
    <t>鮫川村</t>
  </si>
  <si>
    <t>石川町</t>
  </si>
  <si>
    <t>玉川村</t>
  </si>
  <si>
    <t>平田村</t>
  </si>
  <si>
    <t>浅川町</t>
  </si>
  <si>
    <t>古殿町</t>
  </si>
  <si>
    <t>三春町</t>
  </si>
  <si>
    <t>小野町</t>
  </si>
  <si>
    <t>広野町</t>
  </si>
  <si>
    <t>楢葉町</t>
  </si>
  <si>
    <t>富岡町</t>
  </si>
  <si>
    <t>川内村</t>
  </si>
  <si>
    <t>大熊町</t>
  </si>
  <si>
    <t>双葉町</t>
  </si>
  <si>
    <t>浪江町</t>
  </si>
  <si>
    <t>葛尾村</t>
  </si>
  <si>
    <t>新地町</t>
  </si>
  <si>
    <t>飯舘村</t>
  </si>
  <si>
    <t>茨城県</t>
  </si>
  <si>
    <t>水戸市</t>
  </si>
  <si>
    <t>日立市</t>
  </si>
  <si>
    <t>土浦市</t>
  </si>
  <si>
    <t>古河市</t>
  </si>
  <si>
    <t>石岡市</t>
  </si>
  <si>
    <t>結城市</t>
  </si>
  <si>
    <t>龍ケ崎市</t>
  </si>
  <si>
    <t>下妻市</t>
  </si>
  <si>
    <t>常総市</t>
  </si>
  <si>
    <t>常陸太田市</t>
  </si>
  <si>
    <t>高萩市</t>
  </si>
  <si>
    <t>北茨城市</t>
  </si>
  <si>
    <t>笠間市</t>
  </si>
  <si>
    <t>取手市</t>
  </si>
  <si>
    <t>牛久市</t>
  </si>
  <si>
    <t>つくば市</t>
  </si>
  <si>
    <t>ひたちなか市</t>
  </si>
  <si>
    <t>鹿嶋市</t>
  </si>
  <si>
    <t>潮来市</t>
  </si>
  <si>
    <t>守谷市</t>
  </si>
  <si>
    <t>常陸大宮市</t>
  </si>
  <si>
    <t>那珂市</t>
  </si>
  <si>
    <t>筑西市</t>
  </si>
  <si>
    <t>坂東市</t>
  </si>
  <si>
    <t>稲敷市</t>
  </si>
  <si>
    <t>かすみがうら市</t>
  </si>
  <si>
    <t>桜川市</t>
  </si>
  <si>
    <t>神栖市</t>
  </si>
  <si>
    <t>行方市</t>
  </si>
  <si>
    <t>鉾田市</t>
  </si>
  <si>
    <t>つくばみらい市</t>
  </si>
  <si>
    <t>小美玉市</t>
  </si>
  <si>
    <t>茨城町</t>
  </si>
  <si>
    <t>大洗町</t>
  </si>
  <si>
    <t>城里町</t>
  </si>
  <si>
    <t>東海村</t>
  </si>
  <si>
    <t>大子町</t>
  </si>
  <si>
    <t>美浦村</t>
  </si>
  <si>
    <t>阿見町</t>
  </si>
  <si>
    <t>河内町</t>
  </si>
  <si>
    <t>八千代町</t>
  </si>
  <si>
    <t>五霞町</t>
  </si>
  <si>
    <t>境町</t>
  </si>
  <si>
    <t>利根町</t>
  </si>
  <si>
    <t>栃木県</t>
  </si>
  <si>
    <t>宇都宮市</t>
  </si>
  <si>
    <t>足利市</t>
  </si>
  <si>
    <t>栃木市</t>
  </si>
  <si>
    <t>佐野市</t>
  </si>
  <si>
    <t>鹿沼市</t>
  </si>
  <si>
    <t>日光市</t>
  </si>
  <si>
    <t>小山市</t>
  </si>
  <si>
    <t>真岡市</t>
  </si>
  <si>
    <t>大田原市</t>
  </si>
  <si>
    <t>矢板市</t>
  </si>
  <si>
    <t>那須塩原市</t>
  </si>
  <si>
    <t>さくら市</t>
  </si>
  <si>
    <t>那須烏山市</t>
  </si>
  <si>
    <t>下野市</t>
  </si>
  <si>
    <t>上三川町</t>
  </si>
  <si>
    <t>益子町</t>
  </si>
  <si>
    <t>茂木町</t>
  </si>
  <si>
    <t>市貝町</t>
  </si>
  <si>
    <t>芳賀町</t>
  </si>
  <si>
    <t>壬生町</t>
  </si>
  <si>
    <t>野木町</t>
  </si>
  <si>
    <t>塩谷町</t>
  </si>
  <si>
    <t>高根沢町</t>
  </si>
  <si>
    <t>那須町</t>
  </si>
  <si>
    <t>那珂川町</t>
  </si>
  <si>
    <t>群馬県</t>
  </si>
  <si>
    <t>前橋市</t>
  </si>
  <si>
    <t>高崎市</t>
  </si>
  <si>
    <t>桐生市</t>
  </si>
  <si>
    <t>伊勢崎市</t>
  </si>
  <si>
    <t>太田市</t>
  </si>
  <si>
    <t>沼田市</t>
  </si>
  <si>
    <t>館林市</t>
  </si>
  <si>
    <t>渋川市</t>
  </si>
  <si>
    <t>藤岡市</t>
  </si>
  <si>
    <t>富岡市</t>
  </si>
  <si>
    <t>安中市</t>
  </si>
  <si>
    <t>みどり市</t>
  </si>
  <si>
    <t>榛東村</t>
  </si>
  <si>
    <t>吉岡町</t>
  </si>
  <si>
    <t>上野村</t>
  </si>
  <si>
    <t>神流町</t>
  </si>
  <si>
    <t>下仁田町</t>
  </si>
  <si>
    <t>南牧村</t>
  </si>
  <si>
    <t>甘楽町</t>
  </si>
  <si>
    <t>中之条町</t>
  </si>
  <si>
    <t>長野原町</t>
  </si>
  <si>
    <t>嬬恋村</t>
  </si>
  <si>
    <t>草津町</t>
  </si>
  <si>
    <t>高山村</t>
  </si>
  <si>
    <t>東吾妻町</t>
  </si>
  <si>
    <t>片品村</t>
  </si>
  <si>
    <t>川場村</t>
  </si>
  <si>
    <t>みなかみ町</t>
  </si>
  <si>
    <t>玉村町</t>
  </si>
  <si>
    <t>板倉町</t>
  </si>
  <si>
    <t>明和町</t>
  </si>
  <si>
    <t>千代田町</t>
  </si>
  <si>
    <t>大泉町</t>
  </si>
  <si>
    <t>邑楽町</t>
  </si>
  <si>
    <t>埼玉県</t>
  </si>
  <si>
    <t>さいたま市</t>
  </si>
  <si>
    <t>川越市</t>
  </si>
  <si>
    <t>熊谷市</t>
  </si>
  <si>
    <t>川口市</t>
  </si>
  <si>
    <t>行田市</t>
  </si>
  <si>
    <t>秩父市</t>
  </si>
  <si>
    <t>所沢市</t>
  </si>
  <si>
    <t>飯能市</t>
  </si>
  <si>
    <t>加須市</t>
  </si>
  <si>
    <t>本庄市</t>
  </si>
  <si>
    <t>東松山市</t>
  </si>
  <si>
    <t>春日部市</t>
  </si>
  <si>
    <t>狭山市</t>
  </si>
  <si>
    <t>羽生市</t>
  </si>
  <si>
    <t>鴻巣市</t>
  </si>
  <si>
    <t>深谷市</t>
  </si>
  <si>
    <t>上尾市</t>
  </si>
  <si>
    <t>草加市</t>
  </si>
  <si>
    <t>越谷市</t>
  </si>
  <si>
    <t>蕨市</t>
  </si>
  <si>
    <t>戸田市</t>
  </si>
  <si>
    <t>入間市</t>
  </si>
  <si>
    <t>朝霞市</t>
  </si>
  <si>
    <t>志木市</t>
  </si>
  <si>
    <t>和光市</t>
  </si>
  <si>
    <t>新座市</t>
  </si>
  <si>
    <t>桶川市</t>
  </si>
  <si>
    <t>久喜市</t>
  </si>
  <si>
    <t>北本市</t>
  </si>
  <si>
    <t>八潮市</t>
  </si>
  <si>
    <t>富士見市</t>
  </si>
  <si>
    <t>三郷市</t>
  </si>
  <si>
    <t>蓮田市</t>
  </si>
  <si>
    <t>坂戸市</t>
  </si>
  <si>
    <t>幸手市</t>
  </si>
  <si>
    <t>鶴ヶ島市</t>
  </si>
  <si>
    <t>日高市</t>
  </si>
  <si>
    <t>吉川市</t>
  </si>
  <si>
    <t>ふじみ野市</t>
  </si>
  <si>
    <t>白岡市</t>
    <rPh sb="0" eb="2">
      <t>シラオカ</t>
    </rPh>
    <rPh sb="2" eb="3">
      <t>シ</t>
    </rPh>
    <phoneticPr fontId="1"/>
  </si>
  <si>
    <t>伊奈町</t>
  </si>
  <si>
    <t>三芳町</t>
  </si>
  <si>
    <t>毛呂山町</t>
  </si>
  <si>
    <t>越生町</t>
  </si>
  <si>
    <t>滑川町</t>
  </si>
  <si>
    <t>嵐山町</t>
  </si>
  <si>
    <t>小川町</t>
  </si>
  <si>
    <t>川島町</t>
  </si>
  <si>
    <t>吉見町</t>
  </si>
  <si>
    <t>鳩山町</t>
  </si>
  <si>
    <t>ときがわ町</t>
  </si>
  <si>
    <t>横瀬町</t>
  </si>
  <si>
    <t>皆野町</t>
  </si>
  <si>
    <t>長瀞町</t>
  </si>
  <si>
    <t>小鹿野町</t>
  </si>
  <si>
    <t>東秩父村</t>
  </si>
  <si>
    <t>神川町</t>
  </si>
  <si>
    <t>上里町</t>
  </si>
  <si>
    <t>寄居町</t>
  </si>
  <si>
    <t>宮代町</t>
  </si>
  <si>
    <t>杉戸町</t>
  </si>
  <si>
    <t>松伏町</t>
  </si>
  <si>
    <t>千葉県</t>
  </si>
  <si>
    <t>千葉市</t>
  </si>
  <si>
    <t>銚子市</t>
  </si>
  <si>
    <t>市川市</t>
  </si>
  <si>
    <t>船橋市</t>
  </si>
  <si>
    <t>館山市</t>
  </si>
  <si>
    <t>木更津市</t>
  </si>
  <si>
    <t>松戸市</t>
  </si>
  <si>
    <t>野田市</t>
  </si>
  <si>
    <t>茂原市</t>
  </si>
  <si>
    <t>成田市</t>
  </si>
  <si>
    <t>佐倉市</t>
  </si>
  <si>
    <t>東金市</t>
  </si>
  <si>
    <t>旭市</t>
  </si>
  <si>
    <t>習志野市</t>
  </si>
  <si>
    <t>柏市</t>
  </si>
  <si>
    <t>勝浦市</t>
  </si>
  <si>
    <t>市原市</t>
  </si>
  <si>
    <t>流山市</t>
  </si>
  <si>
    <t>八千代市</t>
  </si>
  <si>
    <t>我孫子市</t>
  </si>
  <si>
    <t>鴨川市</t>
  </si>
  <si>
    <t>鎌ケ谷市</t>
  </si>
  <si>
    <t>君津市</t>
  </si>
  <si>
    <t>富津市</t>
  </si>
  <si>
    <t>浦安市</t>
  </si>
  <si>
    <t>四街道市</t>
  </si>
  <si>
    <t>袖ケ浦市</t>
  </si>
  <si>
    <t>八街市</t>
  </si>
  <si>
    <t>印西市</t>
  </si>
  <si>
    <t>白井市</t>
  </si>
  <si>
    <t>富里市</t>
  </si>
  <si>
    <t>南房総市</t>
  </si>
  <si>
    <t>匝瑳市</t>
  </si>
  <si>
    <t>香取市</t>
  </si>
  <si>
    <t>山武市</t>
  </si>
  <si>
    <t>いすみ市</t>
  </si>
  <si>
    <t>大網白里市</t>
    <rPh sb="4" eb="5">
      <t>シ</t>
    </rPh>
    <phoneticPr fontId="1"/>
  </si>
  <si>
    <t>酒々井町</t>
  </si>
  <si>
    <t>栄町</t>
  </si>
  <si>
    <t>神崎町</t>
  </si>
  <si>
    <t>多古町</t>
  </si>
  <si>
    <t>東庄町</t>
  </si>
  <si>
    <t>九十九里町</t>
  </si>
  <si>
    <t>芝山町</t>
  </si>
  <si>
    <t>横芝光町</t>
  </si>
  <si>
    <t>一宮町</t>
  </si>
  <si>
    <t>睦沢町</t>
  </si>
  <si>
    <t>長生村</t>
  </si>
  <si>
    <t>白子町</t>
  </si>
  <si>
    <t>長柄町</t>
  </si>
  <si>
    <t>長南町</t>
  </si>
  <si>
    <t>大多喜町</t>
  </si>
  <si>
    <t>御宿町</t>
  </si>
  <si>
    <t>鋸南町</t>
  </si>
  <si>
    <t>東京都</t>
  </si>
  <si>
    <t>千代田区</t>
  </si>
  <si>
    <t>中央区</t>
  </si>
  <si>
    <t>港区</t>
  </si>
  <si>
    <t>新宿区</t>
  </si>
  <si>
    <t>文京区</t>
  </si>
  <si>
    <t>台東区</t>
  </si>
  <si>
    <t>墨田区</t>
  </si>
  <si>
    <t>江東区</t>
  </si>
  <si>
    <t>品川区</t>
  </si>
  <si>
    <t>目黒区</t>
  </si>
  <si>
    <t>大田区</t>
  </si>
  <si>
    <t>世田谷区</t>
  </si>
  <si>
    <t>渋谷区</t>
  </si>
  <si>
    <t>中野区</t>
  </si>
  <si>
    <t>杉並区</t>
  </si>
  <si>
    <t>豊島区</t>
  </si>
  <si>
    <t>北区</t>
  </si>
  <si>
    <t>荒川区</t>
  </si>
  <si>
    <t>板橋区</t>
  </si>
  <si>
    <t>練馬区</t>
  </si>
  <si>
    <t>足立区</t>
  </si>
  <si>
    <t>葛飾区</t>
  </si>
  <si>
    <t>江戸川区</t>
  </si>
  <si>
    <t>八王子市</t>
  </si>
  <si>
    <t>立川市</t>
  </si>
  <si>
    <t>武蔵野市</t>
  </si>
  <si>
    <t>三鷹市</t>
  </si>
  <si>
    <t>青梅市</t>
  </si>
  <si>
    <t>府中市</t>
  </si>
  <si>
    <t>昭島市</t>
  </si>
  <si>
    <t>調布市</t>
  </si>
  <si>
    <t>町田市</t>
  </si>
  <si>
    <t>小金井市</t>
  </si>
  <si>
    <t>小平市</t>
  </si>
  <si>
    <t>日野市</t>
  </si>
  <si>
    <t>東村山市</t>
  </si>
  <si>
    <t>国分寺市</t>
  </si>
  <si>
    <t>国立市</t>
  </si>
  <si>
    <t>福生市</t>
  </si>
  <si>
    <t>狛江市</t>
  </si>
  <si>
    <t>東大和市</t>
  </si>
  <si>
    <t>清瀬市</t>
  </si>
  <si>
    <t>東久留米市</t>
  </si>
  <si>
    <t>武蔵村山市</t>
  </si>
  <si>
    <t>多摩市</t>
  </si>
  <si>
    <t>稲城市</t>
  </si>
  <si>
    <t>羽村市</t>
  </si>
  <si>
    <t>あきる野市</t>
  </si>
  <si>
    <t>西東京市</t>
  </si>
  <si>
    <t>瑞穂町</t>
  </si>
  <si>
    <t>日の出町</t>
  </si>
  <si>
    <t>檜原村</t>
  </si>
  <si>
    <t>奥多摩町</t>
  </si>
  <si>
    <t>大島町</t>
  </si>
  <si>
    <t>利島村</t>
  </si>
  <si>
    <t>新島村</t>
  </si>
  <si>
    <t>神津島村</t>
  </si>
  <si>
    <t>三宅村</t>
  </si>
  <si>
    <t>御蔵島村</t>
  </si>
  <si>
    <t>八丈町</t>
  </si>
  <si>
    <t>青ヶ島村</t>
  </si>
  <si>
    <t>小笠原村</t>
  </si>
  <si>
    <t>神奈川県</t>
  </si>
  <si>
    <t>横浜市</t>
  </si>
  <si>
    <t>川崎市</t>
  </si>
  <si>
    <t>相模原市</t>
  </si>
  <si>
    <t>横須賀市</t>
  </si>
  <si>
    <t>平塚市</t>
  </si>
  <si>
    <t>鎌倉市</t>
  </si>
  <si>
    <t>藤沢市</t>
  </si>
  <si>
    <t>小田原市</t>
  </si>
  <si>
    <t>茅ヶ崎市</t>
  </si>
  <si>
    <t>逗子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新潟県</t>
  </si>
  <si>
    <t>新潟市</t>
  </si>
  <si>
    <t>長岡市</t>
  </si>
  <si>
    <t>三条市</t>
  </si>
  <si>
    <t>柏崎市</t>
  </si>
  <si>
    <t>新発田市</t>
  </si>
  <si>
    <t>小千谷市</t>
  </si>
  <si>
    <t>加茂市</t>
  </si>
  <si>
    <t>十日町市</t>
  </si>
  <si>
    <t>見附市</t>
  </si>
  <si>
    <t>村上市</t>
  </si>
  <si>
    <t>燕市</t>
  </si>
  <si>
    <t>糸魚川市</t>
  </si>
  <si>
    <t>妙高市</t>
  </si>
  <si>
    <t>五泉市</t>
  </si>
  <si>
    <t>上越市</t>
  </si>
  <si>
    <t>阿賀野市</t>
  </si>
  <si>
    <t>佐渡市</t>
  </si>
  <si>
    <t>魚沼市</t>
  </si>
  <si>
    <t>南魚沼市</t>
  </si>
  <si>
    <t>胎内市</t>
  </si>
  <si>
    <t>聖籠町</t>
  </si>
  <si>
    <t>弥彦村</t>
  </si>
  <si>
    <t>田上町</t>
  </si>
  <si>
    <t>阿賀町</t>
  </si>
  <si>
    <t>出雲崎町</t>
  </si>
  <si>
    <t>湯沢町</t>
  </si>
  <si>
    <t>津南町</t>
  </si>
  <si>
    <t>刈羽村</t>
  </si>
  <si>
    <t>関川村</t>
  </si>
  <si>
    <t>粟島浦村</t>
  </si>
  <si>
    <t>富山県</t>
  </si>
  <si>
    <t>富山市</t>
  </si>
  <si>
    <t>高岡市</t>
  </si>
  <si>
    <t>魚津市</t>
  </si>
  <si>
    <t>氷見市</t>
  </si>
  <si>
    <t>滑川市</t>
  </si>
  <si>
    <t>黒部市</t>
  </si>
  <si>
    <t>砺波市</t>
  </si>
  <si>
    <t>小矢部市</t>
  </si>
  <si>
    <t>南砺市</t>
  </si>
  <si>
    <t>射水市</t>
  </si>
  <si>
    <t>舟橋村</t>
  </si>
  <si>
    <t>上市町</t>
  </si>
  <si>
    <t>立山町</t>
  </si>
  <si>
    <t>入善町</t>
  </si>
  <si>
    <t>石川県</t>
  </si>
  <si>
    <t>金沢市</t>
  </si>
  <si>
    <t>七尾市</t>
  </si>
  <si>
    <t>小松市</t>
  </si>
  <si>
    <t>輪島市</t>
  </si>
  <si>
    <t>珠洲市</t>
  </si>
  <si>
    <t>加賀市</t>
  </si>
  <si>
    <t>羽咋市</t>
  </si>
  <si>
    <t>かほく市</t>
  </si>
  <si>
    <t>白山市</t>
  </si>
  <si>
    <t>能美市</t>
  </si>
  <si>
    <t>野々市市</t>
  </si>
  <si>
    <t>川北町</t>
  </si>
  <si>
    <t>津幡町</t>
  </si>
  <si>
    <t>内灘町</t>
  </si>
  <si>
    <t>志賀町</t>
  </si>
  <si>
    <t>宝達志水町</t>
  </si>
  <si>
    <t>中能登町</t>
  </si>
  <si>
    <t>穴水町</t>
  </si>
  <si>
    <t>能登町</t>
  </si>
  <si>
    <t>福井県</t>
  </si>
  <si>
    <t>福井市</t>
  </si>
  <si>
    <t>敦賀市</t>
  </si>
  <si>
    <t>小浜市</t>
  </si>
  <si>
    <t>大野市</t>
  </si>
  <si>
    <t>勝山市</t>
  </si>
  <si>
    <t>鯖江市</t>
  </si>
  <si>
    <t>あわら市</t>
  </si>
  <si>
    <t>越前市</t>
  </si>
  <si>
    <t>坂井市</t>
  </si>
  <si>
    <t>永平寺町</t>
  </si>
  <si>
    <t>南越前町</t>
  </si>
  <si>
    <t>越前町</t>
  </si>
  <si>
    <t>美浜町</t>
  </si>
  <si>
    <t>高浜町</t>
  </si>
  <si>
    <t>おおい町</t>
  </si>
  <si>
    <t>若狭町</t>
  </si>
  <si>
    <t>山梨県</t>
  </si>
  <si>
    <t>甲府市</t>
  </si>
  <si>
    <t>富士吉田市</t>
  </si>
  <si>
    <t>都留市</t>
  </si>
  <si>
    <t>山梨市</t>
  </si>
  <si>
    <t>大月市</t>
  </si>
  <si>
    <t>韮崎市</t>
  </si>
  <si>
    <t>南アルプス市</t>
  </si>
  <si>
    <t>北杜市</t>
  </si>
  <si>
    <t>甲斐市</t>
  </si>
  <si>
    <t>笛吹市</t>
  </si>
  <si>
    <t>上野原市</t>
  </si>
  <si>
    <t>甲州市</t>
  </si>
  <si>
    <t>中央市</t>
  </si>
  <si>
    <t>市川三郷町</t>
  </si>
  <si>
    <t>早川町</t>
  </si>
  <si>
    <t>身延町</t>
  </si>
  <si>
    <t>富士川町</t>
  </si>
  <si>
    <t>昭和町</t>
  </si>
  <si>
    <t>道志村</t>
  </si>
  <si>
    <t>西桂町</t>
  </si>
  <si>
    <t>忍野村</t>
  </si>
  <si>
    <t>山中湖村</t>
  </si>
  <si>
    <t>鳴沢村</t>
  </si>
  <si>
    <t>富士河口湖町</t>
  </si>
  <si>
    <t>小菅村</t>
  </si>
  <si>
    <t>丹波山村</t>
  </si>
  <si>
    <t>長野県</t>
  </si>
  <si>
    <t>長野市</t>
  </si>
  <si>
    <t>松本市</t>
  </si>
  <si>
    <t>上田市</t>
  </si>
  <si>
    <t>岡谷市</t>
  </si>
  <si>
    <t>飯田市</t>
  </si>
  <si>
    <t>諏訪市</t>
  </si>
  <si>
    <t>須坂市</t>
  </si>
  <si>
    <t>小諸市</t>
  </si>
  <si>
    <t>伊那市</t>
  </si>
  <si>
    <t>駒ヶ根市</t>
  </si>
  <si>
    <t>中野市</t>
  </si>
  <si>
    <t>大町市</t>
  </si>
  <si>
    <t>飯山市</t>
  </si>
  <si>
    <t>茅野市</t>
  </si>
  <si>
    <t>塩尻市</t>
  </si>
  <si>
    <t>佐久市</t>
  </si>
  <si>
    <t>千曲市</t>
  </si>
  <si>
    <t>東御市</t>
  </si>
  <si>
    <t>安曇野市</t>
  </si>
  <si>
    <t>小海町</t>
  </si>
  <si>
    <t>川上村</t>
  </si>
  <si>
    <t>南相木村</t>
  </si>
  <si>
    <t>北相木村</t>
  </si>
  <si>
    <t>佐久穂町</t>
  </si>
  <si>
    <t>軽井沢町</t>
  </si>
  <si>
    <t>御代田町</t>
  </si>
  <si>
    <t>立科町</t>
  </si>
  <si>
    <t>青木村</t>
  </si>
  <si>
    <t>長和町</t>
  </si>
  <si>
    <t>下諏訪町</t>
  </si>
  <si>
    <t>富士見町</t>
  </si>
  <si>
    <t>原村</t>
  </si>
  <si>
    <t>辰野町</t>
  </si>
  <si>
    <t>箕輪町</t>
  </si>
  <si>
    <t>飯島町</t>
  </si>
  <si>
    <t>南箕輪村</t>
  </si>
  <si>
    <t>中川村</t>
  </si>
  <si>
    <t>宮田村</t>
  </si>
  <si>
    <t>松川町</t>
  </si>
  <si>
    <t>高森町</t>
  </si>
  <si>
    <t>阿南町</t>
  </si>
  <si>
    <t>阿智村</t>
  </si>
  <si>
    <t>平谷村</t>
  </si>
  <si>
    <t>根羽村</t>
  </si>
  <si>
    <t>下條村</t>
  </si>
  <si>
    <t>売木村</t>
  </si>
  <si>
    <t>天龍村</t>
  </si>
  <si>
    <t>泰阜村</t>
  </si>
  <si>
    <t>喬木村</t>
  </si>
  <si>
    <t>豊丘村</t>
  </si>
  <si>
    <t>大鹿村</t>
  </si>
  <si>
    <t>上松町</t>
  </si>
  <si>
    <t>南木曽町</t>
  </si>
  <si>
    <t>木祖村</t>
  </si>
  <si>
    <t>王滝村</t>
  </si>
  <si>
    <t>大桑村</t>
  </si>
  <si>
    <t>木曽町</t>
  </si>
  <si>
    <t>麻績村</t>
  </si>
  <si>
    <t>生坂村</t>
  </si>
  <si>
    <t>山形村</t>
  </si>
  <si>
    <t>朝日村</t>
  </si>
  <si>
    <t>筑北村</t>
  </si>
  <si>
    <t>松川村</t>
  </si>
  <si>
    <t>白馬村</t>
  </si>
  <si>
    <t>小谷村</t>
  </si>
  <si>
    <t>坂城町</t>
  </si>
  <si>
    <t>小布施町</t>
  </si>
  <si>
    <t>山ノ内町</t>
  </si>
  <si>
    <t>木島平村</t>
  </si>
  <si>
    <t>野沢温泉村</t>
  </si>
  <si>
    <t>信濃町</t>
  </si>
  <si>
    <t>小川村</t>
  </si>
  <si>
    <t>飯綱町</t>
  </si>
  <si>
    <t>栄村</t>
  </si>
  <si>
    <t>岐阜県</t>
  </si>
  <si>
    <t>岐阜市</t>
  </si>
  <si>
    <t>大垣市</t>
  </si>
  <si>
    <t>高山市</t>
  </si>
  <si>
    <t>多治見市</t>
  </si>
  <si>
    <t>関市</t>
  </si>
  <si>
    <t>中津川市</t>
  </si>
  <si>
    <t>美濃市</t>
  </si>
  <si>
    <t>瑞浪市</t>
  </si>
  <si>
    <t>羽島市</t>
  </si>
  <si>
    <t>恵那市</t>
  </si>
  <si>
    <t>美濃加茂市</t>
  </si>
  <si>
    <t>土岐市</t>
  </si>
  <si>
    <t>各務原市</t>
  </si>
  <si>
    <t>可児市</t>
  </si>
  <si>
    <t>山県市</t>
  </si>
  <si>
    <t>瑞穂市</t>
  </si>
  <si>
    <t>飛騨市</t>
  </si>
  <si>
    <t>本巣市</t>
  </si>
  <si>
    <t>郡上市</t>
  </si>
  <si>
    <t>下呂市</t>
  </si>
  <si>
    <t>海津市</t>
  </si>
  <si>
    <t>岐南町</t>
  </si>
  <si>
    <t>笠松町</t>
  </si>
  <si>
    <t>養老町</t>
  </si>
  <si>
    <t>垂井町</t>
  </si>
  <si>
    <t>関ケ原町</t>
  </si>
  <si>
    <t>神戸町</t>
  </si>
  <si>
    <t>輪之内町</t>
  </si>
  <si>
    <t>安八町</t>
  </si>
  <si>
    <t>揖斐川町</t>
  </si>
  <si>
    <t>大野町</t>
  </si>
  <si>
    <t>北方町</t>
  </si>
  <si>
    <t>坂祝町</t>
  </si>
  <si>
    <t>富加町</t>
  </si>
  <si>
    <t>川辺町</t>
  </si>
  <si>
    <t>七宗町</t>
  </si>
  <si>
    <t>八百津町</t>
  </si>
  <si>
    <t>白川町</t>
  </si>
  <si>
    <t>東白川村</t>
  </si>
  <si>
    <t>御嵩町</t>
  </si>
  <si>
    <t>白川村</t>
  </si>
  <si>
    <t>静岡県</t>
  </si>
  <si>
    <t>静岡市</t>
  </si>
  <si>
    <t>浜松市</t>
  </si>
  <si>
    <t>沼津市</t>
  </si>
  <si>
    <t>熱海市</t>
  </si>
  <si>
    <t>三島市</t>
  </si>
  <si>
    <t>富士宮市</t>
  </si>
  <si>
    <t>伊東市</t>
  </si>
  <si>
    <t>島田市</t>
  </si>
  <si>
    <t>富士市</t>
  </si>
  <si>
    <t>磐田市</t>
  </si>
  <si>
    <t>焼津市</t>
  </si>
  <si>
    <t>掛川市</t>
  </si>
  <si>
    <t>藤枝市</t>
  </si>
  <si>
    <t>御殿場市</t>
  </si>
  <si>
    <t>袋井市</t>
  </si>
  <si>
    <t>下田市</t>
  </si>
  <si>
    <t>裾野市</t>
  </si>
  <si>
    <t>湖西市</t>
  </si>
  <si>
    <t>伊豆市</t>
  </si>
  <si>
    <t>御前崎市</t>
  </si>
  <si>
    <t>菊川市</t>
  </si>
  <si>
    <t>伊豆の国市</t>
  </si>
  <si>
    <t>牧之原市</t>
  </si>
  <si>
    <t>東伊豆町</t>
  </si>
  <si>
    <t>河津町</t>
  </si>
  <si>
    <t>南伊豆町</t>
  </si>
  <si>
    <t>松崎町</t>
  </si>
  <si>
    <t>西伊豆町</t>
  </si>
  <si>
    <t>函南町</t>
  </si>
  <si>
    <t>長泉町</t>
  </si>
  <si>
    <t>小山町</t>
  </si>
  <si>
    <t>吉田町</t>
  </si>
  <si>
    <t>川根本町</t>
  </si>
  <si>
    <t>愛知県</t>
  </si>
  <si>
    <t>名古屋市</t>
  </si>
  <si>
    <t>豊橋市</t>
  </si>
  <si>
    <t>岡崎市</t>
  </si>
  <si>
    <t>一宮市</t>
  </si>
  <si>
    <t>瀬戸市</t>
  </si>
  <si>
    <t>半田市</t>
  </si>
  <si>
    <t>春日井市</t>
  </si>
  <si>
    <t>豊川市</t>
  </si>
  <si>
    <t>津島市</t>
  </si>
  <si>
    <t>碧南市</t>
  </si>
  <si>
    <t>刈谷市</t>
  </si>
  <si>
    <t>豊田市</t>
  </si>
  <si>
    <t>安城市</t>
  </si>
  <si>
    <t>西尾市</t>
  </si>
  <si>
    <t>蒲郡市</t>
  </si>
  <si>
    <t>犬山市</t>
  </si>
  <si>
    <t>常滑市</t>
  </si>
  <si>
    <t>江南市</t>
  </si>
  <si>
    <t>小牧市</t>
  </si>
  <si>
    <t>稲沢市</t>
  </si>
  <si>
    <t>新城市</t>
  </si>
  <si>
    <t>東海市</t>
  </si>
  <si>
    <t>大府市</t>
  </si>
  <si>
    <t>知多市</t>
  </si>
  <si>
    <t>知立市</t>
  </si>
  <si>
    <t>尾張旭市</t>
  </si>
  <si>
    <t>高浜市</t>
  </si>
  <si>
    <t>岩倉市</t>
  </si>
  <si>
    <t>豊明市</t>
  </si>
  <si>
    <t>日進市</t>
  </si>
  <si>
    <t>田原市</t>
  </si>
  <si>
    <t>愛西市</t>
  </si>
  <si>
    <t>清須市</t>
  </si>
  <si>
    <t>北名古屋市</t>
  </si>
  <si>
    <t>弥富市</t>
  </si>
  <si>
    <t>みよし市</t>
  </si>
  <si>
    <t>あま市</t>
  </si>
  <si>
    <t>長久手市</t>
  </si>
  <si>
    <t>東郷町</t>
  </si>
  <si>
    <t>豊山町</t>
  </si>
  <si>
    <t>大口町</t>
  </si>
  <si>
    <t>扶桑町</t>
  </si>
  <si>
    <t>大治町</t>
  </si>
  <si>
    <t>蟹江町</t>
  </si>
  <si>
    <t>飛島村</t>
  </si>
  <si>
    <t>阿久比町</t>
  </si>
  <si>
    <t>東浦町</t>
  </si>
  <si>
    <t>南知多町</t>
  </si>
  <si>
    <t>武豊町</t>
  </si>
  <si>
    <t>幸田町</t>
  </si>
  <si>
    <t>設楽町</t>
  </si>
  <si>
    <t>東栄町</t>
  </si>
  <si>
    <t>豊根村</t>
  </si>
  <si>
    <t>三重県</t>
  </si>
  <si>
    <t>津市</t>
  </si>
  <si>
    <t>四日市市</t>
  </si>
  <si>
    <t>伊勢市</t>
  </si>
  <si>
    <t>松阪市</t>
  </si>
  <si>
    <t>桑名市</t>
  </si>
  <si>
    <t>鈴鹿市</t>
  </si>
  <si>
    <t>名張市</t>
  </si>
  <si>
    <t>尾鷲市</t>
  </si>
  <si>
    <t>亀山市</t>
  </si>
  <si>
    <t>鳥羽市</t>
  </si>
  <si>
    <t>熊野市</t>
  </si>
  <si>
    <t>いなべ市</t>
  </si>
  <si>
    <t>志摩市</t>
  </si>
  <si>
    <t>伊賀市</t>
  </si>
  <si>
    <t>木曽岬町</t>
  </si>
  <si>
    <t>東員町</t>
  </si>
  <si>
    <t>菰野町</t>
  </si>
  <si>
    <t>川越町</t>
  </si>
  <si>
    <t>多気町</t>
  </si>
  <si>
    <t>大台町</t>
  </si>
  <si>
    <t>玉城町</t>
  </si>
  <si>
    <t>度会町</t>
  </si>
  <si>
    <t>大紀町</t>
  </si>
  <si>
    <t>南伊勢町</t>
  </si>
  <si>
    <t>紀北町</t>
  </si>
  <si>
    <t>御浜町</t>
  </si>
  <si>
    <t>紀宝町</t>
  </si>
  <si>
    <t>滋賀県</t>
  </si>
  <si>
    <t>大津市</t>
  </si>
  <si>
    <t>彦根市</t>
  </si>
  <si>
    <t>長浜市</t>
  </si>
  <si>
    <t>近江八幡市</t>
  </si>
  <si>
    <t>草津市</t>
  </si>
  <si>
    <t>守山市</t>
  </si>
  <si>
    <t>栗東市</t>
  </si>
  <si>
    <t>甲賀市</t>
  </si>
  <si>
    <t>野洲市</t>
  </si>
  <si>
    <t>湖南市</t>
  </si>
  <si>
    <t>高島市</t>
  </si>
  <si>
    <t>東近江市</t>
  </si>
  <si>
    <t>米原市</t>
  </si>
  <si>
    <t>日野町</t>
  </si>
  <si>
    <t>竜王町</t>
  </si>
  <si>
    <t>愛荘町</t>
  </si>
  <si>
    <t>豊郷町</t>
  </si>
  <si>
    <t>甲良町</t>
  </si>
  <si>
    <t>多賀町</t>
  </si>
  <si>
    <t>京都府</t>
  </si>
  <si>
    <t>京都市</t>
  </si>
  <si>
    <t>福知山市</t>
  </si>
  <si>
    <t>舞鶴市</t>
  </si>
  <si>
    <t>綾部市</t>
  </si>
  <si>
    <t>宇治市</t>
  </si>
  <si>
    <t>宮津市</t>
  </si>
  <si>
    <t>亀岡市</t>
  </si>
  <si>
    <t>城陽市</t>
  </si>
  <si>
    <t>向日市</t>
  </si>
  <si>
    <t>長岡京市</t>
  </si>
  <si>
    <t>八幡市</t>
  </si>
  <si>
    <t>京田辺市</t>
  </si>
  <si>
    <t>京丹後市</t>
  </si>
  <si>
    <t>南丹市</t>
  </si>
  <si>
    <t>木津川市</t>
  </si>
  <si>
    <t>大山崎町</t>
  </si>
  <si>
    <t>久御山町</t>
  </si>
  <si>
    <t>井手町</t>
  </si>
  <si>
    <t>宇治田原町</t>
  </si>
  <si>
    <t>笠置町</t>
  </si>
  <si>
    <t>和束町</t>
  </si>
  <si>
    <t>精華町</t>
  </si>
  <si>
    <t>南山城村</t>
  </si>
  <si>
    <t>京丹波町</t>
  </si>
  <si>
    <t>伊根町</t>
  </si>
  <si>
    <t>与謝野町</t>
  </si>
  <si>
    <t>大阪府</t>
  </si>
  <si>
    <t>大阪市</t>
  </si>
  <si>
    <t>堺市</t>
  </si>
  <si>
    <t>岸和田市</t>
  </si>
  <si>
    <t>豊中市</t>
  </si>
  <si>
    <t>池田市</t>
  </si>
  <si>
    <t>吹田市</t>
  </si>
  <si>
    <t>泉大津市</t>
  </si>
  <si>
    <t>高槻市</t>
  </si>
  <si>
    <t>貝塚市</t>
  </si>
  <si>
    <t>守口市</t>
  </si>
  <si>
    <t>枚方市</t>
  </si>
  <si>
    <t>茨木市</t>
  </si>
  <si>
    <t>八尾市</t>
  </si>
  <si>
    <t>泉佐野市</t>
  </si>
  <si>
    <t>富田林市</t>
  </si>
  <si>
    <t>寝屋川市</t>
  </si>
  <si>
    <t>河内長野市</t>
  </si>
  <si>
    <t>松原市</t>
  </si>
  <si>
    <t>大東市</t>
  </si>
  <si>
    <t>和泉市</t>
  </si>
  <si>
    <t>箕面市</t>
  </si>
  <si>
    <t>柏原市</t>
  </si>
  <si>
    <t>羽曳野市</t>
  </si>
  <si>
    <t>門真市</t>
  </si>
  <si>
    <t>摂津市</t>
  </si>
  <si>
    <t>高石市</t>
  </si>
  <si>
    <t>藤井寺市</t>
  </si>
  <si>
    <t>東大阪市</t>
  </si>
  <si>
    <t>泉南市</t>
  </si>
  <si>
    <t>四條畷市</t>
  </si>
  <si>
    <t>交野市</t>
  </si>
  <si>
    <t>大阪狭山市</t>
  </si>
  <si>
    <t>阪南市</t>
  </si>
  <si>
    <t>島本町</t>
  </si>
  <si>
    <t>豊能町</t>
  </si>
  <si>
    <t>能勢町</t>
  </si>
  <si>
    <t>忠岡町</t>
  </si>
  <si>
    <t>熊取町</t>
  </si>
  <si>
    <t>田尻町</t>
  </si>
  <si>
    <t>岬町</t>
  </si>
  <si>
    <t>太子町</t>
  </si>
  <si>
    <t>河南町</t>
  </si>
  <si>
    <t>千早赤阪村</t>
  </si>
  <si>
    <t>兵庫県</t>
  </si>
  <si>
    <t>神戸市</t>
  </si>
  <si>
    <t>姫路市</t>
  </si>
  <si>
    <t>尼崎市</t>
  </si>
  <si>
    <t>明石市</t>
  </si>
  <si>
    <t>西宮市</t>
  </si>
  <si>
    <t>洲本市</t>
  </si>
  <si>
    <t>芦屋市</t>
  </si>
  <si>
    <t>伊丹市</t>
  </si>
  <si>
    <t>相生市</t>
  </si>
  <si>
    <t>豊岡市</t>
  </si>
  <si>
    <t>加古川市</t>
  </si>
  <si>
    <t>赤穂市</t>
  </si>
  <si>
    <t>西脇市</t>
  </si>
  <si>
    <t>宝塚市</t>
  </si>
  <si>
    <t>三木市</t>
  </si>
  <si>
    <t>高砂市</t>
  </si>
  <si>
    <t>川西市</t>
  </si>
  <si>
    <t>小野市</t>
  </si>
  <si>
    <t>三田市</t>
  </si>
  <si>
    <t>加西市</t>
  </si>
  <si>
    <t>丹波篠山市</t>
    <rPh sb="0" eb="2">
      <t>タンバ</t>
    </rPh>
    <rPh sb="2" eb="5">
      <t>ササヤマシ</t>
    </rPh>
    <phoneticPr fontId="1"/>
  </si>
  <si>
    <t>養父市</t>
  </si>
  <si>
    <t>丹波市</t>
  </si>
  <si>
    <t>南あわじ市</t>
  </si>
  <si>
    <t>朝来市</t>
  </si>
  <si>
    <t>淡路市</t>
  </si>
  <si>
    <t>宍粟市</t>
  </si>
  <si>
    <t>加東市</t>
  </si>
  <si>
    <t>たつの市</t>
  </si>
  <si>
    <t>猪名川町</t>
  </si>
  <si>
    <t>多可町</t>
  </si>
  <si>
    <t>稲美町</t>
  </si>
  <si>
    <t>播磨町</t>
  </si>
  <si>
    <t>市川町</t>
  </si>
  <si>
    <t>福崎町</t>
  </si>
  <si>
    <t>神河町</t>
  </si>
  <si>
    <t>上郡町</t>
  </si>
  <si>
    <t>佐用町</t>
  </si>
  <si>
    <t>香美町</t>
  </si>
  <si>
    <t>新温泉町</t>
  </si>
  <si>
    <t>奈良県</t>
  </si>
  <si>
    <t>奈良市</t>
  </si>
  <si>
    <t>大和高田市</t>
  </si>
  <si>
    <t>大和郡山市</t>
  </si>
  <si>
    <t>天理市</t>
  </si>
  <si>
    <t>橿原市</t>
  </si>
  <si>
    <t>桜井市</t>
  </si>
  <si>
    <t>五條市</t>
  </si>
  <si>
    <t>御所市</t>
  </si>
  <si>
    <t>生駒市</t>
  </si>
  <si>
    <t>香芝市</t>
  </si>
  <si>
    <t>葛城市</t>
  </si>
  <si>
    <t>宇陀市</t>
  </si>
  <si>
    <t>山添村</t>
  </si>
  <si>
    <t>平群町</t>
  </si>
  <si>
    <t>三郷町</t>
  </si>
  <si>
    <t>斑鳩町</t>
  </si>
  <si>
    <t>安堵町</t>
  </si>
  <si>
    <t>三宅町</t>
  </si>
  <si>
    <t>田原本町</t>
  </si>
  <si>
    <t>曽爾村</t>
  </si>
  <si>
    <t>御杖村</t>
  </si>
  <si>
    <t>高取町</t>
  </si>
  <si>
    <t>明日香村</t>
  </si>
  <si>
    <t>上牧町</t>
  </si>
  <si>
    <t>王寺町</t>
  </si>
  <si>
    <t>広陵町</t>
  </si>
  <si>
    <t>河合町</t>
  </si>
  <si>
    <t>吉野町</t>
  </si>
  <si>
    <t>大淀町</t>
  </si>
  <si>
    <t>下市町</t>
  </si>
  <si>
    <t>黒滝村</t>
  </si>
  <si>
    <t>天川村</t>
  </si>
  <si>
    <t>野迫川村</t>
  </si>
  <si>
    <t>十津川村</t>
  </si>
  <si>
    <t>下北山村</t>
  </si>
  <si>
    <t>上北山村</t>
  </si>
  <si>
    <t>東吉野村</t>
  </si>
  <si>
    <t>和歌山県</t>
  </si>
  <si>
    <t>和歌山市</t>
  </si>
  <si>
    <t>海南市</t>
  </si>
  <si>
    <t>橋本市</t>
  </si>
  <si>
    <t>有田市</t>
  </si>
  <si>
    <t>御坊市</t>
  </si>
  <si>
    <t>田辺市</t>
  </si>
  <si>
    <t>新宮市</t>
  </si>
  <si>
    <t>紀の川市</t>
  </si>
  <si>
    <t>岩出市</t>
  </si>
  <si>
    <t>紀美野町</t>
  </si>
  <si>
    <t>かつらぎ町</t>
  </si>
  <si>
    <t>九度山町</t>
  </si>
  <si>
    <t>高野町</t>
  </si>
  <si>
    <t>湯浅町</t>
  </si>
  <si>
    <t>広川町</t>
  </si>
  <si>
    <t>有田川町</t>
  </si>
  <si>
    <t>由良町</t>
  </si>
  <si>
    <t>印南町</t>
  </si>
  <si>
    <t>みなべ町</t>
  </si>
  <si>
    <t>日高川町</t>
  </si>
  <si>
    <t>白浜町</t>
  </si>
  <si>
    <t>上富田町</t>
  </si>
  <si>
    <t>すさみ町</t>
  </si>
  <si>
    <t>那智勝浦町</t>
  </si>
  <si>
    <t>太地町</t>
  </si>
  <si>
    <t>古座川町</t>
  </si>
  <si>
    <t>北山村</t>
  </si>
  <si>
    <t>串本町</t>
  </si>
  <si>
    <t>鳥取県</t>
  </si>
  <si>
    <t>鳥取市</t>
  </si>
  <si>
    <t>米子市</t>
  </si>
  <si>
    <t>倉吉市</t>
  </si>
  <si>
    <t>境港市</t>
  </si>
  <si>
    <t>岩美町</t>
  </si>
  <si>
    <t>若桜町</t>
  </si>
  <si>
    <t>智頭町</t>
  </si>
  <si>
    <t>八頭町</t>
  </si>
  <si>
    <t>三朝町</t>
  </si>
  <si>
    <t>湯梨浜町</t>
  </si>
  <si>
    <t>琴浦町</t>
  </si>
  <si>
    <t>北栄町</t>
  </si>
  <si>
    <t>日吉津村</t>
  </si>
  <si>
    <t>大山町</t>
  </si>
  <si>
    <t>伯耆町</t>
  </si>
  <si>
    <t>日南町</t>
  </si>
  <si>
    <t>江府町</t>
  </si>
  <si>
    <t>島根県</t>
  </si>
  <si>
    <t>松江市</t>
  </si>
  <si>
    <t>浜田市</t>
  </si>
  <si>
    <t>出雲市</t>
  </si>
  <si>
    <t>益田市</t>
  </si>
  <si>
    <t>大田市</t>
  </si>
  <si>
    <t>安来市</t>
  </si>
  <si>
    <t>江津市</t>
  </si>
  <si>
    <t>雲南市</t>
  </si>
  <si>
    <t>奥出雲町</t>
  </si>
  <si>
    <t>飯南町</t>
  </si>
  <si>
    <t>川本町</t>
  </si>
  <si>
    <t>邑南町</t>
  </si>
  <si>
    <t>津和野町</t>
  </si>
  <si>
    <t>吉賀町</t>
  </si>
  <si>
    <t>海士町</t>
  </si>
  <si>
    <t>西ノ島町</t>
  </si>
  <si>
    <t>知夫村</t>
  </si>
  <si>
    <t>隠岐の島町</t>
  </si>
  <si>
    <t>岡山県</t>
  </si>
  <si>
    <t>岡山市</t>
  </si>
  <si>
    <t>倉敷市</t>
  </si>
  <si>
    <t>津山市</t>
  </si>
  <si>
    <t>玉野市</t>
  </si>
  <si>
    <t>笠岡市</t>
  </si>
  <si>
    <t>井原市</t>
  </si>
  <si>
    <t>総社市</t>
  </si>
  <si>
    <t>高梁市</t>
  </si>
  <si>
    <t>新見市</t>
  </si>
  <si>
    <t>備前市</t>
  </si>
  <si>
    <t>瀬戸内市</t>
  </si>
  <si>
    <t>赤磐市</t>
  </si>
  <si>
    <t>真庭市</t>
  </si>
  <si>
    <t>美作市</t>
  </si>
  <si>
    <t>浅口市</t>
  </si>
  <si>
    <t>和気町</t>
  </si>
  <si>
    <t>早島町</t>
  </si>
  <si>
    <t>里庄町</t>
  </si>
  <si>
    <t>矢掛町</t>
  </si>
  <si>
    <t>新庄村</t>
  </si>
  <si>
    <t>鏡野町</t>
  </si>
  <si>
    <t>勝央町</t>
  </si>
  <si>
    <t>奈義町</t>
  </si>
  <si>
    <t>西粟倉村</t>
  </si>
  <si>
    <t>久米南町</t>
  </si>
  <si>
    <t>美咲町</t>
  </si>
  <si>
    <t>吉備中央町</t>
  </si>
  <si>
    <t>広島県</t>
  </si>
  <si>
    <t>広島市</t>
  </si>
  <si>
    <t>呉市</t>
  </si>
  <si>
    <t>竹原市</t>
  </si>
  <si>
    <t>三原市</t>
  </si>
  <si>
    <t>尾道市</t>
  </si>
  <si>
    <t>福山市</t>
  </si>
  <si>
    <t>三次市</t>
  </si>
  <si>
    <t>庄原市</t>
  </si>
  <si>
    <t>大竹市</t>
  </si>
  <si>
    <t>東広島市</t>
  </si>
  <si>
    <t>廿日市市</t>
  </si>
  <si>
    <t>安芸高田市</t>
  </si>
  <si>
    <t>江田島市</t>
  </si>
  <si>
    <t>府中町</t>
  </si>
  <si>
    <t>海田町</t>
  </si>
  <si>
    <t>熊野町</t>
  </si>
  <si>
    <t>坂町</t>
  </si>
  <si>
    <t>安芸太田町</t>
  </si>
  <si>
    <t>北広島町</t>
  </si>
  <si>
    <t>大崎上島町</t>
  </si>
  <si>
    <t>世羅町</t>
  </si>
  <si>
    <t>神石高原町</t>
  </si>
  <si>
    <t>山口県</t>
  </si>
  <si>
    <t>下関市</t>
  </si>
  <si>
    <t>宇部市</t>
  </si>
  <si>
    <t>山口市</t>
  </si>
  <si>
    <t>萩市</t>
  </si>
  <si>
    <t>防府市</t>
  </si>
  <si>
    <t>下松市</t>
  </si>
  <si>
    <t>岩国市</t>
  </si>
  <si>
    <t>光市</t>
  </si>
  <si>
    <t>長門市</t>
  </si>
  <si>
    <t>柳井市</t>
  </si>
  <si>
    <t>美祢市</t>
  </si>
  <si>
    <t>周南市</t>
  </si>
  <si>
    <t>山陽小野田市</t>
  </si>
  <si>
    <t>周防大島町</t>
  </si>
  <si>
    <t>和木町</t>
  </si>
  <si>
    <t>上関町</t>
  </si>
  <si>
    <t>田布施町</t>
  </si>
  <si>
    <t>平生町</t>
  </si>
  <si>
    <t>阿武町</t>
  </si>
  <si>
    <t>徳島県</t>
  </si>
  <si>
    <t>徳島市</t>
  </si>
  <si>
    <t>鳴門市</t>
  </si>
  <si>
    <t>小松島市</t>
  </si>
  <si>
    <t>阿南市</t>
  </si>
  <si>
    <t>吉野川市</t>
  </si>
  <si>
    <t>阿波市</t>
  </si>
  <si>
    <t>美馬市</t>
  </si>
  <si>
    <t>三好市</t>
  </si>
  <si>
    <t>勝浦町</t>
  </si>
  <si>
    <t>上勝町</t>
  </si>
  <si>
    <t>佐那河内村</t>
  </si>
  <si>
    <t>石井町</t>
  </si>
  <si>
    <t>神山町</t>
  </si>
  <si>
    <t>那賀町</t>
  </si>
  <si>
    <t>牟岐町</t>
  </si>
  <si>
    <t>美波町</t>
  </si>
  <si>
    <t>海陽町</t>
  </si>
  <si>
    <t>松茂町</t>
  </si>
  <si>
    <t>北島町</t>
  </si>
  <si>
    <t>藍住町</t>
  </si>
  <si>
    <t>板野町</t>
  </si>
  <si>
    <t>上板町</t>
  </si>
  <si>
    <t>つるぎ町</t>
  </si>
  <si>
    <t>東みよし町</t>
  </si>
  <si>
    <t>香川県</t>
  </si>
  <si>
    <t>高松市</t>
  </si>
  <si>
    <t>丸亀市</t>
  </si>
  <si>
    <t>坂出市</t>
  </si>
  <si>
    <t>善通寺市</t>
  </si>
  <si>
    <t>観音寺市</t>
  </si>
  <si>
    <t>さぬき市</t>
  </si>
  <si>
    <t>東かがわ市</t>
  </si>
  <si>
    <t>三豊市</t>
  </si>
  <si>
    <t>土庄町</t>
  </si>
  <si>
    <t>小豆島町</t>
  </si>
  <si>
    <t>三木町</t>
  </si>
  <si>
    <t>直島町</t>
  </si>
  <si>
    <t>宇多津町</t>
  </si>
  <si>
    <t>綾川町</t>
  </si>
  <si>
    <t>琴平町</t>
  </si>
  <si>
    <t>多度津町</t>
  </si>
  <si>
    <t>まんのう町</t>
  </si>
  <si>
    <t>愛媛県</t>
  </si>
  <si>
    <t>松山市</t>
  </si>
  <si>
    <t>今治市</t>
  </si>
  <si>
    <t>宇和島市</t>
  </si>
  <si>
    <t>八幡浜市</t>
  </si>
  <si>
    <t>新居浜市</t>
  </si>
  <si>
    <t>西条市</t>
  </si>
  <si>
    <t>大洲市</t>
  </si>
  <si>
    <t>伊予市</t>
  </si>
  <si>
    <t>四国中央市</t>
  </si>
  <si>
    <t>西予市</t>
  </si>
  <si>
    <t>東温市</t>
  </si>
  <si>
    <t>上島町</t>
  </si>
  <si>
    <t>久万高原町</t>
  </si>
  <si>
    <t>砥部町</t>
  </si>
  <si>
    <t>内子町</t>
  </si>
  <si>
    <t>伊方町</t>
  </si>
  <si>
    <t>松野町</t>
  </si>
  <si>
    <t>鬼北町</t>
  </si>
  <si>
    <t>愛南町</t>
  </si>
  <si>
    <t>高知県</t>
  </si>
  <si>
    <t>高知市</t>
  </si>
  <si>
    <t>室戸市</t>
  </si>
  <si>
    <t>安芸市</t>
  </si>
  <si>
    <t>南国市</t>
  </si>
  <si>
    <t>土佐市</t>
  </si>
  <si>
    <t>須崎市</t>
  </si>
  <si>
    <t>宿毛市</t>
  </si>
  <si>
    <t>土佐清水市</t>
  </si>
  <si>
    <t>四万十市</t>
  </si>
  <si>
    <t>香南市</t>
  </si>
  <si>
    <t>香美市</t>
  </si>
  <si>
    <t>東洋町</t>
  </si>
  <si>
    <t>芸西村</t>
  </si>
  <si>
    <t>本山町</t>
  </si>
  <si>
    <t>大豊町</t>
  </si>
  <si>
    <t>土佐町</t>
  </si>
  <si>
    <t>大川村</t>
  </si>
  <si>
    <t>いの町</t>
  </si>
  <si>
    <t>仁淀川町</t>
  </si>
  <si>
    <t>中土佐町</t>
  </si>
  <si>
    <t>佐川町</t>
  </si>
  <si>
    <t>越知町</t>
  </si>
  <si>
    <t>梼原町</t>
  </si>
  <si>
    <t>日高村</t>
  </si>
  <si>
    <t>津野町</t>
  </si>
  <si>
    <t>四万十町</t>
  </si>
  <si>
    <t>大月町</t>
  </si>
  <si>
    <t>三原村</t>
  </si>
  <si>
    <t>黒潮町</t>
  </si>
  <si>
    <t>福岡県</t>
  </si>
  <si>
    <t>北九州市</t>
  </si>
  <si>
    <t>福岡市</t>
  </si>
  <si>
    <t>大牟田市</t>
  </si>
  <si>
    <t>久留米市</t>
  </si>
  <si>
    <t>直方市</t>
  </si>
  <si>
    <t>飯塚市</t>
  </si>
  <si>
    <t>田川市</t>
  </si>
  <si>
    <t>柳川市</t>
  </si>
  <si>
    <t>八女市</t>
  </si>
  <si>
    <t>筑後市</t>
  </si>
  <si>
    <t>大川市</t>
  </si>
  <si>
    <t>行橋市</t>
  </si>
  <si>
    <t>豊前市</t>
  </si>
  <si>
    <t>中間市</t>
  </si>
  <si>
    <t>小郡市</t>
  </si>
  <si>
    <t>筑紫野市</t>
  </si>
  <si>
    <t>春日市</t>
  </si>
  <si>
    <t>大野城市</t>
  </si>
  <si>
    <t>宗像市</t>
  </si>
  <si>
    <t>太宰府市</t>
  </si>
  <si>
    <t>古賀市</t>
  </si>
  <si>
    <t>福津市</t>
  </si>
  <si>
    <t>うきは市</t>
  </si>
  <si>
    <t>宮若市</t>
  </si>
  <si>
    <t>嘉麻市</t>
  </si>
  <si>
    <t>朝倉市</t>
  </si>
  <si>
    <t>みやま市</t>
  </si>
  <si>
    <t>糸島市</t>
  </si>
  <si>
    <t>那珂川市</t>
    <rPh sb="0" eb="3">
      <t>ナカガワ</t>
    </rPh>
    <rPh sb="3" eb="4">
      <t>シ</t>
    </rPh>
    <phoneticPr fontId="1"/>
  </si>
  <si>
    <t>宇美町</t>
  </si>
  <si>
    <t>篠栗町</t>
  </si>
  <si>
    <t>志免町</t>
  </si>
  <si>
    <t>須恵町</t>
  </si>
  <si>
    <t>新宮町</t>
  </si>
  <si>
    <t>久山町</t>
  </si>
  <si>
    <t>粕屋町</t>
  </si>
  <si>
    <t>芦屋町</t>
  </si>
  <si>
    <t>水巻町</t>
  </si>
  <si>
    <t>岡垣町</t>
  </si>
  <si>
    <t>遠賀町</t>
  </si>
  <si>
    <t>小竹町</t>
  </si>
  <si>
    <t>鞍手町</t>
  </si>
  <si>
    <t>桂川町</t>
  </si>
  <si>
    <t>筑前町</t>
  </si>
  <si>
    <t>東峰村</t>
  </si>
  <si>
    <t>大刀洗町</t>
  </si>
  <si>
    <t>大木町</t>
  </si>
  <si>
    <t>香春町</t>
  </si>
  <si>
    <t>添田町</t>
  </si>
  <si>
    <t>糸田町</t>
  </si>
  <si>
    <t>大任町</t>
  </si>
  <si>
    <t>赤村</t>
  </si>
  <si>
    <t>福智町</t>
  </si>
  <si>
    <t>苅田町</t>
  </si>
  <si>
    <t>みやこ町</t>
  </si>
  <si>
    <t>吉富町</t>
  </si>
  <si>
    <t>上毛町</t>
  </si>
  <si>
    <t>築上町</t>
  </si>
  <si>
    <t>佐賀県</t>
  </si>
  <si>
    <t>佐賀市</t>
  </si>
  <si>
    <t>唐津市</t>
  </si>
  <si>
    <t>鳥栖市</t>
  </si>
  <si>
    <t>多久市</t>
  </si>
  <si>
    <t>伊万里市</t>
  </si>
  <si>
    <t>武雄市</t>
  </si>
  <si>
    <t>鹿島市</t>
  </si>
  <si>
    <t>小城市</t>
  </si>
  <si>
    <t>嬉野市</t>
  </si>
  <si>
    <t>神埼市</t>
  </si>
  <si>
    <t>吉野ヶ里町</t>
  </si>
  <si>
    <t>基山町</t>
  </si>
  <si>
    <t>上峰町</t>
  </si>
  <si>
    <t>みやき町</t>
  </si>
  <si>
    <t>玄海町</t>
  </si>
  <si>
    <t>有田町</t>
  </si>
  <si>
    <t>大町町</t>
  </si>
  <si>
    <t>江北町</t>
  </si>
  <si>
    <t>白石町</t>
  </si>
  <si>
    <t>太良町</t>
  </si>
  <si>
    <t>長崎県</t>
  </si>
  <si>
    <t>長崎市</t>
  </si>
  <si>
    <t>佐世保市</t>
  </si>
  <si>
    <t>島原市</t>
  </si>
  <si>
    <t>諫早市</t>
  </si>
  <si>
    <t>大村市</t>
  </si>
  <si>
    <t>平戸市</t>
  </si>
  <si>
    <t>松浦市</t>
  </si>
  <si>
    <t>対馬市</t>
  </si>
  <si>
    <t>壱岐市</t>
  </si>
  <si>
    <t>五島市</t>
  </si>
  <si>
    <t>西海市</t>
  </si>
  <si>
    <t>雲仙市</t>
  </si>
  <si>
    <t>南島原市</t>
  </si>
  <si>
    <t>長与町</t>
  </si>
  <si>
    <t>時津町</t>
  </si>
  <si>
    <t>東彼杵町</t>
  </si>
  <si>
    <t>川棚町</t>
  </si>
  <si>
    <t>波佐見町</t>
  </si>
  <si>
    <t>小値賀町</t>
  </si>
  <si>
    <t>佐々町</t>
  </si>
  <si>
    <t>新上五島町</t>
  </si>
  <si>
    <t>熊本県</t>
  </si>
  <si>
    <t>熊本市</t>
  </si>
  <si>
    <t>八代市</t>
  </si>
  <si>
    <t>人吉市</t>
  </si>
  <si>
    <t>荒尾市</t>
  </si>
  <si>
    <t>水俣市</t>
  </si>
  <si>
    <t>玉名市</t>
  </si>
  <si>
    <t>山鹿市</t>
  </si>
  <si>
    <t>菊池市</t>
  </si>
  <si>
    <t>宇土市</t>
  </si>
  <si>
    <t>上天草市</t>
  </si>
  <si>
    <t>宇城市</t>
  </si>
  <si>
    <t>阿蘇市</t>
  </si>
  <si>
    <t>天草市</t>
  </si>
  <si>
    <t>合志市</t>
  </si>
  <si>
    <t>玉東町</t>
  </si>
  <si>
    <t>南関町</t>
  </si>
  <si>
    <t>長洲町</t>
  </si>
  <si>
    <t>和水町</t>
  </si>
  <si>
    <t>大津町</t>
  </si>
  <si>
    <t>菊陽町</t>
  </si>
  <si>
    <t>南小国町</t>
  </si>
  <si>
    <t>産山村</t>
  </si>
  <si>
    <t>西原村</t>
  </si>
  <si>
    <t>南阿蘇村</t>
  </si>
  <si>
    <t>御船町</t>
  </si>
  <si>
    <t>嘉島町</t>
  </si>
  <si>
    <t>益城町</t>
  </si>
  <si>
    <t>甲佐町</t>
  </si>
  <si>
    <t>山都町</t>
  </si>
  <si>
    <t>氷川町</t>
  </si>
  <si>
    <t>芦北町</t>
  </si>
  <si>
    <t>津奈木町</t>
  </si>
  <si>
    <t>錦町</t>
  </si>
  <si>
    <t>多良木町</t>
  </si>
  <si>
    <t>湯前町</t>
  </si>
  <si>
    <t>水上村</t>
  </si>
  <si>
    <t>相良村</t>
  </si>
  <si>
    <t>五木村</t>
  </si>
  <si>
    <t>山江村</t>
  </si>
  <si>
    <t>球磨村</t>
  </si>
  <si>
    <t>あさぎり町</t>
  </si>
  <si>
    <t>苓北町</t>
  </si>
  <si>
    <t>大分県</t>
  </si>
  <si>
    <t>大分市</t>
  </si>
  <si>
    <t>別府市</t>
  </si>
  <si>
    <t>中津市</t>
  </si>
  <si>
    <t>日田市</t>
  </si>
  <si>
    <t>佐伯市</t>
  </si>
  <si>
    <t>臼杵市</t>
  </si>
  <si>
    <t>津久見市</t>
  </si>
  <si>
    <t>竹田市</t>
  </si>
  <si>
    <t>豊後高田市</t>
  </si>
  <si>
    <t>杵築市</t>
  </si>
  <si>
    <t>宇佐市</t>
  </si>
  <si>
    <t>豊後大野市</t>
  </si>
  <si>
    <t>由布市</t>
  </si>
  <si>
    <t>国東市</t>
  </si>
  <si>
    <t>姫島村</t>
  </si>
  <si>
    <t>日出町</t>
  </si>
  <si>
    <t>九重町</t>
  </si>
  <si>
    <t>玖珠町</t>
  </si>
  <si>
    <t>宮崎県</t>
  </si>
  <si>
    <t>宮崎市</t>
  </si>
  <si>
    <t>都城市</t>
  </si>
  <si>
    <t>延岡市</t>
  </si>
  <si>
    <t>日南市</t>
  </si>
  <si>
    <t>小林市</t>
  </si>
  <si>
    <t>日向市</t>
  </si>
  <si>
    <t>串間市</t>
  </si>
  <si>
    <t>西都市</t>
  </si>
  <si>
    <t>えびの市</t>
  </si>
  <si>
    <t>三股町</t>
  </si>
  <si>
    <t>高原町</t>
  </si>
  <si>
    <t>国富町</t>
  </si>
  <si>
    <t>綾町</t>
  </si>
  <si>
    <t>高鍋町</t>
  </si>
  <si>
    <t>新富町</t>
  </si>
  <si>
    <t>西米良村</t>
  </si>
  <si>
    <t>木城町</t>
  </si>
  <si>
    <t>川南町</t>
  </si>
  <si>
    <t>都農町</t>
  </si>
  <si>
    <t>門川町</t>
  </si>
  <si>
    <t>諸塚村</t>
  </si>
  <si>
    <t>椎葉村</t>
  </si>
  <si>
    <t>高千穂町</t>
  </si>
  <si>
    <t>日之影町</t>
  </si>
  <si>
    <t>五ヶ瀬町</t>
  </si>
  <si>
    <t>鹿児島県</t>
  </si>
  <si>
    <t>鹿児島市</t>
  </si>
  <si>
    <t>鹿屋市</t>
  </si>
  <si>
    <t>枕崎市</t>
  </si>
  <si>
    <t>阿久根市</t>
  </si>
  <si>
    <t>出水市</t>
  </si>
  <si>
    <t>指宿市</t>
  </si>
  <si>
    <t>西之表市</t>
  </si>
  <si>
    <t>垂水市</t>
  </si>
  <si>
    <t>薩摩川内市</t>
  </si>
  <si>
    <t>日置市</t>
  </si>
  <si>
    <t>曽於市</t>
  </si>
  <si>
    <t>霧島市</t>
  </si>
  <si>
    <t>いちき串木野市</t>
  </si>
  <si>
    <t>南さつま市</t>
  </si>
  <si>
    <t>志布志市</t>
  </si>
  <si>
    <t>奄美市</t>
  </si>
  <si>
    <t>南九州市</t>
  </si>
  <si>
    <t>伊佐市</t>
  </si>
  <si>
    <t>姶良市</t>
  </si>
  <si>
    <t>三島村</t>
  </si>
  <si>
    <t>十島村</t>
  </si>
  <si>
    <t>さつま町</t>
  </si>
  <si>
    <t>長島町</t>
  </si>
  <si>
    <t>湧水町</t>
  </si>
  <si>
    <t>大崎町</t>
  </si>
  <si>
    <t>東串良町</t>
  </si>
  <si>
    <t>錦江町</t>
  </si>
  <si>
    <t>南大隅町</t>
  </si>
  <si>
    <t>肝付町</t>
  </si>
  <si>
    <t>中種子町</t>
  </si>
  <si>
    <t>南種子町</t>
  </si>
  <si>
    <t>屋久島町</t>
  </si>
  <si>
    <t>大和村</t>
  </si>
  <si>
    <t>宇検村</t>
  </si>
  <si>
    <t>瀬戸内町</t>
  </si>
  <si>
    <t>龍郷町</t>
  </si>
  <si>
    <t>喜界町</t>
  </si>
  <si>
    <t>徳之島町</t>
  </si>
  <si>
    <t>天城町</t>
  </si>
  <si>
    <t>伊仙町</t>
  </si>
  <si>
    <t>和泊町</t>
  </si>
  <si>
    <t>知名町</t>
  </si>
  <si>
    <t>与論町</t>
  </si>
  <si>
    <t>沖縄県</t>
  </si>
  <si>
    <t>那覇市</t>
  </si>
  <si>
    <t>宜野湾市</t>
  </si>
  <si>
    <t>石垣市</t>
  </si>
  <si>
    <t>浦添市</t>
  </si>
  <si>
    <t>名護市</t>
  </si>
  <si>
    <t>糸満市</t>
  </si>
  <si>
    <t>沖縄市</t>
  </si>
  <si>
    <t>豊見城市</t>
  </si>
  <si>
    <t>うるま市</t>
  </si>
  <si>
    <t>宮古島市</t>
  </si>
  <si>
    <t>南城市</t>
  </si>
  <si>
    <t>国頭村</t>
  </si>
  <si>
    <t>大宜味村</t>
  </si>
  <si>
    <t>東村</t>
  </si>
  <si>
    <t>今帰仁村</t>
  </si>
  <si>
    <t>本部町</t>
  </si>
  <si>
    <t>恩納村</t>
  </si>
  <si>
    <t>宜野座村</t>
  </si>
  <si>
    <t>金武町</t>
  </si>
  <si>
    <t>伊江村</t>
  </si>
  <si>
    <t>読谷村</t>
  </si>
  <si>
    <t>嘉手納町</t>
  </si>
  <si>
    <t>北谷町</t>
  </si>
  <si>
    <t>北中城村</t>
  </si>
  <si>
    <t>中城村</t>
  </si>
  <si>
    <t>西原町</t>
  </si>
  <si>
    <t>与那原町</t>
  </si>
  <si>
    <t>南風原町</t>
  </si>
  <si>
    <t>渡嘉敷村</t>
  </si>
  <si>
    <t>座間味村</t>
  </si>
  <si>
    <t>粟国村</t>
  </si>
  <si>
    <t>渡名喜村</t>
  </si>
  <si>
    <t>南大東村</t>
  </si>
  <si>
    <t>北大東村</t>
  </si>
  <si>
    <t>伊平屋村</t>
  </si>
  <si>
    <t>伊是名村</t>
  </si>
  <si>
    <t>久米島町</t>
  </si>
  <si>
    <t>八重瀬町</t>
  </si>
  <si>
    <t>多良間村</t>
  </si>
  <si>
    <t>竹富町</t>
  </si>
  <si>
    <t>与那国町</t>
  </si>
  <si>
    <t>011002</t>
  </si>
  <si>
    <t>012025</t>
  </si>
  <si>
    <t>012033</t>
  </si>
  <si>
    <t>012041</t>
  </si>
  <si>
    <t>012050</t>
  </si>
  <si>
    <t>012068</t>
  </si>
  <si>
    <t>012076</t>
  </si>
  <si>
    <t>012084</t>
  </si>
  <si>
    <t>012092</t>
  </si>
  <si>
    <t>012106</t>
  </si>
  <si>
    <t>012114</t>
  </si>
  <si>
    <t>012122</t>
  </si>
  <si>
    <t>012131</t>
  </si>
  <si>
    <t>012149</t>
  </si>
  <si>
    <t>012157</t>
  </si>
  <si>
    <t>012165</t>
  </si>
  <si>
    <t>012173</t>
  </si>
  <si>
    <t>012181</t>
  </si>
  <si>
    <t>012190</t>
  </si>
  <si>
    <t>012203</t>
  </si>
  <si>
    <t>012211</t>
  </si>
  <si>
    <t>012220</t>
  </si>
  <si>
    <t>012238</t>
  </si>
  <si>
    <t>012246</t>
  </si>
  <si>
    <t>012254</t>
  </si>
  <si>
    <t>012262</t>
  </si>
  <si>
    <t>012271</t>
  </si>
  <si>
    <t>012289</t>
  </si>
  <si>
    <t>012297</t>
  </si>
  <si>
    <t>012301</t>
  </si>
  <si>
    <t>012319</t>
  </si>
  <si>
    <t>012335</t>
  </si>
  <si>
    <t>012343</t>
  </si>
  <si>
    <t>012351</t>
  </si>
  <si>
    <t>012360</t>
  </si>
  <si>
    <t>013030</t>
  </si>
  <si>
    <t>013048</t>
  </si>
  <si>
    <t>013315</t>
  </si>
  <si>
    <t>013323</t>
  </si>
  <si>
    <t>013331</t>
  </si>
  <si>
    <t>013340</t>
  </si>
  <si>
    <t>013374</t>
  </si>
  <si>
    <t>013439</t>
  </si>
  <si>
    <t>013455</t>
  </si>
  <si>
    <t>013463</t>
  </si>
  <si>
    <t>013471</t>
  </si>
  <si>
    <t>013617</t>
  </si>
  <si>
    <t>013625</t>
  </si>
  <si>
    <t>013633</t>
  </si>
  <si>
    <t>013641</t>
  </si>
  <si>
    <t>013676</t>
  </si>
  <si>
    <t>013706</t>
  </si>
  <si>
    <t>013714</t>
  </si>
  <si>
    <t>013919</t>
  </si>
  <si>
    <t>013927</t>
  </si>
  <si>
    <t>013935</t>
  </si>
  <si>
    <t>013943</t>
  </si>
  <si>
    <t>013951</t>
  </si>
  <si>
    <t>013960</t>
  </si>
  <si>
    <t>013978</t>
  </si>
  <si>
    <t>013986</t>
  </si>
  <si>
    <t>013994</t>
  </si>
  <si>
    <t>014001</t>
  </si>
  <si>
    <t>014010</t>
  </si>
  <si>
    <t>014028</t>
  </si>
  <si>
    <t>014036</t>
  </si>
  <si>
    <t>014044</t>
  </si>
  <si>
    <t>014052</t>
  </si>
  <si>
    <t>014061</t>
  </si>
  <si>
    <t>014079</t>
  </si>
  <si>
    <t>014087</t>
  </si>
  <si>
    <t>014095</t>
  </si>
  <si>
    <t>014231</t>
  </si>
  <si>
    <t>014249</t>
  </si>
  <si>
    <t>014257</t>
  </si>
  <si>
    <t>014273</t>
  </si>
  <si>
    <t>014281</t>
  </si>
  <si>
    <t>014290</t>
  </si>
  <si>
    <t>014303</t>
  </si>
  <si>
    <t>014311</t>
  </si>
  <si>
    <t>014320</t>
  </si>
  <si>
    <t>014338</t>
  </si>
  <si>
    <t>014346</t>
  </si>
  <si>
    <t>014362</t>
  </si>
  <si>
    <t>014371</t>
  </si>
  <si>
    <t>014389</t>
  </si>
  <si>
    <t>014524</t>
  </si>
  <si>
    <t>014532</t>
  </si>
  <si>
    <t>014541</t>
  </si>
  <si>
    <t>014559</t>
  </si>
  <si>
    <t>014567</t>
  </si>
  <si>
    <t>014575</t>
  </si>
  <si>
    <t>014583</t>
  </si>
  <si>
    <t>014591</t>
  </si>
  <si>
    <t>014605</t>
  </si>
  <si>
    <t>014613</t>
  </si>
  <si>
    <t>014621</t>
  </si>
  <si>
    <t>014630</t>
  </si>
  <si>
    <t>014648</t>
  </si>
  <si>
    <t>014656</t>
  </si>
  <si>
    <t>014681</t>
  </si>
  <si>
    <t>014699</t>
  </si>
  <si>
    <t>014702</t>
  </si>
  <si>
    <t>014711</t>
  </si>
  <si>
    <t>014729</t>
  </si>
  <si>
    <t>014818</t>
  </si>
  <si>
    <t>014826</t>
  </si>
  <si>
    <t>014834</t>
  </si>
  <si>
    <t>014842</t>
  </si>
  <si>
    <t>014851</t>
  </si>
  <si>
    <t>014869</t>
  </si>
  <si>
    <t>014877</t>
  </si>
  <si>
    <t>015113</t>
  </si>
  <si>
    <t>015121</t>
  </si>
  <si>
    <t>015130</t>
  </si>
  <si>
    <t>015148</t>
  </si>
  <si>
    <t>015164</t>
  </si>
  <si>
    <t>015172</t>
  </si>
  <si>
    <t>015181</t>
  </si>
  <si>
    <t>015199</t>
  </si>
  <si>
    <t>015202</t>
  </si>
  <si>
    <t>015431</t>
  </si>
  <si>
    <t>015440</t>
  </si>
  <si>
    <t>015458</t>
  </si>
  <si>
    <t>015466</t>
  </si>
  <si>
    <t>015474</t>
  </si>
  <si>
    <t>015491</t>
  </si>
  <si>
    <t>015504</t>
  </si>
  <si>
    <t>015521</t>
  </si>
  <si>
    <t>015555</t>
  </si>
  <si>
    <t>015598</t>
  </si>
  <si>
    <t>015601</t>
  </si>
  <si>
    <t>015610</t>
  </si>
  <si>
    <t>015628</t>
  </si>
  <si>
    <t>015636</t>
  </si>
  <si>
    <t>015644</t>
  </si>
  <si>
    <t>015717</t>
  </si>
  <si>
    <t>015750</t>
  </si>
  <si>
    <t>015784</t>
  </si>
  <si>
    <t>015814</t>
  </si>
  <si>
    <t>015849</t>
  </si>
  <si>
    <t>015857</t>
  </si>
  <si>
    <t>015865</t>
  </si>
  <si>
    <t>016012</t>
  </si>
  <si>
    <t>016021</t>
  </si>
  <si>
    <t>016047</t>
  </si>
  <si>
    <t>016071</t>
  </si>
  <si>
    <t>016080</t>
  </si>
  <si>
    <t>016098</t>
  </si>
  <si>
    <t>016101</t>
  </si>
  <si>
    <t>016314</t>
  </si>
  <si>
    <t>016322</t>
  </si>
  <si>
    <t>016331</t>
  </si>
  <si>
    <t>016349</t>
  </si>
  <si>
    <t>016357</t>
  </si>
  <si>
    <t>016365</t>
  </si>
  <si>
    <t>016373</t>
  </si>
  <si>
    <t>016381</t>
  </si>
  <si>
    <t>016390</t>
  </si>
  <si>
    <t>016411</t>
  </si>
  <si>
    <t>016420</t>
  </si>
  <si>
    <t>016438</t>
  </si>
  <si>
    <t>016446</t>
  </si>
  <si>
    <t>016454</t>
  </si>
  <si>
    <t>016462</t>
  </si>
  <si>
    <t>016471</t>
  </si>
  <si>
    <t>016489</t>
  </si>
  <si>
    <t>016497</t>
  </si>
  <si>
    <t>016616</t>
  </si>
  <si>
    <t>016624</t>
  </si>
  <si>
    <t>016632</t>
  </si>
  <si>
    <t>016641</t>
  </si>
  <si>
    <t>016659</t>
  </si>
  <si>
    <t>016675</t>
  </si>
  <si>
    <t>016683</t>
  </si>
  <si>
    <t>016918</t>
  </si>
  <si>
    <t>016926</t>
  </si>
  <si>
    <t>016934</t>
  </si>
  <si>
    <t>016942</t>
  </si>
  <si>
    <t>都道府県名
（漢字）市区町村名
（漢字）</t>
  </si>
  <si>
    <t>団体コード</t>
    <rPh sb="0" eb="2">
      <t>ダンタイ</t>
    </rPh>
    <phoneticPr fontId="1"/>
  </si>
  <si>
    <t>北海道札幌市</t>
  </si>
  <si>
    <t>北海道函館市</t>
  </si>
  <si>
    <t>北海道小樽市</t>
  </si>
  <si>
    <t>北海道旭川市</t>
  </si>
  <si>
    <t>北海道室蘭市</t>
  </si>
  <si>
    <t>北海道釧路市</t>
  </si>
  <si>
    <t>北海道帯広市</t>
  </si>
  <si>
    <t>北海道北見市</t>
  </si>
  <si>
    <t>北海道夕張市</t>
  </si>
  <si>
    <t>北海道岩見沢市</t>
  </si>
  <si>
    <t>北海道網走市</t>
  </si>
  <si>
    <t>北海道留萌市</t>
  </si>
  <si>
    <t>北海道苫小牧市</t>
  </si>
  <si>
    <t>北海道稚内市</t>
  </si>
  <si>
    <t>北海道美唄市</t>
  </si>
  <si>
    <t>北海道芦別市</t>
  </si>
  <si>
    <t>北海道江別市</t>
  </si>
  <si>
    <t>北海道赤平市</t>
  </si>
  <si>
    <t>北海道紋別市</t>
  </si>
  <si>
    <t>北海道士別市</t>
  </si>
  <si>
    <t>北海道名寄市</t>
  </si>
  <si>
    <t>北海道三笠市</t>
  </si>
  <si>
    <t>北海道根室市</t>
  </si>
  <si>
    <t>北海道千歳市</t>
  </si>
  <si>
    <t>北海道滝川市</t>
  </si>
  <si>
    <t>北海道砂川市</t>
  </si>
  <si>
    <t>北海道歌志内市</t>
  </si>
  <si>
    <t>北海道深川市</t>
  </si>
  <si>
    <t>北海道富良野市</t>
  </si>
  <si>
    <t>北海道登別市</t>
  </si>
  <si>
    <t>北海道恵庭市</t>
  </si>
  <si>
    <t>北海道伊達市</t>
  </si>
  <si>
    <t>北海道北広島市</t>
  </si>
  <si>
    <t>北海道石狩市</t>
  </si>
  <si>
    <t>北海道北斗市</t>
  </si>
  <si>
    <t>北海道当別町</t>
  </si>
  <si>
    <t>北海道新篠津村</t>
  </si>
  <si>
    <t>北海道松前町</t>
  </si>
  <si>
    <t>北海道福島町</t>
  </si>
  <si>
    <t>北海道知内町</t>
  </si>
  <si>
    <t>北海道木古内町</t>
  </si>
  <si>
    <t>北海道七飯町</t>
  </si>
  <si>
    <t>北海道鹿部町</t>
  </si>
  <si>
    <t>北海道森町</t>
  </si>
  <si>
    <t>北海道八雲町</t>
  </si>
  <si>
    <t>北海道長万部町</t>
  </si>
  <si>
    <t>北海道江差町</t>
  </si>
  <si>
    <t>北海道上ノ国町</t>
  </si>
  <si>
    <t>北海道厚沢部町</t>
  </si>
  <si>
    <t>北海道乙部町</t>
  </si>
  <si>
    <t>北海道奥尻町</t>
  </si>
  <si>
    <t>北海道今金町</t>
  </si>
  <si>
    <t>北海道せたな町</t>
  </si>
  <si>
    <t>北海道島牧村</t>
  </si>
  <si>
    <t>北海道寿都町</t>
  </si>
  <si>
    <t>北海道黒松内町</t>
  </si>
  <si>
    <t>北海道蘭越町</t>
  </si>
  <si>
    <t>北海道ニセコ町</t>
  </si>
  <si>
    <t>北海道真狩村</t>
  </si>
  <si>
    <t>北海道留寿都村</t>
  </si>
  <si>
    <t>北海道喜茂別町</t>
  </si>
  <si>
    <t>北海道京極町</t>
  </si>
  <si>
    <t>北海道倶知安町</t>
  </si>
  <si>
    <t>北海道共和町</t>
  </si>
  <si>
    <t>北海道岩内町</t>
  </si>
  <si>
    <t>北海道泊村</t>
  </si>
  <si>
    <t>北海道神恵内村</t>
  </si>
  <si>
    <t>北海道積丹町</t>
  </si>
  <si>
    <t>北海道古平町</t>
  </si>
  <si>
    <t>北海道仁木町</t>
  </si>
  <si>
    <t>北海道余市町</t>
  </si>
  <si>
    <t>北海道赤井川村</t>
  </si>
  <si>
    <t>北海道南幌町</t>
  </si>
  <si>
    <t>北海道奈井江町</t>
  </si>
  <si>
    <t>北海道上砂川町</t>
  </si>
  <si>
    <t>北海道由仁町</t>
  </si>
  <si>
    <t>北海道長沼町</t>
  </si>
  <si>
    <t>北海道栗山町</t>
  </si>
  <si>
    <t>北海道月形町</t>
  </si>
  <si>
    <t>北海道浦臼町</t>
  </si>
  <si>
    <t>北海道新十津川町</t>
  </si>
  <si>
    <t>北海道妹背牛町</t>
  </si>
  <si>
    <t>北海道秩父別町</t>
  </si>
  <si>
    <t>北海道雨竜町</t>
  </si>
  <si>
    <t>北海道北竜町</t>
  </si>
  <si>
    <t>北海道沼田町</t>
  </si>
  <si>
    <t>北海道鷹栖町</t>
  </si>
  <si>
    <t>北海道東神楽町</t>
  </si>
  <si>
    <t>北海道当麻町</t>
  </si>
  <si>
    <t>北海道比布町</t>
  </si>
  <si>
    <t>北海道愛別町</t>
  </si>
  <si>
    <t>北海道上川町</t>
  </si>
  <si>
    <t>北海道東川町</t>
  </si>
  <si>
    <t>北海道美瑛町</t>
  </si>
  <si>
    <t>北海道上富良野町</t>
  </si>
  <si>
    <t>北海道中富良野町</t>
  </si>
  <si>
    <t>北海道南富良野町</t>
  </si>
  <si>
    <t>北海道占冠村</t>
  </si>
  <si>
    <t>北海道和寒町</t>
  </si>
  <si>
    <t>北海道剣淵町</t>
  </si>
  <si>
    <t>北海道下川町</t>
  </si>
  <si>
    <t>北海道美深町</t>
  </si>
  <si>
    <t>北海道音威子府村</t>
  </si>
  <si>
    <t>北海道中川町</t>
  </si>
  <si>
    <t>北海道幌加内町</t>
  </si>
  <si>
    <t>北海道増毛町</t>
  </si>
  <si>
    <t>北海道小平町</t>
  </si>
  <si>
    <t>北海道苫前町</t>
  </si>
  <si>
    <t>北海道羽幌町</t>
  </si>
  <si>
    <t>北海道初山別村</t>
  </si>
  <si>
    <t>北海道遠別町</t>
  </si>
  <si>
    <t>北海道天塩町</t>
  </si>
  <si>
    <t>北海道猿払村</t>
  </si>
  <si>
    <t>北海道浜頓別町</t>
  </si>
  <si>
    <t>北海道中頓別町</t>
  </si>
  <si>
    <t>北海道枝幸町</t>
  </si>
  <si>
    <t>北海道豊富町</t>
  </si>
  <si>
    <t>北海道礼文町</t>
  </si>
  <si>
    <t>北海道利尻町</t>
  </si>
  <si>
    <t>北海道利尻富士町</t>
  </si>
  <si>
    <t>北海道幌延町</t>
  </si>
  <si>
    <t>北海道美幌町</t>
  </si>
  <si>
    <t>北海道津別町</t>
  </si>
  <si>
    <t>北海道斜里町</t>
  </si>
  <si>
    <t>北海道清里町</t>
  </si>
  <si>
    <t>北海道小清水町</t>
  </si>
  <si>
    <t>北海道訓子府町</t>
  </si>
  <si>
    <t>北海道置戸町</t>
  </si>
  <si>
    <t>北海道佐呂間町</t>
  </si>
  <si>
    <t>北海道遠軽町</t>
  </si>
  <si>
    <t>北海道湧別町</t>
  </si>
  <si>
    <t>北海道滝上町</t>
  </si>
  <si>
    <t>北海道興部町</t>
  </si>
  <si>
    <t>北海道西興部村</t>
  </si>
  <si>
    <t>北海道雄武町</t>
  </si>
  <si>
    <t>北海道大空町</t>
  </si>
  <si>
    <t>北海道豊浦町</t>
  </si>
  <si>
    <t>北海道壮瞥町</t>
  </si>
  <si>
    <t>北海道白老町</t>
  </si>
  <si>
    <t>北海道厚真町</t>
  </si>
  <si>
    <t>北海道洞爺湖町</t>
  </si>
  <si>
    <t>北海道安平町</t>
  </si>
  <si>
    <t>北海道むかわ町</t>
  </si>
  <si>
    <t>北海道日高町</t>
  </si>
  <si>
    <t>北海道平取町</t>
  </si>
  <si>
    <t>北海道新冠町</t>
  </si>
  <si>
    <t>北海道浦河町</t>
  </si>
  <si>
    <t>北海道様似町</t>
  </si>
  <si>
    <t>北海道えりも町</t>
  </si>
  <si>
    <t>北海道新ひだか町</t>
  </si>
  <si>
    <t>北海道音更町</t>
  </si>
  <si>
    <t>北海道士幌町</t>
  </si>
  <si>
    <t>北海道上士幌町</t>
  </si>
  <si>
    <t>北海道鹿追町</t>
  </si>
  <si>
    <t>北海道新得町</t>
  </si>
  <si>
    <t>北海道清水町</t>
  </si>
  <si>
    <t>北海道芽室町</t>
  </si>
  <si>
    <t>北海道中札内村</t>
  </si>
  <si>
    <t>北海道更別村</t>
  </si>
  <si>
    <t>北海道大樹町</t>
  </si>
  <si>
    <t>北海道広尾町</t>
  </si>
  <si>
    <t>北海道幕別町</t>
  </si>
  <si>
    <t>北海道池田町</t>
  </si>
  <si>
    <t>北海道豊頃町</t>
  </si>
  <si>
    <t>北海道本別町</t>
  </si>
  <si>
    <t>北海道足寄町</t>
  </si>
  <si>
    <t>北海道陸別町</t>
  </si>
  <si>
    <t>北海道浦幌町</t>
  </si>
  <si>
    <t>北海道釧路町</t>
  </si>
  <si>
    <t>北海道厚岸町</t>
  </si>
  <si>
    <t>北海道浜中町</t>
  </si>
  <si>
    <t>北海道標茶町</t>
  </si>
  <si>
    <t>北海道弟子屈町</t>
  </si>
  <si>
    <t>北海道鶴居村</t>
  </si>
  <si>
    <t>北海道白糠町</t>
  </si>
  <si>
    <t>北海道別海町</t>
  </si>
  <si>
    <t>北海道中標津町</t>
  </si>
  <si>
    <t>北海道標津町</t>
  </si>
  <si>
    <t>北海道羅臼町</t>
  </si>
  <si>
    <t>青森県青森市</t>
  </si>
  <si>
    <t>022012</t>
  </si>
  <si>
    <t>青森県弘前市</t>
  </si>
  <si>
    <t>022021</t>
  </si>
  <si>
    <t>青森県八戸市</t>
  </si>
  <si>
    <t>022039</t>
  </si>
  <si>
    <t>青森県黒石市</t>
  </si>
  <si>
    <t>022047</t>
  </si>
  <si>
    <t>青森県五所川原市</t>
  </si>
  <si>
    <t>022055</t>
  </si>
  <si>
    <t>青森県十和田市</t>
  </si>
  <si>
    <t>022063</t>
  </si>
  <si>
    <t>青森県三沢市</t>
  </si>
  <si>
    <t>022071</t>
  </si>
  <si>
    <t>青森県むつ市</t>
  </si>
  <si>
    <t>022080</t>
  </si>
  <si>
    <t>青森県つがる市</t>
  </si>
  <si>
    <t>022098</t>
  </si>
  <si>
    <t>青森県平川市</t>
  </si>
  <si>
    <t>022101</t>
  </si>
  <si>
    <t>青森県平内町</t>
  </si>
  <si>
    <t>023019</t>
  </si>
  <si>
    <t>青森県今別町</t>
  </si>
  <si>
    <t>023035</t>
  </si>
  <si>
    <t>青森県蓬田村</t>
  </si>
  <si>
    <t>023043</t>
  </si>
  <si>
    <t>青森県外ヶ浜町</t>
  </si>
  <si>
    <t>023078</t>
  </si>
  <si>
    <t>青森県鰺ヶ沢町</t>
  </si>
  <si>
    <t>023213</t>
  </si>
  <si>
    <t>青森県深浦町</t>
  </si>
  <si>
    <t>023230</t>
  </si>
  <si>
    <t>青森県西目屋村</t>
  </si>
  <si>
    <t>023434</t>
  </si>
  <si>
    <t>青森県藤崎町</t>
  </si>
  <si>
    <t>023612</t>
  </si>
  <si>
    <t>青森県大鰐町</t>
  </si>
  <si>
    <t>023621</t>
  </si>
  <si>
    <t>青森県田舎館村</t>
  </si>
  <si>
    <t>023671</t>
  </si>
  <si>
    <t>青森県板柳町</t>
  </si>
  <si>
    <t>023817</t>
  </si>
  <si>
    <t>青森県鶴田町</t>
  </si>
  <si>
    <t>023841</t>
  </si>
  <si>
    <t>青森県中泊町</t>
  </si>
  <si>
    <t>023876</t>
  </si>
  <si>
    <t>青森県野辺地町</t>
  </si>
  <si>
    <t>024015</t>
  </si>
  <si>
    <t>青森県七戸町</t>
  </si>
  <si>
    <t>024023</t>
  </si>
  <si>
    <t>青森県六戸町</t>
  </si>
  <si>
    <t>024058</t>
  </si>
  <si>
    <t>青森県横浜町</t>
  </si>
  <si>
    <t>024066</t>
  </si>
  <si>
    <t>青森県東北町</t>
  </si>
  <si>
    <t>024082</t>
  </si>
  <si>
    <t>青森県六ヶ所村</t>
  </si>
  <si>
    <t>024112</t>
  </si>
  <si>
    <t>青森県おいらせ町</t>
  </si>
  <si>
    <t>024121</t>
  </si>
  <si>
    <t>青森県大間町</t>
  </si>
  <si>
    <t>024236</t>
  </si>
  <si>
    <t>青森県東通村</t>
  </si>
  <si>
    <t>024244</t>
  </si>
  <si>
    <t>青森県風間浦村</t>
  </si>
  <si>
    <t>024252</t>
  </si>
  <si>
    <t>青森県佐井村</t>
  </si>
  <si>
    <t>024261</t>
  </si>
  <si>
    <t>青森県三戸町</t>
  </si>
  <si>
    <t>024414</t>
  </si>
  <si>
    <t>青森県五戸町</t>
  </si>
  <si>
    <t>024422</t>
  </si>
  <si>
    <t>青森県田子町</t>
  </si>
  <si>
    <t>024431</t>
  </si>
  <si>
    <t>青森県南部町</t>
  </si>
  <si>
    <t>024457</t>
  </si>
  <si>
    <t>青森県階上町</t>
  </si>
  <si>
    <t>024465</t>
  </si>
  <si>
    <t>青森県新郷村</t>
  </si>
  <si>
    <t>024503</t>
  </si>
  <si>
    <t>岩手県盛岡市</t>
  </si>
  <si>
    <t>032018</t>
  </si>
  <si>
    <t>岩手県宮古市</t>
  </si>
  <si>
    <t>032026</t>
  </si>
  <si>
    <t>岩手県大船渡市</t>
  </si>
  <si>
    <t>032034</t>
  </si>
  <si>
    <t>岩手県花巻市</t>
  </si>
  <si>
    <t>032051</t>
  </si>
  <si>
    <t>岩手県北上市</t>
  </si>
  <si>
    <t>032069</t>
  </si>
  <si>
    <t>岩手県久慈市</t>
  </si>
  <si>
    <t>032077</t>
  </si>
  <si>
    <t>岩手県遠野市</t>
  </si>
  <si>
    <t>032085</t>
  </si>
  <si>
    <t>岩手県一関市</t>
  </si>
  <si>
    <t>032093</t>
  </si>
  <si>
    <t>岩手県陸前高田市</t>
  </si>
  <si>
    <t>032107</t>
  </si>
  <si>
    <t>岩手県釜石市</t>
  </si>
  <si>
    <t>032115</t>
  </si>
  <si>
    <t>岩手県二戸市</t>
  </si>
  <si>
    <t>032131</t>
  </si>
  <si>
    <t>岩手県八幡平市</t>
  </si>
  <si>
    <t>032140</t>
  </si>
  <si>
    <t>岩手県奥州市</t>
  </si>
  <si>
    <t>032158</t>
  </si>
  <si>
    <t>岩手県滝沢市</t>
  </si>
  <si>
    <t>032166</t>
  </si>
  <si>
    <t>岩手県雫石町</t>
  </si>
  <si>
    <t>033014</t>
  </si>
  <si>
    <t>岩手県葛巻町</t>
  </si>
  <si>
    <t>033022</t>
  </si>
  <si>
    <t>岩手県岩手町</t>
  </si>
  <si>
    <t>033031</t>
  </si>
  <si>
    <t>岩手県紫波町</t>
  </si>
  <si>
    <t>033219</t>
  </si>
  <si>
    <t>岩手県矢巾町</t>
  </si>
  <si>
    <t>033227</t>
  </si>
  <si>
    <t>岩手県西和賀町</t>
  </si>
  <si>
    <t>033669</t>
  </si>
  <si>
    <t>岩手県金ケ崎町</t>
  </si>
  <si>
    <t>033812</t>
  </si>
  <si>
    <t>岩手県平泉町</t>
  </si>
  <si>
    <t>034029</t>
  </si>
  <si>
    <t>岩手県住田町</t>
  </si>
  <si>
    <t>034410</t>
  </si>
  <si>
    <t>岩手県大槌町</t>
  </si>
  <si>
    <t>034614</t>
  </si>
  <si>
    <t>岩手県山田町</t>
  </si>
  <si>
    <t>034827</t>
  </si>
  <si>
    <t>岩手県岩泉町</t>
  </si>
  <si>
    <t>034835</t>
  </si>
  <si>
    <t>岩手県田野畑村</t>
  </si>
  <si>
    <t>034843</t>
  </si>
  <si>
    <t>岩手県普代村</t>
  </si>
  <si>
    <t>034851</t>
  </si>
  <si>
    <t>岩手県軽米町</t>
  </si>
  <si>
    <t>035017</t>
  </si>
  <si>
    <t>岩手県野田村</t>
  </si>
  <si>
    <t>035033</t>
  </si>
  <si>
    <t>岩手県九戸村</t>
  </si>
  <si>
    <t>035068</t>
  </si>
  <si>
    <t>岩手県洋野町</t>
  </si>
  <si>
    <t>035076</t>
  </si>
  <si>
    <t>岩手県一戸町</t>
  </si>
  <si>
    <t>035246</t>
  </si>
  <si>
    <t>宮城県仙台市</t>
  </si>
  <si>
    <t>041009</t>
  </si>
  <si>
    <t>宮城県石巻市</t>
  </si>
  <si>
    <t>042021</t>
  </si>
  <si>
    <t>宮城県塩竈市</t>
  </si>
  <si>
    <t>042030</t>
  </si>
  <si>
    <t>宮城県気仙沼市</t>
  </si>
  <si>
    <t>042056</t>
  </si>
  <si>
    <t>宮城県白石市</t>
  </si>
  <si>
    <t>042064</t>
  </si>
  <si>
    <t>宮城県名取市</t>
  </si>
  <si>
    <t>042072</t>
  </si>
  <si>
    <t>宮城県角田市</t>
  </si>
  <si>
    <t>042081</t>
  </si>
  <si>
    <t>宮城県多賀城市</t>
  </si>
  <si>
    <t>042099</t>
  </si>
  <si>
    <t>宮城県岩沼市</t>
  </si>
  <si>
    <t>042111</t>
  </si>
  <si>
    <t>宮城県登米市</t>
  </si>
  <si>
    <t>042129</t>
  </si>
  <si>
    <t>宮城県栗原市</t>
  </si>
  <si>
    <t>042137</t>
  </si>
  <si>
    <t>宮城県東松島市</t>
  </si>
  <si>
    <t>042145</t>
  </si>
  <si>
    <t>宮城県大崎市</t>
  </si>
  <si>
    <t>042153</t>
  </si>
  <si>
    <t>宮城県富谷市</t>
  </si>
  <si>
    <t>042161</t>
  </si>
  <si>
    <t>宮城県蔵王町</t>
  </si>
  <si>
    <t>043010</t>
  </si>
  <si>
    <t>宮城県七ヶ宿町</t>
  </si>
  <si>
    <t>043028</t>
  </si>
  <si>
    <t>宮城県大河原町</t>
  </si>
  <si>
    <t>043214</t>
  </si>
  <si>
    <t>宮城県村田町</t>
  </si>
  <si>
    <t>043222</t>
  </si>
  <si>
    <t>宮城県柴田町</t>
  </si>
  <si>
    <t>043231</t>
  </si>
  <si>
    <t>宮城県川崎町</t>
  </si>
  <si>
    <t>043249</t>
  </si>
  <si>
    <t>宮城県丸森町</t>
  </si>
  <si>
    <t>043419</t>
  </si>
  <si>
    <t>宮城県亘理町</t>
  </si>
  <si>
    <t>043613</t>
  </si>
  <si>
    <t>宮城県山元町</t>
  </si>
  <si>
    <t>043621</t>
  </si>
  <si>
    <t>宮城県松島町</t>
  </si>
  <si>
    <t>044016</t>
  </si>
  <si>
    <t>宮城県七ヶ浜町</t>
  </si>
  <si>
    <t>044041</t>
  </si>
  <si>
    <t>宮城県利府町</t>
  </si>
  <si>
    <t>044067</t>
  </si>
  <si>
    <t>宮城県大和町</t>
  </si>
  <si>
    <t>044211</t>
  </si>
  <si>
    <t>宮城県大郷町</t>
  </si>
  <si>
    <t>044229</t>
  </si>
  <si>
    <t>宮城県大衡村</t>
  </si>
  <si>
    <t>044245</t>
  </si>
  <si>
    <t>宮城県色麻町</t>
  </si>
  <si>
    <t>044440</t>
  </si>
  <si>
    <t>宮城県加美町</t>
  </si>
  <si>
    <t>044458</t>
  </si>
  <si>
    <t>宮城県涌谷町</t>
  </si>
  <si>
    <t>045012</t>
  </si>
  <si>
    <t>宮城県美里町</t>
  </si>
  <si>
    <t>045055</t>
  </si>
  <si>
    <t>宮城県女川町</t>
  </si>
  <si>
    <t>045811</t>
  </si>
  <si>
    <t>宮城県南三陸町</t>
  </si>
  <si>
    <t>046060</t>
  </si>
  <si>
    <t>秋田県秋田市</t>
  </si>
  <si>
    <t>052019</t>
  </si>
  <si>
    <t>秋田県能代市</t>
  </si>
  <si>
    <t>052027</t>
  </si>
  <si>
    <t>秋田県横手市</t>
  </si>
  <si>
    <t>052035</t>
  </si>
  <si>
    <t>秋田県大館市</t>
  </si>
  <si>
    <t>052043</t>
  </si>
  <si>
    <t>秋田県男鹿市</t>
  </si>
  <si>
    <t>052060</t>
  </si>
  <si>
    <t>秋田県湯沢市</t>
  </si>
  <si>
    <t>052078</t>
  </si>
  <si>
    <t>秋田県鹿角市</t>
  </si>
  <si>
    <t>052094</t>
  </si>
  <si>
    <t>秋田県由利本荘市</t>
  </si>
  <si>
    <t>052108</t>
  </si>
  <si>
    <t>秋田県潟上市</t>
  </si>
  <si>
    <t>052116</t>
  </si>
  <si>
    <t>秋田県大仙市</t>
  </si>
  <si>
    <t>052124</t>
  </si>
  <si>
    <t>秋田県北秋田市</t>
  </si>
  <si>
    <t>052132</t>
  </si>
  <si>
    <t>秋田県にかほ市</t>
  </si>
  <si>
    <t>052141</t>
  </si>
  <si>
    <t>秋田県仙北市</t>
  </si>
  <si>
    <t>052159</t>
  </si>
  <si>
    <t>秋田県小坂町</t>
  </si>
  <si>
    <t>053031</t>
  </si>
  <si>
    <t>秋田県上小阿仁村</t>
  </si>
  <si>
    <t>053279</t>
  </si>
  <si>
    <t>秋田県藤里町</t>
  </si>
  <si>
    <t>053465</t>
  </si>
  <si>
    <t>秋田県三種町</t>
  </si>
  <si>
    <t>053481</t>
  </si>
  <si>
    <t>秋田県八峰町</t>
  </si>
  <si>
    <t>053490</t>
  </si>
  <si>
    <t>秋田県五城目町</t>
  </si>
  <si>
    <t>053619</t>
  </si>
  <si>
    <t>秋田県八郎潟町</t>
  </si>
  <si>
    <t>053635</t>
  </si>
  <si>
    <t>秋田県井川町</t>
  </si>
  <si>
    <t>053660</t>
  </si>
  <si>
    <t>秋田県大潟村</t>
  </si>
  <si>
    <t>053686</t>
  </si>
  <si>
    <t>秋田県美郷町</t>
  </si>
  <si>
    <t>054348</t>
  </si>
  <si>
    <t>秋田県羽後町</t>
  </si>
  <si>
    <t>054631</t>
  </si>
  <si>
    <t>秋田県東成瀬村</t>
  </si>
  <si>
    <t>054640</t>
  </si>
  <si>
    <t>山形県山形市</t>
  </si>
  <si>
    <t>062014</t>
  </si>
  <si>
    <t>山形県米沢市</t>
  </si>
  <si>
    <t>062022</t>
  </si>
  <si>
    <t>山形県鶴岡市</t>
  </si>
  <si>
    <t>062031</t>
  </si>
  <si>
    <t>山形県酒田市</t>
  </si>
  <si>
    <t>062049</t>
  </si>
  <si>
    <t>山形県新庄市</t>
  </si>
  <si>
    <t>062057</t>
  </si>
  <si>
    <t>山形県寒河江市</t>
  </si>
  <si>
    <t>062065</t>
  </si>
  <si>
    <t>山形県上山市</t>
  </si>
  <si>
    <t>062073</t>
  </si>
  <si>
    <t>山形県村山市</t>
  </si>
  <si>
    <t>062081</t>
  </si>
  <si>
    <t>山形県長井市</t>
  </si>
  <si>
    <t>062090</t>
  </si>
  <si>
    <t>山形県天童市</t>
  </si>
  <si>
    <t>062103</t>
  </si>
  <si>
    <t>山形県東根市</t>
  </si>
  <si>
    <t>062111</t>
  </si>
  <si>
    <t>山形県尾花沢市</t>
  </si>
  <si>
    <t>062120</t>
  </si>
  <si>
    <t>山形県南陽市</t>
  </si>
  <si>
    <t>062138</t>
  </si>
  <si>
    <t>山形県山辺町</t>
  </si>
  <si>
    <t>063011</t>
  </si>
  <si>
    <t>山形県中山町</t>
  </si>
  <si>
    <t>063029</t>
  </si>
  <si>
    <t>山形県河北町</t>
  </si>
  <si>
    <t>063215</t>
  </si>
  <si>
    <t>山形県西川町</t>
  </si>
  <si>
    <t>063223</t>
  </si>
  <si>
    <t>山形県朝日町</t>
  </si>
  <si>
    <t>063231</t>
  </si>
  <si>
    <t>山形県大江町</t>
  </si>
  <si>
    <t>063240</t>
  </si>
  <si>
    <t>山形県大石田町</t>
  </si>
  <si>
    <t>063410</t>
  </si>
  <si>
    <t>山形県金山町</t>
  </si>
  <si>
    <t>063614</t>
  </si>
  <si>
    <t>山形県最上町</t>
  </si>
  <si>
    <t>063622</t>
  </si>
  <si>
    <t>山形県舟形町</t>
  </si>
  <si>
    <t>063631</t>
  </si>
  <si>
    <t>山形県真室川町</t>
  </si>
  <si>
    <t>063649</t>
  </si>
  <si>
    <t>山形県大蔵村</t>
  </si>
  <si>
    <t>063657</t>
  </si>
  <si>
    <t>山形県鮭川村</t>
  </si>
  <si>
    <t>063665</t>
  </si>
  <si>
    <t>山形県戸沢村</t>
  </si>
  <si>
    <t>063673</t>
  </si>
  <si>
    <t>山形県高畠町</t>
  </si>
  <si>
    <t>063819</t>
  </si>
  <si>
    <t>山形県川西町</t>
  </si>
  <si>
    <t>063827</t>
  </si>
  <si>
    <t>山形県小国町</t>
  </si>
  <si>
    <t>064017</t>
  </si>
  <si>
    <t>山形県白鷹町</t>
  </si>
  <si>
    <t>064025</t>
  </si>
  <si>
    <t>山形県飯豊町</t>
  </si>
  <si>
    <t>064033</t>
  </si>
  <si>
    <t>山形県三川町</t>
  </si>
  <si>
    <t>064262</t>
  </si>
  <si>
    <t>山形県庄内町</t>
  </si>
  <si>
    <t>064289</t>
  </si>
  <si>
    <t>山形県遊佐町</t>
  </si>
  <si>
    <t>064611</t>
  </si>
  <si>
    <t>福島県福島市</t>
  </si>
  <si>
    <t>072010</t>
  </si>
  <si>
    <t>福島県会津若松市</t>
  </si>
  <si>
    <t>072028</t>
  </si>
  <si>
    <t>福島県郡山市</t>
  </si>
  <si>
    <t>072036</t>
  </si>
  <si>
    <t>福島県いわき市</t>
  </si>
  <si>
    <t>072044</t>
  </si>
  <si>
    <t>福島県白河市</t>
  </si>
  <si>
    <t>072052</t>
  </si>
  <si>
    <t>福島県須賀川市</t>
  </si>
  <si>
    <t>072079</t>
  </si>
  <si>
    <t>福島県喜多方市</t>
  </si>
  <si>
    <t>072087</t>
  </si>
  <si>
    <t>福島県相馬市</t>
  </si>
  <si>
    <t>072095</t>
  </si>
  <si>
    <t>福島県二本松市</t>
  </si>
  <si>
    <t>072109</t>
  </si>
  <si>
    <t>福島県田村市</t>
  </si>
  <si>
    <t>072117</t>
  </si>
  <si>
    <t>福島県南相馬市</t>
  </si>
  <si>
    <t>072125</t>
  </si>
  <si>
    <t>福島県伊達市</t>
  </si>
  <si>
    <t>072133</t>
  </si>
  <si>
    <t>福島県本宮市</t>
  </si>
  <si>
    <t>072141</t>
  </si>
  <si>
    <t>福島県桑折町</t>
  </si>
  <si>
    <t>073016</t>
  </si>
  <si>
    <t>福島県国見町</t>
  </si>
  <si>
    <t>073032</t>
  </si>
  <si>
    <t>福島県川俣町</t>
  </si>
  <si>
    <t>073083</t>
  </si>
  <si>
    <t>福島県大玉村</t>
  </si>
  <si>
    <t>073229</t>
  </si>
  <si>
    <t>福島県鏡石町</t>
  </si>
  <si>
    <t>073423</t>
  </si>
  <si>
    <t>福島県天栄村</t>
  </si>
  <si>
    <t>073440</t>
  </si>
  <si>
    <t>福島県下郷町</t>
  </si>
  <si>
    <t>073628</t>
  </si>
  <si>
    <t>福島県檜枝岐村</t>
  </si>
  <si>
    <t>073644</t>
  </si>
  <si>
    <t>福島県只見町</t>
  </si>
  <si>
    <t>073679</t>
  </si>
  <si>
    <t>福島県南会津町</t>
  </si>
  <si>
    <t>073687</t>
  </si>
  <si>
    <t>福島県北塩原村</t>
  </si>
  <si>
    <t>074021</t>
  </si>
  <si>
    <t>福島県西会津町</t>
  </si>
  <si>
    <t>074055</t>
  </si>
  <si>
    <t>福島県磐梯町</t>
  </si>
  <si>
    <t>074071</t>
  </si>
  <si>
    <t>福島県猪苗代町</t>
  </si>
  <si>
    <t>074080</t>
  </si>
  <si>
    <t>福島県会津坂下町</t>
  </si>
  <si>
    <t>074217</t>
  </si>
  <si>
    <t>福島県湯川村</t>
  </si>
  <si>
    <t>074225</t>
  </si>
  <si>
    <t>福島県柳津町</t>
  </si>
  <si>
    <t>074233</t>
  </si>
  <si>
    <t>福島県三島町</t>
  </si>
  <si>
    <t>074446</t>
  </si>
  <si>
    <t>福島県金山町</t>
  </si>
  <si>
    <t>074454</t>
  </si>
  <si>
    <t>福島県昭和村</t>
  </si>
  <si>
    <t>074462</t>
  </si>
  <si>
    <t>福島県会津美里町</t>
  </si>
  <si>
    <t>074471</t>
  </si>
  <si>
    <t>福島県西郷村</t>
  </si>
  <si>
    <t>074616</t>
  </si>
  <si>
    <t>福島県泉崎村</t>
  </si>
  <si>
    <t>074641</t>
  </si>
  <si>
    <t>福島県中島村</t>
  </si>
  <si>
    <t>074659</t>
  </si>
  <si>
    <t>福島県矢吹町</t>
  </si>
  <si>
    <t>074667</t>
  </si>
  <si>
    <t>福島県棚倉町</t>
  </si>
  <si>
    <t>074811</t>
  </si>
  <si>
    <t>福島県矢祭町</t>
  </si>
  <si>
    <t>074829</t>
  </si>
  <si>
    <t>福島県塙町</t>
  </si>
  <si>
    <t>074837</t>
  </si>
  <si>
    <t>福島県鮫川村</t>
  </si>
  <si>
    <t>074845</t>
  </si>
  <si>
    <t>福島県石川町</t>
  </si>
  <si>
    <t>075019</t>
  </si>
  <si>
    <t>福島県玉川村</t>
  </si>
  <si>
    <t>075027</t>
  </si>
  <si>
    <t>福島県平田村</t>
  </si>
  <si>
    <t>075035</t>
  </si>
  <si>
    <t>福島県浅川町</t>
  </si>
  <si>
    <t>075043</t>
  </si>
  <si>
    <t>福島県古殿町</t>
  </si>
  <si>
    <t>075051</t>
  </si>
  <si>
    <t>福島県三春町</t>
  </si>
  <si>
    <t>075213</t>
  </si>
  <si>
    <t>福島県小野町</t>
  </si>
  <si>
    <t>075221</t>
  </si>
  <si>
    <t>福島県広野町</t>
  </si>
  <si>
    <t>075418</t>
  </si>
  <si>
    <t>福島県楢葉町</t>
  </si>
  <si>
    <t>075426</t>
  </si>
  <si>
    <t>福島県富岡町</t>
  </si>
  <si>
    <t>075434</t>
  </si>
  <si>
    <t>福島県川内村</t>
  </si>
  <si>
    <t>075442</t>
  </si>
  <si>
    <t>福島県大熊町</t>
  </si>
  <si>
    <t>075451</t>
  </si>
  <si>
    <t>福島県双葉町</t>
  </si>
  <si>
    <t>075469</t>
  </si>
  <si>
    <t>福島県浪江町</t>
  </si>
  <si>
    <t>075477</t>
  </si>
  <si>
    <t>福島県葛尾村</t>
  </si>
  <si>
    <t>075485</t>
  </si>
  <si>
    <t>福島県新地町</t>
  </si>
  <si>
    <t>075612</t>
  </si>
  <si>
    <t>福島県飯舘村</t>
  </si>
  <si>
    <t>075647</t>
  </si>
  <si>
    <t>茨城県水戸市</t>
  </si>
  <si>
    <t>082015</t>
  </si>
  <si>
    <t>茨城県日立市</t>
  </si>
  <si>
    <t>082023</t>
  </si>
  <si>
    <t>茨城県土浦市</t>
  </si>
  <si>
    <t>082031</t>
  </si>
  <si>
    <t>茨城県古河市</t>
  </si>
  <si>
    <t>082040</t>
  </si>
  <si>
    <t>茨城県石岡市</t>
  </si>
  <si>
    <t>082058</t>
  </si>
  <si>
    <t>茨城県結城市</t>
  </si>
  <si>
    <t>082074</t>
  </si>
  <si>
    <t>茨城県龍ケ崎市</t>
  </si>
  <si>
    <t>082082</t>
  </si>
  <si>
    <t>茨城県下妻市</t>
  </si>
  <si>
    <t>082104</t>
  </si>
  <si>
    <t>茨城県常総市</t>
  </si>
  <si>
    <t>082112</t>
  </si>
  <si>
    <t>茨城県常陸太田市</t>
  </si>
  <si>
    <t>082121</t>
  </si>
  <si>
    <t>茨城県高萩市</t>
  </si>
  <si>
    <t>082147</t>
  </si>
  <si>
    <t>茨城県北茨城市</t>
  </si>
  <si>
    <t>082155</t>
  </si>
  <si>
    <t>茨城県笠間市</t>
  </si>
  <si>
    <t>082163</t>
  </si>
  <si>
    <t>茨城県取手市</t>
  </si>
  <si>
    <t>082171</t>
  </si>
  <si>
    <t>茨城県牛久市</t>
  </si>
  <si>
    <t>082198</t>
  </si>
  <si>
    <t>茨城県つくば市</t>
  </si>
  <si>
    <t>082201</t>
  </si>
  <si>
    <t>茨城県ひたちなか市</t>
  </si>
  <si>
    <t>082210</t>
  </si>
  <si>
    <t>茨城県鹿嶋市</t>
  </si>
  <si>
    <t>082228</t>
  </si>
  <si>
    <t>茨城県潮来市</t>
  </si>
  <si>
    <t>082236</t>
  </si>
  <si>
    <t>茨城県守谷市</t>
  </si>
  <si>
    <t>082244</t>
  </si>
  <si>
    <t>茨城県常陸大宮市</t>
  </si>
  <si>
    <t>082252</t>
  </si>
  <si>
    <t>茨城県那珂市</t>
  </si>
  <si>
    <t>082261</t>
  </si>
  <si>
    <t>茨城県筑西市</t>
  </si>
  <si>
    <t>082279</t>
  </si>
  <si>
    <t>茨城県坂東市</t>
  </si>
  <si>
    <t>082287</t>
  </si>
  <si>
    <t>茨城県稲敷市</t>
  </si>
  <si>
    <t>082295</t>
  </si>
  <si>
    <t>茨城県かすみがうら市</t>
  </si>
  <si>
    <t>082309</t>
  </si>
  <si>
    <t>茨城県桜川市</t>
  </si>
  <si>
    <t>082317</t>
  </si>
  <si>
    <t>茨城県神栖市</t>
  </si>
  <si>
    <t>082325</t>
  </si>
  <si>
    <t>茨城県行方市</t>
  </si>
  <si>
    <t>082333</t>
  </si>
  <si>
    <t>茨城県鉾田市</t>
  </si>
  <si>
    <t>082341</t>
  </si>
  <si>
    <t>茨城県つくばみらい市</t>
  </si>
  <si>
    <t>082350</t>
  </si>
  <si>
    <t>茨城県小美玉市</t>
  </si>
  <si>
    <t>082368</t>
  </si>
  <si>
    <t>茨城県茨城町</t>
  </si>
  <si>
    <t>083020</t>
  </si>
  <si>
    <t>茨城県大洗町</t>
  </si>
  <si>
    <t>083097</t>
  </si>
  <si>
    <t>茨城県城里町</t>
  </si>
  <si>
    <t>083101</t>
  </si>
  <si>
    <t>茨城県東海村</t>
  </si>
  <si>
    <t>083411</t>
  </si>
  <si>
    <t>茨城県大子町</t>
  </si>
  <si>
    <t>083640</t>
  </si>
  <si>
    <t>茨城県美浦村</t>
  </si>
  <si>
    <t>084425</t>
  </si>
  <si>
    <t>茨城県阿見町</t>
  </si>
  <si>
    <t>084433</t>
  </si>
  <si>
    <t>茨城県河内町</t>
  </si>
  <si>
    <t>084476</t>
  </si>
  <si>
    <t>茨城県八千代町</t>
  </si>
  <si>
    <t>085219</t>
  </si>
  <si>
    <t>茨城県五霞町</t>
  </si>
  <si>
    <t>085421</t>
  </si>
  <si>
    <t>茨城県境町</t>
  </si>
  <si>
    <t>085464</t>
  </si>
  <si>
    <t>茨城県利根町</t>
  </si>
  <si>
    <t>085642</t>
  </si>
  <si>
    <t>栃木県宇都宮市</t>
  </si>
  <si>
    <t>092011</t>
  </si>
  <si>
    <t>栃木県足利市</t>
  </si>
  <si>
    <t>092029</t>
  </si>
  <si>
    <t>栃木県栃木市</t>
  </si>
  <si>
    <t>092037</t>
  </si>
  <si>
    <t>栃木県佐野市</t>
  </si>
  <si>
    <t>092045</t>
  </si>
  <si>
    <t>栃木県鹿沼市</t>
  </si>
  <si>
    <t>092053</t>
  </si>
  <si>
    <t>栃木県日光市</t>
  </si>
  <si>
    <t>092061</t>
  </si>
  <si>
    <t>栃木県小山市</t>
  </si>
  <si>
    <t>092088</t>
  </si>
  <si>
    <t>栃木県真岡市</t>
  </si>
  <si>
    <t>092096</t>
  </si>
  <si>
    <t>栃木県大田原市</t>
  </si>
  <si>
    <t>092100</t>
  </si>
  <si>
    <t>栃木県矢板市</t>
  </si>
  <si>
    <t>092118</t>
  </si>
  <si>
    <t>栃木県那須塩原市</t>
  </si>
  <si>
    <t>092134</t>
  </si>
  <si>
    <t>栃木県さくら市</t>
  </si>
  <si>
    <t>092142</t>
  </si>
  <si>
    <t>栃木県那須烏山市</t>
  </si>
  <si>
    <t>092151</t>
  </si>
  <si>
    <t>栃木県下野市</t>
  </si>
  <si>
    <t>092169</t>
  </si>
  <si>
    <t>栃木県上三川町</t>
  </si>
  <si>
    <t>093017</t>
  </si>
  <si>
    <t>栃木県益子町</t>
  </si>
  <si>
    <t>093424</t>
  </si>
  <si>
    <t>栃木県茂木町</t>
  </si>
  <si>
    <t>093432</t>
  </si>
  <si>
    <t>栃木県市貝町</t>
  </si>
  <si>
    <t>093441</t>
  </si>
  <si>
    <t>栃木県芳賀町</t>
  </si>
  <si>
    <t>093459</t>
  </si>
  <si>
    <t>栃木県壬生町</t>
  </si>
  <si>
    <t>093611</t>
  </si>
  <si>
    <t>栃木県野木町</t>
  </si>
  <si>
    <t>093645</t>
  </si>
  <si>
    <t>栃木県塩谷町</t>
  </si>
  <si>
    <t>093840</t>
  </si>
  <si>
    <t>栃木県高根沢町</t>
  </si>
  <si>
    <t>093866</t>
  </si>
  <si>
    <t>栃木県那須町</t>
  </si>
  <si>
    <t>094072</t>
  </si>
  <si>
    <t>栃木県那珂川町</t>
  </si>
  <si>
    <t>094111</t>
  </si>
  <si>
    <t>群馬県前橋市</t>
  </si>
  <si>
    <t>102016</t>
  </si>
  <si>
    <t>群馬県高崎市</t>
  </si>
  <si>
    <t>102024</t>
  </si>
  <si>
    <t>群馬県桐生市</t>
  </si>
  <si>
    <t>102032</t>
  </si>
  <si>
    <t>群馬県伊勢崎市</t>
  </si>
  <si>
    <t>102041</t>
  </si>
  <si>
    <t>群馬県太田市</t>
  </si>
  <si>
    <t>102059</t>
  </si>
  <si>
    <t>群馬県沼田市</t>
  </si>
  <si>
    <t>102067</t>
  </si>
  <si>
    <t>群馬県館林市</t>
  </si>
  <si>
    <t>102075</t>
  </si>
  <si>
    <t>群馬県渋川市</t>
  </si>
  <si>
    <t>102083</t>
  </si>
  <si>
    <t>群馬県藤岡市</t>
  </si>
  <si>
    <t>102091</t>
  </si>
  <si>
    <t>群馬県富岡市</t>
  </si>
  <si>
    <t>102105</t>
  </si>
  <si>
    <t>群馬県安中市</t>
  </si>
  <si>
    <t>102113</t>
  </si>
  <si>
    <t>群馬県みどり市</t>
  </si>
  <si>
    <t>102121</t>
  </si>
  <si>
    <t>群馬県榛東村</t>
  </si>
  <si>
    <t>103446</t>
  </si>
  <si>
    <t>群馬県吉岡町</t>
  </si>
  <si>
    <t>103454</t>
  </si>
  <si>
    <t>群馬県上野村</t>
  </si>
  <si>
    <t>103667</t>
  </si>
  <si>
    <t>群馬県神流町</t>
  </si>
  <si>
    <t>103675</t>
  </si>
  <si>
    <t>群馬県下仁田町</t>
  </si>
  <si>
    <t>103829</t>
  </si>
  <si>
    <t>群馬県南牧村</t>
  </si>
  <si>
    <t>103837</t>
  </si>
  <si>
    <t>群馬県甘楽町</t>
  </si>
  <si>
    <t>103845</t>
  </si>
  <si>
    <t>群馬県中之条町</t>
  </si>
  <si>
    <t>104213</t>
  </si>
  <si>
    <t>群馬県長野原町</t>
  </si>
  <si>
    <t>104248</t>
  </si>
  <si>
    <t>群馬県嬬恋村</t>
  </si>
  <si>
    <t>104256</t>
  </si>
  <si>
    <t>群馬県草津町</t>
  </si>
  <si>
    <t>104264</t>
  </si>
  <si>
    <t>群馬県高山村</t>
  </si>
  <si>
    <t>104281</t>
  </si>
  <si>
    <t>群馬県東吾妻町</t>
  </si>
  <si>
    <t>104299</t>
  </si>
  <si>
    <t>群馬県片品村</t>
  </si>
  <si>
    <t>104434</t>
  </si>
  <si>
    <t>群馬県川場村</t>
  </si>
  <si>
    <t>104442</t>
  </si>
  <si>
    <t>群馬県昭和村</t>
  </si>
  <si>
    <t>104485</t>
  </si>
  <si>
    <t>群馬県みなかみ町</t>
  </si>
  <si>
    <t>104493</t>
  </si>
  <si>
    <t>群馬県玉村町</t>
  </si>
  <si>
    <t>104647</t>
  </si>
  <si>
    <t>群馬県板倉町</t>
  </si>
  <si>
    <t>105210</t>
  </si>
  <si>
    <t>群馬県明和町</t>
  </si>
  <si>
    <t>105228</t>
  </si>
  <si>
    <t>群馬県千代田町</t>
  </si>
  <si>
    <t>105236</t>
  </si>
  <si>
    <t>群馬県大泉町</t>
  </si>
  <si>
    <t>105244</t>
  </si>
  <si>
    <t>群馬県邑楽町</t>
  </si>
  <si>
    <t>105252</t>
  </si>
  <si>
    <t>埼玉県さいたま市</t>
  </si>
  <si>
    <t>111007</t>
  </si>
  <si>
    <t>埼玉県川越市</t>
  </si>
  <si>
    <t>112011</t>
  </si>
  <si>
    <t>埼玉県熊谷市</t>
  </si>
  <si>
    <t>112020</t>
  </si>
  <si>
    <t>埼玉県川口市</t>
  </si>
  <si>
    <t>112038</t>
  </si>
  <si>
    <t>埼玉県行田市</t>
  </si>
  <si>
    <t>112062</t>
  </si>
  <si>
    <t>埼玉県秩父市</t>
  </si>
  <si>
    <t>112071</t>
  </si>
  <si>
    <t>埼玉県所沢市</t>
  </si>
  <si>
    <t>112089</t>
  </si>
  <si>
    <t>埼玉県飯能市</t>
  </si>
  <si>
    <t>112097</t>
  </si>
  <si>
    <t>埼玉県加須市</t>
  </si>
  <si>
    <t>112101</t>
  </si>
  <si>
    <t>埼玉県本庄市</t>
  </si>
  <si>
    <t>112119</t>
  </si>
  <si>
    <t>埼玉県東松山市</t>
  </si>
  <si>
    <t>112127</t>
  </si>
  <si>
    <t>埼玉県春日部市</t>
  </si>
  <si>
    <t>112143</t>
  </si>
  <si>
    <t>埼玉県狭山市</t>
  </si>
  <si>
    <t>112151</t>
  </si>
  <si>
    <t>埼玉県羽生市</t>
  </si>
  <si>
    <t>112160</t>
  </si>
  <si>
    <t>埼玉県鴻巣市</t>
  </si>
  <si>
    <t>112178</t>
  </si>
  <si>
    <t>埼玉県深谷市</t>
  </si>
  <si>
    <t>112186</t>
  </si>
  <si>
    <t>埼玉県上尾市</t>
  </si>
  <si>
    <t>112194</t>
  </si>
  <si>
    <t>埼玉県草加市</t>
  </si>
  <si>
    <t>112216</t>
  </si>
  <si>
    <t>埼玉県越谷市</t>
  </si>
  <si>
    <t>112224</t>
  </si>
  <si>
    <t>埼玉県蕨市</t>
  </si>
  <si>
    <t>112232</t>
  </si>
  <si>
    <t>埼玉県戸田市</t>
  </si>
  <si>
    <t>112241</t>
  </si>
  <si>
    <t>埼玉県入間市</t>
  </si>
  <si>
    <t>112259</t>
  </si>
  <si>
    <t>埼玉県朝霞市</t>
  </si>
  <si>
    <t>112275</t>
  </si>
  <si>
    <t>埼玉県志木市</t>
  </si>
  <si>
    <t>112283</t>
  </si>
  <si>
    <t>埼玉県和光市</t>
  </si>
  <si>
    <t>112291</t>
  </si>
  <si>
    <t>埼玉県新座市</t>
  </si>
  <si>
    <t>112305</t>
  </si>
  <si>
    <t>埼玉県桶川市</t>
  </si>
  <si>
    <t>112313</t>
  </si>
  <si>
    <t>埼玉県久喜市</t>
  </si>
  <si>
    <t>112321</t>
  </si>
  <si>
    <t>埼玉県北本市</t>
  </si>
  <si>
    <t>112330</t>
  </si>
  <si>
    <t>埼玉県八潮市</t>
  </si>
  <si>
    <t>112348</t>
  </si>
  <si>
    <t>埼玉県富士見市</t>
  </si>
  <si>
    <t>112356</t>
  </si>
  <si>
    <t>埼玉県三郷市</t>
  </si>
  <si>
    <t>112372</t>
  </si>
  <si>
    <t>埼玉県蓮田市</t>
  </si>
  <si>
    <t>112381</t>
  </si>
  <si>
    <t>埼玉県坂戸市</t>
  </si>
  <si>
    <t>112399</t>
  </si>
  <si>
    <t>埼玉県幸手市</t>
  </si>
  <si>
    <t>112402</t>
  </si>
  <si>
    <t>埼玉県鶴ヶ島市</t>
  </si>
  <si>
    <t>112411</t>
  </si>
  <si>
    <t>埼玉県日高市</t>
  </si>
  <si>
    <t>112429</t>
  </si>
  <si>
    <t>埼玉県吉川市</t>
  </si>
  <si>
    <t>112437</t>
  </si>
  <si>
    <t>埼玉県ふじみ野市</t>
  </si>
  <si>
    <t>112453</t>
  </si>
  <si>
    <t>埼玉県白岡市</t>
  </si>
  <si>
    <t>112461</t>
  </si>
  <si>
    <t>埼玉県伊奈町</t>
  </si>
  <si>
    <t>113018</t>
  </si>
  <si>
    <t>埼玉県三芳町</t>
  </si>
  <si>
    <t>113247</t>
  </si>
  <si>
    <t>埼玉県毛呂山町</t>
  </si>
  <si>
    <t>113263</t>
  </si>
  <si>
    <t>埼玉県越生町</t>
  </si>
  <si>
    <t>113271</t>
  </si>
  <si>
    <t>埼玉県滑川町</t>
  </si>
  <si>
    <t>113417</t>
  </si>
  <si>
    <t>埼玉県嵐山町</t>
  </si>
  <si>
    <t>113425</t>
  </si>
  <si>
    <t>埼玉県小川町</t>
  </si>
  <si>
    <t>113433</t>
  </si>
  <si>
    <t>埼玉県川島町</t>
  </si>
  <si>
    <t>113468</t>
  </si>
  <si>
    <t>埼玉県吉見町</t>
  </si>
  <si>
    <t>113476</t>
  </si>
  <si>
    <t>埼玉県鳩山町</t>
  </si>
  <si>
    <t>113484</t>
  </si>
  <si>
    <t>埼玉県ときがわ町</t>
  </si>
  <si>
    <t>113492</t>
  </si>
  <si>
    <t>埼玉県横瀬町</t>
  </si>
  <si>
    <t>113611</t>
  </si>
  <si>
    <t>埼玉県皆野町</t>
  </si>
  <si>
    <t>113620</t>
  </si>
  <si>
    <t>埼玉県長瀞町</t>
  </si>
  <si>
    <t>113638</t>
  </si>
  <si>
    <t>埼玉県小鹿野町</t>
  </si>
  <si>
    <t>113654</t>
  </si>
  <si>
    <t>埼玉県東秩父村</t>
  </si>
  <si>
    <t>113697</t>
  </si>
  <si>
    <t>埼玉県美里町</t>
  </si>
  <si>
    <t>113816</t>
  </si>
  <si>
    <t>埼玉県神川町</t>
  </si>
  <si>
    <t>113832</t>
  </si>
  <si>
    <t>埼玉県上里町</t>
  </si>
  <si>
    <t>113859</t>
  </si>
  <si>
    <t>埼玉県寄居町</t>
  </si>
  <si>
    <t>114081</t>
  </si>
  <si>
    <t>埼玉県宮代町</t>
  </si>
  <si>
    <t>114421</t>
  </si>
  <si>
    <t>埼玉県杉戸町</t>
  </si>
  <si>
    <t>114642</t>
  </si>
  <si>
    <t>埼玉県松伏町</t>
  </si>
  <si>
    <t>114651</t>
  </si>
  <si>
    <t>千葉県千葉市</t>
  </si>
  <si>
    <t>121002</t>
  </si>
  <si>
    <t>千葉県銚子市</t>
  </si>
  <si>
    <t>122025</t>
  </si>
  <si>
    <t>千葉県市川市</t>
  </si>
  <si>
    <t>122033</t>
  </si>
  <si>
    <t>千葉県船橋市</t>
  </si>
  <si>
    <t>122041</t>
  </si>
  <si>
    <t>千葉県館山市</t>
  </si>
  <si>
    <t>122050</t>
  </si>
  <si>
    <t>千葉県木更津市</t>
  </si>
  <si>
    <t>122068</t>
  </si>
  <si>
    <t>千葉県松戸市</t>
  </si>
  <si>
    <t>122076</t>
  </si>
  <si>
    <t>千葉県野田市</t>
  </si>
  <si>
    <t>122084</t>
  </si>
  <si>
    <t>千葉県茂原市</t>
  </si>
  <si>
    <t>122106</t>
  </si>
  <si>
    <t>千葉県成田市</t>
  </si>
  <si>
    <t>122114</t>
  </si>
  <si>
    <t>千葉県佐倉市</t>
  </si>
  <si>
    <t>122122</t>
  </si>
  <si>
    <t>千葉県東金市</t>
  </si>
  <si>
    <t>122131</t>
  </si>
  <si>
    <t>千葉県旭市</t>
  </si>
  <si>
    <t>122157</t>
  </si>
  <si>
    <t>千葉県習志野市</t>
  </si>
  <si>
    <t>122165</t>
  </si>
  <si>
    <t>千葉県柏市</t>
  </si>
  <si>
    <t>122173</t>
  </si>
  <si>
    <t>千葉県勝浦市</t>
  </si>
  <si>
    <t>122181</t>
  </si>
  <si>
    <t>千葉県市原市</t>
  </si>
  <si>
    <t>122190</t>
  </si>
  <si>
    <t>千葉県流山市</t>
  </si>
  <si>
    <t>122203</t>
  </si>
  <si>
    <t>千葉県八千代市</t>
  </si>
  <si>
    <t>122211</t>
  </si>
  <si>
    <t>千葉県我孫子市</t>
  </si>
  <si>
    <t>122220</t>
  </si>
  <si>
    <t>千葉県鴨川市</t>
  </si>
  <si>
    <t>122238</t>
  </si>
  <si>
    <t>千葉県鎌ケ谷市</t>
  </si>
  <si>
    <t>122246</t>
  </si>
  <si>
    <t>千葉県君津市</t>
  </si>
  <si>
    <t>122254</t>
  </si>
  <si>
    <t>千葉県富津市</t>
  </si>
  <si>
    <t>122262</t>
  </si>
  <si>
    <t>千葉県浦安市</t>
  </si>
  <si>
    <t>122271</t>
  </si>
  <si>
    <t>千葉県四街道市</t>
  </si>
  <si>
    <t>122289</t>
  </si>
  <si>
    <t>千葉県袖ケ浦市</t>
  </si>
  <si>
    <t>122297</t>
  </si>
  <si>
    <t>千葉県八街市</t>
  </si>
  <si>
    <t>122301</t>
  </si>
  <si>
    <t>千葉県印西市</t>
  </si>
  <si>
    <t>122319</t>
  </si>
  <si>
    <t>千葉県白井市</t>
  </si>
  <si>
    <t>122327</t>
  </si>
  <si>
    <t>千葉県富里市</t>
  </si>
  <si>
    <t>122335</t>
  </si>
  <si>
    <t>千葉県南房総市</t>
  </si>
  <si>
    <t>122343</t>
  </si>
  <si>
    <t>千葉県匝瑳市</t>
  </si>
  <si>
    <t>122351</t>
  </si>
  <si>
    <t>千葉県香取市</t>
  </si>
  <si>
    <t>122360</t>
  </si>
  <si>
    <t>千葉県山武市</t>
  </si>
  <si>
    <t>122378</t>
  </si>
  <si>
    <t>千葉県いすみ市</t>
  </si>
  <si>
    <t>122386</t>
  </si>
  <si>
    <t>千葉県大網白里市</t>
  </si>
  <si>
    <t>122394</t>
  </si>
  <si>
    <t>千葉県酒々井町</t>
  </si>
  <si>
    <t>123226</t>
  </si>
  <si>
    <t>千葉県栄町</t>
  </si>
  <si>
    <t>123293</t>
  </si>
  <si>
    <t>千葉県神崎町</t>
  </si>
  <si>
    <t>123421</t>
  </si>
  <si>
    <t>千葉県多古町</t>
  </si>
  <si>
    <t>123471</t>
  </si>
  <si>
    <t>千葉県東庄町</t>
  </si>
  <si>
    <t>123498</t>
  </si>
  <si>
    <t>千葉県九十九里町</t>
  </si>
  <si>
    <t>124036</t>
  </si>
  <si>
    <t>千葉県芝山町</t>
  </si>
  <si>
    <t>124095</t>
  </si>
  <si>
    <t>千葉県横芝光町</t>
  </si>
  <si>
    <t>124109</t>
  </si>
  <si>
    <t>千葉県一宮町</t>
  </si>
  <si>
    <t>124214</t>
  </si>
  <si>
    <t>千葉県睦沢町</t>
  </si>
  <si>
    <t>124222</t>
  </si>
  <si>
    <t>千葉県長生村</t>
  </si>
  <si>
    <t>124231</t>
  </si>
  <si>
    <t>千葉県白子町</t>
  </si>
  <si>
    <t>124249</t>
  </si>
  <si>
    <t>千葉県長柄町</t>
  </si>
  <si>
    <t>124265</t>
  </si>
  <si>
    <t>千葉県長南町</t>
  </si>
  <si>
    <t>124273</t>
  </si>
  <si>
    <t>千葉県大多喜町</t>
  </si>
  <si>
    <t>124419</t>
  </si>
  <si>
    <t>千葉県御宿町</t>
  </si>
  <si>
    <t>124435</t>
  </si>
  <si>
    <t>千葉県鋸南町</t>
  </si>
  <si>
    <t>124630</t>
  </si>
  <si>
    <t>東京都千代田区</t>
  </si>
  <si>
    <t>131016</t>
  </si>
  <si>
    <t>東京都中央区</t>
  </si>
  <si>
    <t>131024</t>
  </si>
  <si>
    <t>東京都港区</t>
  </si>
  <si>
    <t>131032</t>
  </si>
  <si>
    <t>東京都新宿区</t>
  </si>
  <si>
    <t>131041</t>
  </si>
  <si>
    <t>東京都文京区</t>
  </si>
  <si>
    <t>131059</t>
  </si>
  <si>
    <t>東京都台東区</t>
  </si>
  <si>
    <t>131067</t>
  </si>
  <si>
    <t>東京都墨田区</t>
  </si>
  <si>
    <t>131075</t>
  </si>
  <si>
    <t>東京都江東区</t>
  </si>
  <si>
    <t>131083</t>
  </si>
  <si>
    <t>東京都品川区</t>
  </si>
  <si>
    <t>131091</t>
  </si>
  <si>
    <t>東京都目黒区</t>
  </si>
  <si>
    <t>131105</t>
  </si>
  <si>
    <t>東京都大田区</t>
  </si>
  <si>
    <t>131113</t>
  </si>
  <si>
    <t>東京都世田谷区</t>
  </si>
  <si>
    <t>131121</t>
  </si>
  <si>
    <t>東京都渋谷区</t>
  </si>
  <si>
    <t>131130</t>
  </si>
  <si>
    <t>東京都中野区</t>
  </si>
  <si>
    <t>131148</t>
  </si>
  <si>
    <t>東京都杉並区</t>
  </si>
  <si>
    <t>131156</t>
  </si>
  <si>
    <t>東京都豊島区</t>
  </si>
  <si>
    <t>131164</t>
  </si>
  <si>
    <t>東京都北区</t>
  </si>
  <si>
    <t>131172</t>
  </si>
  <si>
    <t>東京都荒川区</t>
  </si>
  <si>
    <t>131181</t>
  </si>
  <si>
    <t>東京都板橋区</t>
  </si>
  <si>
    <t>131199</t>
  </si>
  <si>
    <t>東京都練馬区</t>
  </si>
  <si>
    <t>131202</t>
  </si>
  <si>
    <t>東京都足立区</t>
  </si>
  <si>
    <t>131211</t>
  </si>
  <si>
    <t>東京都葛飾区</t>
  </si>
  <si>
    <t>131229</t>
  </si>
  <si>
    <t>東京都江戸川区</t>
  </si>
  <si>
    <t>131237</t>
  </si>
  <si>
    <t>東京都八王子市</t>
  </si>
  <si>
    <t>132012</t>
  </si>
  <si>
    <t>東京都立川市</t>
  </si>
  <si>
    <t>132021</t>
  </si>
  <si>
    <t>東京都武蔵野市</t>
  </si>
  <si>
    <t>132039</t>
  </si>
  <si>
    <t>東京都三鷹市</t>
  </si>
  <si>
    <t>132047</t>
  </si>
  <si>
    <t>東京都青梅市</t>
  </si>
  <si>
    <t>132055</t>
  </si>
  <si>
    <t>東京都府中市</t>
  </si>
  <si>
    <t>132063</t>
  </si>
  <si>
    <t>東京都昭島市</t>
  </si>
  <si>
    <t>132071</t>
  </si>
  <si>
    <t>東京都調布市</t>
  </si>
  <si>
    <t>132080</t>
  </si>
  <si>
    <t>東京都町田市</t>
  </si>
  <si>
    <t>132098</t>
  </si>
  <si>
    <t>東京都小金井市</t>
  </si>
  <si>
    <t>132101</t>
  </si>
  <si>
    <t>東京都小平市</t>
  </si>
  <si>
    <t>132110</t>
  </si>
  <si>
    <t>東京都日野市</t>
  </si>
  <si>
    <t>132128</t>
  </si>
  <si>
    <t>東京都東村山市</t>
  </si>
  <si>
    <t>132136</t>
  </si>
  <si>
    <t>東京都国分寺市</t>
  </si>
  <si>
    <t>132144</t>
  </si>
  <si>
    <t>東京都国立市</t>
  </si>
  <si>
    <t>132152</t>
  </si>
  <si>
    <t>東京都福生市</t>
  </si>
  <si>
    <t>132187</t>
  </si>
  <si>
    <t>東京都狛江市</t>
  </si>
  <si>
    <t>132195</t>
  </si>
  <si>
    <t>東京都東大和市</t>
  </si>
  <si>
    <t>132209</t>
  </si>
  <si>
    <t>東京都清瀬市</t>
  </si>
  <si>
    <t>132217</t>
  </si>
  <si>
    <t>東京都東久留米市</t>
  </si>
  <si>
    <t>132225</t>
  </si>
  <si>
    <t>東京都武蔵村山市</t>
  </si>
  <si>
    <t>132233</t>
  </si>
  <si>
    <t>東京都多摩市</t>
  </si>
  <si>
    <t>132241</t>
  </si>
  <si>
    <t>東京都稲城市</t>
  </si>
  <si>
    <t>132250</t>
  </si>
  <si>
    <t>東京都羽村市</t>
  </si>
  <si>
    <t>132276</t>
  </si>
  <si>
    <t>東京都あきる野市</t>
  </si>
  <si>
    <t>132284</t>
  </si>
  <si>
    <t>東京都西東京市</t>
  </si>
  <si>
    <t>132292</t>
  </si>
  <si>
    <t>東京都瑞穂町</t>
  </si>
  <si>
    <t>133035</t>
  </si>
  <si>
    <t>東京都日の出町</t>
  </si>
  <si>
    <t>133051</t>
  </si>
  <si>
    <t>東京都檜原村</t>
  </si>
  <si>
    <t>133078</t>
  </si>
  <si>
    <t>東京都奥多摩町</t>
  </si>
  <si>
    <t>133086</t>
  </si>
  <si>
    <t>東京都大島町</t>
  </si>
  <si>
    <t>133612</t>
  </si>
  <si>
    <t>東京都利島村</t>
  </si>
  <si>
    <t>133621</t>
  </si>
  <si>
    <t>東京都新島村</t>
  </si>
  <si>
    <t>133639</t>
  </si>
  <si>
    <t>東京都神津島村</t>
  </si>
  <si>
    <t>133647</t>
  </si>
  <si>
    <t>東京都三宅村</t>
  </si>
  <si>
    <t>133817</t>
  </si>
  <si>
    <t>東京都御蔵島村</t>
  </si>
  <si>
    <t>133825</t>
  </si>
  <si>
    <t>東京都八丈町</t>
  </si>
  <si>
    <t>134015</t>
  </si>
  <si>
    <t>東京都青ヶ島村</t>
  </si>
  <si>
    <t>134023</t>
  </si>
  <si>
    <t>東京都小笠原村</t>
  </si>
  <si>
    <t>134210</t>
  </si>
  <si>
    <t>神奈川県横浜市</t>
  </si>
  <si>
    <t>141003</t>
  </si>
  <si>
    <t>神奈川県川崎市</t>
  </si>
  <si>
    <t>141305</t>
  </si>
  <si>
    <t>神奈川県相模原市</t>
  </si>
  <si>
    <t>141500</t>
  </si>
  <si>
    <t>神奈川県横須賀市</t>
  </si>
  <si>
    <t>142018</t>
  </si>
  <si>
    <t>神奈川県平塚市</t>
  </si>
  <si>
    <t>142034</t>
  </si>
  <si>
    <t>神奈川県鎌倉市</t>
  </si>
  <si>
    <t>142042</t>
  </si>
  <si>
    <t>神奈川県藤沢市</t>
  </si>
  <si>
    <t>142051</t>
  </si>
  <si>
    <t>神奈川県小田原市</t>
  </si>
  <si>
    <t>142069</t>
  </si>
  <si>
    <t>神奈川県茅ヶ崎市</t>
  </si>
  <si>
    <t>142077</t>
  </si>
  <si>
    <t>神奈川県逗子市</t>
  </si>
  <si>
    <t>142085</t>
  </si>
  <si>
    <t>神奈川県三浦市</t>
  </si>
  <si>
    <t>142107</t>
  </si>
  <si>
    <t>神奈川県秦野市</t>
  </si>
  <si>
    <t>142115</t>
  </si>
  <si>
    <t>神奈川県厚木市</t>
  </si>
  <si>
    <t>142123</t>
  </si>
  <si>
    <t>神奈川県大和市</t>
  </si>
  <si>
    <t>142131</t>
  </si>
  <si>
    <t>神奈川県伊勢原市</t>
  </si>
  <si>
    <t>142140</t>
  </si>
  <si>
    <t>神奈川県海老名市</t>
  </si>
  <si>
    <t>142158</t>
  </si>
  <si>
    <t>神奈川県座間市</t>
  </si>
  <si>
    <t>142166</t>
  </si>
  <si>
    <t>神奈川県南足柄市</t>
  </si>
  <si>
    <t>142174</t>
  </si>
  <si>
    <t>神奈川県綾瀬市</t>
  </si>
  <si>
    <t>142182</t>
  </si>
  <si>
    <t>神奈川県葉山町</t>
  </si>
  <si>
    <t>143014</t>
  </si>
  <si>
    <t>神奈川県寒川町</t>
  </si>
  <si>
    <t>143219</t>
  </si>
  <si>
    <t>神奈川県大磯町</t>
  </si>
  <si>
    <t>143413</t>
  </si>
  <si>
    <t>神奈川県二宮町</t>
  </si>
  <si>
    <t>143421</t>
  </si>
  <si>
    <t>神奈川県中井町</t>
  </si>
  <si>
    <t>143618</t>
  </si>
  <si>
    <t>神奈川県大井町</t>
  </si>
  <si>
    <t>143626</t>
  </si>
  <si>
    <t>神奈川県松田町</t>
  </si>
  <si>
    <t>143634</t>
  </si>
  <si>
    <t>神奈川県山北町</t>
  </si>
  <si>
    <t>143642</t>
  </si>
  <si>
    <t>神奈川県開成町</t>
  </si>
  <si>
    <t>143669</t>
  </si>
  <si>
    <t>神奈川県箱根町</t>
  </si>
  <si>
    <t>143821</t>
  </si>
  <si>
    <t>神奈川県真鶴町</t>
  </si>
  <si>
    <t>143839</t>
  </si>
  <si>
    <t>神奈川県湯河原町</t>
  </si>
  <si>
    <t>143847</t>
  </si>
  <si>
    <t>神奈川県愛川町</t>
  </si>
  <si>
    <t>144011</t>
  </si>
  <si>
    <t>神奈川県清川村</t>
  </si>
  <si>
    <t>144029</t>
  </si>
  <si>
    <t>新潟県新潟市</t>
  </si>
  <si>
    <t>151009</t>
  </si>
  <si>
    <t>新潟県長岡市</t>
  </si>
  <si>
    <t>152021</t>
  </si>
  <si>
    <t>新潟県三条市</t>
  </si>
  <si>
    <t>152048</t>
  </si>
  <si>
    <t>新潟県柏崎市</t>
  </si>
  <si>
    <t>152056</t>
  </si>
  <si>
    <t>新潟県新発田市</t>
  </si>
  <si>
    <t>152064</t>
  </si>
  <si>
    <t>新潟県小千谷市</t>
  </si>
  <si>
    <t>152081</t>
  </si>
  <si>
    <t>新潟県加茂市</t>
  </si>
  <si>
    <t>152099</t>
  </si>
  <si>
    <t>新潟県十日町市</t>
  </si>
  <si>
    <t>152102</t>
  </si>
  <si>
    <t>新潟県見附市</t>
  </si>
  <si>
    <t>152111</t>
  </si>
  <si>
    <t>新潟県村上市</t>
  </si>
  <si>
    <t>152129</t>
  </si>
  <si>
    <t>新潟県燕市</t>
  </si>
  <si>
    <t>152137</t>
  </si>
  <si>
    <t>新潟県糸魚川市</t>
  </si>
  <si>
    <t>152161</t>
  </si>
  <si>
    <t>新潟県妙高市</t>
  </si>
  <si>
    <t>152170</t>
  </si>
  <si>
    <t>新潟県五泉市</t>
  </si>
  <si>
    <t>152188</t>
  </si>
  <si>
    <t>新潟県上越市</t>
  </si>
  <si>
    <t>152226</t>
  </si>
  <si>
    <t>新潟県阿賀野市</t>
  </si>
  <si>
    <t>152234</t>
  </si>
  <si>
    <t>新潟県佐渡市</t>
  </si>
  <si>
    <t>152242</t>
  </si>
  <si>
    <t>新潟県魚沼市</t>
  </si>
  <si>
    <t>152251</t>
  </si>
  <si>
    <t>新潟県南魚沼市</t>
  </si>
  <si>
    <t>152269</t>
  </si>
  <si>
    <t>新潟県胎内市</t>
  </si>
  <si>
    <t>152277</t>
  </si>
  <si>
    <t>新潟県聖籠町</t>
  </si>
  <si>
    <t>153079</t>
  </si>
  <si>
    <t>新潟県弥彦村</t>
  </si>
  <si>
    <t>153427</t>
  </si>
  <si>
    <t>新潟県田上町</t>
  </si>
  <si>
    <t>153613</t>
  </si>
  <si>
    <t>新潟県阿賀町</t>
  </si>
  <si>
    <t>153851</t>
  </si>
  <si>
    <t>新潟県出雲崎町</t>
  </si>
  <si>
    <t>154059</t>
  </si>
  <si>
    <t>新潟県湯沢町</t>
  </si>
  <si>
    <t>154610</t>
  </si>
  <si>
    <t>新潟県津南町</t>
  </si>
  <si>
    <t>154822</t>
  </si>
  <si>
    <t>新潟県刈羽村</t>
  </si>
  <si>
    <t>155047</t>
  </si>
  <si>
    <t>新潟県関川村</t>
  </si>
  <si>
    <t>155811</t>
  </si>
  <si>
    <t>新潟県粟島浦村</t>
  </si>
  <si>
    <t>155861</t>
  </si>
  <si>
    <t>富山県富山市</t>
  </si>
  <si>
    <t>162019</t>
  </si>
  <si>
    <t>富山県高岡市</t>
  </si>
  <si>
    <t>162027</t>
  </si>
  <si>
    <t>富山県魚津市</t>
  </si>
  <si>
    <t>162043</t>
  </si>
  <si>
    <t>富山県氷見市</t>
  </si>
  <si>
    <t>162051</t>
  </si>
  <si>
    <t>富山県滑川市</t>
  </si>
  <si>
    <t>162060</t>
  </si>
  <si>
    <t>富山県黒部市</t>
  </si>
  <si>
    <t>162078</t>
  </si>
  <si>
    <t>富山県砺波市</t>
  </si>
  <si>
    <t>162086</t>
  </si>
  <si>
    <t>富山県小矢部市</t>
  </si>
  <si>
    <t>162094</t>
  </si>
  <si>
    <t>富山県南砺市</t>
  </si>
  <si>
    <t>162108</t>
  </si>
  <si>
    <t>富山県射水市</t>
  </si>
  <si>
    <t>162116</t>
  </si>
  <si>
    <t>富山県舟橋村</t>
  </si>
  <si>
    <t>163210</t>
  </si>
  <si>
    <t>富山県上市町</t>
  </si>
  <si>
    <t>163228</t>
  </si>
  <si>
    <t>富山県立山町</t>
  </si>
  <si>
    <t>163236</t>
  </si>
  <si>
    <t>富山県入善町</t>
  </si>
  <si>
    <t>163422</t>
  </si>
  <si>
    <t>富山県朝日町</t>
  </si>
  <si>
    <t>163431</t>
  </si>
  <si>
    <t>石川県金沢市</t>
  </si>
  <si>
    <t>172014</t>
  </si>
  <si>
    <t>石川県七尾市</t>
  </si>
  <si>
    <t>172022</t>
  </si>
  <si>
    <t>石川県小松市</t>
  </si>
  <si>
    <t>172031</t>
  </si>
  <si>
    <t>石川県輪島市</t>
  </si>
  <si>
    <t>172049</t>
  </si>
  <si>
    <t>石川県珠洲市</t>
  </si>
  <si>
    <t>172057</t>
  </si>
  <si>
    <t>石川県加賀市</t>
  </si>
  <si>
    <t>172065</t>
  </si>
  <si>
    <t>石川県羽咋市</t>
  </si>
  <si>
    <t>172073</t>
  </si>
  <si>
    <t>石川県かほく市</t>
  </si>
  <si>
    <t>172090</t>
  </si>
  <si>
    <t>石川県白山市</t>
  </si>
  <si>
    <t>172103</t>
  </si>
  <si>
    <t>石川県能美市</t>
  </si>
  <si>
    <t>172111</t>
  </si>
  <si>
    <t>石川県野々市市</t>
  </si>
  <si>
    <t>172120</t>
  </si>
  <si>
    <t>石川県川北町</t>
  </si>
  <si>
    <t>173240</t>
  </si>
  <si>
    <t>石川県津幡町</t>
  </si>
  <si>
    <t>173614</t>
  </si>
  <si>
    <t>石川県内灘町</t>
  </si>
  <si>
    <t>173657</t>
  </si>
  <si>
    <t>石川県志賀町</t>
  </si>
  <si>
    <t>173843</t>
  </si>
  <si>
    <t>石川県宝達志水町</t>
  </si>
  <si>
    <t>173860</t>
  </si>
  <si>
    <t>石川県中能登町</t>
  </si>
  <si>
    <t>174076</t>
  </si>
  <si>
    <t>石川県穴水町</t>
  </si>
  <si>
    <t>174611</t>
  </si>
  <si>
    <t>石川県能登町</t>
  </si>
  <si>
    <t>174637</t>
  </si>
  <si>
    <t>福井県福井市</t>
  </si>
  <si>
    <t>182010</t>
  </si>
  <si>
    <t>福井県敦賀市</t>
  </si>
  <si>
    <t>182028</t>
  </si>
  <si>
    <t>福井県小浜市</t>
  </si>
  <si>
    <t>182044</t>
  </si>
  <si>
    <t>福井県大野市</t>
  </si>
  <si>
    <t>182052</t>
  </si>
  <si>
    <t>福井県勝山市</t>
  </si>
  <si>
    <t>182061</t>
  </si>
  <si>
    <t>福井県鯖江市</t>
  </si>
  <si>
    <t>182079</t>
  </si>
  <si>
    <t>福井県あわら市</t>
  </si>
  <si>
    <t>182087</t>
  </si>
  <si>
    <t>福井県越前市</t>
  </si>
  <si>
    <t>182095</t>
  </si>
  <si>
    <t>福井県坂井市</t>
  </si>
  <si>
    <t>182109</t>
  </si>
  <si>
    <t>福井県永平寺町</t>
  </si>
  <si>
    <t>183229</t>
  </si>
  <si>
    <t>福井県池田町</t>
  </si>
  <si>
    <t>183822</t>
  </si>
  <si>
    <t>福井県南越前町</t>
  </si>
  <si>
    <t>184047</t>
  </si>
  <si>
    <t>福井県越前町</t>
  </si>
  <si>
    <t>184233</t>
  </si>
  <si>
    <t>福井県美浜町</t>
  </si>
  <si>
    <t>184420</t>
  </si>
  <si>
    <t>福井県高浜町</t>
  </si>
  <si>
    <t>184811</t>
  </si>
  <si>
    <t>福井県おおい町</t>
  </si>
  <si>
    <t>184837</t>
  </si>
  <si>
    <t>福井県若狭町</t>
  </si>
  <si>
    <t>185019</t>
  </si>
  <si>
    <t>山梨県甲府市</t>
  </si>
  <si>
    <t>192015</t>
  </si>
  <si>
    <t>山梨県富士吉田市</t>
  </si>
  <si>
    <t>192023</t>
  </si>
  <si>
    <t>山梨県都留市</t>
  </si>
  <si>
    <t>192040</t>
  </si>
  <si>
    <t>山梨県山梨市</t>
  </si>
  <si>
    <t>192058</t>
  </si>
  <si>
    <t>山梨県大月市</t>
  </si>
  <si>
    <t>192066</t>
  </si>
  <si>
    <t>山梨県韮崎市</t>
  </si>
  <si>
    <t>192074</t>
  </si>
  <si>
    <t>山梨県南アルプス市</t>
  </si>
  <si>
    <t>192082</t>
  </si>
  <si>
    <t>山梨県北杜市</t>
  </si>
  <si>
    <t>192091</t>
  </si>
  <si>
    <t>山梨県甲斐市</t>
  </si>
  <si>
    <t>192104</t>
  </si>
  <si>
    <t>山梨県笛吹市</t>
  </si>
  <si>
    <t>192112</t>
  </si>
  <si>
    <t>山梨県上野原市</t>
  </si>
  <si>
    <t>192121</t>
  </si>
  <si>
    <t>山梨県甲州市</t>
  </si>
  <si>
    <t>192139</t>
  </si>
  <si>
    <t>山梨県中央市</t>
  </si>
  <si>
    <t>192147</t>
  </si>
  <si>
    <t>山梨県市川三郷町</t>
  </si>
  <si>
    <t>193461</t>
  </si>
  <si>
    <t>山梨県早川町</t>
  </si>
  <si>
    <t>193640</t>
  </si>
  <si>
    <t>山梨県身延町</t>
  </si>
  <si>
    <t>193658</t>
  </si>
  <si>
    <t>山梨県南部町</t>
  </si>
  <si>
    <t>193666</t>
  </si>
  <si>
    <t>山梨県富士川町</t>
  </si>
  <si>
    <t>193682</t>
  </si>
  <si>
    <t>山梨県昭和町</t>
  </si>
  <si>
    <t>193844</t>
  </si>
  <si>
    <t>山梨県道志村</t>
  </si>
  <si>
    <t>194221</t>
  </si>
  <si>
    <t>山梨県西桂町</t>
  </si>
  <si>
    <t>194239</t>
  </si>
  <si>
    <t>山梨県忍野村</t>
  </si>
  <si>
    <t>194247</t>
  </si>
  <si>
    <t>山梨県山中湖村</t>
  </si>
  <si>
    <t>194255</t>
  </si>
  <si>
    <t>山梨県鳴沢村</t>
  </si>
  <si>
    <t>194298</t>
  </si>
  <si>
    <t>山梨県富士河口湖町</t>
  </si>
  <si>
    <t>194301</t>
  </si>
  <si>
    <t>山梨県小菅村</t>
  </si>
  <si>
    <t>194425</t>
  </si>
  <si>
    <t>山梨県丹波山村</t>
  </si>
  <si>
    <t>194433</t>
  </si>
  <si>
    <t>長野県長野市</t>
  </si>
  <si>
    <t>202011</t>
  </si>
  <si>
    <t>長野県松本市</t>
  </si>
  <si>
    <t>202029</t>
  </si>
  <si>
    <t>長野県上田市</t>
  </si>
  <si>
    <t>202037</t>
  </si>
  <si>
    <t>長野県岡谷市</t>
  </si>
  <si>
    <t>202045</t>
  </si>
  <si>
    <t>長野県飯田市</t>
  </si>
  <si>
    <t>202053</t>
  </si>
  <si>
    <t>長野県諏訪市</t>
  </si>
  <si>
    <t>202061</t>
  </si>
  <si>
    <t>長野県須坂市</t>
  </si>
  <si>
    <t>202070</t>
  </si>
  <si>
    <t>長野県小諸市</t>
  </si>
  <si>
    <t>202088</t>
  </si>
  <si>
    <t>長野県伊那市</t>
  </si>
  <si>
    <t>202096</t>
  </si>
  <si>
    <t>長野県駒ヶ根市</t>
  </si>
  <si>
    <t>202100</t>
  </si>
  <si>
    <t>長野県中野市</t>
  </si>
  <si>
    <t>202118</t>
  </si>
  <si>
    <t>長野県大町市</t>
  </si>
  <si>
    <t>202126</t>
  </si>
  <si>
    <t>長野県飯山市</t>
  </si>
  <si>
    <t>202134</t>
  </si>
  <si>
    <t>長野県茅野市</t>
  </si>
  <si>
    <t>202142</t>
  </si>
  <si>
    <t>長野県塩尻市</t>
  </si>
  <si>
    <t>202151</t>
  </si>
  <si>
    <t>長野県佐久市</t>
  </si>
  <si>
    <t>202177</t>
  </si>
  <si>
    <t>長野県千曲市</t>
  </si>
  <si>
    <t>202185</t>
  </si>
  <si>
    <t>長野県東御市</t>
  </si>
  <si>
    <t>202193</t>
  </si>
  <si>
    <t>長野県安曇野市</t>
  </si>
  <si>
    <t>202207</t>
  </si>
  <si>
    <t>長野県小海町</t>
  </si>
  <si>
    <t>203033</t>
  </si>
  <si>
    <t>長野県川上村</t>
  </si>
  <si>
    <t>203041</t>
  </si>
  <si>
    <t>長野県南牧村</t>
  </si>
  <si>
    <t>203050</t>
  </si>
  <si>
    <t>長野県南相木村</t>
  </si>
  <si>
    <t>203068</t>
  </si>
  <si>
    <t>長野県北相木村</t>
  </si>
  <si>
    <t>203076</t>
  </si>
  <si>
    <t>長野県佐久穂町</t>
  </si>
  <si>
    <t>203092</t>
  </si>
  <si>
    <t>長野県軽井沢町</t>
  </si>
  <si>
    <t>203211</t>
  </si>
  <si>
    <t>長野県御代田町</t>
  </si>
  <si>
    <t>203238</t>
  </si>
  <si>
    <t>長野県立科町</t>
  </si>
  <si>
    <t>203246</t>
  </si>
  <si>
    <t>長野県青木村</t>
  </si>
  <si>
    <t>203491</t>
  </si>
  <si>
    <t>長野県長和町</t>
  </si>
  <si>
    <t>203505</t>
  </si>
  <si>
    <t>長野県下諏訪町</t>
  </si>
  <si>
    <t>203611</t>
  </si>
  <si>
    <t>長野県富士見町</t>
  </si>
  <si>
    <t>203629</t>
  </si>
  <si>
    <t>長野県原村</t>
  </si>
  <si>
    <t>203637</t>
  </si>
  <si>
    <t>長野県辰野町</t>
  </si>
  <si>
    <t>203823</t>
  </si>
  <si>
    <t>長野県箕輪町</t>
  </si>
  <si>
    <t>203831</t>
  </si>
  <si>
    <t>長野県飯島町</t>
  </si>
  <si>
    <t>203840</t>
  </si>
  <si>
    <t>長野県南箕輪村</t>
  </si>
  <si>
    <t>203858</t>
  </si>
  <si>
    <t>長野県中川村</t>
  </si>
  <si>
    <t>203866</t>
  </si>
  <si>
    <t>長野県宮田村</t>
  </si>
  <si>
    <t>203882</t>
  </si>
  <si>
    <t>長野県松川町</t>
  </si>
  <si>
    <t>204021</t>
  </si>
  <si>
    <t>長野県高森町</t>
  </si>
  <si>
    <t>204030</t>
  </si>
  <si>
    <t>長野県阿南町</t>
  </si>
  <si>
    <t>204048</t>
  </si>
  <si>
    <t>長野県阿智村</t>
  </si>
  <si>
    <t>204072</t>
  </si>
  <si>
    <t>長野県平谷村</t>
  </si>
  <si>
    <t>204099</t>
  </si>
  <si>
    <t>長野県根羽村</t>
  </si>
  <si>
    <t>204102</t>
  </si>
  <si>
    <t>長野県下條村</t>
  </si>
  <si>
    <t>204111</t>
  </si>
  <si>
    <t>長野県売木村</t>
  </si>
  <si>
    <t>204129</t>
  </si>
  <si>
    <t>長野県天龍村</t>
  </si>
  <si>
    <t>204137</t>
  </si>
  <si>
    <t>長野県泰阜村</t>
  </si>
  <si>
    <t>204145</t>
  </si>
  <si>
    <t>長野県喬木村</t>
  </si>
  <si>
    <t>204153</t>
  </si>
  <si>
    <t>長野県豊丘村</t>
  </si>
  <si>
    <t>204161</t>
  </si>
  <si>
    <t>長野県大鹿村</t>
  </si>
  <si>
    <t>204170</t>
  </si>
  <si>
    <t>長野県上松町</t>
  </si>
  <si>
    <t>204226</t>
  </si>
  <si>
    <t>長野県南木曽町</t>
  </si>
  <si>
    <t>204234</t>
  </si>
  <si>
    <t>長野県木祖村</t>
  </si>
  <si>
    <t>204251</t>
  </si>
  <si>
    <t>長野県王滝村</t>
  </si>
  <si>
    <t>204293</t>
  </si>
  <si>
    <t>長野県大桑村</t>
  </si>
  <si>
    <t>204307</t>
  </si>
  <si>
    <t>長野県木曽町</t>
  </si>
  <si>
    <t>204323</t>
  </si>
  <si>
    <t>長野県麻績村</t>
  </si>
  <si>
    <t>204463</t>
  </si>
  <si>
    <t>長野県生坂村</t>
  </si>
  <si>
    <t>204480</t>
  </si>
  <si>
    <t>長野県山形村</t>
  </si>
  <si>
    <t>204501</t>
  </si>
  <si>
    <t>長野県朝日村</t>
  </si>
  <si>
    <t>204510</t>
  </si>
  <si>
    <t>長野県筑北村</t>
  </si>
  <si>
    <t>204528</t>
  </si>
  <si>
    <t>長野県池田町</t>
  </si>
  <si>
    <t>204811</t>
  </si>
  <si>
    <t>長野県松川村</t>
  </si>
  <si>
    <t>204820</t>
  </si>
  <si>
    <t>長野県白馬村</t>
  </si>
  <si>
    <t>204854</t>
  </si>
  <si>
    <t>長野県小谷村</t>
  </si>
  <si>
    <t>204862</t>
  </si>
  <si>
    <t>長野県坂城町</t>
  </si>
  <si>
    <t>205214</t>
  </si>
  <si>
    <t>長野県小布施町</t>
  </si>
  <si>
    <t>205419</t>
  </si>
  <si>
    <t>長野県高山村</t>
  </si>
  <si>
    <t>205435</t>
  </si>
  <si>
    <t>長野県山ノ内町</t>
  </si>
  <si>
    <t>205613</t>
  </si>
  <si>
    <t>長野県木島平村</t>
  </si>
  <si>
    <t>205621</t>
  </si>
  <si>
    <t>長野県野沢温泉村</t>
  </si>
  <si>
    <t>205630</t>
  </si>
  <si>
    <t>長野県信濃町</t>
  </si>
  <si>
    <t>205834</t>
  </si>
  <si>
    <t>長野県小川村</t>
  </si>
  <si>
    <t>205885</t>
  </si>
  <si>
    <t>長野県飯綱町</t>
  </si>
  <si>
    <t>205907</t>
  </si>
  <si>
    <t>長野県栄村</t>
  </si>
  <si>
    <t>206024</t>
  </si>
  <si>
    <t>岐阜県岐阜市</t>
  </si>
  <si>
    <t>212016</t>
  </si>
  <si>
    <t>岐阜県大垣市</t>
  </si>
  <si>
    <t>212024</t>
  </si>
  <si>
    <t>岐阜県高山市</t>
  </si>
  <si>
    <t>212032</t>
  </si>
  <si>
    <t>岐阜県多治見市</t>
  </si>
  <si>
    <t>212041</t>
  </si>
  <si>
    <t>岐阜県関市</t>
  </si>
  <si>
    <t>212059</t>
  </si>
  <si>
    <t>岐阜県中津川市</t>
  </si>
  <si>
    <t>212067</t>
  </si>
  <si>
    <t>岐阜県美濃市</t>
  </si>
  <si>
    <t>212075</t>
  </si>
  <si>
    <t>岐阜県瑞浪市</t>
  </si>
  <si>
    <t>212083</t>
  </si>
  <si>
    <t>岐阜県羽島市</t>
  </si>
  <si>
    <t>212091</t>
  </si>
  <si>
    <t>岐阜県恵那市</t>
  </si>
  <si>
    <t>212105</t>
  </si>
  <si>
    <t>岐阜県美濃加茂市</t>
  </si>
  <si>
    <t>212113</t>
  </si>
  <si>
    <t>岐阜県土岐市</t>
  </si>
  <si>
    <t>212121</t>
  </si>
  <si>
    <t>岐阜県各務原市</t>
  </si>
  <si>
    <t>212130</t>
  </si>
  <si>
    <t>岐阜県可児市</t>
  </si>
  <si>
    <t>212148</t>
  </si>
  <si>
    <t>岐阜県山県市</t>
  </si>
  <si>
    <t>212156</t>
  </si>
  <si>
    <t>岐阜県瑞穂市</t>
  </si>
  <si>
    <t>212164</t>
  </si>
  <si>
    <t>岐阜県飛騨市</t>
  </si>
  <si>
    <t>212172</t>
  </si>
  <si>
    <t>岐阜県本巣市</t>
  </si>
  <si>
    <t>212181</t>
  </si>
  <si>
    <t>岐阜県郡上市</t>
  </si>
  <si>
    <t>212199</t>
  </si>
  <si>
    <t>岐阜県下呂市</t>
  </si>
  <si>
    <t>212202</t>
  </si>
  <si>
    <t>岐阜県海津市</t>
  </si>
  <si>
    <t>212211</t>
  </si>
  <si>
    <t>岐阜県岐南町</t>
  </si>
  <si>
    <t>213021</t>
  </si>
  <si>
    <t>岐阜県笠松町</t>
  </si>
  <si>
    <t>213039</t>
  </si>
  <si>
    <t>岐阜県養老町</t>
  </si>
  <si>
    <t>213411</t>
  </si>
  <si>
    <t>岐阜県垂井町</t>
  </si>
  <si>
    <t>213616</t>
  </si>
  <si>
    <t>岐阜県関ケ原町</t>
  </si>
  <si>
    <t>213624</t>
  </si>
  <si>
    <t>岐阜県神戸町</t>
  </si>
  <si>
    <t>213811</t>
  </si>
  <si>
    <t>岐阜県輪之内町</t>
  </si>
  <si>
    <t>213829</t>
  </si>
  <si>
    <t>岐阜県安八町</t>
  </si>
  <si>
    <t>213837</t>
  </si>
  <si>
    <t>岐阜県揖斐川町</t>
  </si>
  <si>
    <t>214019</t>
  </si>
  <si>
    <t>岐阜県大野町</t>
  </si>
  <si>
    <t>214035</t>
  </si>
  <si>
    <t>岐阜県池田町</t>
  </si>
  <si>
    <t>214043</t>
  </si>
  <si>
    <t>岐阜県北方町</t>
  </si>
  <si>
    <t>214213</t>
  </si>
  <si>
    <t>岐阜県坂祝町</t>
  </si>
  <si>
    <t>215015</t>
  </si>
  <si>
    <t>岐阜県富加町</t>
  </si>
  <si>
    <t>215023</t>
  </si>
  <si>
    <t>岐阜県川辺町</t>
  </si>
  <si>
    <t>215031</t>
  </si>
  <si>
    <t>岐阜県七宗町</t>
  </si>
  <si>
    <t>215040</t>
  </si>
  <si>
    <t>岐阜県八百津町</t>
  </si>
  <si>
    <t>215058</t>
  </si>
  <si>
    <t>岐阜県白川町</t>
  </si>
  <si>
    <t>215066</t>
  </si>
  <si>
    <t>岐阜県東白川村</t>
  </si>
  <si>
    <t>215074</t>
  </si>
  <si>
    <t>岐阜県御嵩町</t>
  </si>
  <si>
    <t>215210</t>
  </si>
  <si>
    <t>岐阜県白川村</t>
  </si>
  <si>
    <t>216046</t>
  </si>
  <si>
    <t>静岡県静岡市</t>
  </si>
  <si>
    <t>221007</t>
  </si>
  <si>
    <t>静岡県浜松市</t>
  </si>
  <si>
    <t>221309</t>
  </si>
  <si>
    <t>静岡県沼津市</t>
  </si>
  <si>
    <t>222038</t>
  </si>
  <si>
    <t>静岡県熱海市</t>
  </si>
  <si>
    <t>222054</t>
  </si>
  <si>
    <t>静岡県三島市</t>
  </si>
  <si>
    <t>222062</t>
  </si>
  <si>
    <t>静岡県富士宮市</t>
  </si>
  <si>
    <t>222071</t>
  </si>
  <si>
    <t>静岡県伊東市</t>
  </si>
  <si>
    <t>222089</t>
  </si>
  <si>
    <t>静岡県島田市</t>
  </si>
  <si>
    <t>222097</t>
  </si>
  <si>
    <t>静岡県富士市</t>
  </si>
  <si>
    <t>222101</t>
  </si>
  <si>
    <t>静岡県磐田市</t>
  </si>
  <si>
    <t>222119</t>
  </si>
  <si>
    <t>静岡県焼津市</t>
  </si>
  <si>
    <t>222127</t>
  </si>
  <si>
    <t>静岡県掛川市</t>
  </si>
  <si>
    <t>222135</t>
  </si>
  <si>
    <t>静岡県藤枝市</t>
  </si>
  <si>
    <t>222143</t>
  </si>
  <si>
    <t>静岡県御殿場市</t>
  </si>
  <si>
    <t>222151</t>
  </si>
  <si>
    <t>静岡県袋井市</t>
  </si>
  <si>
    <t>222160</t>
  </si>
  <si>
    <t>静岡県下田市</t>
  </si>
  <si>
    <t>222194</t>
  </si>
  <si>
    <t>静岡県裾野市</t>
  </si>
  <si>
    <t>222208</t>
  </si>
  <si>
    <t>静岡県湖西市</t>
  </si>
  <si>
    <t>222216</t>
  </si>
  <si>
    <t>静岡県伊豆市</t>
  </si>
  <si>
    <t>222224</t>
  </si>
  <si>
    <t>静岡県御前崎市</t>
  </si>
  <si>
    <t>222232</t>
  </si>
  <si>
    <t>静岡県菊川市</t>
  </si>
  <si>
    <t>222241</t>
  </si>
  <si>
    <t>静岡県伊豆の国市</t>
  </si>
  <si>
    <t>222259</t>
  </si>
  <si>
    <t>静岡県牧之原市</t>
  </si>
  <si>
    <t>222267</t>
  </si>
  <si>
    <t>静岡県東伊豆町</t>
  </si>
  <si>
    <t>223018</t>
  </si>
  <si>
    <t>静岡県河津町</t>
  </si>
  <si>
    <t>223026</t>
  </si>
  <si>
    <t>静岡県南伊豆町</t>
  </si>
  <si>
    <t>223042</t>
  </si>
  <si>
    <t>静岡県松崎町</t>
  </si>
  <si>
    <t>223051</t>
  </si>
  <si>
    <t>静岡県西伊豆町</t>
  </si>
  <si>
    <t>223069</t>
  </si>
  <si>
    <t>静岡県函南町</t>
  </si>
  <si>
    <t>223255</t>
  </si>
  <si>
    <t>静岡県清水町</t>
  </si>
  <si>
    <t>223417</t>
  </si>
  <si>
    <t>静岡県長泉町</t>
  </si>
  <si>
    <t>223425</t>
  </si>
  <si>
    <t>静岡県小山町</t>
  </si>
  <si>
    <t>223441</t>
  </si>
  <si>
    <t>静岡県吉田町</t>
  </si>
  <si>
    <t>224243</t>
  </si>
  <si>
    <t>静岡県川根本町</t>
  </si>
  <si>
    <t>224294</t>
  </si>
  <si>
    <t>静岡県森町</t>
  </si>
  <si>
    <t>224618</t>
  </si>
  <si>
    <t>愛知県名古屋市</t>
  </si>
  <si>
    <t>231002</t>
  </si>
  <si>
    <t>愛知県豊橋市</t>
  </si>
  <si>
    <t>232017</t>
  </si>
  <si>
    <t>愛知県岡崎市</t>
  </si>
  <si>
    <t>232025</t>
  </si>
  <si>
    <t>愛知県一宮市</t>
  </si>
  <si>
    <t>232033</t>
  </si>
  <si>
    <t>愛知県瀬戸市</t>
  </si>
  <si>
    <t>232041</t>
  </si>
  <si>
    <t>愛知県半田市</t>
  </si>
  <si>
    <t>232050</t>
  </si>
  <si>
    <t>愛知県春日井市</t>
  </si>
  <si>
    <t>232068</t>
  </si>
  <si>
    <t>愛知県豊川市</t>
  </si>
  <si>
    <t>232076</t>
  </si>
  <si>
    <t>愛知県津島市</t>
  </si>
  <si>
    <t>232084</t>
  </si>
  <si>
    <t>愛知県碧南市</t>
  </si>
  <si>
    <t>232092</t>
  </si>
  <si>
    <t>愛知県刈谷市</t>
  </si>
  <si>
    <t>232106</t>
  </si>
  <si>
    <t>愛知県豊田市</t>
  </si>
  <si>
    <t>232114</t>
  </si>
  <si>
    <t>愛知県安城市</t>
  </si>
  <si>
    <t>232122</t>
  </si>
  <si>
    <t>愛知県西尾市</t>
  </si>
  <si>
    <t>232131</t>
  </si>
  <si>
    <t>愛知県蒲郡市</t>
  </si>
  <si>
    <t>232149</t>
  </si>
  <si>
    <t>愛知県犬山市</t>
  </si>
  <si>
    <t>232157</t>
  </si>
  <si>
    <t>愛知県常滑市</t>
  </si>
  <si>
    <t>232165</t>
  </si>
  <si>
    <t>愛知県江南市</t>
  </si>
  <si>
    <t>232173</t>
  </si>
  <si>
    <t>愛知県小牧市</t>
  </si>
  <si>
    <t>232190</t>
  </si>
  <si>
    <t>愛知県稲沢市</t>
  </si>
  <si>
    <t>232203</t>
  </si>
  <si>
    <t>愛知県新城市</t>
  </si>
  <si>
    <t>232211</t>
  </si>
  <si>
    <t>愛知県東海市</t>
  </si>
  <si>
    <t>232220</t>
  </si>
  <si>
    <t>愛知県大府市</t>
  </si>
  <si>
    <t>232238</t>
  </si>
  <si>
    <t>愛知県知多市</t>
  </si>
  <si>
    <t>232246</t>
  </si>
  <si>
    <t>愛知県知立市</t>
  </si>
  <si>
    <t>232254</t>
  </si>
  <si>
    <t>愛知県尾張旭市</t>
  </si>
  <si>
    <t>232262</t>
  </si>
  <si>
    <t>愛知県高浜市</t>
  </si>
  <si>
    <t>232271</t>
  </si>
  <si>
    <t>愛知県岩倉市</t>
  </si>
  <si>
    <t>232289</t>
  </si>
  <si>
    <t>愛知県豊明市</t>
  </si>
  <si>
    <t>232297</t>
  </si>
  <si>
    <t>愛知県日進市</t>
  </si>
  <si>
    <t>232301</t>
  </si>
  <si>
    <t>愛知県田原市</t>
  </si>
  <si>
    <t>232319</t>
  </si>
  <si>
    <t>愛知県愛西市</t>
  </si>
  <si>
    <t>232327</t>
  </si>
  <si>
    <t>愛知県清須市</t>
  </si>
  <si>
    <t>232335</t>
  </si>
  <si>
    <t>愛知県北名古屋市</t>
  </si>
  <si>
    <t>232343</t>
  </si>
  <si>
    <t>愛知県弥富市</t>
  </si>
  <si>
    <t>232351</t>
  </si>
  <si>
    <t>愛知県みよし市</t>
  </si>
  <si>
    <t>232360</t>
  </si>
  <si>
    <t>愛知県あま市</t>
  </si>
  <si>
    <t>232378</t>
  </si>
  <si>
    <t>愛知県長久手市</t>
  </si>
  <si>
    <t>232386</t>
  </si>
  <si>
    <t>愛知県東郷町</t>
  </si>
  <si>
    <t>233021</t>
  </si>
  <si>
    <t>愛知県豊山町</t>
  </si>
  <si>
    <t>233421</t>
  </si>
  <si>
    <t>愛知県大口町</t>
  </si>
  <si>
    <t>233617</t>
  </si>
  <si>
    <t>愛知県扶桑町</t>
  </si>
  <si>
    <t>233625</t>
  </si>
  <si>
    <t>愛知県大治町</t>
  </si>
  <si>
    <t>234249</t>
  </si>
  <si>
    <t>愛知県蟹江町</t>
  </si>
  <si>
    <t>234257</t>
  </si>
  <si>
    <t>愛知県飛島村</t>
  </si>
  <si>
    <t>234273</t>
  </si>
  <si>
    <t>愛知県阿久比町</t>
  </si>
  <si>
    <t>234419</t>
  </si>
  <si>
    <t>愛知県東浦町</t>
  </si>
  <si>
    <t>234427</t>
  </si>
  <si>
    <t>愛知県南知多町</t>
  </si>
  <si>
    <t>234451</t>
  </si>
  <si>
    <t>愛知県美浜町</t>
  </si>
  <si>
    <t>234460</t>
  </si>
  <si>
    <t>愛知県武豊町</t>
  </si>
  <si>
    <t>234478</t>
  </si>
  <si>
    <t>愛知県幸田町</t>
  </si>
  <si>
    <t>235016</t>
  </si>
  <si>
    <t>愛知県設楽町</t>
  </si>
  <si>
    <t>235610</t>
  </si>
  <si>
    <t>愛知県東栄町</t>
  </si>
  <si>
    <t>235628</t>
  </si>
  <si>
    <t>愛知県豊根村</t>
  </si>
  <si>
    <t>235636</t>
  </si>
  <si>
    <t>三重県津市</t>
  </si>
  <si>
    <t>242012</t>
  </si>
  <si>
    <t>三重県四日市市</t>
  </si>
  <si>
    <t>242021</t>
  </si>
  <si>
    <t>三重県伊勢市</t>
  </si>
  <si>
    <t>242039</t>
  </si>
  <si>
    <t>三重県松阪市</t>
  </si>
  <si>
    <t>242047</t>
  </si>
  <si>
    <t>三重県桑名市</t>
  </si>
  <si>
    <t>242055</t>
  </si>
  <si>
    <t>三重県鈴鹿市</t>
  </si>
  <si>
    <t>242071</t>
  </si>
  <si>
    <t>三重県名張市</t>
  </si>
  <si>
    <t>242080</t>
  </si>
  <si>
    <t>三重県尾鷲市</t>
  </si>
  <si>
    <t>242098</t>
  </si>
  <si>
    <t>三重県亀山市</t>
  </si>
  <si>
    <t>242101</t>
  </si>
  <si>
    <t>三重県鳥羽市</t>
  </si>
  <si>
    <t>242110</t>
  </si>
  <si>
    <t>三重県熊野市</t>
  </si>
  <si>
    <t>242128</t>
  </si>
  <si>
    <t>三重県いなべ市</t>
  </si>
  <si>
    <t>242144</t>
  </si>
  <si>
    <t>三重県志摩市</t>
  </si>
  <si>
    <t>242152</t>
  </si>
  <si>
    <t>三重県伊賀市</t>
  </si>
  <si>
    <t>242161</t>
  </si>
  <si>
    <t>三重県木曽岬町</t>
  </si>
  <si>
    <t>243035</t>
  </si>
  <si>
    <t>三重県東員町</t>
  </si>
  <si>
    <t>243248</t>
  </si>
  <si>
    <t>三重県菰野町</t>
  </si>
  <si>
    <t>243418</t>
  </si>
  <si>
    <t>三重県朝日町</t>
  </si>
  <si>
    <t>243434</t>
  </si>
  <si>
    <t>三重県川越町</t>
  </si>
  <si>
    <t>243442</t>
  </si>
  <si>
    <t>三重県多気町</t>
  </si>
  <si>
    <t>244414</t>
  </si>
  <si>
    <t>三重県明和町</t>
  </si>
  <si>
    <t>244422</t>
  </si>
  <si>
    <t>三重県大台町</t>
  </si>
  <si>
    <t>244431</t>
  </si>
  <si>
    <t>三重県玉城町</t>
  </si>
  <si>
    <t>244619</t>
  </si>
  <si>
    <t>三重県度会町</t>
  </si>
  <si>
    <t>244708</t>
  </si>
  <si>
    <t>三重県大紀町</t>
  </si>
  <si>
    <t>244716</t>
  </si>
  <si>
    <t>三重県南伊勢町</t>
  </si>
  <si>
    <t>244724</t>
  </si>
  <si>
    <t>三重県紀北町</t>
  </si>
  <si>
    <t>245437</t>
  </si>
  <si>
    <t>三重県御浜町</t>
  </si>
  <si>
    <t>245615</t>
  </si>
  <si>
    <t>三重県紀宝町</t>
  </si>
  <si>
    <t>245623</t>
  </si>
  <si>
    <t>滋賀県大津市</t>
  </si>
  <si>
    <t>252018</t>
  </si>
  <si>
    <t>滋賀県彦根市</t>
  </si>
  <si>
    <t>252026</t>
  </si>
  <si>
    <t>滋賀県長浜市</t>
  </si>
  <si>
    <t>252034</t>
  </si>
  <si>
    <t>滋賀県近江八幡市</t>
  </si>
  <si>
    <t>252042</t>
  </si>
  <si>
    <t>滋賀県草津市</t>
  </si>
  <si>
    <t>252069</t>
  </si>
  <si>
    <t>滋賀県守山市</t>
  </si>
  <si>
    <t>252077</t>
  </si>
  <si>
    <t>滋賀県栗東市</t>
  </si>
  <si>
    <t>252085</t>
  </si>
  <si>
    <t>滋賀県甲賀市</t>
  </si>
  <si>
    <t>252093</t>
  </si>
  <si>
    <t>滋賀県野洲市</t>
  </si>
  <si>
    <t>252107</t>
  </si>
  <si>
    <t>滋賀県湖南市</t>
  </si>
  <si>
    <t>252115</t>
  </si>
  <si>
    <t>滋賀県高島市</t>
  </si>
  <si>
    <t>252123</t>
  </si>
  <si>
    <t>滋賀県東近江市</t>
  </si>
  <si>
    <t>252131</t>
  </si>
  <si>
    <t>滋賀県米原市</t>
  </si>
  <si>
    <t>252140</t>
  </si>
  <si>
    <t>滋賀県日野町</t>
  </si>
  <si>
    <t>253839</t>
  </si>
  <si>
    <t>滋賀県竜王町</t>
  </si>
  <si>
    <t>253847</t>
  </si>
  <si>
    <t>滋賀県愛荘町</t>
  </si>
  <si>
    <t>254258</t>
  </si>
  <si>
    <t>滋賀県豊郷町</t>
  </si>
  <si>
    <t>254410</t>
  </si>
  <si>
    <t>滋賀県甲良町</t>
  </si>
  <si>
    <t>254428</t>
  </si>
  <si>
    <t>滋賀県多賀町</t>
  </si>
  <si>
    <t>254436</t>
  </si>
  <si>
    <t>京都府京都市</t>
  </si>
  <si>
    <t>261009</t>
  </si>
  <si>
    <t>京都府福知山市</t>
  </si>
  <si>
    <t>262013</t>
  </si>
  <si>
    <t>京都府舞鶴市</t>
  </si>
  <si>
    <t>262021</t>
  </si>
  <si>
    <t>京都府綾部市</t>
  </si>
  <si>
    <t>262030</t>
  </si>
  <si>
    <t>京都府宇治市</t>
  </si>
  <si>
    <t>262048</t>
  </si>
  <si>
    <t>京都府宮津市</t>
  </si>
  <si>
    <t>262056</t>
  </si>
  <si>
    <t>京都府亀岡市</t>
  </si>
  <si>
    <t>262064</t>
  </si>
  <si>
    <t>京都府城陽市</t>
  </si>
  <si>
    <t>262072</t>
  </si>
  <si>
    <t>京都府向日市</t>
  </si>
  <si>
    <t>262081</t>
  </si>
  <si>
    <t>京都府長岡京市</t>
  </si>
  <si>
    <t>262099</t>
  </si>
  <si>
    <t>京都府八幡市</t>
  </si>
  <si>
    <t>262102</t>
  </si>
  <si>
    <t>京都府京田辺市</t>
  </si>
  <si>
    <t>262111</t>
  </si>
  <si>
    <t>京都府京丹後市</t>
  </si>
  <si>
    <t>262129</t>
  </si>
  <si>
    <t>京都府南丹市</t>
  </si>
  <si>
    <t>262137</t>
  </si>
  <si>
    <t>京都府木津川市</t>
  </si>
  <si>
    <t>262145</t>
  </si>
  <si>
    <t>京都府大山崎町</t>
  </si>
  <si>
    <t>263036</t>
  </si>
  <si>
    <t>京都府久御山町</t>
  </si>
  <si>
    <t>263222</t>
  </si>
  <si>
    <t>京都府井手町</t>
  </si>
  <si>
    <t>263435</t>
  </si>
  <si>
    <t>京都府宇治田原町</t>
  </si>
  <si>
    <t>263443</t>
  </si>
  <si>
    <t>京都府笠置町</t>
  </si>
  <si>
    <t>263648</t>
  </si>
  <si>
    <t>京都府和束町</t>
  </si>
  <si>
    <t>263656</t>
  </si>
  <si>
    <t>京都府精華町</t>
  </si>
  <si>
    <t>263664</t>
  </si>
  <si>
    <t>京都府南山城村</t>
  </si>
  <si>
    <t>263672</t>
  </si>
  <si>
    <t>京都府京丹波町</t>
  </si>
  <si>
    <t>264075</t>
  </si>
  <si>
    <t>京都府伊根町</t>
  </si>
  <si>
    <t>264636</t>
  </si>
  <si>
    <t>京都府与謝野町</t>
  </si>
  <si>
    <t>264652</t>
  </si>
  <si>
    <t>大阪府大阪市</t>
  </si>
  <si>
    <t>271004</t>
  </si>
  <si>
    <t>大阪府堺市</t>
  </si>
  <si>
    <t>271403</t>
  </si>
  <si>
    <t>大阪府岸和田市</t>
  </si>
  <si>
    <t>272027</t>
  </si>
  <si>
    <t>大阪府豊中市</t>
  </si>
  <si>
    <t>272035</t>
  </si>
  <si>
    <t>大阪府池田市</t>
  </si>
  <si>
    <t>272043</t>
  </si>
  <si>
    <t>大阪府吹田市</t>
  </si>
  <si>
    <t>272051</t>
  </si>
  <si>
    <t>大阪府泉大津市</t>
  </si>
  <si>
    <t>272060</t>
  </si>
  <si>
    <t>大阪府高槻市</t>
  </si>
  <si>
    <t>272078</t>
  </si>
  <si>
    <t>大阪府貝塚市</t>
  </si>
  <si>
    <t>272086</t>
  </si>
  <si>
    <t>大阪府守口市</t>
  </si>
  <si>
    <t>272094</t>
  </si>
  <si>
    <t>大阪府枚方市</t>
  </si>
  <si>
    <t>272108</t>
  </si>
  <si>
    <t>大阪府茨木市</t>
  </si>
  <si>
    <t>272116</t>
  </si>
  <si>
    <t>大阪府八尾市</t>
  </si>
  <si>
    <t>272124</t>
  </si>
  <si>
    <t>大阪府泉佐野市</t>
  </si>
  <si>
    <t>272132</t>
  </si>
  <si>
    <t>大阪府富田林市</t>
  </si>
  <si>
    <t>272141</t>
  </si>
  <si>
    <t>大阪府寝屋川市</t>
  </si>
  <si>
    <t>272159</t>
  </si>
  <si>
    <t>大阪府河内長野市</t>
  </si>
  <si>
    <t>272167</t>
  </si>
  <si>
    <t>大阪府松原市</t>
  </si>
  <si>
    <t>272175</t>
  </si>
  <si>
    <t>大阪府大東市</t>
  </si>
  <si>
    <t>272183</t>
  </si>
  <si>
    <t>大阪府和泉市</t>
  </si>
  <si>
    <t>272191</t>
  </si>
  <si>
    <t>大阪府箕面市</t>
  </si>
  <si>
    <t>272205</t>
  </si>
  <si>
    <t>大阪府柏原市</t>
  </si>
  <si>
    <t>272213</t>
  </si>
  <si>
    <t>大阪府羽曳野市</t>
  </si>
  <si>
    <t>272221</t>
  </si>
  <si>
    <t>大阪府門真市</t>
  </si>
  <si>
    <t>272230</t>
  </si>
  <si>
    <t>大阪府摂津市</t>
  </si>
  <si>
    <t>272248</t>
  </si>
  <si>
    <t>大阪府高石市</t>
  </si>
  <si>
    <t>272256</t>
  </si>
  <si>
    <t>大阪府藤井寺市</t>
  </si>
  <si>
    <t>272264</t>
  </si>
  <si>
    <t>大阪府東大阪市</t>
  </si>
  <si>
    <t>272272</t>
  </si>
  <si>
    <t>大阪府泉南市</t>
  </si>
  <si>
    <t>272281</t>
  </si>
  <si>
    <t>大阪府四條畷市</t>
  </si>
  <si>
    <t>272299</t>
  </si>
  <si>
    <t>大阪府交野市</t>
  </si>
  <si>
    <t>272302</t>
  </si>
  <si>
    <t>大阪府大阪狭山市</t>
  </si>
  <si>
    <t>272311</t>
  </si>
  <si>
    <t>大阪府阪南市</t>
  </si>
  <si>
    <t>272329</t>
  </si>
  <si>
    <t>大阪府島本町</t>
  </si>
  <si>
    <t>273015</t>
  </si>
  <si>
    <t>大阪府豊能町</t>
  </si>
  <si>
    <t>273210</t>
  </si>
  <si>
    <t>大阪府能勢町</t>
  </si>
  <si>
    <t>273228</t>
  </si>
  <si>
    <t>大阪府忠岡町</t>
  </si>
  <si>
    <t>273414</t>
  </si>
  <si>
    <t>大阪府熊取町</t>
  </si>
  <si>
    <t>273619</t>
  </si>
  <si>
    <t>大阪府田尻町</t>
  </si>
  <si>
    <t>273627</t>
  </si>
  <si>
    <t>大阪府岬町</t>
  </si>
  <si>
    <t>273660</t>
  </si>
  <si>
    <t>大阪府太子町</t>
  </si>
  <si>
    <t>273813</t>
  </si>
  <si>
    <t>大阪府河南町</t>
  </si>
  <si>
    <t>273821</t>
  </si>
  <si>
    <t>大阪府千早赤阪村</t>
  </si>
  <si>
    <t>273830</t>
  </si>
  <si>
    <t>兵庫県神戸市</t>
  </si>
  <si>
    <t>281000</t>
  </si>
  <si>
    <t>兵庫県姫路市</t>
  </si>
  <si>
    <t>282014</t>
  </si>
  <si>
    <t>兵庫県尼崎市</t>
  </si>
  <si>
    <t>282022</t>
  </si>
  <si>
    <t>兵庫県明石市</t>
  </si>
  <si>
    <t>282031</t>
  </si>
  <si>
    <t>兵庫県西宮市</t>
  </si>
  <si>
    <t>282049</t>
  </si>
  <si>
    <t>兵庫県洲本市</t>
  </si>
  <si>
    <t>282057</t>
  </si>
  <si>
    <t>兵庫県芦屋市</t>
  </si>
  <si>
    <t>282065</t>
  </si>
  <si>
    <t>兵庫県伊丹市</t>
  </si>
  <si>
    <t>282073</t>
  </si>
  <si>
    <t>兵庫県相生市</t>
  </si>
  <si>
    <t>282081</t>
  </si>
  <si>
    <t>兵庫県豊岡市</t>
  </si>
  <si>
    <t>282090</t>
  </si>
  <si>
    <t>兵庫県加古川市</t>
  </si>
  <si>
    <t>282103</t>
  </si>
  <si>
    <t>兵庫県赤穂市</t>
  </si>
  <si>
    <t>282120</t>
  </si>
  <si>
    <t>兵庫県西脇市</t>
  </si>
  <si>
    <t>282138</t>
  </si>
  <si>
    <t>兵庫県宝塚市</t>
  </si>
  <si>
    <t>282146</t>
  </si>
  <si>
    <t>兵庫県三木市</t>
  </si>
  <si>
    <t>282154</t>
  </si>
  <si>
    <t>兵庫県高砂市</t>
  </si>
  <si>
    <t>282162</t>
  </si>
  <si>
    <t>兵庫県川西市</t>
  </si>
  <si>
    <t>282171</t>
  </si>
  <si>
    <t>兵庫県小野市</t>
  </si>
  <si>
    <t>282189</t>
  </si>
  <si>
    <t>兵庫県三田市</t>
  </si>
  <si>
    <t>282197</t>
  </si>
  <si>
    <t>兵庫県加西市</t>
  </si>
  <si>
    <t>282201</t>
  </si>
  <si>
    <t>兵庫県丹波篠山市</t>
  </si>
  <si>
    <t>282219</t>
  </si>
  <si>
    <t>兵庫県養父市</t>
  </si>
  <si>
    <t>282227</t>
  </si>
  <si>
    <t>兵庫県丹波市</t>
  </si>
  <si>
    <t>282235</t>
  </si>
  <si>
    <t>兵庫県南あわじ市</t>
  </si>
  <si>
    <t>282243</t>
  </si>
  <si>
    <t>兵庫県朝来市</t>
  </si>
  <si>
    <t>282251</t>
  </si>
  <si>
    <t>兵庫県淡路市</t>
  </si>
  <si>
    <t>282260</t>
  </si>
  <si>
    <t>兵庫県宍粟市</t>
  </si>
  <si>
    <t>282278</t>
  </si>
  <si>
    <t>兵庫県加東市</t>
  </si>
  <si>
    <t>282286</t>
  </si>
  <si>
    <t>兵庫県たつの市</t>
  </si>
  <si>
    <t>282294</t>
  </si>
  <si>
    <t>兵庫県猪名川町</t>
  </si>
  <si>
    <t>283011</t>
  </si>
  <si>
    <t>兵庫県多可町</t>
  </si>
  <si>
    <t>283657</t>
  </si>
  <si>
    <t>兵庫県稲美町</t>
  </si>
  <si>
    <t>283819</t>
  </si>
  <si>
    <t>兵庫県播磨町</t>
  </si>
  <si>
    <t>283827</t>
  </si>
  <si>
    <t>兵庫県市川町</t>
  </si>
  <si>
    <t>284424</t>
  </si>
  <si>
    <t>兵庫県福崎町</t>
  </si>
  <si>
    <t>284432</t>
  </si>
  <si>
    <t>兵庫県神河町</t>
  </si>
  <si>
    <t>284467</t>
  </si>
  <si>
    <t>兵庫県太子町</t>
  </si>
  <si>
    <t>284645</t>
  </si>
  <si>
    <t>兵庫県上郡町</t>
  </si>
  <si>
    <t>284815</t>
  </si>
  <si>
    <t>兵庫県佐用町</t>
  </si>
  <si>
    <t>285013</t>
  </si>
  <si>
    <t>兵庫県香美町</t>
  </si>
  <si>
    <t>285854</t>
  </si>
  <si>
    <t>兵庫県新温泉町</t>
  </si>
  <si>
    <t>285862</t>
  </si>
  <si>
    <t>奈良県奈良市</t>
  </si>
  <si>
    <t>292010</t>
  </si>
  <si>
    <t>奈良県大和高田市</t>
  </si>
  <si>
    <t>292028</t>
  </si>
  <si>
    <t>奈良県大和郡山市</t>
  </si>
  <si>
    <t>292036</t>
  </si>
  <si>
    <t>奈良県天理市</t>
  </si>
  <si>
    <t>292044</t>
  </si>
  <si>
    <t>奈良県橿原市</t>
  </si>
  <si>
    <t>292052</t>
  </si>
  <si>
    <t>奈良県桜井市</t>
  </si>
  <si>
    <t>292061</t>
  </si>
  <si>
    <t>奈良県五條市</t>
  </si>
  <si>
    <t>292079</t>
  </si>
  <si>
    <t>奈良県御所市</t>
  </si>
  <si>
    <t>292087</t>
  </si>
  <si>
    <t>奈良県生駒市</t>
  </si>
  <si>
    <t>292095</t>
  </si>
  <si>
    <t>奈良県香芝市</t>
  </si>
  <si>
    <t>292109</t>
  </si>
  <si>
    <t>奈良県葛城市</t>
  </si>
  <si>
    <t>292117</t>
  </si>
  <si>
    <t>奈良県宇陀市</t>
  </si>
  <si>
    <t>292125</t>
  </si>
  <si>
    <t>奈良県山添村</t>
  </si>
  <si>
    <t>293229</t>
  </si>
  <si>
    <t>奈良県平群町</t>
  </si>
  <si>
    <t>293423</t>
  </si>
  <si>
    <t>奈良県三郷町</t>
  </si>
  <si>
    <t>293431</t>
  </si>
  <si>
    <t>奈良県斑鳩町</t>
  </si>
  <si>
    <t>293440</t>
  </si>
  <si>
    <t>奈良県安堵町</t>
  </si>
  <si>
    <t>293458</t>
  </si>
  <si>
    <t>奈良県川西町</t>
  </si>
  <si>
    <t>293610</t>
  </si>
  <si>
    <t>奈良県三宅町</t>
  </si>
  <si>
    <t>293628</t>
  </si>
  <si>
    <t>奈良県田原本町</t>
  </si>
  <si>
    <t>293636</t>
  </si>
  <si>
    <t>奈良県曽爾村</t>
  </si>
  <si>
    <t>293857</t>
  </si>
  <si>
    <t>奈良県御杖村</t>
  </si>
  <si>
    <t>293865</t>
  </si>
  <si>
    <t>奈良県高取町</t>
  </si>
  <si>
    <t>294012</t>
  </si>
  <si>
    <t>奈良県明日香村</t>
  </si>
  <si>
    <t>294021</t>
  </si>
  <si>
    <t>奈良県上牧町</t>
  </si>
  <si>
    <t>294241</t>
  </si>
  <si>
    <t>奈良県王寺町</t>
  </si>
  <si>
    <t>294250</t>
  </si>
  <si>
    <t>奈良県広陵町</t>
  </si>
  <si>
    <t>294268</t>
  </si>
  <si>
    <t>奈良県河合町</t>
  </si>
  <si>
    <t>294276</t>
  </si>
  <si>
    <t>奈良県吉野町</t>
  </si>
  <si>
    <t>294411</t>
  </si>
  <si>
    <t>奈良県大淀町</t>
  </si>
  <si>
    <t>294420</t>
  </si>
  <si>
    <t>奈良県下市町</t>
  </si>
  <si>
    <t>294438</t>
  </si>
  <si>
    <t>奈良県黒滝村</t>
  </si>
  <si>
    <t>294446</t>
  </si>
  <si>
    <t>奈良県天川村</t>
  </si>
  <si>
    <t>294462</t>
  </si>
  <si>
    <t>奈良県野迫川村</t>
  </si>
  <si>
    <t>294471</t>
  </si>
  <si>
    <t>奈良県十津川村</t>
  </si>
  <si>
    <t>294497</t>
  </si>
  <si>
    <t>奈良県下北山村</t>
  </si>
  <si>
    <t>294501</t>
  </si>
  <si>
    <t>奈良県上北山村</t>
  </si>
  <si>
    <t>294519</t>
  </si>
  <si>
    <t>奈良県川上村</t>
  </si>
  <si>
    <t>294527</t>
  </si>
  <si>
    <t>奈良県東吉野村</t>
  </si>
  <si>
    <t>294535</t>
  </si>
  <si>
    <t>和歌山県和歌山市</t>
  </si>
  <si>
    <t>302015</t>
  </si>
  <si>
    <t>和歌山県海南市</t>
  </si>
  <si>
    <t>302023</t>
  </si>
  <si>
    <t>和歌山県橋本市</t>
  </si>
  <si>
    <t>302031</t>
  </si>
  <si>
    <t>和歌山県有田市</t>
  </si>
  <si>
    <t>302040</t>
  </si>
  <si>
    <t>和歌山県御坊市</t>
  </si>
  <si>
    <t>302058</t>
  </si>
  <si>
    <t>和歌山県田辺市</t>
  </si>
  <si>
    <t>302066</t>
  </si>
  <si>
    <t>和歌山県新宮市</t>
  </si>
  <si>
    <t>302074</t>
  </si>
  <si>
    <t>和歌山県紀の川市</t>
  </si>
  <si>
    <t>302082</t>
  </si>
  <si>
    <t>和歌山県岩出市</t>
  </si>
  <si>
    <t>302091</t>
  </si>
  <si>
    <t>和歌山県紀美野町</t>
  </si>
  <si>
    <t>303046</t>
  </si>
  <si>
    <t>和歌山県かつらぎ町</t>
  </si>
  <si>
    <t>303411</t>
  </si>
  <si>
    <t>和歌山県九度山町</t>
  </si>
  <si>
    <t>303437</t>
  </si>
  <si>
    <t>和歌山県高野町</t>
  </si>
  <si>
    <t>303445</t>
  </si>
  <si>
    <t>和歌山県湯浅町</t>
  </si>
  <si>
    <t>303615</t>
  </si>
  <si>
    <t>和歌山県広川町</t>
  </si>
  <si>
    <t>303623</t>
  </si>
  <si>
    <t>和歌山県有田川町</t>
  </si>
  <si>
    <t>303666</t>
  </si>
  <si>
    <t>和歌山県美浜町</t>
  </si>
  <si>
    <t>303810</t>
  </si>
  <si>
    <t>和歌山県日高町</t>
  </si>
  <si>
    <t>303828</t>
  </si>
  <si>
    <t>和歌山県由良町</t>
  </si>
  <si>
    <t>303836</t>
  </si>
  <si>
    <t>和歌山県印南町</t>
  </si>
  <si>
    <t>303909</t>
  </si>
  <si>
    <t>和歌山県みなべ町</t>
  </si>
  <si>
    <t>303917</t>
  </si>
  <si>
    <t>和歌山県日高川町</t>
  </si>
  <si>
    <t>303925</t>
  </si>
  <si>
    <t>和歌山県白浜町</t>
  </si>
  <si>
    <t>304018</t>
  </si>
  <si>
    <t>和歌山県上富田町</t>
  </si>
  <si>
    <t>304042</t>
  </si>
  <si>
    <t>和歌山県すさみ町</t>
  </si>
  <si>
    <t>304069</t>
  </si>
  <si>
    <t>和歌山県那智勝浦町</t>
  </si>
  <si>
    <t>304212</t>
  </si>
  <si>
    <t>和歌山県太地町</t>
  </si>
  <si>
    <t>304221</t>
  </si>
  <si>
    <t>和歌山県古座川町</t>
  </si>
  <si>
    <t>304247</t>
  </si>
  <si>
    <t>和歌山県北山村</t>
  </si>
  <si>
    <t>304271</t>
  </si>
  <si>
    <t>和歌山県串本町</t>
  </si>
  <si>
    <t>304280</t>
  </si>
  <si>
    <t>鳥取県鳥取市</t>
  </si>
  <si>
    <t>312011</t>
  </si>
  <si>
    <t>鳥取県米子市</t>
  </si>
  <si>
    <t>312029</t>
  </si>
  <si>
    <t>鳥取県倉吉市</t>
  </si>
  <si>
    <t>312037</t>
  </si>
  <si>
    <t>鳥取県境港市</t>
  </si>
  <si>
    <t>312045</t>
  </si>
  <si>
    <t>鳥取県岩美町</t>
  </si>
  <si>
    <t>313025</t>
  </si>
  <si>
    <t>鳥取県若桜町</t>
  </si>
  <si>
    <t>313254</t>
  </si>
  <si>
    <t>鳥取県智頭町</t>
  </si>
  <si>
    <t>313289</t>
  </si>
  <si>
    <t>鳥取県八頭町</t>
  </si>
  <si>
    <t>313297</t>
  </si>
  <si>
    <t>鳥取県三朝町</t>
  </si>
  <si>
    <t>313645</t>
  </si>
  <si>
    <t>鳥取県湯梨浜町</t>
  </si>
  <si>
    <t>313700</t>
  </si>
  <si>
    <t>鳥取県琴浦町</t>
  </si>
  <si>
    <t>313718</t>
  </si>
  <si>
    <t>鳥取県北栄町</t>
  </si>
  <si>
    <t>313726</t>
  </si>
  <si>
    <t>鳥取県日吉津村</t>
  </si>
  <si>
    <t>313840</t>
  </si>
  <si>
    <t>鳥取県大山町</t>
  </si>
  <si>
    <t>313866</t>
  </si>
  <si>
    <t>鳥取県南部町</t>
  </si>
  <si>
    <t>313891</t>
  </si>
  <si>
    <t>鳥取県伯耆町</t>
  </si>
  <si>
    <t>313904</t>
  </si>
  <si>
    <t>鳥取県日南町</t>
  </si>
  <si>
    <t>314013</t>
  </si>
  <si>
    <t>鳥取県日野町</t>
  </si>
  <si>
    <t>314021</t>
  </si>
  <si>
    <t>鳥取県江府町</t>
  </si>
  <si>
    <t>314030</t>
  </si>
  <si>
    <t>島根県松江市</t>
  </si>
  <si>
    <t>322016</t>
  </si>
  <si>
    <t>島根県浜田市</t>
  </si>
  <si>
    <t>322024</t>
  </si>
  <si>
    <t>島根県出雲市</t>
  </si>
  <si>
    <t>322032</t>
  </si>
  <si>
    <t>島根県益田市</t>
  </si>
  <si>
    <t>322041</t>
  </si>
  <si>
    <t>島根県大田市</t>
  </si>
  <si>
    <t>322059</t>
  </si>
  <si>
    <t>島根県安来市</t>
  </si>
  <si>
    <t>322067</t>
  </si>
  <si>
    <t>島根県江津市</t>
  </si>
  <si>
    <t>322075</t>
  </si>
  <si>
    <t>島根県雲南市</t>
  </si>
  <si>
    <t>322091</t>
  </si>
  <si>
    <t>島根県奥出雲町</t>
  </si>
  <si>
    <t>323438</t>
  </si>
  <si>
    <t>島根県飯南町</t>
  </si>
  <si>
    <t>323861</t>
  </si>
  <si>
    <t>島根県川本町</t>
  </si>
  <si>
    <t>324418</t>
  </si>
  <si>
    <t>島根県美郷町</t>
  </si>
  <si>
    <t>324485</t>
  </si>
  <si>
    <t>島根県邑南町</t>
  </si>
  <si>
    <t>324493</t>
  </si>
  <si>
    <t>島根県津和野町</t>
  </si>
  <si>
    <t>325015</t>
  </si>
  <si>
    <t>島根県吉賀町</t>
  </si>
  <si>
    <t>325058</t>
  </si>
  <si>
    <t>島根県海士町</t>
  </si>
  <si>
    <t>325252</t>
  </si>
  <si>
    <t>島根県西ノ島町</t>
  </si>
  <si>
    <t>325261</t>
  </si>
  <si>
    <t>島根県知夫村</t>
  </si>
  <si>
    <t>325279</t>
  </si>
  <si>
    <t>島根県隠岐の島町</t>
  </si>
  <si>
    <t>325287</t>
  </si>
  <si>
    <t>岡山県岡山市</t>
  </si>
  <si>
    <t>331007</t>
  </si>
  <si>
    <t>岡山県倉敷市</t>
  </si>
  <si>
    <t>332020</t>
  </si>
  <si>
    <t>岡山県津山市</t>
  </si>
  <si>
    <t>332038</t>
  </si>
  <si>
    <t>岡山県玉野市</t>
  </si>
  <si>
    <t>332046</t>
  </si>
  <si>
    <t>岡山県笠岡市</t>
  </si>
  <si>
    <t>332054</t>
  </si>
  <si>
    <t>岡山県井原市</t>
  </si>
  <si>
    <t>332071</t>
  </si>
  <si>
    <t>岡山県総社市</t>
  </si>
  <si>
    <t>332089</t>
  </si>
  <si>
    <t>岡山県高梁市</t>
  </si>
  <si>
    <t>332097</t>
  </si>
  <si>
    <t>岡山県新見市</t>
  </si>
  <si>
    <t>332101</t>
  </si>
  <si>
    <t>岡山県備前市</t>
  </si>
  <si>
    <t>332119</t>
  </si>
  <si>
    <t>岡山県瀬戸内市</t>
  </si>
  <si>
    <t>332127</t>
  </si>
  <si>
    <t>岡山県赤磐市</t>
  </si>
  <si>
    <t>332135</t>
  </si>
  <si>
    <t>岡山県真庭市</t>
  </si>
  <si>
    <t>332143</t>
  </si>
  <si>
    <t>岡山県美作市</t>
  </si>
  <si>
    <t>332151</t>
  </si>
  <si>
    <t>岡山県浅口市</t>
  </si>
  <si>
    <t>332160</t>
  </si>
  <si>
    <t>岡山県和気町</t>
  </si>
  <si>
    <t>333468</t>
  </si>
  <si>
    <t>岡山県早島町</t>
  </si>
  <si>
    <t>334235</t>
  </si>
  <si>
    <t>岡山県里庄町</t>
  </si>
  <si>
    <t>334456</t>
  </si>
  <si>
    <t>岡山県矢掛町</t>
  </si>
  <si>
    <t>334618</t>
  </si>
  <si>
    <t>岡山県新庄村</t>
  </si>
  <si>
    <t>335860</t>
  </si>
  <si>
    <t>岡山県鏡野町</t>
  </si>
  <si>
    <t>336068</t>
  </si>
  <si>
    <t>岡山県勝央町</t>
  </si>
  <si>
    <t>336220</t>
  </si>
  <si>
    <t>岡山県奈義町</t>
  </si>
  <si>
    <t>336238</t>
  </si>
  <si>
    <t>岡山県西粟倉村</t>
  </si>
  <si>
    <t>336432</t>
  </si>
  <si>
    <t>岡山県久米南町</t>
  </si>
  <si>
    <t>336637</t>
  </si>
  <si>
    <t>岡山県美咲町</t>
  </si>
  <si>
    <t>336661</t>
  </si>
  <si>
    <t>岡山県吉備中央町</t>
  </si>
  <si>
    <t>336815</t>
  </si>
  <si>
    <t>広島県広島市</t>
  </si>
  <si>
    <t>341002</t>
  </si>
  <si>
    <t>広島県呉市</t>
  </si>
  <si>
    <t>342025</t>
  </si>
  <si>
    <t>広島県竹原市</t>
  </si>
  <si>
    <t>342033</t>
  </si>
  <si>
    <t>広島県三原市</t>
  </si>
  <si>
    <t>342041</t>
  </si>
  <si>
    <t>広島県尾道市</t>
  </si>
  <si>
    <t>342050</t>
  </si>
  <si>
    <t>広島県福山市</t>
  </si>
  <si>
    <t>342076</t>
  </si>
  <si>
    <t>広島県府中市</t>
  </si>
  <si>
    <t>342084</t>
  </si>
  <si>
    <t>広島県三次市</t>
  </si>
  <si>
    <t>342092</t>
  </si>
  <si>
    <t>広島県庄原市</t>
  </si>
  <si>
    <t>342106</t>
  </si>
  <si>
    <t>広島県大竹市</t>
  </si>
  <si>
    <t>342114</t>
  </si>
  <si>
    <t>広島県東広島市</t>
  </si>
  <si>
    <t>342122</t>
  </si>
  <si>
    <t>広島県廿日市市</t>
  </si>
  <si>
    <t>342131</t>
  </si>
  <si>
    <t>広島県安芸高田市</t>
  </si>
  <si>
    <t>342149</t>
  </si>
  <si>
    <t>広島県江田島市</t>
  </si>
  <si>
    <t>342157</t>
  </si>
  <si>
    <t>広島県府中町</t>
  </si>
  <si>
    <t>343021</t>
  </si>
  <si>
    <t>広島県海田町</t>
  </si>
  <si>
    <t>343048</t>
  </si>
  <si>
    <t>広島県熊野町</t>
  </si>
  <si>
    <t>343072</t>
  </si>
  <si>
    <t>広島県坂町</t>
  </si>
  <si>
    <t>343099</t>
  </si>
  <si>
    <t>広島県安芸太田町</t>
  </si>
  <si>
    <t>343684</t>
  </si>
  <si>
    <t>広島県北広島町</t>
  </si>
  <si>
    <t>343692</t>
  </si>
  <si>
    <t>広島県大崎上島町</t>
  </si>
  <si>
    <t>344311</t>
  </si>
  <si>
    <t>広島県世羅町</t>
  </si>
  <si>
    <t>344621</t>
  </si>
  <si>
    <t>広島県神石高原町</t>
  </si>
  <si>
    <t>345458</t>
  </si>
  <si>
    <t>山口県下関市</t>
  </si>
  <si>
    <t>352012</t>
  </si>
  <si>
    <t>山口県宇部市</t>
  </si>
  <si>
    <t>352021</t>
  </si>
  <si>
    <t>山口県山口市</t>
  </si>
  <si>
    <t>352039</t>
  </si>
  <si>
    <t>山口県萩市</t>
  </si>
  <si>
    <t>352047</t>
  </si>
  <si>
    <t>山口県防府市</t>
  </si>
  <si>
    <t>352063</t>
  </si>
  <si>
    <t>山口県下松市</t>
  </si>
  <si>
    <t>352071</t>
  </si>
  <si>
    <t>山口県岩国市</t>
  </si>
  <si>
    <t>352080</t>
  </si>
  <si>
    <t>山口県光市</t>
  </si>
  <si>
    <t>352101</t>
  </si>
  <si>
    <t>山口県長門市</t>
  </si>
  <si>
    <t>352110</t>
  </si>
  <si>
    <t>山口県柳井市</t>
  </si>
  <si>
    <t>352128</t>
  </si>
  <si>
    <t>山口県美祢市</t>
  </si>
  <si>
    <t>352136</t>
  </si>
  <si>
    <t>山口県周南市</t>
  </si>
  <si>
    <t>352152</t>
  </si>
  <si>
    <t>山口県山陽小野田市</t>
  </si>
  <si>
    <t>352161</t>
  </si>
  <si>
    <t>山口県周防大島町</t>
  </si>
  <si>
    <t>353051</t>
  </si>
  <si>
    <t>山口県和木町</t>
  </si>
  <si>
    <t>353213</t>
  </si>
  <si>
    <t>山口県上関町</t>
  </si>
  <si>
    <t>353418</t>
  </si>
  <si>
    <t>山口県田布施町</t>
  </si>
  <si>
    <t>353434</t>
  </si>
  <si>
    <t>山口県平生町</t>
  </si>
  <si>
    <t>353442</t>
  </si>
  <si>
    <t>山口県阿武町</t>
  </si>
  <si>
    <t>355020</t>
  </si>
  <si>
    <t>徳島県徳島市</t>
  </si>
  <si>
    <t>362018</t>
  </si>
  <si>
    <t>徳島県鳴門市</t>
  </si>
  <si>
    <t>362026</t>
  </si>
  <si>
    <t>徳島県小松島市</t>
  </si>
  <si>
    <t>362034</t>
  </si>
  <si>
    <t>徳島県阿南市</t>
  </si>
  <si>
    <t>362042</t>
  </si>
  <si>
    <t>徳島県吉野川市</t>
  </si>
  <si>
    <t>362051</t>
  </si>
  <si>
    <t>徳島県阿波市</t>
  </si>
  <si>
    <t>362069</t>
  </si>
  <si>
    <t>徳島県美馬市</t>
  </si>
  <si>
    <t>362077</t>
  </si>
  <si>
    <t>徳島県三好市</t>
  </si>
  <si>
    <t>362085</t>
  </si>
  <si>
    <t>徳島県勝浦町</t>
  </si>
  <si>
    <t>363014</t>
  </si>
  <si>
    <t>徳島県上勝町</t>
  </si>
  <si>
    <t>363022</t>
  </si>
  <si>
    <t>徳島県佐那河内村</t>
  </si>
  <si>
    <t>363219</t>
  </si>
  <si>
    <t>徳島県石井町</t>
  </si>
  <si>
    <t>363413</t>
  </si>
  <si>
    <t>徳島県神山町</t>
  </si>
  <si>
    <t>363421</t>
  </si>
  <si>
    <t>徳島県那賀町</t>
  </si>
  <si>
    <t>363685</t>
  </si>
  <si>
    <t>徳島県牟岐町</t>
  </si>
  <si>
    <t>363839</t>
  </si>
  <si>
    <t>徳島県美波町</t>
  </si>
  <si>
    <t>363871</t>
  </si>
  <si>
    <t>徳島県海陽町</t>
  </si>
  <si>
    <t>363880</t>
  </si>
  <si>
    <t>徳島県松茂町</t>
  </si>
  <si>
    <t>364011</t>
  </si>
  <si>
    <t>徳島県北島町</t>
  </si>
  <si>
    <t>364029</t>
  </si>
  <si>
    <t>徳島県藍住町</t>
  </si>
  <si>
    <t>364037</t>
  </si>
  <si>
    <t>徳島県板野町</t>
  </si>
  <si>
    <t>364045</t>
  </si>
  <si>
    <t>徳島県上板町</t>
  </si>
  <si>
    <t>364053</t>
  </si>
  <si>
    <t>徳島県つるぎ町</t>
  </si>
  <si>
    <t>364681</t>
  </si>
  <si>
    <t>徳島県東みよし町</t>
  </si>
  <si>
    <t>364894</t>
  </si>
  <si>
    <t>香川県高松市</t>
  </si>
  <si>
    <t>372013</t>
  </si>
  <si>
    <t>香川県丸亀市</t>
  </si>
  <si>
    <t>372021</t>
  </si>
  <si>
    <t>香川県坂出市</t>
  </si>
  <si>
    <t>372030</t>
  </si>
  <si>
    <t>香川県善通寺市</t>
  </si>
  <si>
    <t>372048</t>
  </si>
  <si>
    <t>香川県観音寺市</t>
  </si>
  <si>
    <t>372056</t>
  </si>
  <si>
    <t>香川県さぬき市</t>
  </si>
  <si>
    <t>372064</t>
  </si>
  <si>
    <t>香川県東かがわ市</t>
  </si>
  <si>
    <t>372072</t>
  </si>
  <si>
    <t>香川県三豊市</t>
  </si>
  <si>
    <t>372081</t>
  </si>
  <si>
    <t>香川県土庄町</t>
  </si>
  <si>
    <t>373222</t>
  </si>
  <si>
    <t>香川県小豆島町</t>
  </si>
  <si>
    <t>373249</t>
  </si>
  <si>
    <t>香川県三木町</t>
  </si>
  <si>
    <t>373419</t>
  </si>
  <si>
    <t>香川県直島町</t>
  </si>
  <si>
    <t>373648</t>
  </si>
  <si>
    <t>香川県宇多津町</t>
  </si>
  <si>
    <t>373869</t>
  </si>
  <si>
    <t>香川県綾川町</t>
  </si>
  <si>
    <t>373877</t>
  </si>
  <si>
    <t>香川県琴平町</t>
  </si>
  <si>
    <t>374032</t>
  </si>
  <si>
    <t>香川県多度津町</t>
  </si>
  <si>
    <t>374041</t>
  </si>
  <si>
    <t>香川県まんのう町</t>
  </si>
  <si>
    <t>374067</t>
  </si>
  <si>
    <t>愛媛県松山市</t>
  </si>
  <si>
    <t>382019</t>
  </si>
  <si>
    <t>愛媛県今治市</t>
  </si>
  <si>
    <t>382027</t>
  </si>
  <si>
    <t>愛媛県宇和島市</t>
  </si>
  <si>
    <t>382035</t>
  </si>
  <si>
    <t>愛媛県八幡浜市</t>
  </si>
  <si>
    <t>382043</t>
  </si>
  <si>
    <t>愛媛県新居浜市</t>
  </si>
  <si>
    <t>382051</t>
  </si>
  <si>
    <t>愛媛県西条市</t>
  </si>
  <si>
    <t>382060</t>
  </si>
  <si>
    <t>愛媛県大洲市</t>
  </si>
  <si>
    <t>382078</t>
  </si>
  <si>
    <t>愛媛県伊予市</t>
  </si>
  <si>
    <t>382108</t>
  </si>
  <si>
    <t>愛媛県四国中央市</t>
  </si>
  <si>
    <t>382132</t>
  </si>
  <si>
    <t>愛媛県西予市</t>
  </si>
  <si>
    <t>382141</t>
  </si>
  <si>
    <t>愛媛県東温市</t>
  </si>
  <si>
    <t>382159</t>
  </si>
  <si>
    <t>愛媛県上島町</t>
  </si>
  <si>
    <t>383562</t>
  </si>
  <si>
    <t>愛媛県久万高原町</t>
  </si>
  <si>
    <t>383864</t>
  </si>
  <si>
    <t>愛媛県松前町</t>
  </si>
  <si>
    <t>384011</t>
  </si>
  <si>
    <t>愛媛県砥部町</t>
  </si>
  <si>
    <t>384020</t>
  </si>
  <si>
    <t>愛媛県内子町</t>
  </si>
  <si>
    <t>384224</t>
  </si>
  <si>
    <t>愛媛県伊方町</t>
  </si>
  <si>
    <t>384429</t>
  </si>
  <si>
    <t>愛媛県松野町</t>
  </si>
  <si>
    <t>384844</t>
  </si>
  <si>
    <t>愛媛県鬼北町</t>
  </si>
  <si>
    <t>384887</t>
  </si>
  <si>
    <t>愛媛県愛南町</t>
  </si>
  <si>
    <t>385069</t>
  </si>
  <si>
    <t>高知県高知市</t>
  </si>
  <si>
    <t>392014</t>
  </si>
  <si>
    <t>高知県室戸市</t>
  </si>
  <si>
    <t>392022</t>
  </si>
  <si>
    <t>高知県安芸市</t>
  </si>
  <si>
    <t>392031</t>
  </si>
  <si>
    <t>高知県南国市</t>
  </si>
  <si>
    <t>392049</t>
  </si>
  <si>
    <t>高知県土佐市</t>
  </si>
  <si>
    <t>392057</t>
  </si>
  <si>
    <t>高知県須崎市</t>
  </si>
  <si>
    <t>392065</t>
  </si>
  <si>
    <t>高知県宿毛市</t>
  </si>
  <si>
    <t>392081</t>
  </si>
  <si>
    <t>高知県土佐清水市</t>
  </si>
  <si>
    <t>392090</t>
  </si>
  <si>
    <t>高知県四万十市</t>
  </si>
  <si>
    <t>392103</t>
  </si>
  <si>
    <t>高知県香南市</t>
  </si>
  <si>
    <t>392111</t>
  </si>
  <si>
    <t>高知県香美市</t>
  </si>
  <si>
    <t>392120</t>
  </si>
  <si>
    <t>高知県東洋町</t>
  </si>
  <si>
    <t>393011</t>
  </si>
  <si>
    <t>高知県奈半利町</t>
  </si>
  <si>
    <t>393029</t>
  </si>
  <si>
    <t>高知県田野町</t>
  </si>
  <si>
    <t>393037</t>
  </si>
  <si>
    <t>高知県安田町</t>
  </si>
  <si>
    <t>393045</t>
  </si>
  <si>
    <t>高知県北川村</t>
  </si>
  <si>
    <t>393053</t>
  </si>
  <si>
    <t>高知県馬路村</t>
  </si>
  <si>
    <t>393061</t>
  </si>
  <si>
    <t>高知県芸西村</t>
  </si>
  <si>
    <t>393070</t>
  </si>
  <si>
    <t>高知県本山町</t>
  </si>
  <si>
    <t>393410</t>
  </si>
  <si>
    <t>高知県大豊町</t>
  </si>
  <si>
    <t>393444</t>
  </si>
  <si>
    <t>高知県土佐町</t>
  </si>
  <si>
    <t>393631</t>
  </si>
  <si>
    <t>高知県大川村</t>
  </si>
  <si>
    <t>393649</t>
  </si>
  <si>
    <t>高知県いの町</t>
  </si>
  <si>
    <t>393860</t>
  </si>
  <si>
    <t>高知県仁淀川町</t>
  </si>
  <si>
    <t>393878</t>
  </si>
  <si>
    <t>高知県中土佐町</t>
  </si>
  <si>
    <t>394017</t>
  </si>
  <si>
    <t>高知県佐川町</t>
  </si>
  <si>
    <t>394025</t>
  </si>
  <si>
    <t>高知県越知町</t>
  </si>
  <si>
    <t>394033</t>
  </si>
  <si>
    <t>高知県梼原町</t>
  </si>
  <si>
    <t>394050</t>
  </si>
  <si>
    <t>高知県日高村</t>
  </si>
  <si>
    <t>394106</t>
  </si>
  <si>
    <t>高知県津野町</t>
  </si>
  <si>
    <t>394114</t>
  </si>
  <si>
    <t>高知県四万十町</t>
  </si>
  <si>
    <t>394122</t>
  </si>
  <si>
    <t>高知県大月町</t>
  </si>
  <si>
    <t>394246</t>
  </si>
  <si>
    <t>高知県三原村</t>
  </si>
  <si>
    <t>394271</t>
  </si>
  <si>
    <t>高知県黒潮町</t>
  </si>
  <si>
    <t>394289</t>
  </si>
  <si>
    <t>福岡県北九州市</t>
  </si>
  <si>
    <t>401005</t>
  </si>
  <si>
    <t>福岡県福岡市</t>
  </si>
  <si>
    <t>401307</t>
  </si>
  <si>
    <t>福岡県大牟田市</t>
  </si>
  <si>
    <t>402028</t>
  </si>
  <si>
    <t>福岡県久留米市</t>
  </si>
  <si>
    <t>402036</t>
  </si>
  <si>
    <t>福岡県直方市</t>
  </si>
  <si>
    <t>402044</t>
  </si>
  <si>
    <t>福岡県飯塚市</t>
  </si>
  <si>
    <t>402052</t>
  </si>
  <si>
    <t>福岡県田川市</t>
  </si>
  <si>
    <t>402061</t>
  </si>
  <si>
    <t>福岡県柳川市</t>
  </si>
  <si>
    <t>402079</t>
  </si>
  <si>
    <t>福岡県八女市</t>
  </si>
  <si>
    <t>402109</t>
  </si>
  <si>
    <t>福岡県筑後市</t>
  </si>
  <si>
    <t>402117</t>
  </si>
  <si>
    <t>福岡県大川市</t>
  </si>
  <si>
    <t>402125</t>
  </si>
  <si>
    <t>福岡県行橋市</t>
  </si>
  <si>
    <t>402133</t>
  </si>
  <si>
    <t>福岡県豊前市</t>
  </si>
  <si>
    <t>402141</t>
  </si>
  <si>
    <t>福岡県中間市</t>
  </si>
  <si>
    <t>402150</t>
  </si>
  <si>
    <t>福岡県小郡市</t>
  </si>
  <si>
    <t>402168</t>
  </si>
  <si>
    <t>福岡県筑紫野市</t>
  </si>
  <si>
    <t>402176</t>
  </si>
  <si>
    <t>福岡県春日市</t>
  </si>
  <si>
    <t>402184</t>
  </si>
  <si>
    <t>福岡県大野城市</t>
  </si>
  <si>
    <t>402192</t>
  </si>
  <si>
    <t>福岡県宗像市</t>
  </si>
  <si>
    <t>402206</t>
  </si>
  <si>
    <t>福岡県太宰府市</t>
  </si>
  <si>
    <t>402214</t>
  </si>
  <si>
    <t>福岡県古賀市</t>
  </si>
  <si>
    <t>402231</t>
  </si>
  <si>
    <t>福岡県福津市</t>
  </si>
  <si>
    <t>402249</t>
  </si>
  <si>
    <t>福岡県うきは市</t>
  </si>
  <si>
    <t>402257</t>
  </si>
  <si>
    <t>福岡県宮若市</t>
  </si>
  <si>
    <t>402265</t>
  </si>
  <si>
    <t>福岡県嘉麻市</t>
  </si>
  <si>
    <t>402273</t>
  </si>
  <si>
    <t>福岡県朝倉市</t>
  </si>
  <si>
    <t>402281</t>
  </si>
  <si>
    <t>福岡県みやま市</t>
  </si>
  <si>
    <t>402290</t>
  </si>
  <si>
    <t>福岡県糸島市</t>
  </si>
  <si>
    <t>402303</t>
  </si>
  <si>
    <t>福岡県那珂川市</t>
  </si>
  <si>
    <t>402311</t>
  </si>
  <si>
    <t>福岡県宇美町</t>
  </si>
  <si>
    <t>403415</t>
  </si>
  <si>
    <t>福岡県篠栗町</t>
  </si>
  <si>
    <t>403423</t>
  </si>
  <si>
    <t>福岡県志免町</t>
  </si>
  <si>
    <t>403431</t>
  </si>
  <si>
    <t>福岡県須恵町</t>
  </si>
  <si>
    <t>403440</t>
  </si>
  <si>
    <t>福岡県新宮町</t>
  </si>
  <si>
    <t>403458</t>
  </si>
  <si>
    <t>福岡県久山町</t>
  </si>
  <si>
    <t>403482</t>
  </si>
  <si>
    <t>福岡県粕屋町</t>
  </si>
  <si>
    <t>403491</t>
  </si>
  <si>
    <t>福岡県芦屋町</t>
  </si>
  <si>
    <t>403814</t>
  </si>
  <si>
    <t>福岡県水巻町</t>
  </si>
  <si>
    <t>403822</t>
  </si>
  <si>
    <t>福岡県岡垣町</t>
  </si>
  <si>
    <t>403831</t>
  </si>
  <si>
    <t>福岡県遠賀町</t>
  </si>
  <si>
    <t>403849</t>
  </si>
  <si>
    <t>福岡県小竹町</t>
  </si>
  <si>
    <t>404012</t>
  </si>
  <si>
    <t>福岡県鞍手町</t>
  </si>
  <si>
    <t>404021</t>
  </si>
  <si>
    <t>福岡県桂川町</t>
  </si>
  <si>
    <t>404217</t>
  </si>
  <si>
    <t>福岡県筑前町</t>
  </si>
  <si>
    <t>404471</t>
  </si>
  <si>
    <t>福岡県東峰村</t>
  </si>
  <si>
    <t>404489</t>
  </si>
  <si>
    <t>福岡県大刀洗町</t>
  </si>
  <si>
    <t>405035</t>
  </si>
  <si>
    <t>福岡県大木町</t>
  </si>
  <si>
    <t>405221</t>
  </si>
  <si>
    <t>福岡県広川町</t>
  </si>
  <si>
    <t>405442</t>
  </si>
  <si>
    <t>福岡県香春町</t>
  </si>
  <si>
    <t>406015</t>
  </si>
  <si>
    <t>福岡県添田町</t>
  </si>
  <si>
    <t>406023</t>
  </si>
  <si>
    <t>福岡県糸田町</t>
  </si>
  <si>
    <t>406040</t>
  </si>
  <si>
    <t>福岡県川崎町</t>
  </si>
  <si>
    <t>406058</t>
  </si>
  <si>
    <t>福岡県大任町</t>
  </si>
  <si>
    <t>406082</t>
  </si>
  <si>
    <t>福岡県赤村</t>
  </si>
  <si>
    <t>406091</t>
  </si>
  <si>
    <t>福岡県福智町</t>
  </si>
  <si>
    <t>406104</t>
  </si>
  <si>
    <t>福岡県苅田町</t>
  </si>
  <si>
    <t>406210</t>
  </si>
  <si>
    <t>福岡県みやこ町</t>
  </si>
  <si>
    <t>406252</t>
  </si>
  <si>
    <t>福岡県吉富町</t>
  </si>
  <si>
    <t>406422</t>
  </si>
  <si>
    <t>福岡県上毛町</t>
  </si>
  <si>
    <t>406465</t>
  </si>
  <si>
    <t>福岡県築上町</t>
  </si>
  <si>
    <t>406473</t>
  </si>
  <si>
    <t>佐賀県佐賀市</t>
  </si>
  <si>
    <t>412015</t>
  </si>
  <si>
    <t>佐賀県唐津市</t>
  </si>
  <si>
    <t>412023</t>
  </si>
  <si>
    <t>佐賀県鳥栖市</t>
  </si>
  <si>
    <t>412031</t>
  </si>
  <si>
    <t>佐賀県多久市</t>
  </si>
  <si>
    <t>412040</t>
  </si>
  <si>
    <t>佐賀県伊万里市</t>
  </si>
  <si>
    <t>412058</t>
  </si>
  <si>
    <t>佐賀県武雄市</t>
  </si>
  <si>
    <t>412066</t>
  </si>
  <si>
    <t>佐賀県鹿島市</t>
  </si>
  <si>
    <t>412074</t>
  </si>
  <si>
    <t>佐賀県小城市</t>
  </si>
  <si>
    <t>412082</t>
  </si>
  <si>
    <t>佐賀県嬉野市</t>
  </si>
  <si>
    <t>412091</t>
  </si>
  <si>
    <t>佐賀県神埼市</t>
  </si>
  <si>
    <t>412104</t>
  </si>
  <si>
    <t>佐賀県吉野ヶ里町</t>
  </si>
  <si>
    <t>413275</t>
  </si>
  <si>
    <t>佐賀県基山町</t>
  </si>
  <si>
    <t>413411</t>
  </si>
  <si>
    <t>佐賀県上峰町</t>
  </si>
  <si>
    <t>413453</t>
  </si>
  <si>
    <t>佐賀県みやき町</t>
  </si>
  <si>
    <t>413461</t>
  </si>
  <si>
    <t>佐賀県玄海町</t>
  </si>
  <si>
    <t>413879</t>
  </si>
  <si>
    <t>佐賀県有田町</t>
  </si>
  <si>
    <t>414018</t>
  </si>
  <si>
    <t>佐賀県大町町</t>
  </si>
  <si>
    <t>414239</t>
  </si>
  <si>
    <t>佐賀県江北町</t>
  </si>
  <si>
    <t>414247</t>
  </si>
  <si>
    <t>佐賀県白石町</t>
  </si>
  <si>
    <t>414255</t>
  </si>
  <si>
    <t>佐賀県太良町</t>
  </si>
  <si>
    <t>414417</t>
  </si>
  <si>
    <t>長崎県長崎市</t>
  </si>
  <si>
    <t>422011</t>
  </si>
  <si>
    <t>長崎県佐世保市</t>
  </si>
  <si>
    <t>422029</t>
  </si>
  <si>
    <t>長崎県島原市</t>
  </si>
  <si>
    <t>422037</t>
  </si>
  <si>
    <t>長崎県諫早市</t>
  </si>
  <si>
    <t>422045</t>
  </si>
  <si>
    <t>長崎県大村市</t>
  </si>
  <si>
    <t>422053</t>
  </si>
  <si>
    <t>長崎県平戸市</t>
  </si>
  <si>
    <t>422070</t>
  </si>
  <si>
    <t>長崎県松浦市</t>
  </si>
  <si>
    <t>422088</t>
  </si>
  <si>
    <t>長崎県対馬市</t>
  </si>
  <si>
    <t>422096</t>
  </si>
  <si>
    <t>長崎県壱岐市</t>
  </si>
  <si>
    <t>422100</t>
  </si>
  <si>
    <t>長崎県五島市</t>
  </si>
  <si>
    <t>422118</t>
  </si>
  <si>
    <t>長崎県西海市</t>
  </si>
  <si>
    <t>422126</t>
  </si>
  <si>
    <t>長崎県雲仙市</t>
  </si>
  <si>
    <t>422134</t>
  </si>
  <si>
    <t>長崎県南島原市</t>
  </si>
  <si>
    <t>422142</t>
  </si>
  <si>
    <t>長崎県長与町</t>
  </si>
  <si>
    <t>423076</t>
  </si>
  <si>
    <t>長崎県時津町</t>
  </si>
  <si>
    <t>423084</t>
  </si>
  <si>
    <t>長崎県東彼杵町</t>
  </si>
  <si>
    <t>423211</t>
  </si>
  <si>
    <t>長崎県川棚町</t>
  </si>
  <si>
    <t>423220</t>
  </si>
  <si>
    <t>長崎県波佐見町</t>
  </si>
  <si>
    <t>423238</t>
  </si>
  <si>
    <t>長崎県小値賀町</t>
  </si>
  <si>
    <t>423831</t>
  </si>
  <si>
    <t>長崎県佐々町</t>
  </si>
  <si>
    <t>423912</t>
  </si>
  <si>
    <t>長崎県新上五島町</t>
  </si>
  <si>
    <t>424111</t>
  </si>
  <si>
    <t>熊本県熊本市</t>
  </si>
  <si>
    <t>431001</t>
  </si>
  <si>
    <t>熊本県八代市</t>
  </si>
  <si>
    <t>432024</t>
  </si>
  <si>
    <t>熊本県人吉市</t>
  </si>
  <si>
    <t>432032</t>
  </si>
  <si>
    <t>熊本県荒尾市</t>
  </si>
  <si>
    <t>432041</t>
  </si>
  <si>
    <t>熊本県水俣市</t>
  </si>
  <si>
    <t>432059</t>
  </si>
  <si>
    <t>熊本県玉名市</t>
  </si>
  <si>
    <t>432067</t>
  </si>
  <si>
    <t>熊本県山鹿市</t>
  </si>
  <si>
    <t>432083</t>
  </si>
  <si>
    <t>熊本県菊池市</t>
  </si>
  <si>
    <t>432105</t>
  </si>
  <si>
    <t>熊本県宇土市</t>
  </si>
  <si>
    <t>432113</t>
  </si>
  <si>
    <t>熊本県上天草市</t>
  </si>
  <si>
    <t>432121</t>
  </si>
  <si>
    <t>熊本県宇城市</t>
  </si>
  <si>
    <t>432130</t>
  </si>
  <si>
    <t>熊本県阿蘇市</t>
  </si>
  <si>
    <t>432148</t>
  </si>
  <si>
    <t>熊本県天草市</t>
  </si>
  <si>
    <t>432156</t>
  </si>
  <si>
    <t>熊本県合志市</t>
  </si>
  <si>
    <t>432164</t>
  </si>
  <si>
    <t>熊本県美里町</t>
  </si>
  <si>
    <t>433489</t>
  </si>
  <si>
    <t>熊本県玉東町</t>
  </si>
  <si>
    <t>433641</t>
  </si>
  <si>
    <t>熊本県南関町</t>
  </si>
  <si>
    <t>433675</t>
  </si>
  <si>
    <t>熊本県長洲町</t>
  </si>
  <si>
    <t>433683</t>
  </si>
  <si>
    <t>熊本県和水町</t>
  </si>
  <si>
    <t>433691</t>
  </si>
  <si>
    <t>熊本県大津町</t>
  </si>
  <si>
    <t>434035</t>
  </si>
  <si>
    <t>熊本県菊陽町</t>
  </si>
  <si>
    <t>434043</t>
  </si>
  <si>
    <t>熊本県南小国町</t>
  </si>
  <si>
    <t>434230</t>
  </si>
  <si>
    <t>熊本県小国町</t>
  </si>
  <si>
    <t>434248</t>
  </si>
  <si>
    <t>熊本県産山村</t>
  </si>
  <si>
    <t>434256</t>
  </si>
  <si>
    <t>熊本県高森町</t>
  </si>
  <si>
    <t>434281</t>
  </si>
  <si>
    <t>熊本県西原村</t>
  </si>
  <si>
    <t>434329</t>
  </si>
  <si>
    <t>熊本県南阿蘇村</t>
  </si>
  <si>
    <t>434337</t>
  </si>
  <si>
    <t>熊本県御船町</t>
  </si>
  <si>
    <t>434418</t>
  </si>
  <si>
    <t>熊本県嘉島町</t>
  </si>
  <si>
    <t>434426</t>
  </si>
  <si>
    <t>熊本県益城町</t>
  </si>
  <si>
    <t>434434</t>
  </si>
  <si>
    <t>熊本県甲佐町</t>
  </si>
  <si>
    <t>434442</t>
  </si>
  <si>
    <t>熊本県山都町</t>
  </si>
  <si>
    <t>434477</t>
  </si>
  <si>
    <t>熊本県氷川町</t>
  </si>
  <si>
    <t>434680</t>
  </si>
  <si>
    <t>熊本県芦北町</t>
  </si>
  <si>
    <t>434825</t>
  </si>
  <si>
    <t>熊本県津奈木町</t>
  </si>
  <si>
    <t>434841</t>
  </si>
  <si>
    <t>熊本県錦町</t>
  </si>
  <si>
    <t>435015</t>
  </si>
  <si>
    <t>熊本県多良木町</t>
  </si>
  <si>
    <t>435058</t>
  </si>
  <si>
    <t>熊本県湯前町</t>
  </si>
  <si>
    <t>435066</t>
  </si>
  <si>
    <t>熊本県水上村</t>
  </si>
  <si>
    <t>435074</t>
  </si>
  <si>
    <t>熊本県相良村</t>
  </si>
  <si>
    <t>435104</t>
  </si>
  <si>
    <t>熊本県五木村</t>
  </si>
  <si>
    <t>435112</t>
  </si>
  <si>
    <t>熊本県山江村</t>
  </si>
  <si>
    <t>435121</t>
  </si>
  <si>
    <t>熊本県球磨村</t>
  </si>
  <si>
    <t>435139</t>
  </si>
  <si>
    <t>熊本県あさぎり町</t>
  </si>
  <si>
    <t>435147</t>
  </si>
  <si>
    <t>熊本県苓北町</t>
  </si>
  <si>
    <t>435317</t>
  </si>
  <si>
    <t>大分県大分市</t>
  </si>
  <si>
    <t>442011</t>
  </si>
  <si>
    <t>大分県別府市</t>
  </si>
  <si>
    <t>442020</t>
  </si>
  <si>
    <t>大分県中津市</t>
  </si>
  <si>
    <t>442038</t>
  </si>
  <si>
    <t>大分県日田市</t>
  </si>
  <si>
    <t>442046</t>
  </si>
  <si>
    <t>大分県佐伯市</t>
  </si>
  <si>
    <t>442054</t>
  </si>
  <si>
    <t>大分県臼杵市</t>
  </si>
  <si>
    <t>442062</t>
  </si>
  <si>
    <t>大分県津久見市</t>
  </si>
  <si>
    <t>442071</t>
  </si>
  <si>
    <t>大分県竹田市</t>
  </si>
  <si>
    <t>442089</t>
  </si>
  <si>
    <t>大分県豊後高田市</t>
  </si>
  <si>
    <t>442097</t>
  </si>
  <si>
    <t>大分県杵築市</t>
  </si>
  <si>
    <t>442101</t>
  </si>
  <si>
    <t>大分県宇佐市</t>
  </si>
  <si>
    <t>442119</t>
  </si>
  <si>
    <t>大分県豊後大野市</t>
  </si>
  <si>
    <t>442127</t>
  </si>
  <si>
    <t>大分県由布市</t>
  </si>
  <si>
    <t>442135</t>
  </si>
  <si>
    <t>大分県国東市</t>
  </si>
  <si>
    <t>442143</t>
  </si>
  <si>
    <t>大分県姫島村</t>
  </si>
  <si>
    <t>443221</t>
  </si>
  <si>
    <t>大分県日出町</t>
  </si>
  <si>
    <t>443417</t>
  </si>
  <si>
    <t>大分県九重町</t>
  </si>
  <si>
    <t>444618</t>
  </si>
  <si>
    <t>大分県玖珠町</t>
  </si>
  <si>
    <t>444626</t>
  </si>
  <si>
    <t>宮崎県宮崎市</t>
  </si>
  <si>
    <t>452017</t>
  </si>
  <si>
    <t>宮崎県都城市</t>
  </si>
  <si>
    <t>452025</t>
  </si>
  <si>
    <t>宮崎県延岡市</t>
  </si>
  <si>
    <t>452033</t>
  </si>
  <si>
    <t>宮崎県日南市</t>
  </si>
  <si>
    <t>452041</t>
  </si>
  <si>
    <t>宮崎県小林市</t>
  </si>
  <si>
    <t>452050</t>
  </si>
  <si>
    <t>宮崎県日向市</t>
  </si>
  <si>
    <t>452068</t>
  </si>
  <si>
    <t>宮崎県串間市</t>
  </si>
  <si>
    <t>452076</t>
  </si>
  <si>
    <t>宮崎県西都市</t>
  </si>
  <si>
    <t>452084</t>
  </si>
  <si>
    <t>宮崎県えびの市</t>
  </si>
  <si>
    <t>452092</t>
  </si>
  <si>
    <t>宮崎県三股町</t>
  </si>
  <si>
    <t>453412</t>
  </si>
  <si>
    <t>宮崎県高原町</t>
  </si>
  <si>
    <t>453617</t>
  </si>
  <si>
    <t>宮崎県国富町</t>
  </si>
  <si>
    <t>453820</t>
  </si>
  <si>
    <t>宮崎県綾町</t>
  </si>
  <si>
    <t>453838</t>
  </si>
  <si>
    <t>宮崎県高鍋町</t>
  </si>
  <si>
    <t>454010</t>
  </si>
  <si>
    <t>宮崎県新富町</t>
  </si>
  <si>
    <t>454028</t>
  </si>
  <si>
    <t>宮崎県西米良村</t>
  </si>
  <si>
    <t>454036</t>
  </si>
  <si>
    <t>宮崎県木城町</t>
  </si>
  <si>
    <t>454044</t>
  </si>
  <si>
    <t>宮崎県川南町</t>
  </si>
  <si>
    <t>454052</t>
  </si>
  <si>
    <t>宮崎県都農町</t>
  </si>
  <si>
    <t>454061</t>
  </si>
  <si>
    <t>宮崎県門川町</t>
  </si>
  <si>
    <t>454214</t>
  </si>
  <si>
    <t>宮崎県諸塚村</t>
  </si>
  <si>
    <t>454290</t>
  </si>
  <si>
    <t>宮崎県椎葉村</t>
  </si>
  <si>
    <t>454303</t>
  </si>
  <si>
    <t>宮崎県美郷町</t>
  </si>
  <si>
    <t>454311</t>
  </si>
  <si>
    <t>宮崎県高千穂町</t>
  </si>
  <si>
    <t>454419</t>
  </si>
  <si>
    <t>宮崎県日之影町</t>
  </si>
  <si>
    <t>454427</t>
  </si>
  <si>
    <t>宮崎県五ヶ瀬町</t>
  </si>
  <si>
    <t>454435</t>
  </si>
  <si>
    <t>鹿児島県鹿児島市</t>
  </si>
  <si>
    <t>462012</t>
  </si>
  <si>
    <t>鹿児島県鹿屋市</t>
  </si>
  <si>
    <t>462039</t>
  </si>
  <si>
    <t>鹿児島県枕崎市</t>
  </si>
  <si>
    <t>462047</t>
  </si>
  <si>
    <t>鹿児島県阿久根市</t>
  </si>
  <si>
    <t>462063</t>
  </si>
  <si>
    <t>鹿児島県出水市</t>
  </si>
  <si>
    <t>462080</t>
  </si>
  <si>
    <t>鹿児島県指宿市</t>
  </si>
  <si>
    <t>462101</t>
  </si>
  <si>
    <t>鹿児島県西之表市</t>
  </si>
  <si>
    <t>462136</t>
  </si>
  <si>
    <t>鹿児島県垂水市</t>
  </si>
  <si>
    <t>462144</t>
  </si>
  <si>
    <t>鹿児島県薩摩川内市</t>
  </si>
  <si>
    <t>462152</t>
  </si>
  <si>
    <t>鹿児島県日置市</t>
  </si>
  <si>
    <t>462161</t>
  </si>
  <si>
    <t>鹿児島県曽於市</t>
  </si>
  <si>
    <t>462179</t>
  </si>
  <si>
    <t>鹿児島県霧島市</t>
  </si>
  <si>
    <t>462187</t>
  </si>
  <si>
    <t>鹿児島県いちき串木野市</t>
  </si>
  <si>
    <t>462195</t>
  </si>
  <si>
    <t>鹿児島県南さつま市</t>
  </si>
  <si>
    <t>462209</t>
  </si>
  <si>
    <t>鹿児島県志布志市</t>
  </si>
  <si>
    <t>462217</t>
  </si>
  <si>
    <t>鹿児島県奄美市</t>
  </si>
  <si>
    <t>462225</t>
  </si>
  <si>
    <t>鹿児島県南九州市</t>
  </si>
  <si>
    <t>462233</t>
  </si>
  <si>
    <t>鹿児島県伊佐市</t>
  </si>
  <si>
    <t>462241</t>
  </si>
  <si>
    <t>鹿児島県姶良市</t>
  </si>
  <si>
    <t>462250</t>
  </si>
  <si>
    <t>鹿児島県三島村</t>
  </si>
  <si>
    <t>463035</t>
  </si>
  <si>
    <t>鹿児島県十島村</t>
  </si>
  <si>
    <t>463043</t>
  </si>
  <si>
    <t>鹿児島県さつま町</t>
  </si>
  <si>
    <t>463922</t>
  </si>
  <si>
    <t>鹿児島県長島町</t>
  </si>
  <si>
    <t>464040</t>
  </si>
  <si>
    <t>鹿児島県湧水町</t>
  </si>
  <si>
    <t>464520</t>
  </si>
  <si>
    <t>鹿児島県大崎町</t>
  </si>
  <si>
    <t>464686</t>
  </si>
  <si>
    <t>鹿児島県東串良町</t>
  </si>
  <si>
    <t>464821</t>
  </si>
  <si>
    <t>鹿児島県錦江町</t>
  </si>
  <si>
    <t>464902</t>
  </si>
  <si>
    <t>鹿児島県南大隅町</t>
  </si>
  <si>
    <t>464911</t>
  </si>
  <si>
    <t>鹿児島県肝付町</t>
  </si>
  <si>
    <t>464929</t>
  </si>
  <si>
    <t>鹿児島県中種子町</t>
  </si>
  <si>
    <t>465011</t>
  </si>
  <si>
    <t>鹿児島県南種子町</t>
  </si>
  <si>
    <t>465020</t>
  </si>
  <si>
    <t>鹿児島県屋久島町</t>
  </si>
  <si>
    <t>465054</t>
  </si>
  <si>
    <t>鹿児島県大和村</t>
  </si>
  <si>
    <t>465232</t>
  </si>
  <si>
    <t>鹿児島県宇検村</t>
  </si>
  <si>
    <t>465241</t>
  </si>
  <si>
    <t>鹿児島県瀬戸内町</t>
  </si>
  <si>
    <t>465259</t>
  </si>
  <si>
    <t>鹿児島県龍郷町</t>
  </si>
  <si>
    <t>465275</t>
  </si>
  <si>
    <t>鹿児島県喜界町</t>
  </si>
  <si>
    <t>465291</t>
  </si>
  <si>
    <t>鹿児島県徳之島町</t>
  </si>
  <si>
    <t>465305</t>
  </si>
  <si>
    <t>鹿児島県天城町</t>
  </si>
  <si>
    <t>465313</t>
  </si>
  <si>
    <t>鹿児島県伊仙町</t>
  </si>
  <si>
    <t>465321</t>
  </si>
  <si>
    <t>鹿児島県和泊町</t>
  </si>
  <si>
    <t>465330</t>
  </si>
  <si>
    <t>鹿児島県知名町</t>
  </si>
  <si>
    <t>465348</t>
  </si>
  <si>
    <t>鹿児島県与論町</t>
  </si>
  <si>
    <t>465356</t>
  </si>
  <si>
    <t>沖縄県那覇市</t>
  </si>
  <si>
    <t>472018</t>
  </si>
  <si>
    <t>沖縄県宜野湾市</t>
  </si>
  <si>
    <t>472051</t>
  </si>
  <si>
    <t>沖縄県石垣市</t>
  </si>
  <si>
    <t>472077</t>
  </si>
  <si>
    <t>沖縄県浦添市</t>
  </si>
  <si>
    <t>472085</t>
  </si>
  <si>
    <t>沖縄県名護市</t>
  </si>
  <si>
    <t>472093</t>
  </si>
  <si>
    <t>沖縄県糸満市</t>
  </si>
  <si>
    <t>472107</t>
  </si>
  <si>
    <t>沖縄県沖縄市</t>
  </si>
  <si>
    <t>472115</t>
  </si>
  <si>
    <t>沖縄県豊見城市</t>
  </si>
  <si>
    <t>472123</t>
  </si>
  <si>
    <t>沖縄県うるま市</t>
  </si>
  <si>
    <t>472131</t>
  </si>
  <si>
    <t>沖縄県宮古島市</t>
  </si>
  <si>
    <t>472140</t>
  </si>
  <si>
    <t>沖縄県南城市</t>
  </si>
  <si>
    <t>472158</t>
  </si>
  <si>
    <t>沖縄県国頭村</t>
  </si>
  <si>
    <t>473014</t>
  </si>
  <si>
    <t>沖縄県大宜味村</t>
  </si>
  <si>
    <t>473022</t>
  </si>
  <si>
    <t>沖縄県東村</t>
  </si>
  <si>
    <t>473031</t>
  </si>
  <si>
    <t>沖縄県今帰仁村</t>
  </si>
  <si>
    <t>473065</t>
  </si>
  <si>
    <t>沖縄県本部町</t>
  </si>
  <si>
    <t>473081</t>
  </si>
  <si>
    <t>沖縄県恩納村</t>
  </si>
  <si>
    <t>473111</t>
  </si>
  <si>
    <t>沖縄県宜野座村</t>
  </si>
  <si>
    <t>473138</t>
  </si>
  <si>
    <t>沖縄県金武町</t>
  </si>
  <si>
    <t>473146</t>
  </si>
  <si>
    <t>沖縄県伊江村</t>
  </si>
  <si>
    <t>473154</t>
  </si>
  <si>
    <t>沖縄県読谷村</t>
  </si>
  <si>
    <t>473243</t>
  </si>
  <si>
    <t>沖縄県嘉手納町</t>
  </si>
  <si>
    <t>473251</t>
  </si>
  <si>
    <t>沖縄県北谷町</t>
  </si>
  <si>
    <t>473260</t>
  </si>
  <si>
    <t>沖縄県北中城村</t>
  </si>
  <si>
    <t>473278</t>
  </si>
  <si>
    <t>沖縄県中城村</t>
  </si>
  <si>
    <t>473286</t>
  </si>
  <si>
    <t>沖縄県西原町</t>
  </si>
  <si>
    <t>473294</t>
  </si>
  <si>
    <t>沖縄県与那原町</t>
  </si>
  <si>
    <t>473481</t>
  </si>
  <si>
    <t>沖縄県南風原町</t>
  </si>
  <si>
    <t>473502</t>
  </si>
  <si>
    <t>沖縄県渡嘉敷村</t>
  </si>
  <si>
    <t>473537</t>
  </si>
  <si>
    <t>沖縄県座間味村</t>
  </si>
  <si>
    <t>473545</t>
  </si>
  <si>
    <t>沖縄県粟国村</t>
  </si>
  <si>
    <t>473553</t>
  </si>
  <si>
    <t>沖縄県渡名喜村</t>
  </si>
  <si>
    <t>473561</t>
  </si>
  <si>
    <t>沖縄県南大東村</t>
  </si>
  <si>
    <t>473570</t>
  </si>
  <si>
    <t>沖縄県北大東村</t>
  </si>
  <si>
    <t>473588</t>
  </si>
  <si>
    <t>沖縄県伊平屋村</t>
  </si>
  <si>
    <t>473596</t>
  </si>
  <si>
    <t>沖縄県伊是名村</t>
  </si>
  <si>
    <t>473600</t>
  </si>
  <si>
    <t>沖縄県久米島町</t>
  </si>
  <si>
    <t>473618</t>
  </si>
  <si>
    <t>沖縄県八重瀬町</t>
  </si>
  <si>
    <t>473626</t>
  </si>
  <si>
    <t>沖縄県多良間村</t>
  </si>
  <si>
    <t>473758</t>
  </si>
  <si>
    <t>沖縄県竹富町</t>
  </si>
  <si>
    <t>473812</t>
  </si>
  <si>
    <t>沖縄県与那国町</t>
  </si>
  <si>
    <t>473821</t>
  </si>
  <si>
    <t>高知県中芸広域連合</t>
    <rPh sb="3" eb="5">
      <t>チュウゲイ</t>
    </rPh>
    <rPh sb="5" eb="7">
      <t>コウイキ</t>
    </rPh>
    <rPh sb="7" eb="9">
      <t>レンゴウ</t>
    </rPh>
    <phoneticPr fontId="2"/>
  </si>
  <si>
    <t>398781</t>
    <phoneticPr fontId="2"/>
  </si>
  <si>
    <t>中芸広域連合</t>
  </si>
  <si>
    <t>項目名</t>
    <rPh sb="0" eb="2">
      <t>コウモク</t>
    </rPh>
    <rPh sb="2" eb="3">
      <t>メイ</t>
    </rPh>
    <phoneticPr fontId="2"/>
  </si>
  <si>
    <t>記入例</t>
    <rPh sb="0" eb="2">
      <t>キニュウ</t>
    </rPh>
    <rPh sb="2" eb="3">
      <t>レイ</t>
    </rPh>
    <phoneticPr fontId="2"/>
  </si>
  <si>
    <t>説明</t>
    <rPh sb="0" eb="2">
      <t>セツメイ</t>
    </rPh>
    <phoneticPr fontId="2"/>
  </si>
  <si>
    <t>医療機関・接種会場名 ※</t>
    <phoneticPr fontId="2"/>
  </si>
  <si>
    <t>ブイシスセンター</t>
    <phoneticPr fontId="2"/>
  </si>
  <si>
    <t>厚生　太郎</t>
    <rPh sb="0" eb="2">
      <t>コウセイ</t>
    </rPh>
    <rPh sb="3" eb="5">
      <t>タロウ</t>
    </rPh>
    <phoneticPr fontId="2"/>
  </si>
  <si>
    <t>郵便番号（000-0000）</t>
    <phoneticPr fontId="2"/>
  </si>
  <si>
    <t>100-8916</t>
    <phoneticPr fontId="2"/>
  </si>
  <si>
    <t>郵便番号7桁をハイフン付きで記載してください（半角数字）</t>
    <rPh sb="0" eb="4">
      <t>ユウビンバンゴウ</t>
    </rPh>
    <rPh sb="5" eb="6">
      <t>ケタ</t>
    </rPh>
    <rPh sb="11" eb="12">
      <t>ツ</t>
    </rPh>
    <rPh sb="14" eb="16">
      <t>キサイ</t>
    </rPh>
    <rPh sb="23" eb="25">
      <t>ハンカク</t>
    </rPh>
    <rPh sb="25" eb="27">
      <t>スウジ</t>
    </rPh>
    <phoneticPr fontId="2"/>
  </si>
  <si>
    <t>町名・番地</t>
  </si>
  <si>
    <t>霞が関1-2-2</t>
    <phoneticPr fontId="2"/>
  </si>
  <si>
    <t>町名以降を記載してください</t>
    <rPh sb="0" eb="1">
      <t>マチ</t>
    </rPh>
    <rPh sb="1" eb="2">
      <t>メイ</t>
    </rPh>
    <rPh sb="2" eb="4">
      <t>イコウ</t>
    </rPh>
    <rPh sb="5" eb="7">
      <t>キサイ</t>
    </rPh>
    <phoneticPr fontId="2"/>
  </si>
  <si>
    <t>03-0000-0000</t>
    <phoneticPr fontId="2"/>
  </si>
  <si>
    <t>代表電話番号を市外局番からハイフン付きで記載してください（半角数字）</t>
    <rPh sb="0" eb="2">
      <t>ダイヒョウ</t>
    </rPh>
    <rPh sb="2" eb="4">
      <t>デンワ</t>
    </rPh>
    <rPh sb="4" eb="6">
      <t>バンゴウ</t>
    </rPh>
    <rPh sb="7" eb="9">
      <t>シガイ</t>
    </rPh>
    <rPh sb="9" eb="11">
      <t>キョクバン</t>
    </rPh>
    <rPh sb="17" eb="18">
      <t>ツ</t>
    </rPh>
    <rPh sb="20" eb="22">
      <t>キサイ</t>
    </rPh>
    <rPh sb="29" eb="31">
      <t>ハンカク</t>
    </rPh>
    <rPh sb="31" eb="33">
      <t>スウジ</t>
    </rPh>
    <phoneticPr fontId="2"/>
  </si>
  <si>
    <t>申請者氏名</t>
    <rPh sb="0" eb="3">
      <t>シンセイシャ</t>
    </rPh>
    <rPh sb="3" eb="5">
      <t>シメイ</t>
    </rPh>
    <phoneticPr fontId="2"/>
  </si>
  <si>
    <t>厚生　花子</t>
    <rPh sb="0" eb="2">
      <t>コウセイ</t>
    </rPh>
    <rPh sb="3" eb="5">
      <t>ハナコ</t>
    </rPh>
    <phoneticPr fontId="2"/>
  </si>
  <si>
    <t>申請者所属組織</t>
    <rPh sb="3" eb="5">
      <t>ショゾク</t>
    </rPh>
    <rPh sb="5" eb="7">
      <t>ソシキ</t>
    </rPh>
    <phoneticPr fontId="2"/>
  </si>
  <si>
    <t>厚生労働省</t>
    <rPh sb="0" eb="2">
      <t>コウセイ</t>
    </rPh>
    <rPh sb="2" eb="5">
      <t>ロウドウショウ</t>
    </rPh>
    <phoneticPr fontId="2"/>
  </si>
  <si>
    <t>申請者部署名</t>
    <rPh sb="3" eb="5">
      <t>ブショ</t>
    </rPh>
    <rPh sb="5" eb="6">
      <t>メイ</t>
    </rPh>
    <phoneticPr fontId="2"/>
  </si>
  <si>
    <t>健康局健康課</t>
    <phoneticPr fontId="2"/>
  </si>
  <si>
    <t>申請者役職</t>
    <rPh sb="3" eb="5">
      <t>ヤクショク</t>
    </rPh>
    <phoneticPr fontId="2"/>
  </si>
  <si>
    <t>担当</t>
    <rPh sb="0" eb="2">
      <t>タントウ</t>
    </rPh>
    <phoneticPr fontId="2"/>
  </si>
  <si>
    <t>申請者メールアドレス</t>
    <phoneticPr fontId="2"/>
  </si>
  <si>
    <t>申請者電話番号</t>
    <rPh sb="3" eb="5">
      <t>デンワ</t>
    </rPh>
    <rPh sb="5" eb="7">
      <t>バンゴウ</t>
    </rPh>
    <phoneticPr fontId="2"/>
  </si>
  <si>
    <t>03-0000-0000</t>
  </si>
  <si>
    <t>A.コードを付番する施設の情報</t>
    <rPh sb="6" eb="8">
      <t>フバン</t>
    </rPh>
    <rPh sb="10" eb="12">
      <t>シセツ</t>
    </rPh>
    <rPh sb="13" eb="15">
      <t>ジョウホウ</t>
    </rPh>
    <phoneticPr fontId="2"/>
  </si>
  <si>
    <t>C.申請者の情報</t>
    <rPh sb="2" eb="5">
      <t>シンセイシャ</t>
    </rPh>
    <rPh sb="6" eb="8">
      <t>ジョウホウ</t>
    </rPh>
    <phoneticPr fontId="2"/>
  </si>
  <si>
    <t>都道府県を記載してください</t>
    <rPh sb="0" eb="4">
      <t>トドウフケン</t>
    </rPh>
    <rPh sb="5" eb="7">
      <t>キサイ</t>
    </rPh>
    <phoneticPr fontId="2"/>
  </si>
  <si>
    <t>市町村名を記載してください</t>
    <rPh sb="0" eb="3">
      <t>シチョウソン</t>
    </rPh>
    <rPh sb="3" eb="4">
      <t>メイ</t>
    </rPh>
    <rPh sb="5" eb="7">
      <t>キサイ</t>
    </rPh>
    <phoneticPr fontId="2"/>
  </si>
  <si>
    <t>代表電話番号（00-0000-0000）</t>
  </si>
  <si>
    <t>代表電話番号（00-0000-0000）</t>
    <phoneticPr fontId="2"/>
  </si>
  <si>
    <t>都道府県名</t>
    <rPh sb="0" eb="4">
      <t>トドウフケン</t>
    </rPh>
    <rPh sb="4" eb="5">
      <t>メイ</t>
    </rPh>
    <phoneticPr fontId="2"/>
  </si>
  <si>
    <t>10</t>
  </si>
  <si>
    <t>11</t>
  </si>
  <si>
    <t>12</t>
  </si>
  <si>
    <t>13</t>
  </si>
  <si>
    <t>14</t>
  </si>
  <si>
    <t>15</t>
  </si>
  <si>
    <t>16</t>
  </si>
  <si>
    <t>17</t>
  </si>
  <si>
    <t>18</t>
  </si>
  <si>
    <t>19</t>
  </si>
  <si>
    <t>20</t>
  </si>
  <si>
    <t>21</t>
  </si>
  <si>
    <t>22</t>
  </si>
  <si>
    <t>23</t>
  </si>
  <si>
    <t>24</t>
  </si>
  <si>
    <t>25</t>
  </si>
  <si>
    <t>26</t>
  </si>
  <si>
    <t>27</t>
  </si>
  <si>
    <t>28</t>
  </si>
  <si>
    <t>29</t>
  </si>
  <si>
    <t>30</t>
  </si>
  <si>
    <t>31</t>
  </si>
  <si>
    <t>32</t>
  </si>
  <si>
    <t>33</t>
  </si>
  <si>
    <t>34</t>
  </si>
  <si>
    <t>35</t>
  </si>
  <si>
    <t>36</t>
  </si>
  <si>
    <t>37</t>
  </si>
  <si>
    <t>38</t>
  </si>
  <si>
    <t>39</t>
  </si>
  <si>
    <t>40</t>
  </si>
  <si>
    <t>41</t>
  </si>
  <si>
    <t>42</t>
  </si>
  <si>
    <t>43</t>
  </si>
  <si>
    <t>44</t>
  </si>
  <si>
    <t>45</t>
  </si>
  <si>
    <t>46</t>
  </si>
  <si>
    <t>47</t>
  </si>
  <si>
    <t>申請者氏名（厚労　太郎）</t>
    <rPh sb="0" eb="3">
      <t>シンセイシャ</t>
    </rPh>
    <rPh sb="3" eb="5">
      <t>シメイ</t>
    </rPh>
    <rPh sb="6" eb="8">
      <t>コウロウ</t>
    </rPh>
    <rPh sb="9" eb="11">
      <t>タロウ</t>
    </rPh>
    <phoneticPr fontId="2"/>
  </si>
  <si>
    <t>厚生　太郎</t>
  </si>
  <si>
    <t>代表者名（厚生　太郎）</t>
  </si>
  <si>
    <t>代表者名（厚生　太郎）</t>
    <phoneticPr fontId="2"/>
  </si>
  <si>
    <t>システムには登録されませんが、コード付番時の問合せ先となるため連絡先と担当者名を記載してください</t>
    <rPh sb="6" eb="8">
      <t>トウロク</t>
    </rPh>
    <rPh sb="18" eb="20">
      <t>フバン</t>
    </rPh>
    <rPh sb="20" eb="21">
      <t>ジ</t>
    </rPh>
    <rPh sb="22" eb="24">
      <t>トイアワ</t>
    </rPh>
    <rPh sb="25" eb="26">
      <t>サキ</t>
    </rPh>
    <rPh sb="31" eb="34">
      <t>レンラクサキ</t>
    </rPh>
    <rPh sb="35" eb="38">
      <t>タントウシャ</t>
    </rPh>
    <rPh sb="38" eb="39">
      <t>メイ</t>
    </rPh>
    <rPh sb="40" eb="42">
      <t>キサイ</t>
    </rPh>
    <phoneticPr fontId="2"/>
  </si>
  <si>
    <t>医療機関コード</t>
    <rPh sb="0" eb="2">
      <t>イリョウ</t>
    </rPh>
    <rPh sb="2" eb="4">
      <t>キカン</t>
    </rPh>
    <phoneticPr fontId="4"/>
  </si>
  <si>
    <t>医療機関名</t>
    <rPh sb="0" eb="2">
      <t>イリョウ</t>
    </rPh>
    <rPh sb="2" eb="4">
      <t>キカン</t>
    </rPh>
    <rPh sb="4" eb="5">
      <t>メイ</t>
    </rPh>
    <phoneticPr fontId="4"/>
  </si>
  <si>
    <t>所在地</t>
    <rPh sb="0" eb="3">
      <t>ショザイチ</t>
    </rPh>
    <phoneticPr fontId="4"/>
  </si>
  <si>
    <t>郵便番号</t>
    <rPh sb="0" eb="4">
      <t>ユウビンバンゴウ</t>
    </rPh>
    <phoneticPr fontId="4"/>
  </si>
  <si>
    <t>上限管理名称</t>
  </si>
  <si>
    <t>都道府県コード</t>
    <rPh sb="0" eb="4">
      <t>トドウフケン</t>
    </rPh>
    <phoneticPr fontId="4"/>
  </si>
  <si>
    <t>都道府県名（API参照名。H列と一緒でよい）</t>
    <rPh sb="0" eb="4">
      <t>トドウフケン</t>
    </rPh>
    <rPh sb="4" eb="5">
      <t>メイ</t>
    </rPh>
    <rPh sb="9" eb="11">
      <t>サンショウ</t>
    </rPh>
    <rPh sb="11" eb="12">
      <t>メイ</t>
    </rPh>
    <rPh sb="14" eb="15">
      <t>レツ</t>
    </rPh>
    <rPh sb="16" eb="18">
      <t>イッショ</t>
    </rPh>
    <phoneticPr fontId="4"/>
  </si>
  <si>
    <t>点数表コード　たぶん１固定</t>
    <rPh sb="0" eb="2">
      <t>テンスウ</t>
    </rPh>
    <rPh sb="11" eb="13">
      <t>コテイ</t>
    </rPh>
    <phoneticPr fontId="4"/>
  </si>
  <si>
    <t>NAME</t>
  </si>
  <si>
    <t>VS_IRYOKIKANNAME__C</t>
  </si>
  <si>
    <t>VS_IRYOKIKANSHOZAICHI_ADDRESS__C</t>
  </si>
  <si>
    <t>VS_IRYOKIKANSHOZAICHI_YUBIN__C</t>
  </si>
  <si>
    <t>VS_LIMITMANAGEMENT__C</t>
  </si>
  <si>
    <t>VS_PNONE__C</t>
  </si>
  <si>
    <t>VS_PREFECTURECODE__C</t>
  </si>
  <si>
    <t>VS_PREFECTURENAME__C</t>
  </si>
  <si>
    <t>VS_TENSUHYOCODE__C</t>
  </si>
  <si>
    <t>入力項目</t>
    <rPh sb="0" eb="2">
      <t>ニュウリョク</t>
    </rPh>
    <rPh sb="2" eb="4">
      <t>コウモク</t>
    </rPh>
    <phoneticPr fontId="2"/>
  </si>
  <si>
    <t>-</t>
    <phoneticPr fontId="2"/>
  </si>
  <si>
    <t>Name</t>
  </si>
  <si>
    <t>Code__c</t>
  </si>
  <si>
    <t>Address__c</t>
  </si>
  <si>
    <t>TEL__c</t>
  </si>
  <si>
    <t>Post__c</t>
  </si>
  <si>
    <t>City__c</t>
  </si>
  <si>
    <t>市町村</t>
    <phoneticPr fontId="2"/>
  </si>
  <si>
    <t>Cooperation__c</t>
  </si>
  <si>
    <t>契約状況</t>
    <phoneticPr fontId="2"/>
  </si>
  <si>
    <t>01_UnderContract</t>
  </si>
  <si>
    <t>NoEmailRequired__c</t>
  </si>
  <si>
    <t>メールアドレス登録を希望しない</t>
    <phoneticPr fontId="2"/>
  </si>
  <si>
    <t>hanako@sample.</t>
  </si>
  <si>
    <t>hanako@sample.</t>
    <phoneticPr fontId="2"/>
  </si>
  <si>
    <t>申請会場の設置主体</t>
    <rPh sb="2" eb="4">
      <t>カイジョウ</t>
    </rPh>
    <rPh sb="5" eb="7">
      <t>セッチ</t>
    </rPh>
    <rPh sb="7" eb="9">
      <t>シュタイ</t>
    </rPh>
    <phoneticPr fontId="2"/>
  </si>
  <si>
    <t>ブイシスセンター</t>
  </si>
  <si>
    <t>100-8916</t>
  </si>
  <si>
    <t>霞が関1-2-2</t>
  </si>
  <si>
    <t>高知県中芸広域連合霞が関1-2-2</t>
  </si>
  <si>
    <t>厚生　花子</t>
  </si>
  <si>
    <t>厚生労働省</t>
  </si>
  <si>
    <t>健康局健康課</t>
  </si>
  <si>
    <t>担当</t>
  </si>
  <si>
    <t>都道府県</t>
    <rPh sb="0" eb="4">
      <t>トドウフケン</t>
    </rPh>
    <phoneticPr fontId="2"/>
  </si>
  <si>
    <t>市町村マスタ: ID</t>
  </si>
  <si>
    <t>a062r000001f52P</t>
  </si>
  <si>
    <t>a062r000001f52Q</t>
  </si>
  <si>
    <t>a062r000001f52R</t>
  </si>
  <si>
    <t>a062r000001f52S</t>
  </si>
  <si>
    <t>a062r000001f52T</t>
  </si>
  <si>
    <t>a062r000001f52U</t>
  </si>
  <si>
    <t>a062r000001f52V</t>
  </si>
  <si>
    <t>a062r000001f52W</t>
  </si>
  <si>
    <t>a062r000001f52X</t>
  </si>
  <si>
    <t>a062r000001f52Y</t>
  </si>
  <si>
    <t>a062r000001f52Z</t>
  </si>
  <si>
    <t>a062r000001f52a</t>
  </si>
  <si>
    <t>a062r000001f52b</t>
  </si>
  <si>
    <t>a062r000001f52c</t>
  </si>
  <si>
    <t>a062r000001f52d</t>
  </si>
  <si>
    <t>a062r000001f52e</t>
  </si>
  <si>
    <t>a062r000001f52f</t>
  </si>
  <si>
    <t>a062r000001f52g</t>
  </si>
  <si>
    <t>a062r000001f52h</t>
  </si>
  <si>
    <t>a062r000001f52i</t>
  </si>
  <si>
    <t>a062r000001f52j</t>
  </si>
  <si>
    <t>a062r000001f52k</t>
  </si>
  <si>
    <t>a062r000001f52l</t>
  </si>
  <si>
    <t>a062r000001f52m</t>
  </si>
  <si>
    <t>a062r000001f52n</t>
  </si>
  <si>
    <t>a062r000001f52o</t>
  </si>
  <si>
    <t>a062r000001f52p</t>
  </si>
  <si>
    <t>a062r000001f52q</t>
  </si>
  <si>
    <t>a062r000001f52r</t>
  </si>
  <si>
    <t>a062r000001f52s</t>
  </si>
  <si>
    <t>a062r000001f52t</t>
  </si>
  <si>
    <t>a062r000001f52u</t>
  </si>
  <si>
    <t>a062r000001f52v</t>
  </si>
  <si>
    <t>a062r000001f52w</t>
  </si>
  <si>
    <t>a062r000001f52x</t>
  </si>
  <si>
    <t>a062r000001f52y</t>
  </si>
  <si>
    <t>a062r000001f52z</t>
  </si>
  <si>
    <t>a062r000001f530</t>
  </si>
  <si>
    <t>a062r000001f531</t>
  </si>
  <si>
    <t>a062r000001f532</t>
  </si>
  <si>
    <t>a062r000001f533</t>
  </si>
  <si>
    <t>a062r000001f534</t>
  </si>
  <si>
    <t>a062r000001f535</t>
  </si>
  <si>
    <t>a062r000001f536</t>
  </si>
  <si>
    <t>a062r000001f537</t>
  </si>
  <si>
    <t>a062r000001f538</t>
  </si>
  <si>
    <t>a062r000001f539</t>
  </si>
  <si>
    <t>a062r000001f53A</t>
  </si>
  <si>
    <t>a062r000001f53B</t>
  </si>
  <si>
    <t>a062r000001f53C</t>
  </si>
  <si>
    <t>a062r000001f53D</t>
  </si>
  <si>
    <t>a062r000001f53E</t>
  </si>
  <si>
    <t>a062r000001f53F</t>
  </si>
  <si>
    <t>a062r000001f53G</t>
  </si>
  <si>
    <t>a062r000001f53H</t>
  </si>
  <si>
    <t>a062r000001f53I</t>
  </si>
  <si>
    <t>a062r000001f53J</t>
  </si>
  <si>
    <t>a062r000001f53K</t>
  </si>
  <si>
    <t>a062r000001f53L</t>
  </si>
  <si>
    <t>a062r000001f53M</t>
  </si>
  <si>
    <t>a062r000001f53N</t>
  </si>
  <si>
    <t>a062r000001f53O</t>
  </si>
  <si>
    <t>a062r000001f53P</t>
  </si>
  <si>
    <t>a062r000001f53Q</t>
  </si>
  <si>
    <t>a062r000001f53R</t>
  </si>
  <si>
    <t>a062r000001f53S</t>
  </si>
  <si>
    <t>a062r000001f53T</t>
  </si>
  <si>
    <t>a062r000001f53U</t>
  </si>
  <si>
    <t>a062r000001f53V</t>
  </si>
  <si>
    <t>a062r000001f53W</t>
  </si>
  <si>
    <t>a062r000001f53X</t>
  </si>
  <si>
    <t>a062r000001f53Y</t>
  </si>
  <si>
    <t>a062r000001f53Z</t>
  </si>
  <si>
    <t>a062r000001f53a</t>
  </si>
  <si>
    <t>a062r000001f53b</t>
  </si>
  <si>
    <t>a062r000001f53c</t>
  </si>
  <si>
    <t>a062r000001f53d</t>
  </si>
  <si>
    <t>a062r000001f53e</t>
  </si>
  <si>
    <t>a062r000001f53f</t>
  </si>
  <si>
    <t>a062r000001f53g</t>
  </si>
  <si>
    <t>a062r000001f53h</t>
  </si>
  <si>
    <t>a062r000001f53i</t>
  </si>
  <si>
    <t>a062r000001f53j</t>
  </si>
  <si>
    <t>a062r000001f53k</t>
  </si>
  <si>
    <t>a062r000001f53l</t>
  </si>
  <si>
    <t>a062r000001f53m</t>
  </si>
  <si>
    <t>a062r000001f53n</t>
  </si>
  <si>
    <t>a062r000001f53o</t>
  </si>
  <si>
    <t>a062r000001f53p</t>
  </si>
  <si>
    <t>a062r000001f53q</t>
  </si>
  <si>
    <t>a062r000001f53r</t>
  </si>
  <si>
    <t>a062r000001f53s</t>
  </si>
  <si>
    <t>a062r000001f53t</t>
  </si>
  <si>
    <t>a062r000001f53u</t>
  </si>
  <si>
    <t>a062r000001f53v</t>
  </si>
  <si>
    <t>a062r000001f53w</t>
  </si>
  <si>
    <t>a062r000001f53x</t>
  </si>
  <si>
    <t>a062r000001f53y</t>
  </si>
  <si>
    <t>a062r000001f53z</t>
  </si>
  <si>
    <t>a062r000001f540</t>
  </si>
  <si>
    <t>a062r000001f541</t>
  </si>
  <si>
    <t>a062r000001f542</t>
  </si>
  <si>
    <t>a062r000001f543</t>
  </si>
  <si>
    <t>a062r000001f544</t>
  </si>
  <si>
    <t>a062r000001f545</t>
  </si>
  <si>
    <t>a062r000001f546</t>
  </si>
  <si>
    <t>a062r000001f547</t>
  </si>
  <si>
    <t>a062r000001f548</t>
  </si>
  <si>
    <t>a062r000001f549</t>
  </si>
  <si>
    <t>a062r000001f54A</t>
  </si>
  <si>
    <t>a062r000001f54B</t>
  </si>
  <si>
    <t>a062r000001f54C</t>
  </si>
  <si>
    <t>a062r000001f54D</t>
  </si>
  <si>
    <t>a062r000001f54E</t>
  </si>
  <si>
    <t>a062r000001f54F</t>
  </si>
  <si>
    <t>a062r000001f54G</t>
  </si>
  <si>
    <t>a062r000001f54H</t>
  </si>
  <si>
    <t>a062r000001f54I</t>
  </si>
  <si>
    <t>a062r000001f54J</t>
  </si>
  <si>
    <t>a062r000001f54K</t>
  </si>
  <si>
    <t>a062r000001f54L</t>
  </si>
  <si>
    <t>a062r000001f54M</t>
  </si>
  <si>
    <t>a062r000001f54N</t>
  </si>
  <si>
    <t>a062r000001f54O</t>
  </si>
  <si>
    <t>a062r000001f54P</t>
  </si>
  <si>
    <t>a062r000001f54Q</t>
  </si>
  <si>
    <t>a062r000001f54R</t>
  </si>
  <si>
    <t>a062r000001f54S</t>
  </si>
  <si>
    <t>a062r000001f54T</t>
  </si>
  <si>
    <t>a062r000001f54U</t>
  </si>
  <si>
    <t>a062r000001f54V</t>
  </si>
  <si>
    <t>a062r000001f54W</t>
  </si>
  <si>
    <t>a062r000001f54X</t>
  </si>
  <si>
    <t>a062r000001f54Y</t>
  </si>
  <si>
    <t>a062r000001f54Z</t>
  </si>
  <si>
    <t>a062r000001f54a</t>
  </si>
  <si>
    <t>a062r000001f54b</t>
  </si>
  <si>
    <t>a062r000001f54c</t>
  </si>
  <si>
    <t>a062r000001f54d</t>
  </si>
  <si>
    <t>a062r000001f54e</t>
  </si>
  <si>
    <t>a062r000001f54f</t>
  </si>
  <si>
    <t>a062r000001f54g</t>
  </si>
  <si>
    <t>a062r000001f54h</t>
  </si>
  <si>
    <t>a062r000001f54i</t>
  </si>
  <si>
    <t>a062r000001f54j</t>
  </si>
  <si>
    <t>a062r000001f54k</t>
  </si>
  <si>
    <t>a062r000001f54l</t>
  </si>
  <si>
    <t>a062r000001f54m</t>
  </si>
  <si>
    <t>a062r000001f54n</t>
  </si>
  <si>
    <t>a062r000001f54o</t>
  </si>
  <si>
    <t>a062r000001f54p</t>
  </si>
  <si>
    <t>a062r000001f54q</t>
  </si>
  <si>
    <t>a062r000001f54r</t>
  </si>
  <si>
    <t>a062r000001f54s</t>
  </si>
  <si>
    <t>a062r000001f54t</t>
  </si>
  <si>
    <t>a062r000001f54u</t>
  </si>
  <si>
    <t>a062r000001f54v</t>
  </si>
  <si>
    <t>a062r000001f54w</t>
  </si>
  <si>
    <t>a062r000001f54x</t>
  </si>
  <si>
    <t>a062r000001f54y</t>
  </si>
  <si>
    <t>a062r000001f54z</t>
  </si>
  <si>
    <t>a062r000001f550</t>
  </si>
  <si>
    <t>a062r000001f551</t>
  </si>
  <si>
    <t>a062r000001f552</t>
  </si>
  <si>
    <t>a062r000001f553</t>
  </si>
  <si>
    <t>a062r000001f554</t>
  </si>
  <si>
    <t>a062r000001f555</t>
  </si>
  <si>
    <t>a062r000001f556</t>
  </si>
  <si>
    <t>a062r000001f557</t>
  </si>
  <si>
    <t>a062r000001f558</t>
  </si>
  <si>
    <t>a062r000001f559</t>
  </si>
  <si>
    <t>a062r000001f55A</t>
  </si>
  <si>
    <t>a062r000001f55B</t>
  </si>
  <si>
    <t>a062r000001f55C</t>
  </si>
  <si>
    <t>a062r000001f55D</t>
  </si>
  <si>
    <t>a062r000001f55E</t>
  </si>
  <si>
    <t>a062r000001f55F</t>
  </si>
  <si>
    <t>a062r000001f55G</t>
  </si>
  <si>
    <t>a062r000001f55H</t>
  </si>
  <si>
    <t>a062r000001f55I</t>
  </si>
  <si>
    <t>a062r000001f55J</t>
  </si>
  <si>
    <t>a062r000001f55K</t>
  </si>
  <si>
    <t>a062r000001f55L</t>
  </si>
  <si>
    <t>a062r000001f55M</t>
  </si>
  <si>
    <t>a062r000001f55N</t>
  </si>
  <si>
    <t>a062r000001f55O</t>
  </si>
  <si>
    <t>a062r000001f55P</t>
  </si>
  <si>
    <t>a062r000001f55Q</t>
  </si>
  <si>
    <t>a062r000001f55R</t>
  </si>
  <si>
    <t>a062r000001f55S</t>
  </si>
  <si>
    <t>a062r000001f55T</t>
  </si>
  <si>
    <t>a062r000001f55U</t>
  </si>
  <si>
    <t>a062r000001f55V</t>
  </si>
  <si>
    <t>a062r000001f55W</t>
  </si>
  <si>
    <t>a062r000001f55X</t>
  </si>
  <si>
    <t>a062r000001f55Y</t>
  </si>
  <si>
    <t>a062r000001f55Z</t>
  </si>
  <si>
    <t>a062r000001f55a</t>
  </si>
  <si>
    <t>a062r000001f55b</t>
  </si>
  <si>
    <t>a062r000001f55c</t>
  </si>
  <si>
    <t>a062r000001f55d</t>
  </si>
  <si>
    <t>a062r000001f55e</t>
  </si>
  <si>
    <t>a062r000001f55f</t>
  </si>
  <si>
    <t>a062r000001f55g</t>
  </si>
  <si>
    <t>a062r000001f55h</t>
  </si>
  <si>
    <t>a062r000001f55i</t>
  </si>
  <si>
    <t>a062r000001f55j</t>
  </si>
  <si>
    <t>a062r000001f55k</t>
  </si>
  <si>
    <t>a062r000001f55l</t>
  </si>
  <si>
    <t>a062r000001f55m</t>
  </si>
  <si>
    <t>a062r000001f55n</t>
  </si>
  <si>
    <t>a062r000001f55o</t>
  </si>
  <si>
    <t>a062r000001f55p</t>
  </si>
  <si>
    <t>a062r000001f55q</t>
  </si>
  <si>
    <t>a062r000001f55r</t>
  </si>
  <si>
    <t>a062r000001f55s</t>
  </si>
  <si>
    <t>a062r000001f55t</t>
  </si>
  <si>
    <t>a062r000001f55u</t>
  </si>
  <si>
    <t>a062r000001f55v</t>
  </si>
  <si>
    <t>a062r000001f55w</t>
  </si>
  <si>
    <t>a062r000001f55x</t>
  </si>
  <si>
    <t>a062r000001f55y</t>
  </si>
  <si>
    <t>a062r000001f55z</t>
  </si>
  <si>
    <t>a062r000001f560</t>
  </si>
  <si>
    <t>a062r000001f561</t>
  </si>
  <si>
    <t>a062r000001f562</t>
  </si>
  <si>
    <t>a062r000001f563</t>
  </si>
  <si>
    <t>a062r000001f564</t>
  </si>
  <si>
    <t>a062r000001f565</t>
  </si>
  <si>
    <t>a062r000001f566</t>
  </si>
  <si>
    <t>a062r000001f567</t>
  </si>
  <si>
    <t>a062r000001f568</t>
  </si>
  <si>
    <t>a062r000001f569</t>
  </si>
  <si>
    <t>a062r000001f56A</t>
  </si>
  <si>
    <t>a062r000001f56B</t>
  </si>
  <si>
    <t>a062r000001f56C</t>
  </si>
  <si>
    <t>a062r000001f56D</t>
  </si>
  <si>
    <t>a062r000001f56E</t>
  </si>
  <si>
    <t>a062r000001f56F</t>
  </si>
  <si>
    <t>a062r000001f56G</t>
  </si>
  <si>
    <t>a062r000001f56H</t>
  </si>
  <si>
    <t>a062r000001f56I</t>
  </si>
  <si>
    <t>a062r000001f56J</t>
  </si>
  <si>
    <t>a062r000001f56K</t>
  </si>
  <si>
    <t>a062r000001f56L</t>
  </si>
  <si>
    <t>a062r000001f56M</t>
  </si>
  <si>
    <t>a062r000001f56N</t>
  </si>
  <si>
    <t>a062r000001f56O</t>
  </si>
  <si>
    <t>a062r000001f56P</t>
  </si>
  <si>
    <t>a062r000001f56Q</t>
  </si>
  <si>
    <t>a062r000001f56R</t>
  </si>
  <si>
    <t>a062r000001f56S</t>
  </si>
  <si>
    <t>a062r000001f56T</t>
  </si>
  <si>
    <t>a062r000001f56U</t>
  </si>
  <si>
    <t>a062r000001f56V</t>
  </si>
  <si>
    <t>a062r000001f56W</t>
  </si>
  <si>
    <t>a062r000001f56X</t>
  </si>
  <si>
    <t>a062r000001f56Y</t>
  </si>
  <si>
    <t>a062r000001f56Z</t>
  </si>
  <si>
    <t>a062r000001f56a</t>
  </si>
  <si>
    <t>a062r000001f56b</t>
  </si>
  <si>
    <t>a062r000001f56c</t>
  </si>
  <si>
    <t>a062r000001f56d</t>
  </si>
  <si>
    <t>a062r000001f56e</t>
  </si>
  <si>
    <t>a062r000001f56f</t>
  </si>
  <si>
    <t>a062r000001f56g</t>
  </si>
  <si>
    <t>a062r000001f56h</t>
  </si>
  <si>
    <t>a062r000001f56i</t>
  </si>
  <si>
    <t>a062r000001f56j</t>
  </si>
  <si>
    <t>a062r000001f56k</t>
  </si>
  <si>
    <t>a062r000001f56l</t>
  </si>
  <si>
    <t>a062r000001f56m</t>
  </si>
  <si>
    <t>a062r000001f56n</t>
  </si>
  <si>
    <t>a062r000001f56o</t>
  </si>
  <si>
    <t>a062r000001f56p</t>
  </si>
  <si>
    <t>a062r000001f56q</t>
  </si>
  <si>
    <t>a062r000001f56r</t>
  </si>
  <si>
    <t>a062r000001f56s</t>
  </si>
  <si>
    <t>a062r000001f56t</t>
  </si>
  <si>
    <t>a062r000001f56u</t>
  </si>
  <si>
    <t>a062r000001f56v</t>
  </si>
  <si>
    <t>a062r000001f56w</t>
  </si>
  <si>
    <t>a062r000001f56x</t>
  </si>
  <si>
    <t>a062r000001f56y</t>
  </si>
  <si>
    <t>a062r000001f56z</t>
  </si>
  <si>
    <t>a062r000001f570</t>
  </si>
  <si>
    <t>a062r000001f571</t>
  </si>
  <si>
    <t>a062r000001f572</t>
  </si>
  <si>
    <t>a062r000001f573</t>
  </si>
  <si>
    <t>a062r000001f574</t>
  </si>
  <si>
    <t>a062r000001f575</t>
  </si>
  <si>
    <t>a062r000001f576</t>
  </si>
  <si>
    <t>a062r000001f577</t>
  </si>
  <si>
    <t>a062r000001f578</t>
  </si>
  <si>
    <t>a062r000001f579</t>
  </si>
  <si>
    <t>a062r000001f57A</t>
  </si>
  <si>
    <t>a062r000001f57B</t>
  </si>
  <si>
    <t>a062r000001f57C</t>
  </si>
  <si>
    <t>a062r000001f57D</t>
  </si>
  <si>
    <t>a062r000001f57E</t>
  </si>
  <si>
    <t>a062r000001f57F</t>
  </si>
  <si>
    <t>a062r000001f57G</t>
  </si>
  <si>
    <t>a062r000001f57H</t>
  </si>
  <si>
    <t>a062r000001f57I</t>
  </si>
  <si>
    <t>a062r000001f57J</t>
  </si>
  <si>
    <t>a062r000001f57K</t>
  </si>
  <si>
    <t>a062r000001f57L</t>
  </si>
  <si>
    <t>a062r000001f57M</t>
  </si>
  <si>
    <t>a062r000001f57N</t>
  </si>
  <si>
    <t>a062r000001f57O</t>
  </si>
  <si>
    <t>a062r000001f57P</t>
  </si>
  <si>
    <t>a062r000001f57Q</t>
  </si>
  <si>
    <t>a062r000001f57R</t>
  </si>
  <si>
    <t>a062r000001f57S</t>
  </si>
  <si>
    <t>a062r000001f57T</t>
  </si>
  <si>
    <t>a062r000001f57U</t>
  </si>
  <si>
    <t>a062r000001f57V</t>
  </si>
  <si>
    <t>a062r000001f57W</t>
  </si>
  <si>
    <t>a062r000001f57X</t>
  </si>
  <si>
    <t>a062r000001f57Y</t>
  </si>
  <si>
    <t>a062r000001f57Z</t>
  </si>
  <si>
    <t>a062r000001f57a</t>
  </si>
  <si>
    <t>a062r000001f57b</t>
  </si>
  <si>
    <t>a062r000001f57c</t>
  </si>
  <si>
    <t>a062r000001f57d</t>
  </si>
  <si>
    <t>a062r000001f57e</t>
  </si>
  <si>
    <t>a062r000001f57f</t>
  </si>
  <si>
    <t>a062r000001f57g</t>
  </si>
  <si>
    <t>a062r000001f57h</t>
  </si>
  <si>
    <t>a062r000001f57i</t>
  </si>
  <si>
    <t>a062r000001f57j</t>
  </si>
  <si>
    <t>a062r000001f57k</t>
  </si>
  <si>
    <t>a062r000001f57l</t>
  </si>
  <si>
    <t>a062r000001f57m</t>
  </si>
  <si>
    <t>a062r000001f57n</t>
  </si>
  <si>
    <t>a062r000001f57o</t>
  </si>
  <si>
    <t>a062r000001f57p</t>
  </si>
  <si>
    <t>a062r000001f57q</t>
  </si>
  <si>
    <t>a062r000001f57r</t>
  </si>
  <si>
    <t>a062r000001f57s</t>
  </si>
  <si>
    <t>a062r000001f57t</t>
  </si>
  <si>
    <t>a062r000001f57u</t>
  </si>
  <si>
    <t>a062r000001f57v</t>
  </si>
  <si>
    <t>a062r000001f57w</t>
  </si>
  <si>
    <t>a062r000001f57x</t>
  </si>
  <si>
    <t>a062r000001f57y</t>
  </si>
  <si>
    <t>a062r000001f57z</t>
  </si>
  <si>
    <t>a062r000001f580</t>
  </si>
  <si>
    <t>a062r000001f581</t>
  </si>
  <si>
    <t>a062r000001f582</t>
  </si>
  <si>
    <t>a062r000001f583</t>
  </si>
  <si>
    <t>a062r000001f584</t>
  </si>
  <si>
    <t>a062r000001f585</t>
  </si>
  <si>
    <t>a062r000001f586</t>
  </si>
  <si>
    <t>a062r000001f587</t>
  </si>
  <si>
    <t>a062r000001f588</t>
  </si>
  <si>
    <t>a062r000001f589</t>
  </si>
  <si>
    <t>a062r000001f58A</t>
  </si>
  <si>
    <t>a062r000001f58B</t>
  </si>
  <si>
    <t>a062r000001f58C</t>
  </si>
  <si>
    <t>a062r000001f58D</t>
  </si>
  <si>
    <t>a062r000001f58E</t>
  </si>
  <si>
    <t>a062r000001f58F</t>
  </si>
  <si>
    <t>a062r000001f58G</t>
  </si>
  <si>
    <t>a062r000001f58H</t>
  </si>
  <si>
    <t>a062r000001f58I</t>
  </si>
  <si>
    <t>a062r000001f58J</t>
  </si>
  <si>
    <t>a062r000001f58K</t>
  </si>
  <si>
    <t>a062r000001f58L</t>
  </si>
  <si>
    <t>a062r000001f58M</t>
  </si>
  <si>
    <t>a062r000001f58N</t>
  </si>
  <si>
    <t>a062r000001f58O</t>
  </si>
  <si>
    <t>a062r000001f58P</t>
  </si>
  <si>
    <t>a062r000001f58Q</t>
  </si>
  <si>
    <t>a062r000001f58R</t>
  </si>
  <si>
    <t>a062r000001f58S</t>
  </si>
  <si>
    <t>a062r000001f58T</t>
  </si>
  <si>
    <t>a062r000001f58U</t>
  </si>
  <si>
    <t>a062r000001f58V</t>
  </si>
  <si>
    <t>a062r000001f58W</t>
  </si>
  <si>
    <t>a062r000001f58X</t>
  </si>
  <si>
    <t>a062r000001f58Y</t>
  </si>
  <si>
    <t>a062r000001f58Z</t>
  </si>
  <si>
    <t>a062r000001f58a</t>
  </si>
  <si>
    <t>a062r000001f58b</t>
  </si>
  <si>
    <t>a062r000001f58c</t>
  </si>
  <si>
    <t>a062r000001f58d</t>
  </si>
  <si>
    <t>a062r000001f58e</t>
  </si>
  <si>
    <t>a062r000001f58f</t>
  </si>
  <si>
    <t>a062r000001f58g</t>
  </si>
  <si>
    <t>a062r000001f58h</t>
  </si>
  <si>
    <t>a062r000001f58i</t>
  </si>
  <si>
    <t>a062r000001f58j</t>
  </si>
  <si>
    <t>a062r000001f58k</t>
  </si>
  <si>
    <t>a062r000001f58l</t>
  </si>
  <si>
    <t>a062r000001f58m</t>
  </si>
  <si>
    <t>a062r000001f58n</t>
  </si>
  <si>
    <t>a062r000001f58o</t>
  </si>
  <si>
    <t>a062r000001f58p</t>
  </si>
  <si>
    <t>a062r000001f58q</t>
  </si>
  <si>
    <t>a062r000001f58r</t>
  </si>
  <si>
    <t>a062r000001f58s</t>
  </si>
  <si>
    <t>a062r000001f58t</t>
  </si>
  <si>
    <t>a062r000001f58u</t>
  </si>
  <si>
    <t>a062r000001f58v</t>
  </si>
  <si>
    <t>a062r000001f58w</t>
  </si>
  <si>
    <t>a062r000001f58x</t>
  </si>
  <si>
    <t>a062r000001f58y</t>
  </si>
  <si>
    <t>a062r000001f58z</t>
  </si>
  <si>
    <t>a062r000001f590</t>
  </si>
  <si>
    <t>a062r000001f591</t>
  </si>
  <si>
    <t>a062r000001f592</t>
  </si>
  <si>
    <t>a062r000001f593</t>
  </si>
  <si>
    <t>a062r000001f594</t>
  </si>
  <si>
    <t>a062r000001f595</t>
  </si>
  <si>
    <t>a062r000001f596</t>
  </si>
  <si>
    <t>a062r000001f597</t>
  </si>
  <si>
    <t>a062r000001f598</t>
  </si>
  <si>
    <t>a062r000001f599</t>
  </si>
  <si>
    <t>a062r000001f59A</t>
  </si>
  <si>
    <t>a062r000001f59B</t>
  </si>
  <si>
    <t>a062r000001f59C</t>
  </si>
  <si>
    <t>a062r000001f59D</t>
  </si>
  <si>
    <t>a062r000001f59E</t>
  </si>
  <si>
    <t>a062r000001f59F</t>
  </si>
  <si>
    <t>a062r000001f59G</t>
  </si>
  <si>
    <t>a062r000001f59H</t>
  </si>
  <si>
    <t>a062r000001f59I</t>
  </si>
  <si>
    <t>a062r000001f59J</t>
  </si>
  <si>
    <t>a062r000001f59K</t>
  </si>
  <si>
    <t>a062r000001f59L</t>
  </si>
  <si>
    <t>a062r000001f59M</t>
  </si>
  <si>
    <t>a062r000001f59N</t>
  </si>
  <si>
    <t>a062r000001f59O</t>
  </si>
  <si>
    <t>a062r000001f59P</t>
  </si>
  <si>
    <t>a062r000001f59Q</t>
  </si>
  <si>
    <t>a062r000001f59R</t>
  </si>
  <si>
    <t>a062r000001f59S</t>
  </si>
  <si>
    <t>a062r000001f59T</t>
  </si>
  <si>
    <t>a062r000001f59U</t>
  </si>
  <si>
    <t>a062r000001f59V</t>
  </si>
  <si>
    <t>a062r000001f59W</t>
  </si>
  <si>
    <t>a062r000001f59X</t>
  </si>
  <si>
    <t>a062r000001f59Y</t>
  </si>
  <si>
    <t>a062r000001f59Z</t>
  </si>
  <si>
    <t>a062r000001f59a</t>
  </si>
  <si>
    <t>a062r000001f59b</t>
  </si>
  <si>
    <t>a062r000001f59c</t>
  </si>
  <si>
    <t>a062r000001f59d</t>
  </si>
  <si>
    <t>a062r000001f59e</t>
  </si>
  <si>
    <t>a062r000001f59f</t>
  </si>
  <si>
    <t>a062r000001f59g</t>
  </si>
  <si>
    <t>a062r000001f59h</t>
  </si>
  <si>
    <t>a062r000001f59i</t>
  </si>
  <si>
    <t>a062r000001f59j</t>
  </si>
  <si>
    <t>a062r000001f59k</t>
  </si>
  <si>
    <t>a062r000001f59l</t>
  </si>
  <si>
    <t>a062r000001f59m</t>
  </si>
  <si>
    <t>a062r000001f59n</t>
  </si>
  <si>
    <t>a062r000001f59o</t>
  </si>
  <si>
    <t>a062r000001f59p</t>
  </si>
  <si>
    <t>a062r000001f59q</t>
  </si>
  <si>
    <t>a062r000001f59r</t>
  </si>
  <si>
    <t>a062r000001f59s</t>
  </si>
  <si>
    <t>a062r000001f59t</t>
  </si>
  <si>
    <t>a062r000001f59u</t>
  </si>
  <si>
    <t>a062r000001f59v</t>
  </si>
  <si>
    <t>a062r000001f59w</t>
  </si>
  <si>
    <t>a062r000001f59x</t>
  </si>
  <si>
    <t>a062r000001f59y</t>
  </si>
  <si>
    <t>a062r000001f59z</t>
  </si>
  <si>
    <t>a062r000001f5A0</t>
  </si>
  <si>
    <t>a062r000001f5A1</t>
  </si>
  <si>
    <t>a062r000001f5A2</t>
  </si>
  <si>
    <t>a062r000001f5A3</t>
  </si>
  <si>
    <t>a062r000001f5A4</t>
  </si>
  <si>
    <t>a062r000001f5A5</t>
  </si>
  <si>
    <t>a062r000001f5A6</t>
  </si>
  <si>
    <t>a062r000001f5A7</t>
  </si>
  <si>
    <t>a062r000001f5A8</t>
  </si>
  <si>
    <t>a062r000001f5A9</t>
  </si>
  <si>
    <t>a062r000001f5AA</t>
  </si>
  <si>
    <t>a062r000001f5AB</t>
  </si>
  <si>
    <t>a062r000001f5AC</t>
  </si>
  <si>
    <t>a062r000001f5AD</t>
  </si>
  <si>
    <t>a062r000001f5AE</t>
  </si>
  <si>
    <t>a062r000001f5AF</t>
  </si>
  <si>
    <t>a062r000001f5AG</t>
  </si>
  <si>
    <t>a062r000001f5AH</t>
  </si>
  <si>
    <t>a062r000001f5AI</t>
  </si>
  <si>
    <t>a062r000001f5AJ</t>
  </si>
  <si>
    <t>a062r000001f5AK</t>
  </si>
  <si>
    <t>a062r000001f5AL</t>
  </si>
  <si>
    <t>a062r000001f5AM</t>
  </si>
  <si>
    <t>a062r000001f5AN</t>
  </si>
  <si>
    <t>a062r000001f5AO</t>
  </si>
  <si>
    <t>a062r000001f5AP</t>
  </si>
  <si>
    <t>a062r000001f5AQ</t>
  </si>
  <si>
    <t>a062r000001f5AR</t>
  </si>
  <si>
    <t>a062r000001f5AS</t>
  </si>
  <si>
    <t>a062r000001f5AT</t>
  </si>
  <si>
    <t>a062r000001f5AU</t>
  </si>
  <si>
    <t>a062r000001f5AV</t>
  </si>
  <si>
    <t>a062r000001f5AW</t>
  </si>
  <si>
    <t>a062r000001f5AX</t>
  </si>
  <si>
    <t>a062r000001f5AY</t>
  </si>
  <si>
    <t>a062r000001f5AZ</t>
  </si>
  <si>
    <t>a062r000001f5Aa</t>
  </si>
  <si>
    <t>a062r000001f5Ab</t>
  </si>
  <si>
    <t>a062r000001f5Ac</t>
  </si>
  <si>
    <t>a062r000001f5Ad</t>
  </si>
  <si>
    <t>a062r000001f5Ae</t>
  </si>
  <si>
    <t>a062r000001f5Af</t>
  </si>
  <si>
    <t>a062r000001f5Ag</t>
  </si>
  <si>
    <t>a062r000001f5Ah</t>
  </si>
  <si>
    <t>a062r000001f5Ai</t>
  </si>
  <si>
    <t>a062r000001f5Aj</t>
  </si>
  <si>
    <t>a062r000001f5Ak</t>
  </si>
  <si>
    <t>a062r000001f5Al</t>
  </si>
  <si>
    <t>a062r000001f5Am</t>
  </si>
  <si>
    <t>a062r000001f5An</t>
  </si>
  <si>
    <t>a062r000001f5Ao</t>
  </si>
  <si>
    <t>a062r000001f5Ap</t>
  </si>
  <si>
    <t>a062r000001f5Aq</t>
  </si>
  <si>
    <t>a062r000001f5Ar</t>
  </si>
  <si>
    <t>a062r000001f5As</t>
  </si>
  <si>
    <t>a062r000001f5At</t>
  </si>
  <si>
    <t>a062r000001f5Au</t>
  </si>
  <si>
    <t>a062r000001f5Av</t>
  </si>
  <si>
    <t>a062r000001f5Aw</t>
  </si>
  <si>
    <t>a062r000001f5Ax</t>
  </si>
  <si>
    <t>a062r000001f5Ay</t>
  </si>
  <si>
    <t>a062r000001f5Az</t>
  </si>
  <si>
    <t>a062r000001f5B0</t>
  </si>
  <si>
    <t>a062r000001f5B1</t>
  </si>
  <si>
    <t>a062r000001f5B2</t>
  </si>
  <si>
    <t>a062r000001f5B3</t>
  </si>
  <si>
    <t>a062r000001f5B4</t>
  </si>
  <si>
    <t>a062r000001f5B5</t>
  </si>
  <si>
    <t>a062r000001f5B6</t>
  </si>
  <si>
    <t>a062r000001f5B7</t>
  </si>
  <si>
    <t>a062r000001f5B8</t>
  </si>
  <si>
    <t>a062r000001f5B9</t>
  </si>
  <si>
    <t>a062r000001f5BA</t>
  </si>
  <si>
    <t>a062r000001f5BB</t>
  </si>
  <si>
    <t>a062r000001f5BC</t>
  </si>
  <si>
    <t>a062r000001f5BD</t>
  </si>
  <si>
    <t>a062r000001f5BE</t>
  </si>
  <si>
    <t>a062r000001f5BF</t>
  </si>
  <si>
    <t>a062r000001f5BG</t>
  </si>
  <si>
    <t>a062r000001f5BH</t>
  </si>
  <si>
    <t>a062r000001f5BI</t>
  </si>
  <si>
    <t>a062r000001f5BJ</t>
  </si>
  <si>
    <t>a062r000001f5BK</t>
  </si>
  <si>
    <t>a062r000001f5BL</t>
  </si>
  <si>
    <t>a062r000001f5BM</t>
  </si>
  <si>
    <t>a062r000001f5BN</t>
  </si>
  <si>
    <t>a062r000001f5BO</t>
  </si>
  <si>
    <t>a062r000001f5BP</t>
  </si>
  <si>
    <t>a062r000001f5BQ</t>
  </si>
  <si>
    <t>a062r000001f5BR</t>
  </si>
  <si>
    <t>a062r000001f5BS</t>
  </si>
  <si>
    <t>a062r000001f5BT</t>
  </si>
  <si>
    <t>a062r000001f5BU</t>
  </si>
  <si>
    <t>a062r000001f5BV</t>
  </si>
  <si>
    <t>a062r000001f5BW</t>
  </si>
  <si>
    <t>a062r000001f5BX</t>
  </si>
  <si>
    <t>a062r000001f5BY</t>
  </si>
  <si>
    <t>a062r000001f5BZ</t>
  </si>
  <si>
    <t>a062r000001f5Ba</t>
  </si>
  <si>
    <t>a062r000001f5Bb</t>
  </si>
  <si>
    <t>a062r000001f5Bc</t>
  </si>
  <si>
    <t>a062r000001f5Bd</t>
  </si>
  <si>
    <t>a062r000001f5Be</t>
  </si>
  <si>
    <t>a062r000001f5Bf</t>
  </si>
  <si>
    <t>a062r000001f5Bg</t>
  </si>
  <si>
    <t>a062r000001f5Bh</t>
  </si>
  <si>
    <t>a062r000001f5Bi</t>
  </si>
  <si>
    <t>a062r000001f5Bj</t>
  </si>
  <si>
    <t>a062r000001f5Bk</t>
  </si>
  <si>
    <t>a062r000001f5Bl</t>
  </si>
  <si>
    <t>a062r000001f5Bm</t>
  </si>
  <si>
    <t>a062r000001f5Bn</t>
  </si>
  <si>
    <t>a062r000001f5Bo</t>
  </si>
  <si>
    <t>a062r000001f5Bp</t>
  </si>
  <si>
    <t>a062r000001f5Bq</t>
  </si>
  <si>
    <t>a062r000001f5Br</t>
  </si>
  <si>
    <t>a062r000001f5Bs</t>
  </si>
  <si>
    <t>a062r000001f5Bt</t>
  </si>
  <si>
    <t>a062r000001f5Bu</t>
  </si>
  <si>
    <t>a062r000001f5Bv</t>
  </si>
  <si>
    <t>a062r000001f5Bw</t>
  </si>
  <si>
    <t>a062r000001f5Bx</t>
  </si>
  <si>
    <t>a062r000001f5By</t>
  </si>
  <si>
    <t>a062r000001f5Bz</t>
  </si>
  <si>
    <t>a062r000001f5C0</t>
  </si>
  <si>
    <t>a062r000001f5C1</t>
  </si>
  <si>
    <t>a062r000001f5C2</t>
  </si>
  <si>
    <t>a062r000001f5C3</t>
  </si>
  <si>
    <t>a062r000001f5C4</t>
  </si>
  <si>
    <t>a062r000001f5C5</t>
  </si>
  <si>
    <t>a062r000001f5C6</t>
  </si>
  <si>
    <t>a062r000001f5C7</t>
  </si>
  <si>
    <t>a062r000001f5C8</t>
  </si>
  <si>
    <t>a062r000001f5C9</t>
  </si>
  <si>
    <t>a062r000001f5CA</t>
  </si>
  <si>
    <t>a062r000001f5CB</t>
  </si>
  <si>
    <t>a062r000001f5CC</t>
  </si>
  <si>
    <t>a062r000001f5CD</t>
  </si>
  <si>
    <t>a062r000001f5CE</t>
  </si>
  <si>
    <t>a062r000001f5CF</t>
  </si>
  <si>
    <t>a062r000001f5CG</t>
  </si>
  <si>
    <t>a062r000001f5CH</t>
  </si>
  <si>
    <t>a062r000001f5CI</t>
  </si>
  <si>
    <t>a062r000001f5CJ</t>
  </si>
  <si>
    <t>a062r000001f5CK</t>
  </si>
  <si>
    <t>a062r000001f5CL</t>
  </si>
  <si>
    <t>a062r000001f5CM</t>
  </si>
  <si>
    <t>a062r000001f5CN</t>
  </si>
  <si>
    <t>a062r000001f5CO</t>
  </si>
  <si>
    <t>a062r000001f5CP</t>
  </si>
  <si>
    <t>a062r000001f5CQ</t>
  </si>
  <si>
    <t>a062r000001f5CR</t>
  </si>
  <si>
    <t>a062r000001f5CS</t>
  </si>
  <si>
    <t>a062r000001f5CT</t>
  </si>
  <si>
    <t>a062r000001f5CU</t>
  </si>
  <si>
    <t>a062r000001f5CV</t>
  </si>
  <si>
    <t>a062r000001f5CW</t>
  </si>
  <si>
    <t>a062r000001f5CX</t>
  </si>
  <si>
    <t>a062r000001f5CY</t>
  </si>
  <si>
    <t>a062r000001f5CZ</t>
  </si>
  <si>
    <t>a062r000001f5Ca</t>
  </si>
  <si>
    <t>a062r000001f5Cb</t>
  </si>
  <si>
    <t>a062r000001f5Cc</t>
  </si>
  <si>
    <t>a062r000001f5Cd</t>
  </si>
  <si>
    <t>a062r000001f5Ce</t>
  </si>
  <si>
    <t>a062r000001f5Cf</t>
  </si>
  <si>
    <t>a062r000001f5Cg</t>
  </si>
  <si>
    <t>a062r000001f5Ch</t>
  </si>
  <si>
    <t>a062r000001f5Ci</t>
  </si>
  <si>
    <t>a062r000001f5Cj</t>
  </si>
  <si>
    <t>a062r000001f5Ck</t>
  </si>
  <si>
    <t>a062r000001f5Cl</t>
  </si>
  <si>
    <t>a062r000001f5Cm</t>
  </si>
  <si>
    <t>a062r000001f5Cn</t>
  </si>
  <si>
    <t>a062r000001f5Co</t>
  </si>
  <si>
    <t>a062r000001f5Cp</t>
  </si>
  <si>
    <t>a062r000001f5Cq</t>
  </si>
  <si>
    <t>a062r000001f5Cr</t>
  </si>
  <si>
    <t>a062r000001f5Cs</t>
  </si>
  <si>
    <t>a062r000001f5Ct</t>
  </si>
  <si>
    <t>a062r000001f5Cu</t>
  </si>
  <si>
    <t>a062r000001f5Cv</t>
  </si>
  <si>
    <t>a062r000001f5Cw</t>
  </si>
  <si>
    <t>a062r000001f5Cx</t>
  </si>
  <si>
    <t>a062r000001f5Cy</t>
  </si>
  <si>
    <t>a062r000001f5Cz</t>
  </si>
  <si>
    <t>a062r000001f5D0</t>
  </si>
  <si>
    <t>a062r000001f5D1</t>
  </si>
  <si>
    <t>a062r000001f5D2</t>
  </si>
  <si>
    <t>a062r000001f5D3</t>
  </si>
  <si>
    <t>a062r000001f5D4</t>
  </si>
  <si>
    <t>a062r000001f5D5</t>
  </si>
  <si>
    <t>a062r000001f5D6</t>
  </si>
  <si>
    <t>a062r000001f5D7</t>
  </si>
  <si>
    <t>a062r000001f5D8</t>
  </si>
  <si>
    <t>a062r000001f5D9</t>
  </si>
  <si>
    <t>a062r000001f5DA</t>
  </si>
  <si>
    <t>a062r000001f5DB</t>
  </si>
  <si>
    <t>a062r000001f5DC</t>
  </si>
  <si>
    <t>a062r000001f5DD</t>
  </si>
  <si>
    <t>a062r000001f5DE</t>
  </si>
  <si>
    <t>a062r000001f5DF</t>
  </si>
  <si>
    <t>a062r000001f5DG</t>
  </si>
  <si>
    <t>a062r000001f5DH</t>
  </si>
  <si>
    <t>a062r000001f5DI</t>
  </si>
  <si>
    <t>a062r000001f5DJ</t>
  </si>
  <si>
    <t>a062r000001f5DK</t>
  </si>
  <si>
    <t>a062r000001f5DL</t>
  </si>
  <si>
    <t>a062r000001f5DM</t>
  </si>
  <si>
    <t>a062r000001f5DN</t>
  </si>
  <si>
    <t>a062r000001f5DO</t>
  </si>
  <si>
    <t>a062r000001f5DP</t>
  </si>
  <si>
    <t>a062r000001f5DQ</t>
  </si>
  <si>
    <t>a062r000001f5DR</t>
  </si>
  <si>
    <t>a062r000001f5DS</t>
  </si>
  <si>
    <t>a062r000001f5DT</t>
  </si>
  <si>
    <t>a062r000001f5DU</t>
  </si>
  <si>
    <t>a062r000001f5DV</t>
  </si>
  <si>
    <t>a062r000001f5DW</t>
  </si>
  <si>
    <t>a062r000001f5DX</t>
  </si>
  <si>
    <t>a062r000001f5DY</t>
  </si>
  <si>
    <t>a062r000001f5DZ</t>
  </si>
  <si>
    <t>a062r000001f5Da</t>
  </si>
  <si>
    <t>a062r000001f5Db</t>
  </si>
  <si>
    <t>a062r000001f5Dc</t>
  </si>
  <si>
    <t>a062r000001f5Dd</t>
  </si>
  <si>
    <t>a062r000001f5De</t>
  </si>
  <si>
    <t>a062r000001f5Df</t>
  </si>
  <si>
    <t>a062r000001f5Dg</t>
  </si>
  <si>
    <t>a062r000001f5Dh</t>
  </si>
  <si>
    <t>a062r000001f5Di</t>
  </si>
  <si>
    <t>a062r000001f5Dj</t>
  </si>
  <si>
    <t>a062r000001f5Dk</t>
  </si>
  <si>
    <t>a062r000001f5Dl</t>
  </si>
  <si>
    <t>a062r000001f5Dm</t>
  </si>
  <si>
    <t>a062r000001f5Dn</t>
  </si>
  <si>
    <t>a062r000001f5Do</t>
  </si>
  <si>
    <t>a062r000001f5Dp</t>
  </si>
  <si>
    <t>a062r000001f5Dq</t>
  </si>
  <si>
    <t>a062r000001f5Dr</t>
  </si>
  <si>
    <t>a062r000001f5Ds</t>
  </si>
  <si>
    <t>a062r000001f5Dt</t>
  </si>
  <si>
    <t>a062r000001f5Du</t>
  </si>
  <si>
    <t>a062r000001f5Dv</t>
  </si>
  <si>
    <t>a062r000001f5Dw</t>
  </si>
  <si>
    <t>a062r000001f5Dx</t>
  </si>
  <si>
    <t>a062r000001f5Dy</t>
  </si>
  <si>
    <t>a062r000001f5Dz</t>
  </si>
  <si>
    <t>a062r000001f5E0</t>
  </si>
  <si>
    <t>a062r000001f5E1</t>
  </si>
  <si>
    <t>a062r000001f5E2</t>
  </si>
  <si>
    <t>a062r000001f5E3</t>
  </si>
  <si>
    <t>a062r000001f5E4</t>
  </si>
  <si>
    <t>a062r000001f5E5</t>
  </si>
  <si>
    <t>a062r000001f5E6</t>
  </si>
  <si>
    <t>a062r000001f5E7</t>
  </si>
  <si>
    <t>a062r000001f5E8</t>
  </si>
  <si>
    <t>a062r000001f5E9</t>
  </si>
  <si>
    <t>a062r000001f5EA</t>
  </si>
  <si>
    <t>a062r000001f5EB</t>
  </si>
  <si>
    <t>a062r000001f5EC</t>
  </si>
  <si>
    <t>a062r000001f5ED</t>
  </si>
  <si>
    <t>a062r000001f5EE</t>
  </si>
  <si>
    <t>a062r000001f5EF</t>
  </si>
  <si>
    <t>a062r000001f5EG</t>
  </si>
  <si>
    <t>a062r000001f5EH</t>
  </si>
  <si>
    <t>a062r000001f5EI</t>
  </si>
  <si>
    <t>a062r000001f5EJ</t>
  </si>
  <si>
    <t>a062r000001f5EK</t>
  </si>
  <si>
    <t>a062r000001f5EL</t>
  </si>
  <si>
    <t>a062r000001f5EM</t>
  </si>
  <si>
    <t>a062r000001f5EN</t>
  </si>
  <si>
    <t>a062r000001f5EO</t>
  </si>
  <si>
    <t>a062r000001f5EP</t>
  </si>
  <si>
    <t>a062r000001f5EQ</t>
  </si>
  <si>
    <t>a062r000001f5ER</t>
  </si>
  <si>
    <t>a062r000001f5ES</t>
  </si>
  <si>
    <t>a062r000001f5ET</t>
  </si>
  <si>
    <t>a062r000001f5EU</t>
  </si>
  <si>
    <t>a062r000001f5EV</t>
  </si>
  <si>
    <t>a062r000001f5EW</t>
  </si>
  <si>
    <t>a062r000001f5EX</t>
  </si>
  <si>
    <t>a062r000001f5EY</t>
  </si>
  <si>
    <t>a062r000001f5EZ</t>
  </si>
  <si>
    <t>a062r000001f5Ea</t>
  </si>
  <si>
    <t>a062r000001f5Eb</t>
  </si>
  <si>
    <t>a062r000001f5Ec</t>
  </si>
  <si>
    <t>a062r000001f5Ed</t>
  </si>
  <si>
    <t>a062r000001f5Ee</t>
  </si>
  <si>
    <t>a062r000001f5Ef</t>
  </si>
  <si>
    <t>a062r000001f5Eg</t>
  </si>
  <si>
    <t>a062r000001f5Eh</t>
  </si>
  <si>
    <t>a062r000001f5Ei</t>
  </si>
  <si>
    <t>a062r000001f5Ej</t>
  </si>
  <si>
    <t>a062r000001f5Ek</t>
  </si>
  <si>
    <t>a062r000001f5El</t>
  </si>
  <si>
    <t>a062r000001f5Em</t>
  </si>
  <si>
    <t>a062r000001f5En</t>
  </si>
  <si>
    <t>a062r000001f5Eo</t>
  </si>
  <si>
    <t>a062r000001f5Ep</t>
  </si>
  <si>
    <t>a062r000001f5Eq</t>
  </si>
  <si>
    <t>a062r000001f5Er</t>
  </si>
  <si>
    <t>a062r000001f5Es</t>
  </si>
  <si>
    <t>a062r000001f5Et</t>
  </si>
  <si>
    <t>a062r000001f5Eu</t>
  </si>
  <si>
    <t>a062r000001f5Ev</t>
  </si>
  <si>
    <t>a062r000001f5Ew</t>
  </si>
  <si>
    <t>a062r000001f5Ex</t>
  </si>
  <si>
    <t>a062r000001f5Ey</t>
  </si>
  <si>
    <t>a062r000001f5Ez</t>
  </si>
  <si>
    <t>a062r000001f5F0</t>
  </si>
  <si>
    <t>a062r000001f5F1</t>
  </si>
  <si>
    <t>a062r000001f5F2</t>
  </si>
  <si>
    <t>a062r000001f5F3</t>
  </si>
  <si>
    <t>a062r000001f5F4</t>
  </si>
  <si>
    <t>a062r000001f5F5</t>
  </si>
  <si>
    <t>a062r000001f5F6</t>
  </si>
  <si>
    <t>a062r000001f5F7</t>
  </si>
  <si>
    <t>a062r000001f5F8</t>
  </si>
  <si>
    <t>a062r000001f5F9</t>
  </si>
  <si>
    <t>a062r000001f5FA</t>
  </si>
  <si>
    <t>a062r000001f5FB</t>
  </si>
  <si>
    <t>a062r000001f5FC</t>
  </si>
  <si>
    <t>a062r000001f5FD</t>
  </si>
  <si>
    <t>a062r000001f5FE</t>
  </si>
  <si>
    <t>a062r000001f5FF</t>
  </si>
  <si>
    <t>a062r000001f5FG</t>
  </si>
  <si>
    <t>a062r000001f5FH</t>
  </si>
  <si>
    <t>a062r000001f5FI</t>
  </si>
  <si>
    <t>a062r000001f5FJ</t>
  </si>
  <si>
    <t>a062r000001f5FK</t>
  </si>
  <si>
    <t>a062r000001f5FL</t>
  </si>
  <si>
    <t>a062r000001f5FM</t>
  </si>
  <si>
    <t>a062r000001f5FN</t>
  </si>
  <si>
    <t>a062r000001f5FO</t>
  </si>
  <si>
    <t>a062r000001f5FP</t>
  </si>
  <si>
    <t>a062r000001f5FQ</t>
  </si>
  <si>
    <t>a062r000001f5FR</t>
  </si>
  <si>
    <t>a062r000001f5FS</t>
  </si>
  <si>
    <t>a062r000001f5FT</t>
  </si>
  <si>
    <t>a062r000001f5FU</t>
  </si>
  <si>
    <t>a062r000001f5FV</t>
  </si>
  <si>
    <t>a062r000001f5FW</t>
  </si>
  <si>
    <t>a062r000001f5FX</t>
  </si>
  <si>
    <t>a062r000001f5FY</t>
  </si>
  <si>
    <t>a062r000001f5FZ</t>
  </si>
  <si>
    <t>a062r000001f5Fa</t>
  </si>
  <si>
    <t>a062r000001f5Fb</t>
  </si>
  <si>
    <t>a062r000001f5Fc</t>
  </si>
  <si>
    <t>a062r000001f5Fd</t>
  </si>
  <si>
    <t>a062r000001f5Fe</t>
  </si>
  <si>
    <t>a062r000001f5Ff</t>
  </si>
  <si>
    <t>a062r000001f5Fg</t>
  </si>
  <si>
    <t>a062r000001f5Fh</t>
  </si>
  <si>
    <t>a062r000001f5Fi</t>
  </si>
  <si>
    <t>a062r000001f5Fj</t>
  </si>
  <si>
    <t>a062r000001f5Fk</t>
  </si>
  <si>
    <t>a062r000001f5Fl</t>
  </si>
  <si>
    <t>a062r000001f5Fm</t>
  </si>
  <si>
    <t>a062r000001f5Fn</t>
  </si>
  <si>
    <t>a062r000001f5Fo</t>
  </si>
  <si>
    <t>a062r000001f5Fp</t>
  </si>
  <si>
    <t>a062r000001f5Fq</t>
  </si>
  <si>
    <t>a062r000001f5Fr</t>
  </si>
  <si>
    <t>a062r000001f5Fs</t>
  </si>
  <si>
    <t>a062r000001f5Ft</t>
  </si>
  <si>
    <t>a062r000001f5Fu</t>
  </si>
  <si>
    <t>a062r000001f5Fv</t>
  </si>
  <si>
    <t>a062r000001f5Fw</t>
  </si>
  <si>
    <t>a062r000001f5Fx</t>
  </si>
  <si>
    <t>a062r000001f5Fy</t>
  </si>
  <si>
    <t>a062r000001f5Fz</t>
  </si>
  <si>
    <t>a062r000001f5G0</t>
  </si>
  <si>
    <t>a062r000001f5G1</t>
  </si>
  <si>
    <t>a062r000001f5G2</t>
  </si>
  <si>
    <t>a062r000001f5G3</t>
  </si>
  <si>
    <t>a062r000001f5G4</t>
  </si>
  <si>
    <t>a062r000001f5G5</t>
  </si>
  <si>
    <t>a062r000001f5G6</t>
  </si>
  <si>
    <t>a062r000001f5G7</t>
  </si>
  <si>
    <t>a062r000001f5G8</t>
  </si>
  <si>
    <t>a062r000001f5G9</t>
  </si>
  <si>
    <t>a062r000001f5GA</t>
  </si>
  <si>
    <t>a062r000001f5GB</t>
  </si>
  <si>
    <t>a062r000001f5GC</t>
  </si>
  <si>
    <t>a062r000001f5GD</t>
  </si>
  <si>
    <t>a062r000001f5GE</t>
  </si>
  <si>
    <t>a062r000001f5GF</t>
  </si>
  <si>
    <t>a062r000001f5GG</t>
  </si>
  <si>
    <t>a062r000001f5GH</t>
  </si>
  <si>
    <t>a062r000001f5GI</t>
  </si>
  <si>
    <t>a062r000001f5GJ</t>
  </si>
  <si>
    <t>a062r000001f5GK</t>
  </si>
  <si>
    <t>a062r000001f5GL</t>
  </si>
  <si>
    <t>a062r000001f5GM</t>
  </si>
  <si>
    <t>a062r000001f5GN</t>
  </si>
  <si>
    <t>a062r000001f5GO</t>
  </si>
  <si>
    <t>a062r000001f5GP</t>
  </si>
  <si>
    <t>a062r000001f5GQ</t>
  </si>
  <si>
    <t>a062r000001f5GR</t>
  </si>
  <si>
    <t>a062r000001f5GS</t>
  </si>
  <si>
    <t>a062r000001f5GT</t>
  </si>
  <si>
    <t>a062r000001f5GU</t>
  </si>
  <si>
    <t>a062r000001f5GV</t>
  </si>
  <si>
    <t>a062r000001f5GW</t>
  </si>
  <si>
    <t>a062r000001f5GX</t>
  </si>
  <si>
    <t>a062r000001f5GY</t>
  </si>
  <si>
    <t>a062r000001f5GZ</t>
  </si>
  <si>
    <t>a062r000001f5Ga</t>
  </si>
  <si>
    <t>a062r000001f5Gb</t>
  </si>
  <si>
    <t>a062r000001f5Gc</t>
  </si>
  <si>
    <t>a062r000001f5Gd</t>
  </si>
  <si>
    <t>a062r000001f5Ge</t>
  </si>
  <si>
    <t>a062r000001f5Gf</t>
  </si>
  <si>
    <t>a062r000001f5Gg</t>
  </si>
  <si>
    <t>a062r000001f5Gh</t>
  </si>
  <si>
    <t>a062r000001f5Gi</t>
  </si>
  <si>
    <t>a062r000001f5Gj</t>
  </si>
  <si>
    <t>a062r000001f5Gk</t>
  </si>
  <si>
    <t>a062r000001f5Gl</t>
  </si>
  <si>
    <t>a062r000001f5Gm</t>
  </si>
  <si>
    <t>a062r000001f5Gn</t>
  </si>
  <si>
    <t>a062r000001f5Go</t>
  </si>
  <si>
    <t>a062r000001f5Gp</t>
  </si>
  <si>
    <t>a062r000001f5Gq</t>
  </si>
  <si>
    <t>a062r000001f5Gr</t>
  </si>
  <si>
    <t>a062r000001f5Gs</t>
  </si>
  <si>
    <t>a062r000001f5Gt</t>
  </si>
  <si>
    <t>a062r000001f5Gu</t>
  </si>
  <si>
    <t>a062r000001f5Gv</t>
  </si>
  <si>
    <t>a062r000001f5Gw</t>
  </si>
  <si>
    <t>a062r000001f5Gx</t>
  </si>
  <si>
    <t>a062r000001f5Gy</t>
  </si>
  <si>
    <t>a062r000001f5Gz</t>
  </si>
  <si>
    <t>a062r000001f5H0</t>
  </si>
  <si>
    <t>a062r000001f5H1</t>
  </si>
  <si>
    <t>a062r000001f5H2</t>
  </si>
  <si>
    <t>a062r000001f5H3</t>
  </si>
  <si>
    <t>a062r000001f5H4</t>
  </si>
  <si>
    <t>a062r000001f5H5</t>
  </si>
  <si>
    <t>a062r000001f5H6</t>
  </si>
  <si>
    <t>a062r000001f5H7</t>
  </si>
  <si>
    <t>a062r000001f5H8</t>
  </si>
  <si>
    <t>a062r000001f5H9</t>
  </si>
  <si>
    <t>a062r000001f5HA</t>
  </si>
  <si>
    <t>a062r000001f5HB</t>
  </si>
  <si>
    <t>a062r000001f5HC</t>
  </si>
  <si>
    <t>a062r000001f5HD</t>
  </si>
  <si>
    <t>a062r000001f5HE</t>
  </si>
  <si>
    <t>a062r000001f5HF</t>
  </si>
  <si>
    <t>a062r000001f5HG</t>
  </si>
  <si>
    <t>a062r000001f5HH</t>
  </si>
  <si>
    <t>a062r000001f5HI</t>
  </si>
  <si>
    <t>a062r000001f5HJ</t>
  </si>
  <si>
    <t>a062r000001f5HK</t>
  </si>
  <si>
    <t>a062r000001f5HL</t>
  </si>
  <si>
    <t>a062r000001f5HM</t>
  </si>
  <si>
    <t>a062r000001f5HN</t>
  </si>
  <si>
    <t>a062r000001f5HO</t>
  </si>
  <si>
    <t>a062r000001f5HP</t>
  </si>
  <si>
    <t>a062r000001f5HQ</t>
  </si>
  <si>
    <t>a062r000001f5HR</t>
  </si>
  <si>
    <t>a062r000001f5HS</t>
  </si>
  <si>
    <t>a062r000001f5HT</t>
  </si>
  <si>
    <t>a062r000001f5HU</t>
  </si>
  <si>
    <t>a062r000001f5HV</t>
  </si>
  <si>
    <t>a062r000001f5HW</t>
  </si>
  <si>
    <t>a062r000001f5HX</t>
  </si>
  <si>
    <t>a062r000001f5HY</t>
  </si>
  <si>
    <t>a062r000001f5HZ</t>
  </si>
  <si>
    <t>a062r000001f5Ha</t>
  </si>
  <si>
    <t>a062r000001f5Hb</t>
  </si>
  <si>
    <t>a062r000001f5Hc</t>
  </si>
  <si>
    <t>a062r000001f5Hd</t>
  </si>
  <si>
    <t>a062r000001f5He</t>
  </si>
  <si>
    <t>a062r000001f5Hf</t>
  </si>
  <si>
    <t>a062r000001f5Hg</t>
  </si>
  <si>
    <t>a062r000001f5Hh</t>
  </si>
  <si>
    <t>a062r000001f5Hi</t>
  </si>
  <si>
    <t>a062r000001f5Hj</t>
  </si>
  <si>
    <t>a062r000001f5Hk</t>
  </si>
  <si>
    <t>a062r000001f5Hl</t>
  </si>
  <si>
    <t>a062r000001f5Hm</t>
  </si>
  <si>
    <t>a062r000001f5Hn</t>
  </si>
  <si>
    <t>a062r000001f5Ho</t>
  </si>
  <si>
    <t>a062r000001f5Hp</t>
  </si>
  <si>
    <t>a062r000001f5Hq</t>
  </si>
  <si>
    <t>a062r000001f5Hr</t>
  </si>
  <si>
    <t>a062r000001f5Hs</t>
  </si>
  <si>
    <t>a062r000001f5Ht</t>
  </si>
  <si>
    <t>a062r000001f5Hu</t>
  </si>
  <si>
    <t>a062r000001f5Hv</t>
  </si>
  <si>
    <t>a062r000001f5Hw</t>
  </si>
  <si>
    <t>a062r000001f5Hx</t>
  </si>
  <si>
    <t>a062r000001f5Hy</t>
  </si>
  <si>
    <t>a062r000001f5Hz</t>
  </si>
  <si>
    <t>a062r000001f5I0</t>
  </si>
  <si>
    <t>a062r000001f5I1</t>
  </si>
  <si>
    <t>a062r000001f5I2</t>
  </si>
  <si>
    <t>a062r000001f5I3</t>
  </si>
  <si>
    <t>a062r000001f5I4</t>
  </si>
  <si>
    <t>a062r000001f5I5</t>
  </si>
  <si>
    <t>a062r000001f5I6</t>
  </si>
  <si>
    <t>a062r000001f5I7</t>
  </si>
  <si>
    <t>a062r000001f5I8</t>
  </si>
  <si>
    <t>a062r000001f5I9</t>
  </si>
  <si>
    <t>a062r000001f5IA</t>
  </si>
  <si>
    <t>a062r000001f5IB</t>
  </si>
  <si>
    <t>a062r000001f5IC</t>
  </si>
  <si>
    <t>a062r000001f5ID</t>
  </si>
  <si>
    <t>a062r000001f5IE</t>
  </si>
  <si>
    <t>a062r000001f5IF</t>
  </si>
  <si>
    <t>a062r000001f5IG</t>
  </si>
  <si>
    <t>a062r000001f5IH</t>
  </si>
  <si>
    <t>a062r000001f5II</t>
  </si>
  <si>
    <t>a062r000001f5IJ</t>
  </si>
  <si>
    <t>a062r000001f5IK</t>
  </si>
  <si>
    <t>a062r000001f5IL</t>
  </si>
  <si>
    <t>a062r000001f5IM</t>
  </si>
  <si>
    <t>a062r000001f5IN</t>
  </si>
  <si>
    <t>a062r000001f5IO</t>
  </si>
  <si>
    <t>a062r000001f5IP</t>
  </si>
  <si>
    <t>a062r000001f5IQ</t>
  </si>
  <si>
    <t>a062r000001f5IR</t>
  </si>
  <si>
    <t>a062r000001f5IS</t>
  </si>
  <si>
    <t>a062r000001f5IT</t>
  </si>
  <si>
    <t>a062r000001f5IU</t>
  </si>
  <si>
    <t>a062r000001f5IV</t>
  </si>
  <si>
    <t>a062r000001f5IW</t>
  </si>
  <si>
    <t>a062r000001f5IX</t>
  </si>
  <si>
    <t>a062r000001f5IY</t>
  </si>
  <si>
    <t>a062r000001f5IZ</t>
  </si>
  <si>
    <t>a062r000001f5Ia</t>
  </si>
  <si>
    <t>a062r000001f5Ib</t>
  </si>
  <si>
    <t>a062r000001f5Ic</t>
  </si>
  <si>
    <t>a062r000001f5Id</t>
  </si>
  <si>
    <t>a062r000001f5Ie</t>
  </si>
  <si>
    <t>a062r000001f5If</t>
  </si>
  <si>
    <t>a062r000001f5Ig</t>
  </si>
  <si>
    <t>a062r000001f5Ih</t>
  </si>
  <si>
    <t>a062r000001f5Ii</t>
  </si>
  <si>
    <t>a062r000001f5Ij</t>
  </si>
  <si>
    <t>a062r000001f5Ik</t>
  </si>
  <si>
    <t>a062r000001f5Il</t>
  </si>
  <si>
    <t>a062r000001f5Im</t>
  </si>
  <si>
    <t>a062r000001f5In</t>
  </si>
  <si>
    <t>a062r000001f5Io</t>
  </si>
  <si>
    <t>a062r000001f5Ip</t>
  </si>
  <si>
    <t>a062r000001f5Iq</t>
  </si>
  <si>
    <t>a062r000001f5Ir</t>
  </si>
  <si>
    <t>a062r000001f5Is</t>
  </si>
  <si>
    <t>a062r000001f5It</t>
  </si>
  <si>
    <t>a062r000001f5Iu</t>
  </si>
  <si>
    <t>a062r000001f5Iv</t>
  </si>
  <si>
    <t>a062r000001f5Iw</t>
  </si>
  <si>
    <t>a062r000001f5Ix</t>
  </si>
  <si>
    <t>a062r000001f5Iy</t>
  </si>
  <si>
    <t>a062r000001f5Iz</t>
  </si>
  <si>
    <t>a062r000001f5J0</t>
  </si>
  <si>
    <t>a062r000001f5J1</t>
  </si>
  <si>
    <t>a062r000001f5J2</t>
  </si>
  <si>
    <t>a062r000001f5J3</t>
  </si>
  <si>
    <t>a062r000001f5J4</t>
  </si>
  <si>
    <t>a062r000001f5J5</t>
  </si>
  <si>
    <t>a062r000001f5J6</t>
  </si>
  <si>
    <t>a062r000001f5J7</t>
  </si>
  <si>
    <t>a062r000001f5J8</t>
  </si>
  <si>
    <t>a062r000001f5J9</t>
  </si>
  <si>
    <t>a062r000001f5JA</t>
  </si>
  <si>
    <t>a062r000001f5JB</t>
  </si>
  <si>
    <t>a062r000001f5JC</t>
  </si>
  <si>
    <t>a062r000001f5JD</t>
  </si>
  <si>
    <t>a062r000001f5JE</t>
  </si>
  <si>
    <t>a062r000001f5JF</t>
  </si>
  <si>
    <t>a062r000001f5JG</t>
  </si>
  <si>
    <t>a062r000001f5JH</t>
  </si>
  <si>
    <t>a062r000001f5JI</t>
  </si>
  <si>
    <t>a062r000001f5JJ</t>
  </si>
  <si>
    <t>a062r000001f5JK</t>
  </si>
  <si>
    <t>a062r000001f5JL</t>
  </si>
  <si>
    <t>a062r000001f5JM</t>
  </si>
  <si>
    <t>a062r000001f5JN</t>
  </si>
  <si>
    <t>a062r000001f5JO</t>
  </si>
  <si>
    <t>a062r000001f5JP</t>
  </si>
  <si>
    <t>a062r000001f5JQ</t>
  </si>
  <si>
    <t>a062r000001f5JR</t>
  </si>
  <si>
    <t>a062r000001f5JS</t>
  </si>
  <si>
    <t>a062r000001f5JT</t>
  </si>
  <si>
    <t>a062r000001f5JU</t>
  </si>
  <si>
    <t>a062r000001f5JV</t>
  </si>
  <si>
    <t>a062r000001f5JW</t>
  </si>
  <si>
    <t>a062r000001f5JX</t>
  </si>
  <si>
    <t>a062r000001f5JY</t>
  </si>
  <si>
    <t>a062r000001f5JZ</t>
  </si>
  <si>
    <t>a062r000001f5Ja</t>
  </si>
  <si>
    <t>a062r000001f5Jb</t>
  </si>
  <si>
    <t>a062r000001f5Jc</t>
  </si>
  <si>
    <t>a062r000001f5Jd</t>
  </si>
  <si>
    <t>a062r000001f5Je</t>
  </si>
  <si>
    <t>a062r000001f5Jf</t>
  </si>
  <si>
    <t>a062r000001f5Jg</t>
  </si>
  <si>
    <t>a062r000001f5Jh</t>
  </si>
  <si>
    <t>a062r000001f5Ji</t>
  </si>
  <si>
    <t>a062r000001f5Jj</t>
  </si>
  <si>
    <t>a062r000001f5Jk</t>
  </si>
  <si>
    <t>a062r000001f5Jl</t>
  </si>
  <si>
    <t>a062r000001f5Jm</t>
  </si>
  <si>
    <t>a062r000001f5Jn</t>
  </si>
  <si>
    <t>a062r000001f5Jo</t>
  </si>
  <si>
    <t>a062r000001f5Jp</t>
  </si>
  <si>
    <t>a062r000001f5Jq</t>
  </si>
  <si>
    <t>a062r000001f5Jr</t>
  </si>
  <si>
    <t>a062r000001f5Js</t>
  </si>
  <si>
    <t>a062r000001f5Jt</t>
  </si>
  <si>
    <t>a062r000001f5Ju</t>
  </si>
  <si>
    <t>a062r000001f5Jv</t>
  </si>
  <si>
    <t>a062r000001f5Jw</t>
  </si>
  <si>
    <t>a062r000001f5Jx</t>
  </si>
  <si>
    <t>a062r000001f5Jy</t>
  </si>
  <si>
    <t>a062r000001f5Jz</t>
  </si>
  <si>
    <t>a062r000001f5K0</t>
  </si>
  <si>
    <t>a062r000001f5K1</t>
  </si>
  <si>
    <t>a062r000001f5K2</t>
  </si>
  <si>
    <t>a062r000001f5K3</t>
  </si>
  <si>
    <t>a062r000001f5K4</t>
  </si>
  <si>
    <t>a062r000001f5K5</t>
  </si>
  <si>
    <t>a062r000001f5K6</t>
  </si>
  <si>
    <t>a062r000001f5K7</t>
  </si>
  <si>
    <t>a062r000001f5K8</t>
  </si>
  <si>
    <t>a062r000001f5K9</t>
  </si>
  <si>
    <t>a062r000001f5KA</t>
  </si>
  <si>
    <t>a062r000001f5KB</t>
  </si>
  <si>
    <t>a062r000001f5KC</t>
  </si>
  <si>
    <t>a062r000001f5KD</t>
  </si>
  <si>
    <t>a062r000001f5KE</t>
  </si>
  <si>
    <t>a062r000001f5KF</t>
  </si>
  <si>
    <t>a062r000001f5KG</t>
  </si>
  <si>
    <t>a062r000001f5KH</t>
  </si>
  <si>
    <t>a062r000001f5KI</t>
  </si>
  <si>
    <t>a062r000001f5KJ</t>
  </si>
  <si>
    <t>a062r000001f5KK</t>
  </si>
  <si>
    <t>a062r000001f5KL</t>
  </si>
  <si>
    <t>a062r000001f5KM</t>
  </si>
  <si>
    <t>a062r000001f5KN</t>
  </si>
  <si>
    <t>a062r000001f5KO</t>
  </si>
  <si>
    <t>a062r000001f5KP</t>
  </si>
  <si>
    <t>a062r000001f5KQ</t>
  </si>
  <si>
    <t>a062r000001f5KR</t>
  </si>
  <si>
    <t>a062r000001f5KS</t>
  </si>
  <si>
    <t>a062r000001f5KT</t>
  </si>
  <si>
    <t>a062r000001f5KU</t>
  </si>
  <si>
    <t>a062r000001f5KV</t>
  </si>
  <si>
    <t>a062r000001f5KW</t>
  </si>
  <si>
    <t>a062r000001f5KX</t>
  </si>
  <si>
    <t>a062r000001f5KY</t>
  </si>
  <si>
    <t>a062r000001f5KZ</t>
  </si>
  <si>
    <t>a062r000001f5Ka</t>
  </si>
  <si>
    <t>a062r000001f5Kb</t>
  </si>
  <si>
    <t>a062r000001f5Kc</t>
  </si>
  <si>
    <t>a062r000001f5Kd</t>
  </si>
  <si>
    <t>a062r000001f5Ke</t>
  </si>
  <si>
    <t>a062r000001f5Kf</t>
  </si>
  <si>
    <t>a062r000001f5Kg</t>
  </si>
  <si>
    <t>a062r000001f5Kh</t>
  </si>
  <si>
    <t>a062r000001f5Ki</t>
  </si>
  <si>
    <t>a062r000001f5Kj</t>
  </si>
  <si>
    <t>a062r000001f5Kk</t>
  </si>
  <si>
    <t>a062r000001f5Kl</t>
  </si>
  <si>
    <t>a062r000001f5Km</t>
  </si>
  <si>
    <t>a062r000001f5Kn</t>
  </si>
  <si>
    <t>a062r000001f5Ko</t>
  </si>
  <si>
    <t>a062r000001f5Kp</t>
  </si>
  <si>
    <t>a062r000001f5Kq</t>
  </si>
  <si>
    <t>a062r000001f5Kr</t>
  </si>
  <si>
    <t>a062r000001f5Ks</t>
  </si>
  <si>
    <t>a062r000001f5Kt</t>
  </si>
  <si>
    <t>a062r000001f5Ku</t>
  </si>
  <si>
    <t>a062r000001f5Kv</t>
  </si>
  <si>
    <t>a062r000001f5Kw</t>
  </si>
  <si>
    <t>a062r000001f5Kx</t>
  </si>
  <si>
    <t>a062r000001f5Ky</t>
  </si>
  <si>
    <t>a062r000001f5Kz</t>
  </si>
  <si>
    <t>a062r000001f5L0</t>
  </si>
  <si>
    <t>a062r000001f5L1</t>
  </si>
  <si>
    <t>a062r000001f5L2</t>
  </si>
  <si>
    <t>a062r000001f5L3</t>
  </si>
  <si>
    <t>a062r000001f5L4</t>
  </si>
  <si>
    <t>a062r000001f5L5</t>
  </si>
  <si>
    <t>a062r000001f5L6</t>
  </si>
  <si>
    <t>a062r000001f5L7</t>
  </si>
  <si>
    <t>a062r000001f5L8</t>
  </si>
  <si>
    <t>a062r000001f5L9</t>
  </si>
  <si>
    <t>a062r000001f5LA</t>
  </si>
  <si>
    <t>a062r000001f5LB</t>
  </si>
  <si>
    <t>a062r000001f5LC</t>
  </si>
  <si>
    <t>a062r000001f5LD</t>
  </si>
  <si>
    <t>a062r000001f5LE</t>
  </si>
  <si>
    <t>a062r000001f5LF</t>
  </si>
  <si>
    <t>a062r000001f5LG</t>
  </si>
  <si>
    <t>a062r000001f5LH</t>
  </si>
  <si>
    <t>a062r000001f5LI</t>
  </si>
  <si>
    <t>a062r000001f5LJ</t>
  </si>
  <si>
    <t>a062r000001f5LK</t>
  </si>
  <si>
    <t>a062r000001f5LL</t>
  </si>
  <si>
    <t>a062r000001f5LM</t>
  </si>
  <si>
    <t>a062r000001f5LN</t>
  </si>
  <si>
    <t>a062r000001f5LO</t>
  </si>
  <si>
    <t>a062r000001f5LP</t>
  </si>
  <si>
    <t>a062r000001f5LQ</t>
  </si>
  <si>
    <t>a062r000001f5LR</t>
  </si>
  <si>
    <t>a062r000001f5LS</t>
  </si>
  <si>
    <t>a062r000001f5LT</t>
  </si>
  <si>
    <t>a062r000001f5LU</t>
  </si>
  <si>
    <t>a062r000001f5LV</t>
  </si>
  <si>
    <t>a062r000001f5LW</t>
  </si>
  <si>
    <t>a062r000001f5LX</t>
  </si>
  <si>
    <t>a062r000001f5LY</t>
  </si>
  <si>
    <t>a062r000001f5LZ</t>
  </si>
  <si>
    <t>a062r000001f5La</t>
  </si>
  <si>
    <t>a062r000001f5Lb</t>
  </si>
  <si>
    <t>a062r000001f5Lc</t>
  </si>
  <si>
    <t>a062r000001f5Ld</t>
  </si>
  <si>
    <t>a062r000001f5Le</t>
  </si>
  <si>
    <t>a062r000001f5Lf</t>
  </si>
  <si>
    <t>a062r000001f5Lg</t>
  </si>
  <si>
    <t>a062r000001f5Lh</t>
  </si>
  <si>
    <t>a062r000001f5Li</t>
  </si>
  <si>
    <t>a062r000001f5Lj</t>
  </si>
  <si>
    <t>a062r000001f5Lk</t>
  </si>
  <si>
    <t>a062r000001f5Ll</t>
  </si>
  <si>
    <t>a062r000001f5Lm</t>
  </si>
  <si>
    <t>a062r000001f5Ln</t>
  </si>
  <si>
    <t>a062r000001f5Lo</t>
  </si>
  <si>
    <t>a062r000001f5Lp</t>
  </si>
  <si>
    <t>a062r000001f5Lq</t>
  </si>
  <si>
    <t>a062r000001f5Lr</t>
  </si>
  <si>
    <t>a062r000001f5Ls</t>
  </si>
  <si>
    <t>a062r000001f5Lt</t>
  </si>
  <si>
    <t>a062r000001f5Lu</t>
  </si>
  <si>
    <t>a062r000001f5Lv</t>
  </si>
  <si>
    <t>a062r000001f5Lw</t>
  </si>
  <si>
    <t>a062r000001f5Lx</t>
  </si>
  <si>
    <t>a062r000001f5Ly</t>
  </si>
  <si>
    <t>a062r000001f5Lz</t>
  </si>
  <si>
    <t>a062r000001f5M0</t>
  </si>
  <si>
    <t>a062r000001f5M1</t>
  </si>
  <si>
    <t>a062r000001f5M2</t>
  </si>
  <si>
    <t>a062r000001f5M3</t>
  </si>
  <si>
    <t>a062r000001f5M4</t>
  </si>
  <si>
    <t>a062r000001f5M5</t>
  </si>
  <si>
    <t>a062r000001f5M6</t>
  </si>
  <si>
    <t>a062r000001f5M7</t>
  </si>
  <si>
    <t>a062r000001f5M8</t>
  </si>
  <si>
    <t>a062r000001f5M9</t>
  </si>
  <si>
    <t>a062r000001f5MA</t>
  </si>
  <si>
    <t>a062r000001f5MB</t>
  </si>
  <si>
    <t>a062r000001f5MC</t>
  </si>
  <si>
    <t>a062r000001f5MD</t>
  </si>
  <si>
    <t>a062r000001f5ME</t>
  </si>
  <si>
    <t>a062r000001f5MF</t>
  </si>
  <si>
    <t>a062r000001f5MG</t>
  </si>
  <si>
    <t>a062r000001f5MH</t>
  </si>
  <si>
    <t>a062r000001f5MI</t>
  </si>
  <si>
    <t>a062r000001f5MJ</t>
  </si>
  <si>
    <t>a062r000001f5MK</t>
  </si>
  <si>
    <t>a062r000001f5ML</t>
  </si>
  <si>
    <t>a062r000001f5MM</t>
  </si>
  <si>
    <t>a062r000001f5MN</t>
  </si>
  <si>
    <t>a062r000001f5MO</t>
  </si>
  <si>
    <t>a062r000001f5MP</t>
  </si>
  <si>
    <t>a062r000001f5MQ</t>
  </si>
  <si>
    <t>a062r000001f5MR</t>
  </si>
  <si>
    <t>a062r000001f5MS</t>
  </si>
  <si>
    <t>a062r000001f5MT</t>
  </si>
  <si>
    <t>a062r000001f5MU</t>
  </si>
  <si>
    <t>a062r000001f5MV</t>
  </si>
  <si>
    <t>a062r000001f5MW</t>
  </si>
  <si>
    <t>a062r000001f5MX</t>
  </si>
  <si>
    <t>a062r000001f5MY</t>
  </si>
  <si>
    <t>a062r000001f5MZ</t>
  </si>
  <si>
    <t>a062r000001f5Ma</t>
  </si>
  <si>
    <t>a062r000001f5Mb</t>
  </si>
  <si>
    <t>a062r000001f5Mc</t>
  </si>
  <si>
    <t>a062r000001f5Md</t>
  </si>
  <si>
    <t>a062r000001f5Me</t>
  </si>
  <si>
    <t>a062r000001f5Mf</t>
  </si>
  <si>
    <t>a062r000001f5Mg</t>
  </si>
  <si>
    <t>a062r000001f5Mh</t>
  </si>
  <si>
    <t>a062r000001f5Mi</t>
  </si>
  <si>
    <t>a062r000001f5Mj</t>
  </si>
  <si>
    <t>a062r000001f5Mk</t>
  </si>
  <si>
    <t>a062r000001f5Ml</t>
  </si>
  <si>
    <t>a062r000001f5Mm</t>
  </si>
  <si>
    <t>a062r000001f5Mn</t>
  </si>
  <si>
    <t>a062r000001f5Mo</t>
  </si>
  <si>
    <t>a062r000001f5Mp</t>
  </si>
  <si>
    <t>a062r000001f5Mq</t>
  </si>
  <si>
    <t>a062r000001f5Mr</t>
  </si>
  <si>
    <t>a062r000001f5Ms</t>
  </si>
  <si>
    <t>a062r000001f5Mt</t>
  </si>
  <si>
    <t>a062r000001f5Mu</t>
  </si>
  <si>
    <t>a062r000001f5Mv</t>
  </si>
  <si>
    <t>a062r000001f5Mw</t>
  </si>
  <si>
    <t>a062r000001f5Mx</t>
  </si>
  <si>
    <t>a062r000001f5My</t>
  </si>
  <si>
    <t>a062r000001f5Mz</t>
  </si>
  <si>
    <t>a062r000001f5N0</t>
  </si>
  <si>
    <t>a062r000001f5N1</t>
  </si>
  <si>
    <t>a062r000001f5N2</t>
  </si>
  <si>
    <t>a062r000001f5N3</t>
  </si>
  <si>
    <t>a062r000001f5N4</t>
  </si>
  <si>
    <t>a062r000001f5N5</t>
  </si>
  <si>
    <t>a062r000001f5N6</t>
  </si>
  <si>
    <t>a062r000001f5N7</t>
  </si>
  <si>
    <t>a062r000001f5N8</t>
  </si>
  <si>
    <t>a062r000001f5N9</t>
  </si>
  <si>
    <t>a062r000001f5NA</t>
  </si>
  <si>
    <t>a062r000001f5NB</t>
  </si>
  <si>
    <t>a062r000001f5NC</t>
  </si>
  <si>
    <t>a062r000001f5ND</t>
  </si>
  <si>
    <t>a062r000001f5NE</t>
  </si>
  <si>
    <t>a062r000001f5NF</t>
  </si>
  <si>
    <t>a062r000001f5NG</t>
  </si>
  <si>
    <t>a062r000001f5NH</t>
  </si>
  <si>
    <t>a062r000001f5NI</t>
  </si>
  <si>
    <t>a062r000001f5NJ</t>
  </si>
  <si>
    <t>a062r000001f5NK</t>
  </si>
  <si>
    <t>a062r000001f5NL</t>
  </si>
  <si>
    <t>a062r000001f5NM</t>
  </si>
  <si>
    <t>a062r000001f5NN</t>
  </si>
  <si>
    <t>a062r000001f5NO</t>
  </si>
  <si>
    <t>a062r000001f5NP</t>
  </si>
  <si>
    <t>a062r000001f5NQ</t>
  </si>
  <si>
    <t>a062r000001f5NR</t>
  </si>
  <si>
    <t>a062r000001f5NS</t>
  </si>
  <si>
    <t>a062r000001f5NT</t>
  </si>
  <si>
    <t>a062r000001f5NU</t>
  </si>
  <si>
    <t>a062r000001f5NV</t>
  </si>
  <si>
    <t>a062r000001f5NW</t>
  </si>
  <si>
    <t>a062r000001f5NX</t>
  </si>
  <si>
    <t>a062r000001f5NY</t>
  </si>
  <si>
    <t>a062r000001f5NZ</t>
  </si>
  <si>
    <t>a062r000001f5Na</t>
  </si>
  <si>
    <t>a062r000001f5Nb</t>
  </si>
  <si>
    <t>a062r000001f5Nc</t>
  </si>
  <si>
    <t>a062r000001f5Nd</t>
  </si>
  <si>
    <t>a062r000001f5Ne</t>
  </si>
  <si>
    <t>a062r000001f5Nf</t>
  </si>
  <si>
    <t>a062r000001f5Ng</t>
  </si>
  <si>
    <t>a062r000001f5Nh</t>
  </si>
  <si>
    <t>a062r000001f5Ni</t>
  </si>
  <si>
    <t>a062r000001f5Nj</t>
  </si>
  <si>
    <t>a062r000001f5Nk</t>
  </si>
  <si>
    <t>a062r000001f5Nl</t>
  </si>
  <si>
    <t>a062r000001f5Nm</t>
  </si>
  <si>
    <t>a062r000001f5Nn</t>
  </si>
  <si>
    <t>a062r000001f5No</t>
  </si>
  <si>
    <t>a062r000001f5Np</t>
  </si>
  <si>
    <t>a062r000001f5Nq</t>
  </si>
  <si>
    <t>a062r000001f5Nr</t>
  </si>
  <si>
    <t>a062r000001f5Ns</t>
  </si>
  <si>
    <t>a062r000001f5Nt</t>
  </si>
  <si>
    <t>a062r000001f5Nu</t>
  </si>
  <si>
    <t>a062r000001f5Nv</t>
  </si>
  <si>
    <t>a062r000001f5Nw</t>
  </si>
  <si>
    <t>a062r000001f5Nx</t>
  </si>
  <si>
    <t>a062r000001f5Ny</t>
  </si>
  <si>
    <t>a062r000001f5Nz</t>
  </si>
  <si>
    <t>a062r000001f5O0</t>
  </si>
  <si>
    <t>a062r000001f5O1</t>
  </si>
  <si>
    <t>a062r000001f5O2</t>
  </si>
  <si>
    <t>a062r000001f5O3</t>
  </si>
  <si>
    <t>a062r000001f5O4</t>
  </si>
  <si>
    <t>a062r000001f5O5</t>
  </si>
  <si>
    <t>a062r000001f5O6</t>
  </si>
  <si>
    <t>a062r000001f5O7</t>
  </si>
  <si>
    <t>a062r000001f5O8</t>
  </si>
  <si>
    <t>a062r000001f5O9</t>
  </si>
  <si>
    <t>a062r000001f5OA</t>
  </si>
  <si>
    <t>a062r000001f5OB</t>
  </si>
  <si>
    <t>a062r000001f5OC</t>
  </si>
  <si>
    <t>a062r000001f5OD</t>
  </si>
  <si>
    <t>a062r000001f5OE</t>
  </si>
  <si>
    <t>a062r000001f5OF</t>
  </si>
  <si>
    <t>a062r000001f5OG</t>
  </si>
  <si>
    <t>a062r000001f5OH</t>
  </si>
  <si>
    <t>a062r000001f5OI</t>
  </si>
  <si>
    <t>a062r000001f5OJ</t>
  </si>
  <si>
    <t>a062r000001f5OK</t>
  </si>
  <si>
    <t>a062r000001f5OL</t>
  </si>
  <si>
    <t>a062r000001f5OM</t>
  </si>
  <si>
    <t>a062r000001f5ON</t>
  </si>
  <si>
    <t>a062r000001f5OO</t>
  </si>
  <si>
    <t>a062r000001f5OP</t>
  </si>
  <si>
    <t>a062r000001f5OQ</t>
  </si>
  <si>
    <t>a062r000001f5OR</t>
  </si>
  <si>
    <t>a062r000001f5OS</t>
  </si>
  <si>
    <t>a062r000001f5OT</t>
  </si>
  <si>
    <t>a062r000001f5OU</t>
  </si>
  <si>
    <t>a062r000001f5OV</t>
  </si>
  <si>
    <t>a062r000001f5OW</t>
  </si>
  <si>
    <t>a062r000001f5OX</t>
  </si>
  <si>
    <t>a062r000001f5OY</t>
  </si>
  <si>
    <t>a062r000001f5OZ</t>
  </si>
  <si>
    <t>a062r000001f5Oa</t>
  </si>
  <si>
    <t>a062r000001f5Ob</t>
  </si>
  <si>
    <t>a062r000001f5Oc</t>
  </si>
  <si>
    <t>a062r000001f5Od</t>
  </si>
  <si>
    <t>a062r000001f5Oe</t>
  </si>
  <si>
    <t>a062r000001f5Of</t>
  </si>
  <si>
    <t>a062r000001f5Og</t>
  </si>
  <si>
    <t>a062r000001f5Oh</t>
  </si>
  <si>
    <t>a062r000001f5Oi</t>
  </si>
  <si>
    <t>a062r000001f5Oj</t>
  </si>
  <si>
    <t>a062r000001f5Ok</t>
  </si>
  <si>
    <t>a062r000001f5Ol</t>
  </si>
  <si>
    <t>a062r000001f5Om</t>
  </si>
  <si>
    <t>a062r000001f5On</t>
  </si>
  <si>
    <t>a062r000001f5Oo</t>
  </si>
  <si>
    <t>a062r000001f5Op</t>
  </si>
  <si>
    <t>a062r000001f5Oq</t>
  </si>
  <si>
    <t>a062r000001f5Or</t>
  </si>
  <si>
    <t>a062r000001f5Os</t>
  </si>
  <si>
    <t>a062r000001f5Ot</t>
  </si>
  <si>
    <t>a062r000001f5Ou</t>
  </si>
  <si>
    <t>a062r000001f5Ov</t>
  </si>
  <si>
    <t>a062r000001f5Ow</t>
  </si>
  <si>
    <t>a062r000001f5Ox</t>
  </si>
  <si>
    <t>a062r000001f5Oy</t>
  </si>
  <si>
    <t>a062r000001f5Oz</t>
  </si>
  <si>
    <t>a062r000001f5P0</t>
  </si>
  <si>
    <t>a062r000001f5P1</t>
  </si>
  <si>
    <t>a062r000001f5P2</t>
  </si>
  <si>
    <t>a062r000001f5P3</t>
  </si>
  <si>
    <t>a062r000001f5P4</t>
  </si>
  <si>
    <t>a062r000001f5P5</t>
  </si>
  <si>
    <t>a062r000001f5P6</t>
  </si>
  <si>
    <t>a062r000001f5P7</t>
  </si>
  <si>
    <t>a062r000001f5P8</t>
  </si>
  <si>
    <t>a062r000001f5P9</t>
  </si>
  <si>
    <t>a062r000001f5PA</t>
  </si>
  <si>
    <t>a062r000001f5PB</t>
  </si>
  <si>
    <t>a062r000001f5PC</t>
  </si>
  <si>
    <t>a062r000001f5PD</t>
  </si>
  <si>
    <t>a062r000001f5PE</t>
  </si>
  <si>
    <t>a062r000001f5PF</t>
  </si>
  <si>
    <t>a062r000001f5PG</t>
  </si>
  <si>
    <t>a062r000001f5PH</t>
  </si>
  <si>
    <t>a062r000001f5PI</t>
  </si>
  <si>
    <t>a062r000001f5PJ</t>
  </si>
  <si>
    <t>a062r000001f5PK</t>
  </si>
  <si>
    <t>a062r000001f5PL</t>
  </si>
  <si>
    <t>a062r000001f5PM</t>
  </si>
  <si>
    <t>a062r000001f5PN</t>
  </si>
  <si>
    <t>a062r000001f5PO</t>
  </si>
  <si>
    <t>a062r000001f5PP</t>
  </si>
  <si>
    <t>a062r000001f5PQ</t>
  </si>
  <si>
    <t>a062r000001f5PR</t>
  </si>
  <si>
    <t>a062r000001f5PS</t>
  </si>
  <si>
    <t>a062r000001f5PT</t>
  </si>
  <si>
    <t>a062r000001f5PU</t>
  </si>
  <si>
    <t>a062r000001f5PV</t>
  </si>
  <si>
    <t>a062r000001f5PW</t>
  </si>
  <si>
    <t>a062r000001f5PX</t>
  </si>
  <si>
    <t>a062r000001f5PY</t>
  </si>
  <si>
    <t>a062r000001f5PZ</t>
  </si>
  <si>
    <t>a062r000001f5Pa</t>
  </si>
  <si>
    <t>a062r000001f5Pb</t>
  </si>
  <si>
    <t>a062r000001f5Pc</t>
  </si>
  <si>
    <t>a062r000001f5Pd</t>
  </si>
  <si>
    <t>a062r000001f5Pe</t>
  </si>
  <si>
    <t>a062r000001f5Pf</t>
  </si>
  <si>
    <t>a062r000001f5Pg</t>
  </si>
  <si>
    <t>a062r000001f5Ph</t>
  </si>
  <si>
    <t>a062r000001f5Pi</t>
  </si>
  <si>
    <t>a062r000001f5Pj</t>
  </si>
  <si>
    <t>a062r000001f5Pk</t>
  </si>
  <si>
    <t>a062r000001f5Pl</t>
  </si>
  <si>
    <t>a062r000001f5Pm</t>
  </si>
  <si>
    <t>a062r000001f5Pn</t>
  </si>
  <si>
    <t>a062r000001f5Po</t>
  </si>
  <si>
    <t>a062r000001f5Pp</t>
  </si>
  <si>
    <t>a062r000001f5Pq</t>
  </si>
  <si>
    <t>a062r000001f5Pr</t>
  </si>
  <si>
    <t>a062r000001f5Ps</t>
  </si>
  <si>
    <t>a062r000001f5Pt</t>
  </si>
  <si>
    <t>a062r000001f5Pu</t>
  </si>
  <si>
    <t>a062r000001f5Pv</t>
  </si>
  <si>
    <t>a062r000001f5Pw</t>
  </si>
  <si>
    <t>a062r000001f5Px</t>
  </si>
  <si>
    <t>a062r000001f5Py</t>
  </si>
  <si>
    <t>a062r000001f5Pz</t>
  </si>
  <si>
    <t>a062r000001f5Q0</t>
  </si>
  <si>
    <t>a062r000001f5Q1</t>
  </si>
  <si>
    <t>a062r000001f5Q2</t>
  </si>
  <si>
    <t>a062r000001f5Q3</t>
  </si>
  <si>
    <t>a062r0000021Wfb</t>
  </si>
  <si>
    <t>a062r000001f5Q4</t>
  </si>
  <si>
    <t>a062r000001f5Q5</t>
  </si>
  <si>
    <t>a062r000001f5Q6</t>
  </si>
  <si>
    <t>a062r000001f5Q7</t>
  </si>
  <si>
    <t>a062r000001f5Q8</t>
  </si>
  <si>
    <t>a062r000001f5Q9</t>
  </si>
  <si>
    <t>a062r000001f5QA</t>
  </si>
  <si>
    <t>a062r000001f5QB</t>
  </si>
  <si>
    <t>a062r000001f5QC</t>
  </si>
  <si>
    <t>a062r000001f5QD</t>
  </si>
  <si>
    <t>a062r000001f5QE</t>
  </si>
  <si>
    <t>a062r000001f5QF</t>
  </si>
  <si>
    <t>a062r000001f5QG</t>
  </si>
  <si>
    <t>a062r000001f5QH</t>
  </si>
  <si>
    <t>a062r000001f5QI</t>
  </si>
  <si>
    <t>a062r000001f5QJ</t>
  </si>
  <si>
    <t>a062r000001f5QK</t>
  </si>
  <si>
    <t>a062r000001f5QL</t>
  </si>
  <si>
    <t>a062r000001f5QM</t>
  </si>
  <si>
    <t>a062r000001f5QN</t>
  </si>
  <si>
    <t>a062r000001f5QO</t>
  </si>
  <si>
    <t>a062r000001f5QP</t>
  </si>
  <si>
    <t>a062r000001f5QQ</t>
  </si>
  <si>
    <t>a062r000001f5QR</t>
  </si>
  <si>
    <t>a062r000001f5QS</t>
  </si>
  <si>
    <t>a062r000001f5QT</t>
  </si>
  <si>
    <t>a062r000001f5QU</t>
  </si>
  <si>
    <t>a062r000001f5QV</t>
  </si>
  <si>
    <t>a062r000001f5QW</t>
  </si>
  <si>
    <t>a062r000001f5QX</t>
  </si>
  <si>
    <t>a062r000001f5QY</t>
  </si>
  <si>
    <t>a062r000001f5QZ</t>
  </si>
  <si>
    <t>a062r000001f5Qa</t>
  </si>
  <si>
    <t>a062r000001f5Qb</t>
  </si>
  <si>
    <t>a062r000001f5Qc</t>
  </si>
  <si>
    <t>a062r000001f5Qd</t>
  </si>
  <si>
    <t>a062r000001f5Qe</t>
  </si>
  <si>
    <t>a062r000001f5Qf</t>
  </si>
  <si>
    <t>a062r000001f5Qg</t>
  </si>
  <si>
    <t>a062r000001f5Qh</t>
  </si>
  <si>
    <t>a062r000001f5Qi</t>
  </si>
  <si>
    <t>a062r000001f5Qj</t>
  </si>
  <si>
    <t>a062r000001f5Qk</t>
  </si>
  <si>
    <t>a062r000001f5Ql</t>
  </si>
  <si>
    <t>a062r000001f5Qm</t>
  </si>
  <si>
    <t>a062r000001f5Qn</t>
  </si>
  <si>
    <t>a062r000001f5Qo</t>
  </si>
  <si>
    <t>a062r000001f5Qp</t>
  </si>
  <si>
    <t>a062r000001f5Qq</t>
  </si>
  <si>
    <t>a062r000001f5Qr</t>
  </si>
  <si>
    <t>a062r000001f5Qs</t>
  </si>
  <si>
    <t>a062r000001f5Qt</t>
  </si>
  <si>
    <t>a062r000001f5Qu</t>
  </si>
  <si>
    <t>a062r000001f5Qv</t>
  </si>
  <si>
    <t>a062r000001f5Qw</t>
  </si>
  <si>
    <t>a062r000001f5Qx</t>
  </si>
  <si>
    <t>a062r000001f5Qy</t>
  </si>
  <si>
    <t>a062r000001f5Qz</t>
  </si>
  <si>
    <t>a062r000001f5R0</t>
  </si>
  <si>
    <t>a062r000001f5R1</t>
  </si>
  <si>
    <t>a062r000001f5R2</t>
  </si>
  <si>
    <t>a062r000001f5R3</t>
  </si>
  <si>
    <t>a062r000001f5R4</t>
  </si>
  <si>
    <t>a062r000001f5R5</t>
  </si>
  <si>
    <t>a062r000001f5R6</t>
  </si>
  <si>
    <t>a062r000001f5R7</t>
  </si>
  <si>
    <t>a062r000001f5R8</t>
  </si>
  <si>
    <t>a062r000001f5R9</t>
  </si>
  <si>
    <t>a062r000001f5RA</t>
  </si>
  <si>
    <t>a062r000001f5RB</t>
  </si>
  <si>
    <t>a062r000001f5RC</t>
  </si>
  <si>
    <t>a062r000001f5RD</t>
  </si>
  <si>
    <t>a062r000001f5RE</t>
  </si>
  <si>
    <t>a062r000001f5RF</t>
  </si>
  <si>
    <t>a062r000001f5RG</t>
  </si>
  <si>
    <t>a062r000001f5RH</t>
  </si>
  <si>
    <t>a062r000001f5RI</t>
  </si>
  <si>
    <t>a062r000001f5RJ</t>
  </si>
  <si>
    <t>a062r000001f5RK</t>
  </si>
  <si>
    <t>a062r000001f5RL</t>
  </si>
  <si>
    <t>a062r000001f5RM</t>
  </si>
  <si>
    <t>a062r000001f5RN</t>
  </si>
  <si>
    <t>a062r000001f5RO</t>
  </si>
  <si>
    <t>a062r000001f5RP</t>
  </si>
  <si>
    <t>a062r000001f5RQ</t>
  </si>
  <si>
    <t>a062r000001f5RR</t>
  </si>
  <si>
    <t>a062r000001f5RS</t>
  </si>
  <si>
    <t>a062r000001f5RT</t>
  </si>
  <si>
    <t>a062r000001f5RU</t>
  </si>
  <si>
    <t>a062r000001f5RV</t>
  </si>
  <si>
    <t>a062r000001f5RW</t>
  </si>
  <si>
    <t>a062r000001f5RX</t>
  </si>
  <si>
    <t>a062r000001f5RY</t>
  </si>
  <si>
    <t>a062r000001f5RZ</t>
  </si>
  <si>
    <t>a062r000001f5Ra</t>
  </si>
  <si>
    <t>a062r000001f5Rb</t>
  </si>
  <si>
    <t>a062r000001f5Rc</t>
  </si>
  <si>
    <t>a062r000001f5Rd</t>
  </si>
  <si>
    <t>a062r000001f5Re</t>
  </si>
  <si>
    <t>a062r000001f5Rf</t>
  </si>
  <si>
    <t>a062r000001f5Rg</t>
  </si>
  <si>
    <t>a062r000001f5Rh</t>
  </si>
  <si>
    <t>a062r000001f5Ri</t>
  </si>
  <si>
    <t>a062r000001f5Rj</t>
  </si>
  <si>
    <t>a062r000001f5Rk</t>
  </si>
  <si>
    <t>a062r000001f5Rl</t>
  </si>
  <si>
    <t>a062r000001f5Rm</t>
  </si>
  <si>
    <t>a062r000001f5Rn</t>
  </si>
  <si>
    <t>a062r000001f5Ro</t>
  </si>
  <si>
    <t>a062r000001f5Rp</t>
  </si>
  <si>
    <t>a062r000001f5Rq</t>
  </si>
  <si>
    <t>a062r000001f5Rr</t>
  </si>
  <si>
    <t>a062r000001f5Rs</t>
  </si>
  <si>
    <t>a062r000001f5Rt</t>
  </si>
  <si>
    <t>a062r000001f5Ru</t>
  </si>
  <si>
    <t>a062r000001f5Rv</t>
  </si>
  <si>
    <t>a062r000001f5Rw</t>
  </si>
  <si>
    <t>a062r000001f5Rx</t>
  </si>
  <si>
    <t>a062r000001f5Ry</t>
  </si>
  <si>
    <t>a062r000001f5Rz</t>
  </si>
  <si>
    <t>a062r000001f5S0</t>
  </si>
  <si>
    <t>a062r000001f5S1</t>
  </si>
  <si>
    <t>a062r000001f5S2</t>
  </si>
  <si>
    <t>a062r000001f5S3</t>
  </si>
  <si>
    <t>a062r000001f5S4</t>
  </si>
  <si>
    <t>a062r000001f5S5</t>
  </si>
  <si>
    <t>a062r000001f5S6</t>
  </si>
  <si>
    <t>a062r000001f5S7</t>
  </si>
  <si>
    <t>a062r000001f5S8</t>
  </si>
  <si>
    <t>a062r000001f5S9</t>
  </si>
  <si>
    <t>a062r000001f5SA</t>
  </si>
  <si>
    <t>a062r000001f5SB</t>
  </si>
  <si>
    <t>a062r000001f5SC</t>
  </si>
  <si>
    <t>a062r000001f5SD</t>
  </si>
  <si>
    <t>a062r000001f5SE</t>
  </si>
  <si>
    <t>a062r000001f5SF</t>
  </si>
  <si>
    <t>a062r000001f5SG</t>
  </si>
  <si>
    <t>a062r000001f5SH</t>
  </si>
  <si>
    <t>a062r000001f5SI</t>
  </si>
  <si>
    <t>a062r000001f5SJ</t>
  </si>
  <si>
    <t>a062r000001f5SK</t>
  </si>
  <si>
    <t>a062r000001f5SL</t>
  </si>
  <si>
    <t>a062r000001f5SM</t>
  </si>
  <si>
    <t>a062r000001f5SN</t>
  </si>
  <si>
    <t>a062r000001f5SO</t>
  </si>
  <si>
    <t>a062r000001f5SP</t>
  </si>
  <si>
    <t>a062r000001f5SQ</t>
  </si>
  <si>
    <t>a062r000001f5SR</t>
  </si>
  <si>
    <t>a062r000001f5SS</t>
  </si>
  <si>
    <t>a062r000001f5ST</t>
  </si>
  <si>
    <t>a062r000001f5SU</t>
  </si>
  <si>
    <t>a062r000001f5SV</t>
  </si>
  <si>
    <t>a062r000001f5SW</t>
  </si>
  <si>
    <t>a062r000001f5SX</t>
  </si>
  <si>
    <t>a062r000001f5SY</t>
  </si>
  <si>
    <t>a062r000001f5SZ</t>
  </si>
  <si>
    <t>a062r000001f5Sa</t>
  </si>
  <si>
    <t>a062r000001f5Sb</t>
  </si>
  <si>
    <t>a062r000001f5Sc</t>
  </si>
  <si>
    <t>a062r000001f5Sd</t>
  </si>
  <si>
    <t>a062r000001f5Se</t>
  </si>
  <si>
    <t>a062r000001f5Sf</t>
  </si>
  <si>
    <t>a062r000001f5Sg</t>
  </si>
  <si>
    <t>a062r000001f5Sh</t>
  </si>
  <si>
    <t>a062r000001f5Si</t>
  </si>
  <si>
    <t>a062r000001f5Sj</t>
  </si>
  <si>
    <t>a062r000001f5Sk</t>
  </si>
  <si>
    <t>a062r000001f5Sl</t>
  </si>
  <si>
    <t>a062r000001f5Sm</t>
  </si>
  <si>
    <t>a062r000001f5Sn</t>
  </si>
  <si>
    <t>a062r000001f5So</t>
  </si>
  <si>
    <t>a062r000001f5Sp</t>
  </si>
  <si>
    <t>a062r000001f5Sq</t>
  </si>
  <si>
    <t>a062r000001f5Sr</t>
  </si>
  <si>
    <t>a062r000001f5Ss</t>
  </si>
  <si>
    <t>a062r000001f5St</t>
  </si>
  <si>
    <t>a062r000001f5Su</t>
  </si>
  <si>
    <t>a062r000001f5Sv</t>
  </si>
  <si>
    <t>a062r000001f5Sw</t>
  </si>
  <si>
    <t>a062r000001f5Sx</t>
  </si>
  <si>
    <t>a062r000001f5Sy</t>
  </si>
  <si>
    <t>a062r000001f5Sz</t>
  </si>
  <si>
    <t>a062r000001f5T0</t>
  </si>
  <si>
    <t>a062r000001f5T1</t>
  </si>
  <si>
    <t>a062r000001f5T2</t>
  </si>
  <si>
    <t>a062r000001f5T3</t>
  </si>
  <si>
    <t>a062r000001f5T4</t>
  </si>
  <si>
    <t>a062r000001f5T5</t>
  </si>
  <si>
    <t>a062r000001f5T6</t>
  </si>
  <si>
    <t>a062r000001f5T7</t>
  </si>
  <si>
    <t>a062r000001f5T8</t>
  </si>
  <si>
    <t>a062r000001f5T9</t>
  </si>
  <si>
    <t>a062r000001f5TA</t>
  </si>
  <si>
    <t>a062r000001f5TB</t>
  </si>
  <si>
    <t>a062r000001f5TC</t>
  </si>
  <si>
    <t>a062r000001f5TD</t>
  </si>
  <si>
    <t>a062r000001f5TE</t>
  </si>
  <si>
    <t>a062r000001f5TF</t>
  </si>
  <si>
    <t>a062r000001f5TG</t>
  </si>
  <si>
    <t>a062r000001f5TH</t>
  </si>
  <si>
    <t>a062r000001f5TI</t>
  </si>
  <si>
    <t>a062r000001f5TJ</t>
  </si>
  <si>
    <t>a062r000001f5TK</t>
  </si>
  <si>
    <t>a062r000001f5TL</t>
  </si>
  <si>
    <t>a062r000001f5TM</t>
  </si>
  <si>
    <t>a062r000001f5TN</t>
  </si>
  <si>
    <t>a062r000001f5TO</t>
  </si>
  <si>
    <t>a062r000001f5TP</t>
  </si>
  <si>
    <t>a062r000001f5TQ</t>
  </si>
  <si>
    <t>a062r000001f5TR</t>
  </si>
  <si>
    <t>a062r000001f5TS</t>
  </si>
  <si>
    <t>a062r000001f5TT</t>
  </si>
  <si>
    <t>a062r000001f5TU</t>
  </si>
  <si>
    <t>a062r000001f5TV</t>
  </si>
  <si>
    <t>a062r000001f5TW</t>
  </si>
  <si>
    <t>a062r000001f5TX</t>
  </si>
  <si>
    <t>a062r000001f5TY</t>
  </si>
  <si>
    <t>a062r000001f5TZ</t>
  </si>
  <si>
    <t>a062r000001f5Ta</t>
  </si>
  <si>
    <t>a062r000001f5Tb</t>
  </si>
  <si>
    <t>a062r000001f5Tc</t>
  </si>
  <si>
    <t>a062r000001f5Td</t>
  </si>
  <si>
    <t>a062r000001f5Te</t>
  </si>
  <si>
    <t>a062r000001f5Tf</t>
  </si>
  <si>
    <t>a062r000001f5Tg</t>
  </si>
  <si>
    <t>a062r000001f5Th</t>
  </si>
  <si>
    <t>a062r000001f5Ti</t>
  </si>
  <si>
    <t>a062r000001f5Tj</t>
  </si>
  <si>
    <t>a062r000001f5Tk</t>
  </si>
  <si>
    <t>a062r000001f5Tl</t>
  </si>
  <si>
    <t>a062r000001f5Tm</t>
  </si>
  <si>
    <t>a062r000001f5Tn</t>
  </si>
  <si>
    <t>a062r000001f5To</t>
  </si>
  <si>
    <t>a062r000001f5Tp</t>
  </si>
  <si>
    <t>a062r000001f5Tq</t>
  </si>
  <si>
    <t>a062r000001f5Tr</t>
  </si>
  <si>
    <t>a062r000001f5Ts</t>
  </si>
  <si>
    <t>a062r000001f5Tt</t>
  </si>
  <si>
    <t>a062r000001f5Tu</t>
  </si>
  <si>
    <t>a062r000001f5Tv</t>
  </si>
  <si>
    <t>a062r000001f5Tw</t>
  </si>
  <si>
    <t>a062r000001f5Tx</t>
  </si>
  <si>
    <t>a062r000001f5Ty</t>
  </si>
  <si>
    <t>a062r000001f5Tz</t>
  </si>
  <si>
    <t>a062r000001f5U0</t>
  </si>
  <si>
    <t>a062r000001f5U1</t>
  </si>
  <si>
    <t>a062r000001f5U2</t>
  </si>
  <si>
    <t>a062r000001f5U3</t>
  </si>
  <si>
    <t>a062r000001f5U4</t>
  </si>
  <si>
    <t>a062r000001f5U5</t>
  </si>
  <si>
    <t>a062r000001f5U6</t>
  </si>
  <si>
    <t>a062r000001f5U7</t>
  </si>
  <si>
    <t>a062r000001f5U8</t>
  </si>
  <si>
    <t>a062r000001f5U9</t>
  </si>
  <si>
    <t>a062r000001f5UA</t>
  </si>
  <si>
    <t>a062r000001f5UB</t>
  </si>
  <si>
    <t>a062r000001f5UC</t>
  </si>
  <si>
    <t>a062r000001f5UD</t>
  </si>
  <si>
    <t>a062r000001f5UE</t>
  </si>
  <si>
    <t>a062r000001f5UF</t>
  </si>
  <si>
    <t>a062r000001f5UG</t>
  </si>
  <si>
    <t>a062r000001f5UH</t>
  </si>
  <si>
    <t>a062r000001f5UI</t>
  </si>
  <si>
    <t>a062r000001f5UJ</t>
  </si>
  <si>
    <t>a062r000001f5UK</t>
  </si>
  <si>
    <t>a062r000001f5UL</t>
  </si>
  <si>
    <t>a062r000001f5UM</t>
  </si>
  <si>
    <t>a062r000001f5UN</t>
  </si>
  <si>
    <t>a062r000001f5UO</t>
  </si>
  <si>
    <t>a062r000001f5UP</t>
  </si>
  <si>
    <t>a062r000001f5UQ</t>
  </si>
  <si>
    <t>a062r000001f5UR</t>
  </si>
  <si>
    <t>a062r000001f5US</t>
  </si>
  <si>
    <t>a062r000001f5UT</t>
  </si>
  <si>
    <t>ID</t>
    <phoneticPr fontId="4"/>
  </si>
  <si>
    <t>町名・番地（例：霞が関1-2-2）</t>
    <rPh sb="6" eb="7">
      <t>レイ</t>
    </rPh>
    <phoneticPr fontId="2"/>
  </si>
  <si>
    <t>都道府県（例：東京都）</t>
    <rPh sb="0" eb="4">
      <t>トドウフケン</t>
    </rPh>
    <rPh sb="5" eb="6">
      <t>レイ</t>
    </rPh>
    <rPh sb="7" eb="10">
      <t>トウキョウト</t>
    </rPh>
    <phoneticPr fontId="2"/>
  </si>
  <si>
    <t>市町村（例：千代田区）</t>
    <rPh sb="4" eb="5">
      <t>レイ</t>
    </rPh>
    <rPh sb="6" eb="10">
      <t>チヨダク</t>
    </rPh>
    <phoneticPr fontId="2"/>
  </si>
  <si>
    <t>1</t>
    <phoneticPr fontId="2"/>
  </si>
  <si>
    <t>2</t>
  </si>
  <si>
    <t>3</t>
  </si>
  <si>
    <t>4</t>
  </si>
  <si>
    <t>5</t>
  </si>
  <si>
    <t>6</t>
  </si>
  <si>
    <t>7</t>
  </si>
  <si>
    <t>8</t>
  </si>
  <si>
    <t>9</t>
  </si>
  <si>
    <t>手上げ</t>
    <rPh sb="0" eb="1">
      <t>テ</t>
    </rPh>
    <rPh sb="1" eb="2">
      <t>ア</t>
    </rPh>
    <phoneticPr fontId="2"/>
  </si>
  <si>
    <t>「申請書」より転記</t>
    <rPh sb="1" eb="3">
      <t>シンセイ</t>
    </rPh>
    <rPh sb="3" eb="4">
      <t>ショ</t>
    </rPh>
    <rPh sb="7" eb="9">
      <t>テンキ</t>
    </rPh>
    <phoneticPr fontId="2"/>
  </si>
  <si>
    <t>コードを付番する/既存コード利用の施設名を記載してください</t>
    <rPh sb="4" eb="6">
      <t>フバン</t>
    </rPh>
    <rPh sb="9" eb="11">
      <t>キゾン</t>
    </rPh>
    <rPh sb="14" eb="16">
      <t>リヨウ</t>
    </rPh>
    <rPh sb="17" eb="19">
      <t>シセツ</t>
    </rPh>
    <rPh sb="19" eb="20">
      <t>メイ</t>
    </rPh>
    <rPh sb="21" eb="23">
      <t>キサイ</t>
    </rPh>
    <phoneticPr fontId="2"/>
  </si>
  <si>
    <t>施設の代表者名を記載してください</t>
    <rPh sb="0" eb="2">
      <t>シセツ</t>
    </rPh>
    <rPh sb="3" eb="6">
      <t>ダイヒョウシャ</t>
    </rPh>
    <rPh sb="6" eb="7">
      <t>メイ</t>
    </rPh>
    <rPh sb="8" eb="10">
      <t>キサイ</t>
    </rPh>
    <phoneticPr fontId="2"/>
  </si>
  <si>
    <t>申請書の提出先：各都道府県に提出してください</t>
    <rPh sb="8" eb="13">
      <t>カクトドウフケン</t>
    </rPh>
    <rPh sb="14" eb="16">
      <t>テイシュツ</t>
    </rPh>
    <phoneticPr fontId="2"/>
  </si>
  <si>
    <t>その他（地域医師会、財団等）</t>
  </si>
  <si>
    <t>医療機関コード
（V-SYS事務局で登録しますので入力不要です）</t>
    <rPh sb="0" eb="2">
      <t>イリョウ</t>
    </rPh>
    <rPh sb="2" eb="4">
      <t>キカン</t>
    </rPh>
    <rPh sb="14" eb="17">
      <t>ジムキョク</t>
    </rPh>
    <rPh sb="18" eb="20">
      <t>トウロク</t>
    </rPh>
    <rPh sb="25" eb="27">
      <t>ニュウリョク</t>
    </rPh>
    <rPh sb="27" eb="29">
      <t>フヨウ</t>
    </rPh>
    <phoneticPr fontId="4"/>
  </si>
  <si>
    <t>新規コードの付番申請書</t>
    <rPh sb="0" eb="2">
      <t>シンキ</t>
    </rPh>
    <rPh sb="6" eb="8">
      <t>フバン</t>
    </rPh>
    <rPh sb="8" eb="11">
      <t>シンセイショ</t>
    </rPh>
    <phoneticPr fontId="2"/>
  </si>
  <si>
    <t>a052r000000jS9ZAAU</t>
  </si>
  <si>
    <t>申請会場の設置主体を選択してください
自由診療の医療機関や医療機関コードをお持ちでない医療機関は「その他（地域医師会、財団等）」を選択してください</t>
    <rPh sb="0" eb="2">
      <t>シンセイ</t>
    </rPh>
    <rPh sb="2" eb="4">
      <t>カイジョウ</t>
    </rPh>
    <rPh sb="5" eb="7">
      <t>セッチ</t>
    </rPh>
    <rPh sb="7" eb="9">
      <t>シュタイ</t>
    </rPh>
    <rPh sb="10" eb="12">
      <t>センタク</t>
    </rPh>
    <rPh sb="19" eb="21">
      <t>ジユウ</t>
    </rPh>
    <rPh sb="21" eb="23">
      <t>シンリョウ</t>
    </rPh>
    <rPh sb="24" eb="26">
      <t>イリョウ</t>
    </rPh>
    <rPh sb="26" eb="28">
      <t>キカン</t>
    </rPh>
    <rPh sb="29" eb="31">
      <t>イリョウ</t>
    </rPh>
    <rPh sb="31" eb="33">
      <t>キカン</t>
    </rPh>
    <rPh sb="38" eb="39">
      <t>モ</t>
    </rPh>
    <rPh sb="43" eb="45">
      <t>イリョウ</t>
    </rPh>
    <rPh sb="45" eb="47">
      <t>キカン</t>
    </rPh>
    <rPh sb="61" eb="62">
      <t>トウ</t>
    </rPh>
    <rPh sb="65" eb="67">
      <t>センタク</t>
    </rPh>
    <phoneticPr fontId="2"/>
  </si>
  <si>
    <t>レコードタイプ</t>
    <phoneticPr fontId="2"/>
  </si>
  <si>
    <t>施設分類</t>
    <rPh sb="0" eb="2">
      <t>シセツ</t>
    </rPh>
    <rPh sb="2" eb="4">
      <t>ブンルイ</t>
    </rPh>
    <phoneticPr fontId="2"/>
  </si>
  <si>
    <t>RECORDTYPEID</t>
  </si>
  <si>
    <t>FACILITY__C</t>
  </si>
  <si>
    <t>0122r000000H3SfAAK</t>
  </si>
  <si>
    <t>02_VenueMedical</t>
  </si>
  <si>
    <t>居住地外接種者
あり/なし</t>
    <phoneticPr fontId="2"/>
  </si>
  <si>
    <t>あり</t>
  </si>
  <si>
    <t>市町村コード</t>
    <phoneticPr fontId="2"/>
  </si>
  <si>
    <t>B.取扱ワクチンの情報</t>
    <rPh sb="2" eb="4">
      <t>トリアツカイ</t>
    </rPh>
    <rPh sb="9" eb="11">
      <t>ジョウホウ</t>
    </rPh>
    <phoneticPr fontId="2"/>
  </si>
  <si>
    <t>ファイザー（基本型接種施設）</t>
    <phoneticPr fontId="2"/>
  </si>
  <si>
    <t>ファイザー（サテライト型（連携型）接種施設）</t>
    <phoneticPr fontId="2"/>
  </si>
  <si>
    <t>武田（モデルナ）（基本型接種施設）</t>
    <phoneticPr fontId="2"/>
  </si>
  <si>
    <t>武田（モデルナ）（サテライト型（連携型）接種施設）</t>
    <phoneticPr fontId="2"/>
  </si>
  <si>
    <t>アストラゼネカ社</t>
    <phoneticPr fontId="2"/>
  </si>
  <si>
    <t>これまでの申請状況
初回/2回目以降</t>
  </si>
  <si>
    <t>申請会場の設置主体</t>
  </si>
</sst>
</file>

<file path=xl/styles.xml><?xml version="1.0" encoding="utf-8"?>
<styleSheet xmlns="http://schemas.openxmlformats.org/spreadsheetml/2006/main" xmlns:mc="http://schemas.openxmlformats.org/markup-compatibility/2006" xmlns:x14ac="http://schemas.microsoft.com/office/spreadsheetml/2009/9/ac" mc:Ignorable="x14ac">
  <fonts count="12" x14ac:knownFonts="1">
    <font>
      <sz val="11"/>
      <color theme="1"/>
      <name val="游ゴシック"/>
      <family val="2"/>
      <charset val="128"/>
      <scheme val="minor"/>
    </font>
    <font>
      <sz val="11"/>
      <color theme="1"/>
      <name val="游ゴシック"/>
      <family val="2"/>
      <charset val="128"/>
      <scheme val="minor"/>
    </font>
    <font>
      <sz val="6"/>
      <name val="游ゴシック"/>
      <family val="2"/>
      <charset val="128"/>
      <scheme val="minor"/>
    </font>
    <font>
      <sz val="11"/>
      <color theme="1"/>
      <name val="游ゴシック"/>
      <family val="3"/>
      <charset val="128"/>
      <scheme val="minor"/>
    </font>
    <font>
      <i/>
      <sz val="11"/>
      <color rgb="FF7F7F7F"/>
      <name val="游ゴシック"/>
      <family val="2"/>
      <charset val="128"/>
      <scheme val="minor"/>
    </font>
    <font>
      <sz val="11"/>
      <color theme="0"/>
      <name val="游ゴシック"/>
      <family val="2"/>
      <charset val="128"/>
      <scheme val="minor"/>
    </font>
    <font>
      <b/>
      <sz val="14"/>
      <color theme="1"/>
      <name val="游ゴシック"/>
      <family val="3"/>
      <charset val="128"/>
      <scheme val="minor"/>
    </font>
    <font>
      <b/>
      <u/>
      <sz val="11"/>
      <color theme="1"/>
      <name val="游ゴシック"/>
      <family val="3"/>
      <charset val="128"/>
      <scheme val="minor"/>
    </font>
    <font>
      <u/>
      <sz val="11"/>
      <color theme="10"/>
      <name val="游ゴシック"/>
      <family val="2"/>
      <charset val="128"/>
      <scheme val="minor"/>
    </font>
    <font>
      <sz val="16"/>
      <color theme="1"/>
      <name val="游ゴシック"/>
      <family val="3"/>
      <charset val="128"/>
      <scheme val="minor"/>
    </font>
    <font>
      <sz val="11"/>
      <color theme="0"/>
      <name val="游ゴシック"/>
      <family val="3"/>
      <charset val="128"/>
      <scheme val="minor"/>
    </font>
    <font>
      <b/>
      <sz val="11"/>
      <color theme="1"/>
      <name val="游ゴシック"/>
      <family val="3"/>
      <charset val="128"/>
      <scheme val="minor"/>
    </font>
  </fonts>
  <fills count="10">
    <fill>
      <patternFill patternType="none"/>
    </fill>
    <fill>
      <patternFill patternType="gray125"/>
    </fill>
    <fill>
      <patternFill patternType="solid">
        <fgColor theme="0" tint="-0.14999847407452621"/>
        <bgColor indexed="64"/>
      </patternFill>
    </fill>
    <fill>
      <patternFill patternType="solid">
        <fgColor theme="4" tint="0.59999389629810485"/>
        <bgColor indexed="64"/>
      </patternFill>
    </fill>
    <fill>
      <patternFill patternType="solid">
        <fgColor theme="9" tint="0.59999389629810485"/>
        <bgColor indexed="64"/>
      </patternFill>
    </fill>
    <fill>
      <patternFill patternType="solid">
        <fgColor theme="3"/>
        <bgColor indexed="64"/>
      </patternFill>
    </fill>
    <fill>
      <patternFill patternType="solid">
        <fgColor theme="9"/>
        <bgColor indexed="64"/>
      </patternFill>
    </fill>
    <fill>
      <patternFill patternType="solid">
        <fgColor theme="0" tint="-0.34998626667073579"/>
        <bgColor indexed="64"/>
      </patternFill>
    </fill>
    <fill>
      <patternFill patternType="solid">
        <fgColor theme="5" tint="0.59999389629810485"/>
        <bgColor indexed="64"/>
      </patternFill>
    </fill>
    <fill>
      <patternFill patternType="solid">
        <fgColor rgb="FFFFFF00"/>
        <bgColor indexed="64"/>
      </patternFill>
    </fill>
  </fills>
  <borders count="12">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ck">
        <color indexed="64"/>
      </right>
      <top style="thin">
        <color indexed="64"/>
      </top>
      <bottom style="thin">
        <color indexed="64"/>
      </bottom>
      <diagonal/>
    </border>
    <border>
      <left/>
      <right style="thin">
        <color indexed="64"/>
      </right>
      <top style="thin">
        <color indexed="64"/>
      </top>
      <bottom/>
      <diagonal/>
    </border>
    <border>
      <left/>
      <right style="thin">
        <color indexed="64"/>
      </right>
      <top style="thin">
        <color indexed="64"/>
      </top>
      <bottom style="thin">
        <color indexed="64"/>
      </bottom>
      <diagonal/>
    </border>
    <border>
      <left style="thin">
        <color indexed="64"/>
      </left>
      <right style="thick">
        <color indexed="64"/>
      </right>
      <top style="thin">
        <color indexed="64"/>
      </top>
      <bottom/>
      <diagonal/>
    </border>
    <border>
      <left style="thick">
        <color indexed="64"/>
      </left>
      <right style="thin">
        <color indexed="64"/>
      </right>
      <top style="thin">
        <color indexed="64"/>
      </top>
      <bottom style="thin">
        <color indexed="64"/>
      </bottom>
      <diagonal/>
    </border>
    <border>
      <left/>
      <right/>
      <top style="thin">
        <color indexed="64"/>
      </top>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thick">
        <color indexed="64"/>
      </left>
      <right style="thin">
        <color indexed="64"/>
      </right>
      <top style="thin">
        <color indexed="64"/>
      </top>
      <bottom/>
      <diagonal/>
    </border>
  </borders>
  <cellStyleXfs count="2">
    <xf numFmtId="0" fontId="0" fillId="0" borderId="0">
      <alignment vertical="center"/>
    </xf>
    <xf numFmtId="0" fontId="8" fillId="0" borderId="0" applyNumberFormat="0" applyFill="0" applyBorder="0" applyAlignment="0" applyProtection="0">
      <alignment vertical="center"/>
    </xf>
  </cellStyleXfs>
  <cellXfs count="90">
    <xf numFmtId="0" fontId="0" fillId="0" borderId="0" xfId="0">
      <alignment vertical="center"/>
    </xf>
    <xf numFmtId="0" fontId="0" fillId="0" borderId="1" xfId="0" applyBorder="1" applyProtection="1">
      <alignment vertical="center"/>
      <protection locked="0"/>
    </xf>
    <xf numFmtId="0" fontId="0" fillId="0" borderId="0" xfId="0" quotePrefix="1">
      <alignment vertical="center"/>
    </xf>
    <xf numFmtId="0" fontId="0" fillId="0" borderId="1" xfId="0" applyBorder="1" applyAlignment="1">
      <alignment vertical="center" wrapText="1"/>
    </xf>
    <xf numFmtId="0" fontId="0" fillId="0" borderId="1" xfId="0" applyBorder="1">
      <alignment vertical="center"/>
    </xf>
    <xf numFmtId="0" fontId="0" fillId="0" borderId="1" xfId="0" applyFill="1" applyBorder="1" applyAlignment="1">
      <alignment vertical="center" wrapText="1"/>
    </xf>
    <xf numFmtId="0" fontId="3" fillId="0" borderId="1" xfId="0" applyFont="1" applyBorder="1" applyAlignment="1">
      <alignment vertical="center" wrapText="1"/>
    </xf>
    <xf numFmtId="0" fontId="0" fillId="0" borderId="1" xfId="0" applyBorder="1" applyAlignment="1">
      <alignment horizontal="center" vertical="center"/>
    </xf>
    <xf numFmtId="0" fontId="0" fillId="3" borderId="2" xfId="0" applyFill="1" applyBorder="1" applyAlignment="1">
      <alignment horizontal="centerContinuous" vertical="center"/>
    </xf>
    <xf numFmtId="0" fontId="0" fillId="3" borderId="4" xfId="0" applyFill="1" applyBorder="1" applyAlignment="1">
      <alignment horizontal="centerContinuous" vertical="center"/>
    </xf>
    <xf numFmtId="0" fontId="0" fillId="0" borderId="5" xfId="0" applyBorder="1" applyAlignment="1">
      <alignment vertical="center" wrapText="1"/>
    </xf>
    <xf numFmtId="0" fontId="3" fillId="0" borderId="5" xfId="0" applyFont="1" applyBorder="1" applyAlignment="1">
      <alignment vertical="center" wrapText="1"/>
    </xf>
    <xf numFmtId="0" fontId="3" fillId="0" borderId="1" xfId="0" applyFont="1" applyFill="1" applyBorder="1" applyAlignment="1">
      <alignment vertical="center" wrapText="1"/>
    </xf>
    <xf numFmtId="49" fontId="3" fillId="0" borderId="1" xfId="0" applyNumberFormat="1" applyFont="1" applyBorder="1">
      <alignment vertical="center"/>
    </xf>
    <xf numFmtId="0" fontId="3" fillId="0" borderId="3" xfId="0" applyFont="1" applyFill="1" applyBorder="1" applyAlignment="1">
      <alignment vertical="center" wrapText="1"/>
    </xf>
    <xf numFmtId="0" fontId="3" fillId="3" borderId="2" xfId="0" applyFont="1" applyFill="1" applyBorder="1" applyAlignment="1">
      <alignment horizontal="centerContinuous" vertical="center"/>
    </xf>
    <xf numFmtId="0" fontId="3" fillId="3" borderId="6" xfId="0" applyFont="1" applyFill="1" applyBorder="1" applyAlignment="1">
      <alignment horizontal="centerContinuous" vertical="center"/>
    </xf>
    <xf numFmtId="0" fontId="10" fillId="5" borderId="1" xfId="0" applyFont="1" applyFill="1" applyBorder="1" applyAlignment="1">
      <alignment horizontal="center" vertical="center" wrapText="1"/>
    </xf>
    <xf numFmtId="0" fontId="10" fillId="5" borderId="3" xfId="0" applyFont="1" applyFill="1" applyBorder="1" applyAlignment="1">
      <alignment horizontal="center" vertical="center" wrapText="1"/>
    </xf>
    <xf numFmtId="0" fontId="5" fillId="7" borderId="5" xfId="0" applyFont="1" applyFill="1" applyBorder="1" applyAlignment="1">
      <alignment horizontal="center" vertical="center" wrapText="1"/>
    </xf>
    <xf numFmtId="0" fontId="5" fillId="7" borderId="1" xfId="0" applyFont="1" applyFill="1" applyBorder="1" applyAlignment="1">
      <alignment horizontal="center" vertical="center" wrapText="1"/>
    </xf>
    <xf numFmtId="0" fontId="11" fillId="0" borderId="0" xfId="0" applyFont="1">
      <alignment vertical="center"/>
    </xf>
    <xf numFmtId="0" fontId="3" fillId="0" borderId="0" xfId="0" applyFont="1">
      <alignment vertical="center"/>
    </xf>
    <xf numFmtId="0" fontId="3" fillId="0" borderId="1" xfId="0" applyFont="1" applyBorder="1" applyAlignment="1" applyProtection="1">
      <alignment vertical="center" wrapText="1"/>
    </xf>
    <xf numFmtId="0" fontId="0" fillId="0" borderId="1" xfId="0" applyBorder="1" applyProtection="1">
      <alignment vertical="center"/>
    </xf>
    <xf numFmtId="0" fontId="3" fillId="0" borderId="1" xfId="0" applyFont="1" applyBorder="1" applyAlignment="1" applyProtection="1">
      <alignment vertical="center" wrapText="1"/>
      <protection locked="0"/>
    </xf>
    <xf numFmtId="0" fontId="0" fillId="0" borderId="1" xfId="0" applyFill="1" applyBorder="1" applyAlignment="1" applyProtection="1">
      <alignment vertical="center" wrapText="1"/>
      <protection locked="0"/>
    </xf>
    <xf numFmtId="0" fontId="3" fillId="0" borderId="1" xfId="0" applyFont="1" applyFill="1" applyBorder="1" applyAlignment="1" applyProtection="1">
      <alignment vertical="center" wrapText="1"/>
      <protection locked="0"/>
    </xf>
    <xf numFmtId="0" fontId="3" fillId="0" borderId="7" xfId="0" applyFont="1" applyFill="1" applyBorder="1" applyAlignment="1" applyProtection="1">
      <alignment vertical="center" wrapText="1"/>
      <protection locked="0"/>
    </xf>
    <xf numFmtId="0" fontId="3" fillId="0" borderId="1" xfId="0" quotePrefix="1" applyFont="1" applyBorder="1" applyAlignment="1" applyProtection="1">
      <alignment vertical="center" wrapText="1"/>
      <protection locked="0"/>
    </xf>
    <xf numFmtId="0" fontId="8" fillId="0" borderId="1" xfId="1" applyBorder="1" applyProtection="1">
      <alignment vertical="center"/>
      <protection locked="0"/>
    </xf>
    <xf numFmtId="0" fontId="0" fillId="0" borderId="0" xfId="0" applyProtection="1">
      <alignment vertical="center"/>
    </xf>
    <xf numFmtId="0" fontId="3" fillId="3" borderId="2" xfId="0" applyFont="1" applyFill="1" applyBorder="1" applyAlignment="1" applyProtection="1">
      <alignment horizontal="centerContinuous" vertical="center"/>
    </xf>
    <xf numFmtId="0" fontId="3" fillId="3" borderId="6" xfId="0" applyFont="1" applyFill="1" applyBorder="1" applyAlignment="1" applyProtection="1">
      <alignment horizontal="centerContinuous" vertical="center"/>
    </xf>
    <xf numFmtId="0" fontId="0" fillId="3" borderId="4" xfId="0" applyFill="1" applyBorder="1" applyAlignment="1" applyProtection="1">
      <alignment horizontal="centerContinuous" vertical="center"/>
    </xf>
    <xf numFmtId="0" fontId="0" fillId="3" borderId="2" xfId="0" applyFill="1" applyBorder="1" applyAlignment="1" applyProtection="1">
      <alignment horizontal="centerContinuous" vertical="center"/>
    </xf>
    <xf numFmtId="0" fontId="0" fillId="4" borderId="7" xfId="0" applyFill="1" applyBorder="1" applyAlignment="1" applyProtection="1">
      <alignment horizontal="centerContinuous" vertical="center"/>
    </xf>
    <xf numFmtId="0" fontId="0" fillId="4" borderId="1" xfId="0" applyFill="1" applyBorder="1" applyAlignment="1" applyProtection="1">
      <alignment horizontal="centerContinuous" vertical="center"/>
    </xf>
    <xf numFmtId="0" fontId="10" fillId="5" borderId="1" xfId="0" applyFont="1" applyFill="1" applyBorder="1" applyAlignment="1" applyProtection="1">
      <alignment horizontal="center" vertical="center" wrapText="1"/>
    </xf>
    <xf numFmtId="0" fontId="5" fillId="6" borderId="1" xfId="0" applyFont="1" applyFill="1" applyBorder="1" applyAlignment="1" applyProtection="1">
      <alignment horizontal="center" vertical="center" wrapText="1"/>
    </xf>
    <xf numFmtId="0" fontId="10" fillId="5" borderId="3" xfId="0" applyFont="1" applyFill="1" applyBorder="1" applyAlignment="1" applyProtection="1">
      <alignment horizontal="center" vertical="center" wrapText="1"/>
    </xf>
    <xf numFmtId="0" fontId="5" fillId="7" borderId="5" xfId="0" applyFont="1" applyFill="1" applyBorder="1" applyAlignment="1" applyProtection="1">
      <alignment horizontal="center" vertical="center" wrapText="1"/>
    </xf>
    <xf numFmtId="0" fontId="5" fillId="7" borderId="1" xfId="0" applyFont="1" applyFill="1" applyBorder="1" applyAlignment="1" applyProtection="1">
      <alignment horizontal="center" vertical="center" wrapText="1"/>
    </xf>
    <xf numFmtId="0" fontId="5" fillId="5" borderId="7" xfId="0" applyFont="1" applyFill="1" applyBorder="1" applyAlignment="1" applyProtection="1">
      <alignment horizontal="center" vertical="center" wrapText="1"/>
    </xf>
    <xf numFmtId="0" fontId="5" fillId="5" borderId="1" xfId="0" applyFont="1" applyFill="1" applyBorder="1" applyAlignment="1" applyProtection="1">
      <alignment horizontal="center" vertical="center" wrapText="1"/>
    </xf>
    <xf numFmtId="0" fontId="0" fillId="0" borderId="5" xfId="0" applyBorder="1" applyAlignment="1" applyProtection="1">
      <alignment vertical="center" wrapText="1"/>
    </xf>
    <xf numFmtId="0" fontId="0" fillId="0" borderId="1" xfId="0" applyBorder="1" applyAlignment="1" applyProtection="1">
      <alignment vertical="center" wrapText="1"/>
    </xf>
    <xf numFmtId="0" fontId="0" fillId="0" borderId="1" xfId="0" applyFill="1" applyBorder="1" applyAlignment="1" applyProtection="1">
      <alignment vertical="center" wrapText="1"/>
    </xf>
    <xf numFmtId="0" fontId="3" fillId="0" borderId="7" xfId="0" applyFont="1" applyBorder="1" applyAlignment="1" applyProtection="1">
      <alignment vertical="center" wrapText="1"/>
    </xf>
    <xf numFmtId="0" fontId="3" fillId="0" borderId="1" xfId="0" applyFont="1" applyBorder="1" applyProtection="1">
      <alignment vertical="center"/>
    </xf>
    <xf numFmtId="0" fontId="3" fillId="0" borderId="5" xfId="0" applyFont="1" applyBorder="1" applyAlignment="1" applyProtection="1">
      <alignment vertical="center" wrapText="1"/>
    </xf>
    <xf numFmtId="0" fontId="3" fillId="0" borderId="1" xfId="0" applyFont="1" applyFill="1" applyBorder="1" applyAlignment="1" applyProtection="1">
      <alignment vertical="center" wrapText="1"/>
    </xf>
    <xf numFmtId="0" fontId="3" fillId="0" borderId="5" xfId="0" applyFont="1" applyFill="1" applyBorder="1" applyAlignment="1" applyProtection="1">
      <alignment vertical="center" wrapText="1"/>
    </xf>
    <xf numFmtId="0" fontId="3" fillId="7" borderId="1" xfId="0" applyFont="1" applyFill="1" applyBorder="1" applyProtection="1">
      <alignment vertical="center"/>
    </xf>
    <xf numFmtId="0" fontId="3" fillId="0" borderId="1" xfId="0" applyFont="1" applyFill="1" applyBorder="1" applyAlignment="1" applyProtection="1">
      <alignment horizontal="center" vertical="center" wrapText="1"/>
    </xf>
    <xf numFmtId="0" fontId="3" fillId="0" borderId="7" xfId="0" applyFont="1" applyFill="1" applyBorder="1" applyAlignment="1" applyProtection="1">
      <alignment vertical="center" wrapText="1"/>
    </xf>
    <xf numFmtId="49" fontId="3" fillId="7" borderId="1" xfId="0" quotePrefix="1" applyNumberFormat="1" applyFont="1" applyFill="1" applyBorder="1" applyProtection="1">
      <alignment vertical="center"/>
    </xf>
    <xf numFmtId="49" fontId="3" fillId="7" borderId="1" xfId="0" applyNumberFormat="1" applyFont="1" applyFill="1" applyBorder="1" applyProtection="1">
      <alignment vertical="center"/>
    </xf>
    <xf numFmtId="0" fontId="6" fillId="0" borderId="0" xfId="0" applyFont="1" applyProtection="1">
      <alignment vertical="center"/>
    </xf>
    <xf numFmtId="0" fontId="7" fillId="0" borderId="0" xfId="0" applyFont="1" applyProtection="1">
      <alignment vertical="center"/>
    </xf>
    <xf numFmtId="0" fontId="9" fillId="0" borderId="0" xfId="0" applyFont="1" applyProtection="1">
      <alignment vertical="center"/>
    </xf>
    <xf numFmtId="0" fontId="0" fillId="0" borderId="0" xfId="0" applyAlignment="1" applyProtection="1">
      <alignment vertical="center" wrapText="1"/>
    </xf>
    <xf numFmtId="0" fontId="0" fillId="2" borderId="1" xfId="0" applyFill="1" applyBorder="1" applyProtection="1">
      <alignment vertical="center"/>
    </xf>
    <xf numFmtId="0" fontId="0" fillId="2" borderId="1" xfId="0" applyFill="1" applyBorder="1" applyAlignment="1" applyProtection="1">
      <alignment vertical="center" wrapText="1"/>
    </xf>
    <xf numFmtId="0" fontId="0" fillId="4" borderId="0" xfId="0" applyFill="1" applyBorder="1" applyAlignment="1" applyProtection="1">
      <alignment horizontal="centerContinuous" vertical="center"/>
    </xf>
    <xf numFmtId="0" fontId="7" fillId="0" borderId="0" xfId="0" applyFont="1" applyFill="1" applyBorder="1" applyAlignment="1" applyProtection="1">
      <alignment horizontal="left" vertical="center" wrapText="1"/>
    </xf>
    <xf numFmtId="0" fontId="3" fillId="3" borderId="8" xfId="0" applyFont="1" applyFill="1" applyBorder="1" applyAlignment="1" applyProtection="1">
      <alignment horizontal="centerContinuous" vertical="center"/>
    </xf>
    <xf numFmtId="0" fontId="3" fillId="0" borderId="9" xfId="0" applyFont="1" applyFill="1" applyBorder="1" applyAlignment="1" applyProtection="1">
      <alignment vertical="center" wrapText="1"/>
    </xf>
    <xf numFmtId="0" fontId="10" fillId="5" borderId="10" xfId="0" applyFont="1" applyFill="1" applyBorder="1" applyAlignment="1" applyProtection="1">
      <alignment horizontal="center" vertical="center" wrapText="1"/>
    </xf>
    <xf numFmtId="0" fontId="3" fillId="0" borderId="10" xfId="0" applyFont="1" applyFill="1" applyBorder="1" applyAlignment="1" applyProtection="1">
      <alignment vertical="center" wrapText="1"/>
    </xf>
    <xf numFmtId="0" fontId="3" fillId="0" borderId="10" xfId="0" applyFont="1" applyBorder="1" applyProtection="1">
      <alignment vertical="center"/>
    </xf>
    <xf numFmtId="0" fontId="3" fillId="0" borderId="10" xfId="0" applyFont="1" applyFill="1" applyBorder="1" applyAlignment="1" applyProtection="1">
      <alignment vertical="center" wrapText="1"/>
      <protection locked="0"/>
    </xf>
    <xf numFmtId="0" fontId="0" fillId="3" borderId="8" xfId="0" applyFill="1" applyBorder="1" applyAlignment="1" applyProtection="1">
      <alignment horizontal="centerContinuous" vertical="center"/>
    </xf>
    <xf numFmtId="0" fontId="5" fillId="7" borderId="10" xfId="0" applyFont="1" applyFill="1" applyBorder="1" applyAlignment="1" applyProtection="1">
      <alignment horizontal="center" vertical="center" wrapText="1"/>
    </xf>
    <xf numFmtId="0" fontId="0" fillId="0" borderId="10" xfId="0" applyFill="1" applyBorder="1" applyAlignment="1" applyProtection="1">
      <alignment vertical="center" wrapText="1"/>
    </xf>
    <xf numFmtId="0" fontId="0" fillId="0" borderId="7" xfId="0" applyFill="1" applyBorder="1" applyAlignment="1" applyProtection="1">
      <alignment vertical="center" wrapText="1"/>
    </xf>
    <xf numFmtId="0" fontId="0" fillId="8" borderId="11" xfId="0" applyFill="1" applyBorder="1" applyAlignment="1" applyProtection="1">
      <alignment horizontal="centerContinuous" vertical="center"/>
    </xf>
    <xf numFmtId="0" fontId="0" fillId="8" borderId="2" xfId="0" applyFill="1" applyBorder="1" applyAlignment="1" applyProtection="1">
      <alignment horizontal="centerContinuous" vertical="center"/>
    </xf>
    <xf numFmtId="0" fontId="0" fillId="8" borderId="6" xfId="0" applyFill="1" applyBorder="1" applyAlignment="1" applyProtection="1">
      <alignment horizontal="centerContinuous" vertical="center"/>
    </xf>
    <xf numFmtId="0" fontId="5" fillId="6" borderId="7" xfId="0" applyFont="1" applyFill="1" applyBorder="1" applyAlignment="1" applyProtection="1">
      <alignment horizontal="center" vertical="center" wrapText="1"/>
    </xf>
    <xf numFmtId="0" fontId="5" fillId="6" borderId="3" xfId="0" applyFont="1" applyFill="1" applyBorder="1" applyAlignment="1" applyProtection="1">
      <alignment horizontal="center" vertical="center" wrapText="1"/>
    </xf>
    <xf numFmtId="0" fontId="3" fillId="0" borderId="3" xfId="0" applyFont="1" applyBorder="1" applyAlignment="1" applyProtection="1">
      <alignment vertical="center" wrapText="1"/>
    </xf>
    <xf numFmtId="0" fontId="0" fillId="0" borderId="3" xfId="0" applyBorder="1" applyProtection="1">
      <alignment vertical="center"/>
    </xf>
    <xf numFmtId="0" fontId="0" fillId="0" borderId="3" xfId="0" applyBorder="1" applyProtection="1">
      <alignment vertical="center"/>
      <protection locked="0"/>
    </xf>
    <xf numFmtId="0" fontId="0" fillId="9" borderId="1" xfId="0" applyFill="1" applyBorder="1" applyProtection="1">
      <alignment vertical="center"/>
      <protection locked="0"/>
    </xf>
    <xf numFmtId="0" fontId="8" fillId="9" borderId="1" xfId="1" applyFill="1" applyBorder="1" applyProtection="1">
      <alignment vertical="center"/>
      <protection locked="0"/>
    </xf>
    <xf numFmtId="0" fontId="8" fillId="0" borderId="1" xfId="1" applyBorder="1" applyProtection="1">
      <alignment vertical="center"/>
    </xf>
    <xf numFmtId="0" fontId="0" fillId="0" borderId="1" xfId="0" applyFill="1" applyBorder="1" applyProtection="1">
      <alignment vertical="center"/>
    </xf>
    <xf numFmtId="0" fontId="0" fillId="0" borderId="1" xfId="0" applyBorder="1" applyAlignment="1" applyProtection="1">
      <alignment horizontal="left" vertical="center" wrapText="1"/>
    </xf>
    <xf numFmtId="0" fontId="7" fillId="0" borderId="0" xfId="0" applyFont="1" applyFill="1" applyBorder="1" applyAlignment="1" applyProtection="1">
      <alignment horizontal="left" vertical="center" wrapText="1"/>
    </xf>
  </cellXfs>
  <cellStyles count="2">
    <cellStyle name="ハイパーリンク" xfId="1" builtinId="8"/>
    <cellStyle name="標準" xfId="0" builtinId="0"/>
  </cellStyles>
  <dxfs count="2">
    <dxf>
      <font>
        <b/>
        <i val="0"/>
        <color rgb="FF00B0F0"/>
      </font>
    </dxf>
    <dxf>
      <font>
        <b/>
        <i val="0"/>
        <color rgb="FFFF0000"/>
      </font>
    </dxf>
  </dxfs>
  <tableStyles count="0" defaultTableStyle="TableStyleMedium2" defaultPivotStyle="PivotStyleLight16"/>
  <colors>
    <mruColors>
      <color rgb="FF66CCFF"/>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12" Type="http://schemas.openxmlformats.org/officeDocument/2006/relationships/customXml" Target="../customXml/item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11" Type="http://schemas.openxmlformats.org/officeDocument/2006/relationships/customXml" Target="../customXml/item2.xml"/><Relationship Id="rId5" Type="http://schemas.openxmlformats.org/officeDocument/2006/relationships/worksheet" Target="worksheets/sheet5.xml"/><Relationship Id="rId10" Type="http://schemas.openxmlformats.org/officeDocument/2006/relationships/customXml" Target="../customXml/item1.xml"/><Relationship Id="rId4" Type="http://schemas.openxmlformats.org/officeDocument/2006/relationships/worksheet" Target="worksheets/sheet4.xml"/><Relationship Id="rId9" Type="http://schemas.openxmlformats.org/officeDocument/2006/relationships/calcChain" Target="calcChain.xml"/></Relationships>
</file>

<file path=xl/drawings/_rels/drawing1.x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3</xdr:row>
      <xdr:rowOff>0</xdr:rowOff>
    </xdr:from>
    <xdr:to>
      <xdr:col>0</xdr:col>
      <xdr:colOff>2257425</xdr:colOff>
      <xdr:row>4</xdr:row>
      <xdr:rowOff>9525</xdr:rowOff>
    </xdr:to>
    <xdr:pic>
      <xdr:nvPicPr>
        <xdr:cNvPr id="3" name="図 2"/>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0" y="2552700"/>
          <a:ext cx="2257425" cy="23812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0</xdr:col>
      <xdr:colOff>0</xdr:colOff>
      <xdr:row>14</xdr:row>
      <xdr:rowOff>0</xdr:rowOff>
    </xdr:from>
    <xdr:to>
      <xdr:col>0</xdr:col>
      <xdr:colOff>1152525</xdr:colOff>
      <xdr:row>15</xdr:row>
      <xdr:rowOff>9525</xdr:rowOff>
    </xdr:to>
    <xdr:pic>
      <xdr:nvPicPr>
        <xdr:cNvPr id="5" name="図 4"/>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0" y="7825740"/>
          <a:ext cx="1152525" cy="238126"/>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1.bin"/><Relationship Id="rId1" Type="http://schemas.openxmlformats.org/officeDocument/2006/relationships/hyperlink" Target="mailto:hanako@sample." TargetMode="Externa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37"/>
  <sheetViews>
    <sheetView showGridLines="0" tabSelected="1" zoomScaleNormal="100" workbookViewId="0">
      <pane ySplit="2" topLeftCell="A18" activePane="bottomLeft" state="frozen"/>
      <selection pane="bottomLeft" activeCell="A26" sqref="A26"/>
    </sheetView>
  </sheetViews>
  <sheetFormatPr defaultColWidth="0" defaultRowHeight="18" zeroHeight="1" x14ac:dyDescent="0.45"/>
  <cols>
    <col min="1" max="1" width="36.09765625" style="31" customWidth="1"/>
    <col min="2" max="3" width="28.09765625" style="31" customWidth="1"/>
    <col min="4" max="4" width="68.3984375" style="61" customWidth="1"/>
    <col min="5" max="5" width="2.09765625" style="31" customWidth="1"/>
    <col min="6" max="6" width="10.69921875" style="31" hidden="1" customWidth="1"/>
    <col min="7" max="16384" width="10.69921875" style="31" hidden="1"/>
  </cols>
  <sheetData>
    <row r="1" spans="1:4" ht="22.2" x14ac:dyDescent="0.45">
      <c r="A1" s="58" t="s">
        <v>7119</v>
      </c>
      <c r="D1" s="59"/>
    </row>
    <row r="2" spans="1:4" ht="26.4" x14ac:dyDescent="0.45">
      <c r="A2" s="60" t="str">
        <f>IF(B6="","「医療機関・接種会場名」を入力してください",IF(B7="","「代表者名（厚生　太郎）」を入力してください",IF(B8="","「郵便番号（000-0000）」を入力してくだい",IF(B9="","「都道府県」を選択してください",IF(B10="","「市町村」を選択してください",IF(B11="","「町名・番地」を入力してください",IF(B12="","「代表電話番号（00-0000-0000）」を入力してください",IF(B17="","「申請者氏名（厚労　太郎）」を入力してください",IF(B18="","「申請者所属組織」を入力してください",IF(B19="","「申請者部署名」を入力してくだい",IF(B20="","「申請者役職」を入力してください",IF(B21="","「申請者メールアドレス」を入力してください",IF(B22="","「申請者電話番号」を入力してください",IF(B23="","「申請会場の設置主体（プルダウン）」を選択してください","情報は正しく入力されています"))))))))))))))</f>
        <v>「医療機関・接種会場名」を入力してください</v>
      </c>
    </row>
    <row r="3" spans="1:4" ht="26.4" x14ac:dyDescent="0.45">
      <c r="A3" s="60"/>
    </row>
    <row r="4" spans="1:4" x14ac:dyDescent="0.45"/>
    <row r="5" spans="1:4" x14ac:dyDescent="0.45">
      <c r="A5" s="62" t="s">
        <v>5238</v>
      </c>
      <c r="B5" s="62" t="s">
        <v>5330</v>
      </c>
      <c r="C5" s="62" t="s">
        <v>5239</v>
      </c>
      <c r="D5" s="63" t="s">
        <v>5240</v>
      </c>
    </row>
    <row r="6" spans="1:4" ht="36" customHeight="1" x14ac:dyDescent="0.45">
      <c r="A6" s="46" t="s">
        <v>5241</v>
      </c>
      <c r="B6" s="84"/>
      <c r="C6" s="24" t="s">
        <v>5242</v>
      </c>
      <c r="D6" s="46" t="s">
        <v>7114</v>
      </c>
    </row>
    <row r="7" spans="1:4" ht="36" customHeight="1" x14ac:dyDescent="0.45">
      <c r="A7" s="46" t="s">
        <v>5311</v>
      </c>
      <c r="B7" s="84"/>
      <c r="C7" s="24" t="s">
        <v>5243</v>
      </c>
      <c r="D7" s="46" t="s">
        <v>7115</v>
      </c>
    </row>
    <row r="8" spans="1:4" ht="36" customHeight="1" x14ac:dyDescent="0.45">
      <c r="A8" s="46" t="s">
        <v>5244</v>
      </c>
      <c r="B8" s="84"/>
      <c r="C8" s="24" t="s">
        <v>5245</v>
      </c>
      <c r="D8" s="46" t="s">
        <v>5246</v>
      </c>
    </row>
    <row r="9" spans="1:4" ht="36" customHeight="1" x14ac:dyDescent="0.45">
      <c r="A9" s="46" t="s">
        <v>7101</v>
      </c>
      <c r="B9" s="84"/>
      <c r="C9" s="24" t="s">
        <v>1555</v>
      </c>
      <c r="D9" s="46" t="s">
        <v>5265</v>
      </c>
    </row>
    <row r="10" spans="1:4" ht="36" customHeight="1" x14ac:dyDescent="0.45">
      <c r="A10" s="46" t="s">
        <v>7102</v>
      </c>
      <c r="B10" s="84"/>
      <c r="C10" s="24" t="s">
        <v>1558</v>
      </c>
      <c r="D10" s="46" t="s">
        <v>5266</v>
      </c>
    </row>
    <row r="11" spans="1:4" ht="36" customHeight="1" x14ac:dyDescent="0.45">
      <c r="A11" s="46" t="s">
        <v>7100</v>
      </c>
      <c r="B11" s="84"/>
      <c r="C11" s="24" t="s">
        <v>5248</v>
      </c>
      <c r="D11" s="46" t="s">
        <v>5249</v>
      </c>
    </row>
    <row r="12" spans="1:4" ht="36" customHeight="1" x14ac:dyDescent="0.45">
      <c r="A12" s="46" t="s">
        <v>5268</v>
      </c>
      <c r="B12" s="84"/>
      <c r="C12" s="24" t="s">
        <v>5250</v>
      </c>
      <c r="D12" s="46" t="s">
        <v>5251</v>
      </c>
    </row>
    <row r="13" spans="1:4" x14ac:dyDescent="0.45"/>
    <row r="14" spans="1:4" x14ac:dyDescent="0.45"/>
    <row r="15" spans="1:4" x14ac:dyDescent="0.45"/>
    <row r="16" spans="1:4" x14ac:dyDescent="0.45">
      <c r="A16" s="62" t="s">
        <v>5238</v>
      </c>
      <c r="B16" s="62" t="s">
        <v>5330</v>
      </c>
      <c r="C16" s="62" t="s">
        <v>5239</v>
      </c>
      <c r="D16" s="63" t="s">
        <v>5240</v>
      </c>
    </row>
    <row r="17" spans="1:4" ht="36" customHeight="1" x14ac:dyDescent="0.45">
      <c r="A17" s="47" t="s">
        <v>5308</v>
      </c>
      <c r="B17" s="84"/>
      <c r="C17" s="24" t="s">
        <v>5253</v>
      </c>
      <c r="D17" s="88" t="s">
        <v>5312</v>
      </c>
    </row>
    <row r="18" spans="1:4" ht="36" customHeight="1" x14ac:dyDescent="0.45">
      <c r="A18" s="47" t="s">
        <v>5254</v>
      </c>
      <c r="B18" s="84"/>
      <c r="C18" s="24" t="s">
        <v>5255</v>
      </c>
      <c r="D18" s="88"/>
    </row>
    <row r="19" spans="1:4" ht="36" customHeight="1" x14ac:dyDescent="0.45">
      <c r="A19" s="47" t="s">
        <v>5256</v>
      </c>
      <c r="B19" s="84"/>
      <c r="C19" s="24" t="s">
        <v>5257</v>
      </c>
      <c r="D19" s="88"/>
    </row>
    <row r="20" spans="1:4" ht="36" customHeight="1" x14ac:dyDescent="0.45">
      <c r="A20" s="47" t="s">
        <v>5258</v>
      </c>
      <c r="B20" s="84"/>
      <c r="C20" s="24" t="s">
        <v>5259</v>
      </c>
      <c r="D20" s="88"/>
    </row>
    <row r="21" spans="1:4" ht="36" customHeight="1" x14ac:dyDescent="0.45">
      <c r="A21" s="47" t="s">
        <v>5260</v>
      </c>
      <c r="B21" s="85"/>
      <c r="C21" s="86" t="s">
        <v>5345</v>
      </c>
      <c r="D21" s="88"/>
    </row>
    <row r="22" spans="1:4" ht="36" customHeight="1" x14ac:dyDescent="0.45">
      <c r="A22" s="47" t="s">
        <v>5261</v>
      </c>
      <c r="B22" s="84"/>
      <c r="C22" s="24" t="s">
        <v>5262</v>
      </c>
      <c r="D22" s="88"/>
    </row>
    <row r="23" spans="1:4" ht="54" x14ac:dyDescent="0.45">
      <c r="A23" s="47" t="s">
        <v>5346</v>
      </c>
      <c r="B23" s="84"/>
      <c r="C23" s="87" t="s">
        <v>7117</v>
      </c>
      <c r="D23" s="46" t="s">
        <v>7121</v>
      </c>
    </row>
    <row r="24" spans="1:4" x14ac:dyDescent="0.45"/>
    <row r="25" spans="1:4" ht="36" customHeight="1" x14ac:dyDescent="0.45">
      <c r="A25" s="89" t="s">
        <v>7116</v>
      </c>
      <c r="B25" s="89"/>
      <c r="C25" s="65"/>
    </row>
    <row r="26" spans="1:4" x14ac:dyDescent="0.45"/>
    <row r="27" spans="1:4" hidden="1" x14ac:dyDescent="0.45"/>
    <row r="28" spans="1:4" hidden="1" x14ac:dyDescent="0.45"/>
    <row r="29" spans="1:4" hidden="1" x14ac:dyDescent="0.45"/>
    <row r="30" spans="1:4" hidden="1" x14ac:dyDescent="0.45"/>
    <row r="31" spans="1:4" hidden="1" x14ac:dyDescent="0.45"/>
    <row r="32" spans="1:4" hidden="1" x14ac:dyDescent="0.45"/>
    <row r="33" hidden="1" x14ac:dyDescent="0.45"/>
    <row r="34" hidden="1" x14ac:dyDescent="0.45"/>
    <row r="35" hidden="1" x14ac:dyDescent="0.45"/>
    <row r="36" hidden="1" x14ac:dyDescent="0.45"/>
    <row r="37" hidden="1" x14ac:dyDescent="0.45"/>
  </sheetData>
  <sheetProtection password="E9DB" sheet="1"/>
  <mergeCells count="2">
    <mergeCell ref="D17:D22"/>
    <mergeCell ref="A25:B25"/>
  </mergeCells>
  <phoneticPr fontId="2"/>
  <conditionalFormatting sqref="A2:A3">
    <cfRule type="cellIs" dxfId="1" priority="1" operator="notEqual">
      <formula>"情報は正しく入力されています"</formula>
    </cfRule>
    <cfRule type="cellIs" dxfId="0" priority="2" operator="equal">
      <formula>"情報は正しく入力されています"</formula>
    </cfRule>
  </conditionalFormatting>
  <dataValidations disablePrompts="1" count="5">
    <dataValidation type="list" allowBlank="1" showInputMessage="1" showErrorMessage="1" sqref="B23:C23">
      <formula1>"都道府県,その他（地域医師会、財団等）"</formula1>
    </dataValidation>
    <dataValidation type="list" allowBlank="1" showInputMessage="1" showErrorMessage="1" sqref="B9:C9">
      <formula1>都道府県</formula1>
    </dataValidation>
    <dataValidation type="list" allowBlank="1" showInputMessage="1" showErrorMessage="1" sqref="B10:C10">
      <formula1>INDIRECT(B9)</formula1>
    </dataValidation>
    <dataValidation imeMode="disabled" allowBlank="1" showInputMessage="1" showErrorMessage="1" sqref="B12:C12 B8:C8 B22:C22"/>
    <dataValidation type="custom" imeMode="off" allowBlank="1" showInputMessage="1" showErrorMessage="1" sqref="B21:C21">
      <formula1>COUNTIF(B21,"*@*")</formula1>
    </dataValidation>
  </dataValidations>
  <hyperlinks>
    <hyperlink ref="C21" r:id="rId1"/>
  </hyperlinks>
  <pageMargins left="0.7" right="0.7" top="0.75" bottom="0.75" header="0.3" footer="0.3"/>
  <pageSetup paperSize="9" scale="60" fitToHeight="0" orientation="portrait" r:id="rId2"/>
  <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X3897"/>
  <sheetViews>
    <sheetView showGridLines="0" view="pageBreakPreview" zoomScale="70" zoomScaleNormal="70" zoomScaleSheetLayoutView="70" workbookViewId="0">
      <pane xSplit="1" ySplit="5" topLeftCell="B6" activePane="bottomRight" state="frozen"/>
      <selection pane="topRight" activeCell="C1" sqref="C1"/>
      <selection pane="bottomLeft" activeCell="A6" sqref="A6"/>
      <selection pane="bottomRight" activeCell="AE18" sqref="AE18"/>
    </sheetView>
  </sheetViews>
  <sheetFormatPr defaultColWidth="0" defaultRowHeight="18" zeroHeight="1" outlineLevelRow="1" outlineLevelCol="1" x14ac:dyDescent="0.45"/>
  <cols>
    <col min="1" max="1" width="14.3984375" style="31" customWidth="1"/>
    <col min="2" max="2" width="17.3984375" style="31" customWidth="1"/>
    <col min="3" max="9" width="15.69921875" style="31" customWidth="1"/>
    <col min="10" max="10" width="17.59765625" style="31" hidden="1" customWidth="1" outlineLevel="1"/>
    <col min="11" max="11" width="17.69921875" style="31" hidden="1" customWidth="1" outlineLevel="1"/>
    <col min="12" max="13" width="20.5" style="31" hidden="1" customWidth="1" outlineLevel="1"/>
    <col min="14" max="14" width="16.69921875" style="31" hidden="1" customWidth="1" outlineLevel="1"/>
    <col min="15" max="15" width="9.19921875" style="31" hidden="1" customWidth="1" outlineLevel="1"/>
    <col min="16" max="16" width="9.3984375" style="31" hidden="1" customWidth="1" outlineLevel="1"/>
    <col min="17" max="17" width="12.5" style="31" hidden="1" customWidth="1" outlineLevel="1"/>
    <col min="18" max="25" width="12.69921875" style="31" hidden="1" customWidth="1" outlineLevel="1"/>
    <col min="26" max="26" width="15.69921875" style="31" customWidth="1" collapsed="1"/>
    <col min="27" max="31" width="15.69921875" style="31" customWidth="1"/>
    <col min="32" max="32" width="15.69921875" style="31" hidden="1" customWidth="1" outlineLevel="1"/>
    <col min="33" max="33" width="15.69921875" style="31" customWidth="1" collapsed="1"/>
    <col min="34" max="34" width="20.69921875" style="31" customWidth="1"/>
    <col min="35" max="35" width="1" style="31" customWidth="1"/>
    <col min="36" max="50" width="0" style="31" hidden="1" customWidth="1"/>
    <col min="51" max="16384" width="8.69921875" style="31" hidden="1"/>
  </cols>
  <sheetData>
    <row r="1" spans="1:34" x14ac:dyDescent="0.45">
      <c r="B1" s="32" t="s">
        <v>5263</v>
      </c>
      <c r="C1" s="32"/>
      <c r="D1" s="32"/>
      <c r="E1" s="32"/>
      <c r="F1" s="32"/>
      <c r="G1" s="32"/>
      <c r="H1" s="33"/>
      <c r="I1" s="66"/>
      <c r="J1" s="34"/>
      <c r="K1" s="35"/>
      <c r="L1" s="35"/>
      <c r="M1" s="35"/>
      <c r="N1" s="35"/>
      <c r="O1" s="35"/>
      <c r="P1" s="35"/>
      <c r="Q1" s="35"/>
      <c r="R1" s="35"/>
      <c r="S1" s="34"/>
      <c r="T1" s="72"/>
      <c r="U1" s="76" t="s">
        <v>7131</v>
      </c>
      <c r="V1" s="77"/>
      <c r="W1" s="77"/>
      <c r="X1" s="77"/>
      <c r="Y1" s="78"/>
      <c r="Z1" s="36" t="s">
        <v>5264</v>
      </c>
      <c r="AA1" s="37"/>
      <c r="AB1" s="37"/>
      <c r="AC1" s="37"/>
      <c r="AD1" s="37"/>
      <c r="AE1" s="37"/>
      <c r="AF1" s="64"/>
      <c r="AG1" s="64"/>
    </row>
    <row r="2" spans="1:34" ht="90" x14ac:dyDescent="0.45">
      <c r="A2" s="38" t="s">
        <v>7099</v>
      </c>
      <c r="B2" s="38" t="s">
        <v>5314</v>
      </c>
      <c r="C2" s="38" t="s">
        <v>5310</v>
      </c>
      <c r="D2" s="38" t="s">
        <v>5316</v>
      </c>
      <c r="E2" s="39" t="s">
        <v>5355</v>
      </c>
      <c r="F2" s="39" t="s">
        <v>5338</v>
      </c>
      <c r="G2" s="38" t="s">
        <v>5247</v>
      </c>
      <c r="H2" s="68" t="s">
        <v>5267</v>
      </c>
      <c r="I2" s="40" t="s">
        <v>7128</v>
      </c>
      <c r="J2" s="41" t="s">
        <v>5315</v>
      </c>
      <c r="K2" s="42" t="s">
        <v>5317</v>
      </c>
      <c r="L2" s="42" t="s">
        <v>5338</v>
      </c>
      <c r="M2" s="42" t="s">
        <v>7130</v>
      </c>
      <c r="N2" s="42" t="s">
        <v>5318</v>
      </c>
      <c r="O2" s="42" t="s">
        <v>5319</v>
      </c>
      <c r="P2" s="42" t="s">
        <v>5320</v>
      </c>
      <c r="Q2" s="42" t="s">
        <v>5340</v>
      </c>
      <c r="R2" s="42" t="s">
        <v>5343</v>
      </c>
      <c r="S2" s="42" t="s">
        <v>7122</v>
      </c>
      <c r="T2" s="73" t="s">
        <v>7123</v>
      </c>
      <c r="U2" s="79" t="s">
        <v>7132</v>
      </c>
      <c r="V2" s="39" t="s">
        <v>7133</v>
      </c>
      <c r="W2" s="39" t="s">
        <v>7134</v>
      </c>
      <c r="X2" s="39" t="s">
        <v>7135</v>
      </c>
      <c r="Y2" s="80" t="s">
        <v>7136</v>
      </c>
      <c r="Z2" s="43" t="s">
        <v>5252</v>
      </c>
      <c r="AA2" s="44" t="s">
        <v>5254</v>
      </c>
      <c r="AB2" s="44" t="s">
        <v>5256</v>
      </c>
      <c r="AC2" s="44" t="s">
        <v>5258</v>
      </c>
      <c r="AD2" s="44" t="s">
        <v>5260</v>
      </c>
      <c r="AE2" s="44" t="s">
        <v>5261</v>
      </c>
      <c r="AF2" s="44" t="s">
        <v>7137</v>
      </c>
      <c r="AG2" s="44" t="s">
        <v>7138</v>
      </c>
      <c r="AH2" s="38" t="s">
        <v>7118</v>
      </c>
    </row>
    <row r="3" spans="1:34" ht="54" hidden="1" outlineLevel="1" x14ac:dyDescent="0.45">
      <c r="A3" s="24"/>
      <c r="B3" s="23" t="s">
        <v>5322</v>
      </c>
      <c r="C3" s="23" t="s">
        <v>5331</v>
      </c>
      <c r="D3" s="23" t="s">
        <v>5324</v>
      </c>
      <c r="E3" s="23" t="s">
        <v>5331</v>
      </c>
      <c r="F3" s="23" t="s">
        <v>5331</v>
      </c>
      <c r="G3" s="23" t="s">
        <v>5331</v>
      </c>
      <c r="H3" s="69" t="s">
        <v>5326</v>
      </c>
      <c r="I3" s="81" t="s">
        <v>5331</v>
      </c>
      <c r="J3" s="45" t="s">
        <v>5323</v>
      </c>
      <c r="K3" s="46" t="s">
        <v>5325</v>
      </c>
      <c r="L3" s="47" t="s">
        <v>5331</v>
      </c>
      <c r="M3" s="47" t="s">
        <v>5331</v>
      </c>
      <c r="N3" s="47" t="s">
        <v>5327</v>
      </c>
      <c r="O3" s="47" t="s">
        <v>5328</v>
      </c>
      <c r="P3" s="47" t="s">
        <v>5329</v>
      </c>
      <c r="Q3" s="47" t="s">
        <v>5331</v>
      </c>
      <c r="R3" s="47" t="s">
        <v>5331</v>
      </c>
      <c r="S3" s="47" t="s">
        <v>5331</v>
      </c>
      <c r="T3" s="74" t="s">
        <v>5331</v>
      </c>
      <c r="U3" s="75" t="s">
        <v>5331</v>
      </c>
      <c r="V3" s="47" t="s">
        <v>5331</v>
      </c>
      <c r="W3" s="47" t="s">
        <v>5331</v>
      </c>
      <c r="X3" s="47" t="s">
        <v>5331</v>
      </c>
      <c r="Y3" s="47" t="s">
        <v>5331</v>
      </c>
      <c r="Z3" s="48" t="s">
        <v>5331</v>
      </c>
      <c r="AA3" s="23" t="s">
        <v>5331</v>
      </c>
      <c r="AB3" s="23" t="s">
        <v>5331</v>
      </c>
      <c r="AC3" s="23" t="s">
        <v>5331</v>
      </c>
      <c r="AD3" s="23" t="s">
        <v>5331</v>
      </c>
      <c r="AE3" s="23" t="s">
        <v>5331</v>
      </c>
      <c r="AF3" s="23" t="s">
        <v>5331</v>
      </c>
      <c r="AG3" s="23" t="s">
        <v>5331</v>
      </c>
      <c r="AH3" s="24" t="s">
        <v>5321</v>
      </c>
    </row>
    <row r="4" spans="1:34" ht="36" hidden="1" outlineLevel="1" x14ac:dyDescent="0.45">
      <c r="A4" s="24"/>
      <c r="B4" s="23" t="s">
        <v>5332</v>
      </c>
      <c r="C4" s="23" t="s">
        <v>5331</v>
      </c>
      <c r="D4" s="23" t="s">
        <v>5336</v>
      </c>
      <c r="E4" s="23" t="s">
        <v>5331</v>
      </c>
      <c r="F4" s="23" t="s">
        <v>5331</v>
      </c>
      <c r="G4" s="23" t="s">
        <v>5331</v>
      </c>
      <c r="H4" s="70" t="s">
        <v>5335</v>
      </c>
      <c r="I4" s="81" t="s">
        <v>5331</v>
      </c>
      <c r="J4" s="45" t="s">
        <v>5334</v>
      </c>
      <c r="K4" s="46" t="s">
        <v>5331</v>
      </c>
      <c r="L4" s="24" t="s">
        <v>5337</v>
      </c>
      <c r="M4" s="47" t="s">
        <v>5331</v>
      </c>
      <c r="N4" s="47" t="s">
        <v>5331</v>
      </c>
      <c r="O4" s="47" t="s">
        <v>5331</v>
      </c>
      <c r="P4" s="47" t="s">
        <v>5331</v>
      </c>
      <c r="Q4" s="47" t="s">
        <v>5339</v>
      </c>
      <c r="R4" s="47" t="s">
        <v>5342</v>
      </c>
      <c r="S4" s="47" t="s">
        <v>7124</v>
      </c>
      <c r="T4" s="74" t="s">
        <v>7125</v>
      </c>
      <c r="U4" s="75" t="s">
        <v>5331</v>
      </c>
      <c r="V4" s="47" t="s">
        <v>5331</v>
      </c>
      <c r="W4" s="47" t="s">
        <v>5331</v>
      </c>
      <c r="X4" s="47" t="s">
        <v>5331</v>
      </c>
      <c r="Y4" s="47" t="s">
        <v>5331</v>
      </c>
      <c r="Z4" s="48" t="s">
        <v>5331</v>
      </c>
      <c r="AA4" s="23" t="s">
        <v>5331</v>
      </c>
      <c r="AB4" s="23" t="s">
        <v>5331</v>
      </c>
      <c r="AC4" s="23" t="s">
        <v>5331</v>
      </c>
      <c r="AD4" s="23" t="s">
        <v>5331</v>
      </c>
      <c r="AE4" s="23" t="s">
        <v>5331</v>
      </c>
      <c r="AF4" s="23" t="s">
        <v>5331</v>
      </c>
      <c r="AG4" s="23" t="s">
        <v>5331</v>
      </c>
      <c r="AH4" s="24" t="s">
        <v>5333</v>
      </c>
    </row>
    <row r="5" spans="1:34" ht="51.6" customHeight="1" collapsed="1" x14ac:dyDescent="0.45">
      <c r="A5" s="49" t="s">
        <v>5239</v>
      </c>
      <c r="B5" s="23" t="s">
        <v>5347</v>
      </c>
      <c r="C5" s="23" t="s">
        <v>5309</v>
      </c>
      <c r="D5" s="23" t="s">
        <v>5348</v>
      </c>
      <c r="E5" s="23" t="s">
        <v>1445</v>
      </c>
      <c r="F5" s="23" t="s">
        <v>5237</v>
      </c>
      <c r="G5" s="23" t="s">
        <v>5349</v>
      </c>
      <c r="H5" s="70" t="s">
        <v>5262</v>
      </c>
      <c r="I5" s="81" t="s">
        <v>7129</v>
      </c>
      <c r="J5" s="50" t="s">
        <v>5350</v>
      </c>
      <c r="K5" s="23" t="s">
        <v>7120</v>
      </c>
      <c r="L5" s="49" t="str">
        <f>VLOOKUP(E5&amp;F5,団体コード!$A$1:$C$1743,3,FALSE)</f>
        <v>a062r0000021Wfb</v>
      </c>
      <c r="M5" s="49" t="str">
        <f>VLOOKUP(E5&amp;F5,団体コード!$A$1:$C$1743,2,FALSE)</f>
        <v>398781</v>
      </c>
      <c r="N5" s="51" t="s">
        <v>5299</v>
      </c>
      <c r="O5" s="51" t="s">
        <v>5299</v>
      </c>
      <c r="P5" s="51">
        <v>1</v>
      </c>
      <c r="Q5" s="51" t="s">
        <v>5341</v>
      </c>
      <c r="R5" s="51" t="b">
        <v>1</v>
      </c>
      <c r="S5" s="52" t="s">
        <v>7126</v>
      </c>
      <c r="T5" s="67" t="s">
        <v>7127</v>
      </c>
      <c r="U5" s="75" t="s">
        <v>5331</v>
      </c>
      <c r="V5" s="47" t="s">
        <v>5331</v>
      </c>
      <c r="W5" s="47" t="s">
        <v>5331</v>
      </c>
      <c r="X5" s="47" t="s">
        <v>5331</v>
      </c>
      <c r="Y5" s="47" t="s">
        <v>5331</v>
      </c>
      <c r="Z5" s="48" t="s">
        <v>5351</v>
      </c>
      <c r="AA5" s="23" t="s">
        <v>5352</v>
      </c>
      <c r="AB5" s="23" t="s">
        <v>5353</v>
      </c>
      <c r="AC5" s="23" t="s">
        <v>5354</v>
      </c>
      <c r="AD5" s="23" t="s">
        <v>5344</v>
      </c>
      <c r="AE5" s="23" t="s">
        <v>5262</v>
      </c>
      <c r="AF5" s="23" t="s">
        <v>5331</v>
      </c>
      <c r="AG5" s="23" t="s">
        <v>7117</v>
      </c>
      <c r="AH5" s="53"/>
    </row>
    <row r="6" spans="1:34" ht="51.6" customHeight="1" x14ac:dyDescent="0.45">
      <c r="A6" s="23" t="s">
        <v>7113</v>
      </c>
      <c r="B6" s="23">
        <f>申請書!B6</f>
        <v>0</v>
      </c>
      <c r="C6" s="23">
        <f>申請書!B7</f>
        <v>0</v>
      </c>
      <c r="D6" s="23">
        <f>申請書!B8</f>
        <v>0</v>
      </c>
      <c r="E6" s="23">
        <f>申請書!B9</f>
        <v>0</v>
      </c>
      <c r="F6" s="23">
        <f>申請書!B10</f>
        <v>0</v>
      </c>
      <c r="G6" s="23">
        <f>申請書!B11</f>
        <v>0</v>
      </c>
      <c r="H6" s="69">
        <f>申請書!B12</f>
        <v>0</v>
      </c>
      <c r="I6" s="82" t="s">
        <v>7129</v>
      </c>
      <c r="J6" s="50" t="str">
        <f>E6&amp;F6&amp;G6</f>
        <v>000</v>
      </c>
      <c r="K6" s="23" t="s">
        <v>7120</v>
      </c>
      <c r="L6" s="49" t="e">
        <f>VLOOKUP(E6&amp;F6,団体コード!$A$1:$C$1743,3,FALSE)</f>
        <v>#N/A</v>
      </c>
      <c r="M6" s="49" t="e">
        <f>VLOOKUP(E6&amp;F6,団体コード!$A$1:$C$1743,2,FALSE)</f>
        <v>#N/A</v>
      </c>
      <c r="N6" s="51" t="e">
        <f>VLOOKUP(申請書!B9,団体コード!$E$1:$F$48,2,FALSE)</f>
        <v>#N/A</v>
      </c>
      <c r="O6" s="51" t="e">
        <f>N6</f>
        <v>#N/A</v>
      </c>
      <c r="P6" s="51">
        <v>1</v>
      </c>
      <c r="Q6" s="51" t="s">
        <v>5341</v>
      </c>
      <c r="R6" s="54" t="b">
        <v>1</v>
      </c>
      <c r="S6" s="52" t="s">
        <v>7126</v>
      </c>
      <c r="T6" s="67" t="s">
        <v>7127</v>
      </c>
      <c r="U6" s="75" t="s">
        <v>5331</v>
      </c>
      <c r="V6" s="47" t="s">
        <v>5331</v>
      </c>
      <c r="W6" s="47" t="s">
        <v>5331</v>
      </c>
      <c r="X6" s="47" t="s">
        <v>5331</v>
      </c>
      <c r="Y6" s="47" t="s">
        <v>5331</v>
      </c>
      <c r="Z6" s="55">
        <f>申請書!B17</f>
        <v>0</v>
      </c>
      <c r="AA6" s="51">
        <f>申請書!B18</f>
        <v>0</v>
      </c>
      <c r="AB6" s="51">
        <f>申請書!B19</f>
        <v>0</v>
      </c>
      <c r="AC6" s="51">
        <f>申請書!B20</f>
        <v>0</v>
      </c>
      <c r="AD6" s="51">
        <f>申請書!B21</f>
        <v>0</v>
      </c>
      <c r="AE6" s="51">
        <f>申請書!B22</f>
        <v>0</v>
      </c>
      <c r="AF6" s="23" t="s">
        <v>5331</v>
      </c>
      <c r="AG6" s="51">
        <f>申請書!B23</f>
        <v>0</v>
      </c>
      <c r="AH6" s="56"/>
    </row>
    <row r="7" spans="1:34" ht="51.6" customHeight="1" x14ac:dyDescent="0.45">
      <c r="A7" s="23">
        <v>1</v>
      </c>
      <c r="B7" s="25"/>
      <c r="C7" s="25"/>
      <c r="D7" s="29"/>
      <c r="E7" s="1"/>
      <c r="F7" s="1"/>
      <c r="G7" s="25"/>
      <c r="H7" s="71"/>
      <c r="I7" s="83"/>
      <c r="J7" s="50" t="str">
        <f t="shared" ref="J7" si="0">E7&amp;F7&amp;G7</f>
        <v/>
      </c>
      <c r="K7" s="23" t="s">
        <v>7120</v>
      </c>
      <c r="L7" s="49" t="e">
        <f>VLOOKUP(E7&amp;F7,団体コード!$A$1:$C$1743,3,FALSE)</f>
        <v>#N/A</v>
      </c>
      <c r="M7" s="49" t="e">
        <f>VLOOKUP(E7&amp;F7,団体コード!$A$1:$C$1743,2,FALSE)</f>
        <v>#N/A</v>
      </c>
      <c r="N7" s="51" t="e">
        <f>VLOOKUP(E7,団体コード!$E$1:$F$48,2,FALSE)</f>
        <v>#N/A</v>
      </c>
      <c r="O7" s="51" t="e">
        <f t="shared" ref="O7" si="1">N7</f>
        <v>#N/A</v>
      </c>
      <c r="P7" s="51">
        <v>1</v>
      </c>
      <c r="Q7" s="51" t="s">
        <v>5341</v>
      </c>
      <c r="R7" s="54" t="b">
        <v>1</v>
      </c>
      <c r="S7" s="52" t="s">
        <v>7126</v>
      </c>
      <c r="T7" s="67" t="s">
        <v>7127</v>
      </c>
      <c r="U7" s="75" t="s">
        <v>5331</v>
      </c>
      <c r="V7" s="47" t="s">
        <v>5331</v>
      </c>
      <c r="W7" s="47" t="s">
        <v>5331</v>
      </c>
      <c r="X7" s="47" t="s">
        <v>5331</v>
      </c>
      <c r="Y7" s="47" t="s">
        <v>5331</v>
      </c>
      <c r="Z7" s="28"/>
      <c r="AA7" s="27"/>
      <c r="AB7" s="27"/>
      <c r="AC7" s="27"/>
      <c r="AD7" s="30"/>
      <c r="AE7" s="1"/>
      <c r="AF7" s="23" t="s">
        <v>5331</v>
      </c>
      <c r="AG7" s="26"/>
      <c r="AH7" s="56"/>
    </row>
    <row r="8" spans="1:34" ht="51.6" customHeight="1" x14ac:dyDescent="0.45">
      <c r="A8" s="23">
        <v>2</v>
      </c>
      <c r="B8" s="25"/>
      <c r="C8" s="25"/>
      <c r="D8" s="29"/>
      <c r="E8" s="1"/>
      <c r="F8" s="1"/>
      <c r="G8" s="25"/>
      <c r="H8" s="71"/>
      <c r="I8" s="83"/>
      <c r="J8" s="50" t="str">
        <f t="shared" ref="J8:J71" si="2">E8&amp;F8&amp;G8</f>
        <v/>
      </c>
      <c r="K8" s="23" t="s">
        <v>7120</v>
      </c>
      <c r="L8" s="49" t="e">
        <f>VLOOKUP(E8&amp;F8,団体コード!$A$1:$C$1743,3,FALSE)</f>
        <v>#N/A</v>
      </c>
      <c r="M8" s="49" t="e">
        <f>VLOOKUP(E8&amp;F8,団体コード!$A$1:$C$1743,2,FALSE)</f>
        <v>#N/A</v>
      </c>
      <c r="N8" s="51" t="e">
        <f>VLOOKUP(E8,団体コード!$E$1:$F$48,2,FALSE)</f>
        <v>#N/A</v>
      </c>
      <c r="O8" s="51" t="e">
        <f t="shared" ref="O8:O71" si="3">N8</f>
        <v>#N/A</v>
      </c>
      <c r="P8" s="51">
        <v>1</v>
      </c>
      <c r="Q8" s="51" t="s">
        <v>5341</v>
      </c>
      <c r="R8" s="54" t="b">
        <v>1</v>
      </c>
      <c r="S8" s="52" t="s">
        <v>7126</v>
      </c>
      <c r="T8" s="67" t="s">
        <v>7127</v>
      </c>
      <c r="U8" s="75" t="s">
        <v>5331</v>
      </c>
      <c r="V8" s="47" t="s">
        <v>5331</v>
      </c>
      <c r="W8" s="47" t="s">
        <v>5331</v>
      </c>
      <c r="X8" s="47" t="s">
        <v>5331</v>
      </c>
      <c r="Y8" s="47" t="s">
        <v>5331</v>
      </c>
      <c r="Z8" s="28"/>
      <c r="AA8" s="27"/>
      <c r="AB8" s="27"/>
      <c r="AC8" s="27"/>
      <c r="AD8" s="30"/>
      <c r="AE8" s="1"/>
      <c r="AF8" s="23" t="s">
        <v>5331</v>
      </c>
      <c r="AG8" s="26"/>
      <c r="AH8" s="56"/>
    </row>
    <row r="9" spans="1:34" ht="51.6" customHeight="1" x14ac:dyDescent="0.45">
      <c r="A9" s="23">
        <v>3</v>
      </c>
      <c r="B9" s="25"/>
      <c r="C9" s="25"/>
      <c r="D9" s="29"/>
      <c r="E9" s="1"/>
      <c r="F9" s="1"/>
      <c r="G9" s="25"/>
      <c r="H9" s="71"/>
      <c r="I9" s="83"/>
      <c r="J9" s="50" t="str">
        <f t="shared" si="2"/>
        <v/>
      </c>
      <c r="K9" s="23" t="s">
        <v>7120</v>
      </c>
      <c r="L9" s="49" t="e">
        <f>VLOOKUP(E9&amp;F9,団体コード!$A$1:$C$1743,3,FALSE)</f>
        <v>#N/A</v>
      </c>
      <c r="M9" s="49" t="e">
        <f>VLOOKUP(E9&amp;F9,団体コード!$A$1:$C$1743,2,FALSE)</f>
        <v>#N/A</v>
      </c>
      <c r="N9" s="51" t="e">
        <f>VLOOKUP(E9,団体コード!$E$1:$F$48,2,FALSE)</f>
        <v>#N/A</v>
      </c>
      <c r="O9" s="51" t="e">
        <f t="shared" si="3"/>
        <v>#N/A</v>
      </c>
      <c r="P9" s="51">
        <v>1</v>
      </c>
      <c r="Q9" s="51" t="s">
        <v>5341</v>
      </c>
      <c r="R9" s="54" t="b">
        <v>1</v>
      </c>
      <c r="S9" s="52" t="s">
        <v>7126</v>
      </c>
      <c r="T9" s="67" t="s">
        <v>7127</v>
      </c>
      <c r="U9" s="75" t="s">
        <v>5331</v>
      </c>
      <c r="V9" s="47" t="s">
        <v>5331</v>
      </c>
      <c r="W9" s="47" t="s">
        <v>5331</v>
      </c>
      <c r="X9" s="47" t="s">
        <v>5331</v>
      </c>
      <c r="Y9" s="47" t="s">
        <v>5331</v>
      </c>
      <c r="Z9" s="28"/>
      <c r="AA9" s="27"/>
      <c r="AB9" s="27"/>
      <c r="AC9" s="27"/>
      <c r="AD9" s="30"/>
      <c r="AE9" s="1"/>
      <c r="AF9" s="23" t="s">
        <v>5331</v>
      </c>
      <c r="AG9" s="26"/>
      <c r="AH9" s="56"/>
    </row>
    <row r="10" spans="1:34" ht="51.6" customHeight="1" x14ac:dyDescent="0.45">
      <c r="A10" s="23">
        <v>4</v>
      </c>
      <c r="B10" s="25"/>
      <c r="C10" s="25"/>
      <c r="D10" s="29"/>
      <c r="E10" s="1"/>
      <c r="F10" s="1"/>
      <c r="G10" s="25"/>
      <c r="H10" s="71"/>
      <c r="I10" s="83"/>
      <c r="J10" s="50" t="str">
        <f t="shared" si="2"/>
        <v/>
      </c>
      <c r="K10" s="23" t="s">
        <v>7120</v>
      </c>
      <c r="L10" s="49" t="e">
        <f>VLOOKUP(E10&amp;F10,団体コード!$A$1:$C$1743,3,FALSE)</f>
        <v>#N/A</v>
      </c>
      <c r="M10" s="49" t="e">
        <f>VLOOKUP(E10&amp;F10,団体コード!$A$1:$C$1743,2,FALSE)</f>
        <v>#N/A</v>
      </c>
      <c r="N10" s="51" t="e">
        <f>VLOOKUP(E10,団体コード!$E$1:$F$48,2,FALSE)</f>
        <v>#N/A</v>
      </c>
      <c r="O10" s="51" t="e">
        <f t="shared" si="3"/>
        <v>#N/A</v>
      </c>
      <c r="P10" s="51">
        <v>1</v>
      </c>
      <c r="Q10" s="51" t="s">
        <v>5341</v>
      </c>
      <c r="R10" s="54" t="b">
        <v>1</v>
      </c>
      <c r="S10" s="52" t="s">
        <v>7126</v>
      </c>
      <c r="T10" s="67" t="s">
        <v>7127</v>
      </c>
      <c r="U10" s="75" t="s">
        <v>5331</v>
      </c>
      <c r="V10" s="47" t="s">
        <v>5331</v>
      </c>
      <c r="W10" s="47" t="s">
        <v>5331</v>
      </c>
      <c r="X10" s="47" t="s">
        <v>5331</v>
      </c>
      <c r="Y10" s="47" t="s">
        <v>5331</v>
      </c>
      <c r="Z10" s="28"/>
      <c r="AA10" s="27"/>
      <c r="AB10" s="27"/>
      <c r="AC10" s="27"/>
      <c r="AD10" s="30"/>
      <c r="AE10" s="1"/>
      <c r="AF10" s="23" t="s">
        <v>5331</v>
      </c>
      <c r="AG10" s="26"/>
      <c r="AH10" s="57"/>
    </row>
    <row r="11" spans="1:34" ht="51.6" customHeight="1" x14ac:dyDescent="0.45">
      <c r="A11" s="23">
        <v>5</v>
      </c>
      <c r="B11" s="25"/>
      <c r="C11" s="25"/>
      <c r="D11" s="29"/>
      <c r="E11" s="1"/>
      <c r="F11" s="1"/>
      <c r="G11" s="25"/>
      <c r="H11" s="71"/>
      <c r="I11" s="83"/>
      <c r="J11" s="50" t="str">
        <f t="shared" si="2"/>
        <v/>
      </c>
      <c r="K11" s="23" t="s">
        <v>7120</v>
      </c>
      <c r="L11" s="49" t="e">
        <f>VLOOKUP(E11&amp;F11,団体コード!$A$1:$C$1743,3,FALSE)</f>
        <v>#N/A</v>
      </c>
      <c r="M11" s="49" t="e">
        <f>VLOOKUP(E11&amp;F11,団体コード!$A$1:$C$1743,2,FALSE)</f>
        <v>#N/A</v>
      </c>
      <c r="N11" s="51" t="e">
        <f>VLOOKUP(E11,団体コード!$E$1:$F$48,2,FALSE)</f>
        <v>#N/A</v>
      </c>
      <c r="O11" s="51" t="e">
        <f t="shared" si="3"/>
        <v>#N/A</v>
      </c>
      <c r="P11" s="51">
        <v>1</v>
      </c>
      <c r="Q11" s="51" t="s">
        <v>5341</v>
      </c>
      <c r="R11" s="54" t="b">
        <v>1</v>
      </c>
      <c r="S11" s="52" t="s">
        <v>7126</v>
      </c>
      <c r="T11" s="67" t="s">
        <v>7127</v>
      </c>
      <c r="U11" s="75" t="s">
        <v>5331</v>
      </c>
      <c r="V11" s="47" t="s">
        <v>5331</v>
      </c>
      <c r="W11" s="47" t="s">
        <v>5331</v>
      </c>
      <c r="X11" s="47" t="s">
        <v>5331</v>
      </c>
      <c r="Y11" s="47" t="s">
        <v>5331</v>
      </c>
      <c r="Z11" s="28"/>
      <c r="AA11" s="27"/>
      <c r="AB11" s="27"/>
      <c r="AC11" s="27"/>
      <c r="AD11" s="30"/>
      <c r="AE11" s="1"/>
      <c r="AF11" s="23" t="s">
        <v>5331</v>
      </c>
      <c r="AG11" s="26"/>
      <c r="AH11" s="57"/>
    </row>
    <row r="12" spans="1:34" ht="51.6" customHeight="1" x14ac:dyDescent="0.45">
      <c r="A12" s="23">
        <v>6</v>
      </c>
      <c r="B12" s="25"/>
      <c r="C12" s="25"/>
      <c r="D12" s="29"/>
      <c r="E12" s="1"/>
      <c r="F12" s="1"/>
      <c r="G12" s="25"/>
      <c r="H12" s="71"/>
      <c r="I12" s="83"/>
      <c r="J12" s="50" t="str">
        <f t="shared" si="2"/>
        <v/>
      </c>
      <c r="K12" s="23" t="s">
        <v>7120</v>
      </c>
      <c r="L12" s="49" t="e">
        <f>VLOOKUP(E12&amp;F12,団体コード!$A$1:$C$1743,3,FALSE)</f>
        <v>#N/A</v>
      </c>
      <c r="M12" s="49" t="e">
        <f>VLOOKUP(E12&amp;F12,団体コード!$A$1:$C$1743,2,FALSE)</f>
        <v>#N/A</v>
      </c>
      <c r="N12" s="51" t="e">
        <f>VLOOKUP(E12,団体コード!$E$1:$F$48,2,FALSE)</f>
        <v>#N/A</v>
      </c>
      <c r="O12" s="51" t="e">
        <f t="shared" si="3"/>
        <v>#N/A</v>
      </c>
      <c r="P12" s="51">
        <v>1</v>
      </c>
      <c r="Q12" s="51" t="s">
        <v>5341</v>
      </c>
      <c r="R12" s="54" t="b">
        <v>1</v>
      </c>
      <c r="S12" s="52" t="s">
        <v>7126</v>
      </c>
      <c r="T12" s="67" t="s">
        <v>7127</v>
      </c>
      <c r="U12" s="75" t="s">
        <v>5331</v>
      </c>
      <c r="V12" s="47" t="s">
        <v>5331</v>
      </c>
      <c r="W12" s="47" t="s">
        <v>5331</v>
      </c>
      <c r="X12" s="47" t="s">
        <v>5331</v>
      </c>
      <c r="Y12" s="47" t="s">
        <v>5331</v>
      </c>
      <c r="Z12" s="28"/>
      <c r="AA12" s="27"/>
      <c r="AB12" s="27"/>
      <c r="AC12" s="27"/>
      <c r="AD12" s="30"/>
      <c r="AE12" s="1"/>
      <c r="AF12" s="23" t="s">
        <v>5331</v>
      </c>
      <c r="AG12" s="26"/>
      <c r="AH12" s="57"/>
    </row>
    <row r="13" spans="1:34" ht="51.6" customHeight="1" x14ac:dyDescent="0.45">
      <c r="A13" s="23">
        <v>7</v>
      </c>
      <c r="B13" s="25"/>
      <c r="C13" s="25"/>
      <c r="D13" s="29"/>
      <c r="E13" s="1"/>
      <c r="F13" s="1"/>
      <c r="G13" s="25"/>
      <c r="H13" s="71"/>
      <c r="I13" s="83"/>
      <c r="J13" s="50" t="str">
        <f t="shared" si="2"/>
        <v/>
      </c>
      <c r="K13" s="23" t="s">
        <v>7120</v>
      </c>
      <c r="L13" s="49" t="e">
        <f>VLOOKUP(E13&amp;F13,団体コード!$A$1:$C$1743,3,FALSE)</f>
        <v>#N/A</v>
      </c>
      <c r="M13" s="49" t="e">
        <f>VLOOKUP(E13&amp;F13,団体コード!$A$1:$C$1743,2,FALSE)</f>
        <v>#N/A</v>
      </c>
      <c r="N13" s="51" t="e">
        <f>VLOOKUP(E13,団体コード!$E$1:$F$48,2,FALSE)</f>
        <v>#N/A</v>
      </c>
      <c r="O13" s="51" t="e">
        <f t="shared" si="3"/>
        <v>#N/A</v>
      </c>
      <c r="P13" s="51">
        <v>1</v>
      </c>
      <c r="Q13" s="51" t="s">
        <v>5341</v>
      </c>
      <c r="R13" s="54" t="b">
        <v>1</v>
      </c>
      <c r="S13" s="52" t="s">
        <v>7126</v>
      </c>
      <c r="T13" s="67" t="s">
        <v>7127</v>
      </c>
      <c r="U13" s="75" t="s">
        <v>5331</v>
      </c>
      <c r="V13" s="47" t="s">
        <v>5331</v>
      </c>
      <c r="W13" s="47" t="s">
        <v>5331</v>
      </c>
      <c r="X13" s="47" t="s">
        <v>5331</v>
      </c>
      <c r="Y13" s="47" t="s">
        <v>5331</v>
      </c>
      <c r="Z13" s="28"/>
      <c r="AA13" s="27"/>
      <c r="AB13" s="27"/>
      <c r="AC13" s="27"/>
      <c r="AD13" s="30"/>
      <c r="AE13" s="1"/>
      <c r="AF13" s="23" t="s">
        <v>5331</v>
      </c>
      <c r="AG13" s="26"/>
      <c r="AH13" s="53"/>
    </row>
    <row r="14" spans="1:34" ht="51.6" customHeight="1" x14ac:dyDescent="0.45">
      <c r="A14" s="23">
        <v>8</v>
      </c>
      <c r="B14" s="25"/>
      <c r="C14" s="25"/>
      <c r="D14" s="29"/>
      <c r="E14" s="1"/>
      <c r="F14" s="1"/>
      <c r="G14" s="25"/>
      <c r="H14" s="71"/>
      <c r="I14" s="83"/>
      <c r="J14" s="50" t="str">
        <f t="shared" si="2"/>
        <v/>
      </c>
      <c r="K14" s="23" t="s">
        <v>7120</v>
      </c>
      <c r="L14" s="49" t="e">
        <f>VLOOKUP(E14&amp;F14,団体コード!$A$1:$C$1743,3,FALSE)</f>
        <v>#N/A</v>
      </c>
      <c r="M14" s="49" t="e">
        <f>VLOOKUP(E14&amp;F14,団体コード!$A$1:$C$1743,2,FALSE)</f>
        <v>#N/A</v>
      </c>
      <c r="N14" s="51" t="e">
        <f>VLOOKUP(E14,団体コード!$E$1:$F$48,2,FALSE)</f>
        <v>#N/A</v>
      </c>
      <c r="O14" s="51" t="e">
        <f t="shared" si="3"/>
        <v>#N/A</v>
      </c>
      <c r="P14" s="51">
        <v>1</v>
      </c>
      <c r="Q14" s="51" t="s">
        <v>5341</v>
      </c>
      <c r="R14" s="54" t="b">
        <v>1</v>
      </c>
      <c r="S14" s="52" t="s">
        <v>7126</v>
      </c>
      <c r="T14" s="67" t="s">
        <v>7127</v>
      </c>
      <c r="U14" s="75" t="s">
        <v>5331</v>
      </c>
      <c r="V14" s="47" t="s">
        <v>5331</v>
      </c>
      <c r="W14" s="47" t="s">
        <v>5331</v>
      </c>
      <c r="X14" s="47" t="s">
        <v>5331</v>
      </c>
      <c r="Y14" s="47" t="s">
        <v>5331</v>
      </c>
      <c r="Z14" s="28"/>
      <c r="AA14" s="27"/>
      <c r="AB14" s="27"/>
      <c r="AC14" s="27"/>
      <c r="AD14" s="30"/>
      <c r="AE14" s="1"/>
      <c r="AF14" s="23" t="s">
        <v>5331</v>
      </c>
      <c r="AG14" s="26"/>
      <c r="AH14" s="53"/>
    </row>
    <row r="15" spans="1:34" ht="51.6" customHeight="1" x14ac:dyDescent="0.45">
      <c r="A15" s="23">
        <v>9</v>
      </c>
      <c r="B15" s="25"/>
      <c r="C15" s="25"/>
      <c r="D15" s="29"/>
      <c r="E15" s="1"/>
      <c r="F15" s="1"/>
      <c r="G15" s="25"/>
      <c r="H15" s="71"/>
      <c r="I15" s="83"/>
      <c r="J15" s="50" t="str">
        <f t="shared" si="2"/>
        <v/>
      </c>
      <c r="K15" s="23" t="s">
        <v>7120</v>
      </c>
      <c r="L15" s="49" t="e">
        <f>VLOOKUP(E15&amp;F15,団体コード!$A$1:$C$1743,3,FALSE)</f>
        <v>#N/A</v>
      </c>
      <c r="M15" s="49" t="e">
        <f>VLOOKUP(E15&amp;F15,団体コード!$A$1:$C$1743,2,FALSE)</f>
        <v>#N/A</v>
      </c>
      <c r="N15" s="51" t="e">
        <f>VLOOKUP(E15,団体コード!$E$1:$F$48,2,FALSE)</f>
        <v>#N/A</v>
      </c>
      <c r="O15" s="51" t="e">
        <f t="shared" si="3"/>
        <v>#N/A</v>
      </c>
      <c r="P15" s="51">
        <v>1</v>
      </c>
      <c r="Q15" s="51" t="s">
        <v>5341</v>
      </c>
      <c r="R15" s="54" t="b">
        <v>1</v>
      </c>
      <c r="S15" s="52" t="s">
        <v>7126</v>
      </c>
      <c r="T15" s="67" t="s">
        <v>7127</v>
      </c>
      <c r="U15" s="75" t="s">
        <v>5331</v>
      </c>
      <c r="V15" s="47" t="s">
        <v>5331</v>
      </c>
      <c r="W15" s="47" t="s">
        <v>5331</v>
      </c>
      <c r="X15" s="47" t="s">
        <v>5331</v>
      </c>
      <c r="Y15" s="47" t="s">
        <v>5331</v>
      </c>
      <c r="Z15" s="28"/>
      <c r="AA15" s="27"/>
      <c r="AB15" s="27"/>
      <c r="AC15" s="27"/>
      <c r="AD15" s="30"/>
      <c r="AE15" s="1"/>
      <c r="AF15" s="23" t="s">
        <v>5331</v>
      </c>
      <c r="AG15" s="26"/>
      <c r="AH15" s="53"/>
    </row>
    <row r="16" spans="1:34" ht="51.6" customHeight="1" x14ac:dyDescent="0.45">
      <c r="A16" s="23">
        <v>10</v>
      </c>
      <c r="B16" s="25"/>
      <c r="C16" s="25"/>
      <c r="D16" s="29"/>
      <c r="E16" s="1"/>
      <c r="F16" s="1"/>
      <c r="G16" s="25"/>
      <c r="H16" s="71"/>
      <c r="I16" s="83"/>
      <c r="J16" s="50" t="str">
        <f t="shared" si="2"/>
        <v/>
      </c>
      <c r="K16" s="23" t="s">
        <v>7120</v>
      </c>
      <c r="L16" s="49" t="e">
        <f>VLOOKUP(E16&amp;F16,団体コード!$A$1:$C$1743,3,FALSE)</f>
        <v>#N/A</v>
      </c>
      <c r="M16" s="49" t="e">
        <f>VLOOKUP(E16&amp;F16,団体コード!$A$1:$C$1743,2,FALSE)</f>
        <v>#N/A</v>
      </c>
      <c r="N16" s="51" t="e">
        <f>VLOOKUP(E16,団体コード!$E$1:$F$48,2,FALSE)</f>
        <v>#N/A</v>
      </c>
      <c r="O16" s="51" t="e">
        <f t="shared" si="3"/>
        <v>#N/A</v>
      </c>
      <c r="P16" s="51">
        <v>1</v>
      </c>
      <c r="Q16" s="51" t="s">
        <v>5341</v>
      </c>
      <c r="R16" s="54" t="b">
        <v>1</v>
      </c>
      <c r="S16" s="52" t="s">
        <v>7126</v>
      </c>
      <c r="T16" s="67" t="s">
        <v>7127</v>
      </c>
      <c r="U16" s="75" t="s">
        <v>5331</v>
      </c>
      <c r="V16" s="47" t="s">
        <v>5331</v>
      </c>
      <c r="W16" s="47" t="s">
        <v>5331</v>
      </c>
      <c r="X16" s="47" t="s">
        <v>5331</v>
      </c>
      <c r="Y16" s="47" t="s">
        <v>5331</v>
      </c>
      <c r="Z16" s="28"/>
      <c r="AA16" s="27"/>
      <c r="AB16" s="27"/>
      <c r="AC16" s="27"/>
      <c r="AD16" s="30"/>
      <c r="AE16" s="1"/>
      <c r="AF16" s="23" t="s">
        <v>5331</v>
      </c>
      <c r="AG16" s="26"/>
      <c r="AH16" s="53"/>
    </row>
    <row r="17" spans="1:34" ht="51.6" customHeight="1" x14ac:dyDescent="0.45">
      <c r="A17" s="23">
        <v>11</v>
      </c>
      <c r="B17" s="25"/>
      <c r="C17" s="25"/>
      <c r="D17" s="29"/>
      <c r="E17" s="1"/>
      <c r="F17" s="1"/>
      <c r="G17" s="25"/>
      <c r="H17" s="71"/>
      <c r="I17" s="83"/>
      <c r="J17" s="50" t="str">
        <f t="shared" si="2"/>
        <v/>
      </c>
      <c r="K17" s="23" t="s">
        <v>7120</v>
      </c>
      <c r="L17" s="49" t="e">
        <f>VLOOKUP(E17&amp;F17,団体コード!$A$1:$C$1743,3,FALSE)</f>
        <v>#N/A</v>
      </c>
      <c r="M17" s="49" t="e">
        <f>VLOOKUP(E17&amp;F17,団体コード!$A$1:$C$1743,2,FALSE)</f>
        <v>#N/A</v>
      </c>
      <c r="N17" s="51" t="e">
        <f>VLOOKUP(E17,団体コード!$E$1:$F$48,2,FALSE)</f>
        <v>#N/A</v>
      </c>
      <c r="O17" s="51" t="e">
        <f t="shared" si="3"/>
        <v>#N/A</v>
      </c>
      <c r="P17" s="51">
        <v>1</v>
      </c>
      <c r="Q17" s="51" t="s">
        <v>5341</v>
      </c>
      <c r="R17" s="54" t="b">
        <v>1</v>
      </c>
      <c r="S17" s="52" t="s">
        <v>7126</v>
      </c>
      <c r="T17" s="67" t="s">
        <v>7127</v>
      </c>
      <c r="U17" s="75" t="s">
        <v>5331</v>
      </c>
      <c r="V17" s="47" t="s">
        <v>5331</v>
      </c>
      <c r="W17" s="47" t="s">
        <v>5331</v>
      </c>
      <c r="X17" s="47" t="s">
        <v>5331</v>
      </c>
      <c r="Y17" s="47" t="s">
        <v>5331</v>
      </c>
      <c r="Z17" s="28"/>
      <c r="AA17" s="27"/>
      <c r="AB17" s="27"/>
      <c r="AC17" s="27"/>
      <c r="AD17" s="30"/>
      <c r="AE17" s="1"/>
      <c r="AF17" s="23" t="s">
        <v>5331</v>
      </c>
      <c r="AG17" s="26"/>
      <c r="AH17" s="53"/>
    </row>
    <row r="18" spans="1:34" ht="51.6" customHeight="1" x14ac:dyDescent="0.45">
      <c r="A18" s="23">
        <v>12</v>
      </c>
      <c r="B18" s="25"/>
      <c r="C18" s="25"/>
      <c r="D18" s="29"/>
      <c r="E18" s="1"/>
      <c r="F18" s="1"/>
      <c r="G18" s="25"/>
      <c r="H18" s="71"/>
      <c r="I18" s="83"/>
      <c r="J18" s="50" t="str">
        <f t="shared" si="2"/>
        <v/>
      </c>
      <c r="K18" s="23" t="s">
        <v>7120</v>
      </c>
      <c r="L18" s="49" t="e">
        <f>VLOOKUP(E18&amp;F18,団体コード!$A$1:$C$1743,3,FALSE)</f>
        <v>#N/A</v>
      </c>
      <c r="M18" s="49" t="e">
        <f>VLOOKUP(E18&amp;F18,団体コード!$A$1:$C$1743,2,FALSE)</f>
        <v>#N/A</v>
      </c>
      <c r="N18" s="51" t="e">
        <f>VLOOKUP(E18,団体コード!$E$1:$F$48,2,FALSE)</f>
        <v>#N/A</v>
      </c>
      <c r="O18" s="51" t="e">
        <f t="shared" si="3"/>
        <v>#N/A</v>
      </c>
      <c r="P18" s="51">
        <v>1</v>
      </c>
      <c r="Q18" s="51" t="s">
        <v>5341</v>
      </c>
      <c r="R18" s="54" t="b">
        <v>1</v>
      </c>
      <c r="S18" s="52" t="s">
        <v>7126</v>
      </c>
      <c r="T18" s="67" t="s">
        <v>7127</v>
      </c>
      <c r="U18" s="75" t="s">
        <v>5331</v>
      </c>
      <c r="V18" s="47" t="s">
        <v>5331</v>
      </c>
      <c r="W18" s="47" t="s">
        <v>5331</v>
      </c>
      <c r="X18" s="47" t="s">
        <v>5331</v>
      </c>
      <c r="Y18" s="47" t="s">
        <v>5331</v>
      </c>
      <c r="Z18" s="28"/>
      <c r="AA18" s="27"/>
      <c r="AB18" s="27"/>
      <c r="AC18" s="27"/>
      <c r="AD18" s="30"/>
      <c r="AE18" s="1"/>
      <c r="AF18" s="23" t="s">
        <v>5331</v>
      </c>
      <c r="AG18" s="26"/>
      <c r="AH18" s="53"/>
    </row>
    <row r="19" spans="1:34" ht="51.6" customHeight="1" x14ac:dyDescent="0.45">
      <c r="A19" s="23">
        <v>13</v>
      </c>
      <c r="B19" s="25"/>
      <c r="C19" s="25"/>
      <c r="D19" s="29"/>
      <c r="E19" s="1"/>
      <c r="F19" s="1"/>
      <c r="G19" s="25"/>
      <c r="H19" s="71"/>
      <c r="I19" s="83"/>
      <c r="J19" s="50" t="str">
        <f t="shared" si="2"/>
        <v/>
      </c>
      <c r="K19" s="23" t="s">
        <v>7120</v>
      </c>
      <c r="L19" s="49" t="e">
        <f>VLOOKUP(E19&amp;F19,団体コード!$A$1:$C$1743,3,FALSE)</f>
        <v>#N/A</v>
      </c>
      <c r="M19" s="49" t="e">
        <f>VLOOKUP(E19&amp;F19,団体コード!$A$1:$C$1743,2,FALSE)</f>
        <v>#N/A</v>
      </c>
      <c r="N19" s="51" t="e">
        <f>VLOOKUP(E19,団体コード!$E$1:$F$48,2,FALSE)</f>
        <v>#N/A</v>
      </c>
      <c r="O19" s="51" t="e">
        <f t="shared" si="3"/>
        <v>#N/A</v>
      </c>
      <c r="P19" s="51">
        <v>1</v>
      </c>
      <c r="Q19" s="51" t="s">
        <v>5341</v>
      </c>
      <c r="R19" s="54" t="b">
        <v>1</v>
      </c>
      <c r="S19" s="52" t="s">
        <v>7126</v>
      </c>
      <c r="T19" s="67" t="s">
        <v>7127</v>
      </c>
      <c r="U19" s="75" t="s">
        <v>5331</v>
      </c>
      <c r="V19" s="47" t="s">
        <v>5331</v>
      </c>
      <c r="W19" s="47" t="s">
        <v>5331</v>
      </c>
      <c r="X19" s="47" t="s">
        <v>5331</v>
      </c>
      <c r="Y19" s="47" t="s">
        <v>5331</v>
      </c>
      <c r="Z19" s="28"/>
      <c r="AA19" s="27"/>
      <c r="AB19" s="27"/>
      <c r="AC19" s="27"/>
      <c r="AD19" s="30"/>
      <c r="AE19" s="1"/>
      <c r="AF19" s="23" t="s">
        <v>5331</v>
      </c>
      <c r="AG19" s="26"/>
      <c r="AH19" s="53"/>
    </row>
    <row r="20" spans="1:34" ht="51.6" customHeight="1" x14ac:dyDescent="0.45">
      <c r="A20" s="23">
        <v>14</v>
      </c>
      <c r="B20" s="25"/>
      <c r="C20" s="25"/>
      <c r="D20" s="29"/>
      <c r="E20" s="1"/>
      <c r="F20" s="1"/>
      <c r="G20" s="25"/>
      <c r="H20" s="71"/>
      <c r="I20" s="83"/>
      <c r="J20" s="50" t="str">
        <f t="shared" si="2"/>
        <v/>
      </c>
      <c r="K20" s="23" t="s">
        <v>7120</v>
      </c>
      <c r="L20" s="49" t="e">
        <f>VLOOKUP(E20&amp;F20,団体コード!$A$1:$C$1743,3,FALSE)</f>
        <v>#N/A</v>
      </c>
      <c r="M20" s="49" t="e">
        <f>VLOOKUP(E20&amp;F20,団体コード!$A$1:$C$1743,2,FALSE)</f>
        <v>#N/A</v>
      </c>
      <c r="N20" s="51" t="e">
        <f>VLOOKUP(E20,団体コード!$E$1:$F$48,2,FALSE)</f>
        <v>#N/A</v>
      </c>
      <c r="O20" s="51" t="e">
        <f t="shared" si="3"/>
        <v>#N/A</v>
      </c>
      <c r="P20" s="51">
        <v>1</v>
      </c>
      <c r="Q20" s="51" t="s">
        <v>5341</v>
      </c>
      <c r="R20" s="54" t="b">
        <v>1</v>
      </c>
      <c r="S20" s="52" t="s">
        <v>7126</v>
      </c>
      <c r="T20" s="67" t="s">
        <v>7127</v>
      </c>
      <c r="U20" s="75" t="s">
        <v>5331</v>
      </c>
      <c r="V20" s="47" t="s">
        <v>5331</v>
      </c>
      <c r="W20" s="47" t="s">
        <v>5331</v>
      </c>
      <c r="X20" s="47" t="s">
        <v>5331</v>
      </c>
      <c r="Y20" s="47" t="s">
        <v>5331</v>
      </c>
      <c r="Z20" s="28"/>
      <c r="AA20" s="27"/>
      <c r="AB20" s="27"/>
      <c r="AC20" s="27"/>
      <c r="AD20" s="30"/>
      <c r="AE20" s="1"/>
      <c r="AF20" s="23" t="s">
        <v>5331</v>
      </c>
      <c r="AG20" s="26"/>
      <c r="AH20" s="53"/>
    </row>
    <row r="21" spans="1:34" ht="51.6" customHeight="1" x14ac:dyDescent="0.45">
      <c r="A21" s="23">
        <v>15</v>
      </c>
      <c r="B21" s="25"/>
      <c r="C21" s="25"/>
      <c r="D21" s="29"/>
      <c r="E21" s="1"/>
      <c r="F21" s="1"/>
      <c r="G21" s="25"/>
      <c r="H21" s="71"/>
      <c r="I21" s="83"/>
      <c r="J21" s="50" t="str">
        <f t="shared" si="2"/>
        <v/>
      </c>
      <c r="K21" s="23" t="s">
        <v>7120</v>
      </c>
      <c r="L21" s="49" t="e">
        <f>VLOOKUP(E21&amp;F21,団体コード!$A$1:$C$1743,3,FALSE)</f>
        <v>#N/A</v>
      </c>
      <c r="M21" s="49" t="e">
        <f>VLOOKUP(E21&amp;F21,団体コード!$A$1:$C$1743,2,FALSE)</f>
        <v>#N/A</v>
      </c>
      <c r="N21" s="51" t="e">
        <f>VLOOKUP(E21,団体コード!$E$1:$F$48,2,FALSE)</f>
        <v>#N/A</v>
      </c>
      <c r="O21" s="51" t="e">
        <f t="shared" si="3"/>
        <v>#N/A</v>
      </c>
      <c r="P21" s="51">
        <v>1</v>
      </c>
      <c r="Q21" s="51" t="s">
        <v>5341</v>
      </c>
      <c r="R21" s="54" t="b">
        <v>1</v>
      </c>
      <c r="S21" s="52" t="s">
        <v>7126</v>
      </c>
      <c r="T21" s="67" t="s">
        <v>7127</v>
      </c>
      <c r="U21" s="75" t="s">
        <v>5331</v>
      </c>
      <c r="V21" s="47" t="s">
        <v>5331</v>
      </c>
      <c r="W21" s="47" t="s">
        <v>5331</v>
      </c>
      <c r="X21" s="47" t="s">
        <v>5331</v>
      </c>
      <c r="Y21" s="47" t="s">
        <v>5331</v>
      </c>
      <c r="Z21" s="28"/>
      <c r="AA21" s="27"/>
      <c r="AB21" s="27"/>
      <c r="AC21" s="27"/>
      <c r="AD21" s="30"/>
      <c r="AE21" s="1"/>
      <c r="AF21" s="23" t="s">
        <v>5331</v>
      </c>
      <c r="AG21" s="26"/>
      <c r="AH21" s="53"/>
    </row>
    <row r="22" spans="1:34" ht="51.6" customHeight="1" x14ac:dyDescent="0.45">
      <c r="A22" s="23">
        <v>16</v>
      </c>
      <c r="B22" s="25"/>
      <c r="C22" s="25"/>
      <c r="D22" s="29"/>
      <c r="E22" s="1"/>
      <c r="F22" s="1"/>
      <c r="G22" s="25"/>
      <c r="H22" s="71"/>
      <c r="I22" s="83"/>
      <c r="J22" s="50" t="str">
        <f t="shared" si="2"/>
        <v/>
      </c>
      <c r="K22" s="23" t="s">
        <v>7120</v>
      </c>
      <c r="L22" s="49" t="e">
        <f>VLOOKUP(E22&amp;F22,団体コード!$A$1:$C$1743,3,FALSE)</f>
        <v>#N/A</v>
      </c>
      <c r="M22" s="49" t="e">
        <f>VLOOKUP(E22&amp;F22,団体コード!$A$1:$C$1743,2,FALSE)</f>
        <v>#N/A</v>
      </c>
      <c r="N22" s="51" t="e">
        <f>VLOOKUP(E22,団体コード!$E$1:$F$48,2,FALSE)</f>
        <v>#N/A</v>
      </c>
      <c r="O22" s="51" t="e">
        <f t="shared" si="3"/>
        <v>#N/A</v>
      </c>
      <c r="P22" s="51">
        <v>1</v>
      </c>
      <c r="Q22" s="51" t="s">
        <v>5341</v>
      </c>
      <c r="R22" s="54" t="b">
        <v>1</v>
      </c>
      <c r="S22" s="52" t="s">
        <v>7126</v>
      </c>
      <c r="T22" s="67" t="s">
        <v>7127</v>
      </c>
      <c r="U22" s="75" t="s">
        <v>5331</v>
      </c>
      <c r="V22" s="47" t="s">
        <v>5331</v>
      </c>
      <c r="W22" s="47" t="s">
        <v>5331</v>
      </c>
      <c r="X22" s="47" t="s">
        <v>5331</v>
      </c>
      <c r="Y22" s="47" t="s">
        <v>5331</v>
      </c>
      <c r="Z22" s="28"/>
      <c r="AA22" s="27"/>
      <c r="AB22" s="27"/>
      <c r="AC22" s="27"/>
      <c r="AD22" s="30"/>
      <c r="AE22" s="1"/>
      <c r="AF22" s="23" t="s">
        <v>5331</v>
      </c>
      <c r="AG22" s="26"/>
      <c r="AH22" s="53"/>
    </row>
    <row r="23" spans="1:34" ht="51.6" customHeight="1" x14ac:dyDescent="0.45">
      <c r="A23" s="23">
        <v>17</v>
      </c>
      <c r="B23" s="25"/>
      <c r="C23" s="25"/>
      <c r="D23" s="29"/>
      <c r="E23" s="1"/>
      <c r="F23" s="1"/>
      <c r="G23" s="25"/>
      <c r="H23" s="71"/>
      <c r="I23" s="83"/>
      <c r="J23" s="50" t="str">
        <f t="shared" si="2"/>
        <v/>
      </c>
      <c r="K23" s="23" t="s">
        <v>7120</v>
      </c>
      <c r="L23" s="49" t="e">
        <f>VLOOKUP(E23&amp;F23,団体コード!$A$1:$C$1743,3,FALSE)</f>
        <v>#N/A</v>
      </c>
      <c r="M23" s="49" t="e">
        <f>VLOOKUP(E23&amp;F23,団体コード!$A$1:$C$1743,2,FALSE)</f>
        <v>#N/A</v>
      </c>
      <c r="N23" s="51" t="e">
        <f>VLOOKUP(E23,団体コード!$E$1:$F$48,2,FALSE)</f>
        <v>#N/A</v>
      </c>
      <c r="O23" s="51" t="e">
        <f t="shared" si="3"/>
        <v>#N/A</v>
      </c>
      <c r="P23" s="51">
        <v>1</v>
      </c>
      <c r="Q23" s="51" t="s">
        <v>5341</v>
      </c>
      <c r="R23" s="54" t="b">
        <v>1</v>
      </c>
      <c r="S23" s="52" t="s">
        <v>7126</v>
      </c>
      <c r="T23" s="67" t="s">
        <v>7127</v>
      </c>
      <c r="U23" s="75" t="s">
        <v>5331</v>
      </c>
      <c r="V23" s="47" t="s">
        <v>5331</v>
      </c>
      <c r="W23" s="47" t="s">
        <v>5331</v>
      </c>
      <c r="X23" s="47" t="s">
        <v>5331</v>
      </c>
      <c r="Y23" s="47" t="s">
        <v>5331</v>
      </c>
      <c r="Z23" s="28"/>
      <c r="AA23" s="27"/>
      <c r="AB23" s="27"/>
      <c r="AC23" s="27"/>
      <c r="AD23" s="30"/>
      <c r="AE23" s="1"/>
      <c r="AF23" s="23" t="s">
        <v>5331</v>
      </c>
      <c r="AG23" s="26"/>
      <c r="AH23" s="53"/>
    </row>
    <row r="24" spans="1:34" ht="51.6" customHeight="1" x14ac:dyDescent="0.45">
      <c r="A24" s="23">
        <v>18</v>
      </c>
      <c r="B24" s="25"/>
      <c r="C24" s="25"/>
      <c r="D24" s="29"/>
      <c r="E24" s="1"/>
      <c r="F24" s="1"/>
      <c r="G24" s="25"/>
      <c r="H24" s="71"/>
      <c r="I24" s="83"/>
      <c r="J24" s="50" t="str">
        <f t="shared" si="2"/>
        <v/>
      </c>
      <c r="K24" s="23" t="s">
        <v>7120</v>
      </c>
      <c r="L24" s="49" t="e">
        <f>VLOOKUP(E24&amp;F24,団体コード!$A$1:$C$1743,3,FALSE)</f>
        <v>#N/A</v>
      </c>
      <c r="M24" s="49" t="e">
        <f>VLOOKUP(E24&amp;F24,団体コード!$A$1:$C$1743,2,FALSE)</f>
        <v>#N/A</v>
      </c>
      <c r="N24" s="51" t="e">
        <f>VLOOKUP(E24,団体コード!$E$1:$F$48,2,FALSE)</f>
        <v>#N/A</v>
      </c>
      <c r="O24" s="51" t="e">
        <f t="shared" si="3"/>
        <v>#N/A</v>
      </c>
      <c r="P24" s="51">
        <v>1</v>
      </c>
      <c r="Q24" s="51" t="s">
        <v>5341</v>
      </c>
      <c r="R24" s="54" t="b">
        <v>1</v>
      </c>
      <c r="S24" s="52" t="s">
        <v>7126</v>
      </c>
      <c r="T24" s="67" t="s">
        <v>7127</v>
      </c>
      <c r="U24" s="75" t="s">
        <v>5331</v>
      </c>
      <c r="V24" s="47" t="s">
        <v>5331</v>
      </c>
      <c r="W24" s="47" t="s">
        <v>5331</v>
      </c>
      <c r="X24" s="47" t="s">
        <v>5331</v>
      </c>
      <c r="Y24" s="47" t="s">
        <v>5331</v>
      </c>
      <c r="Z24" s="28"/>
      <c r="AA24" s="27"/>
      <c r="AB24" s="27"/>
      <c r="AC24" s="27"/>
      <c r="AD24" s="30"/>
      <c r="AE24" s="1"/>
      <c r="AF24" s="23" t="s">
        <v>5331</v>
      </c>
      <c r="AG24" s="26"/>
      <c r="AH24" s="53"/>
    </row>
    <row r="25" spans="1:34" ht="51.6" customHeight="1" x14ac:dyDescent="0.45">
      <c r="A25" s="23">
        <v>19</v>
      </c>
      <c r="B25" s="25"/>
      <c r="C25" s="25"/>
      <c r="D25" s="29"/>
      <c r="E25" s="1"/>
      <c r="F25" s="1"/>
      <c r="G25" s="25"/>
      <c r="H25" s="71"/>
      <c r="I25" s="83"/>
      <c r="J25" s="50" t="str">
        <f t="shared" si="2"/>
        <v/>
      </c>
      <c r="K25" s="23" t="s">
        <v>7120</v>
      </c>
      <c r="L25" s="49" t="e">
        <f>VLOOKUP(E25&amp;F25,団体コード!$A$1:$C$1743,3,FALSE)</f>
        <v>#N/A</v>
      </c>
      <c r="M25" s="49" t="e">
        <f>VLOOKUP(E25&amp;F25,団体コード!$A$1:$C$1743,2,FALSE)</f>
        <v>#N/A</v>
      </c>
      <c r="N25" s="51" t="e">
        <f>VLOOKUP(E25,団体コード!$E$1:$F$48,2,FALSE)</f>
        <v>#N/A</v>
      </c>
      <c r="O25" s="51" t="e">
        <f t="shared" si="3"/>
        <v>#N/A</v>
      </c>
      <c r="P25" s="51">
        <v>1</v>
      </c>
      <c r="Q25" s="51" t="s">
        <v>5341</v>
      </c>
      <c r="R25" s="54" t="b">
        <v>1</v>
      </c>
      <c r="S25" s="52" t="s">
        <v>7126</v>
      </c>
      <c r="T25" s="67" t="s">
        <v>7127</v>
      </c>
      <c r="U25" s="75" t="s">
        <v>5331</v>
      </c>
      <c r="V25" s="47" t="s">
        <v>5331</v>
      </c>
      <c r="W25" s="47" t="s">
        <v>5331</v>
      </c>
      <c r="X25" s="47" t="s">
        <v>5331</v>
      </c>
      <c r="Y25" s="47" t="s">
        <v>5331</v>
      </c>
      <c r="Z25" s="28"/>
      <c r="AA25" s="27"/>
      <c r="AB25" s="27"/>
      <c r="AC25" s="27"/>
      <c r="AD25" s="30"/>
      <c r="AE25" s="1"/>
      <c r="AF25" s="23" t="s">
        <v>5331</v>
      </c>
      <c r="AG25" s="26"/>
      <c r="AH25" s="53"/>
    </row>
    <row r="26" spans="1:34" ht="51.6" customHeight="1" x14ac:dyDescent="0.45">
      <c r="A26" s="23">
        <v>20</v>
      </c>
      <c r="B26" s="25"/>
      <c r="C26" s="25"/>
      <c r="D26" s="29"/>
      <c r="E26" s="1"/>
      <c r="F26" s="1"/>
      <c r="G26" s="25"/>
      <c r="H26" s="71"/>
      <c r="I26" s="83"/>
      <c r="J26" s="50" t="str">
        <f t="shared" si="2"/>
        <v/>
      </c>
      <c r="K26" s="23" t="s">
        <v>7120</v>
      </c>
      <c r="L26" s="49" t="e">
        <f>VLOOKUP(E26&amp;F26,団体コード!$A$1:$C$1743,3,FALSE)</f>
        <v>#N/A</v>
      </c>
      <c r="M26" s="49" t="e">
        <f>VLOOKUP(E26&amp;F26,団体コード!$A$1:$C$1743,2,FALSE)</f>
        <v>#N/A</v>
      </c>
      <c r="N26" s="51" t="e">
        <f>VLOOKUP(E26,団体コード!$E$1:$F$48,2,FALSE)</f>
        <v>#N/A</v>
      </c>
      <c r="O26" s="51" t="e">
        <f t="shared" si="3"/>
        <v>#N/A</v>
      </c>
      <c r="P26" s="51">
        <v>1</v>
      </c>
      <c r="Q26" s="51" t="s">
        <v>5341</v>
      </c>
      <c r="R26" s="54" t="b">
        <v>1</v>
      </c>
      <c r="S26" s="52" t="s">
        <v>7126</v>
      </c>
      <c r="T26" s="67" t="s">
        <v>7127</v>
      </c>
      <c r="U26" s="75" t="s">
        <v>5331</v>
      </c>
      <c r="V26" s="47" t="s">
        <v>5331</v>
      </c>
      <c r="W26" s="47" t="s">
        <v>5331</v>
      </c>
      <c r="X26" s="47" t="s">
        <v>5331</v>
      </c>
      <c r="Y26" s="47" t="s">
        <v>5331</v>
      </c>
      <c r="Z26" s="28"/>
      <c r="AA26" s="27"/>
      <c r="AB26" s="27"/>
      <c r="AC26" s="27"/>
      <c r="AD26" s="30"/>
      <c r="AE26" s="1"/>
      <c r="AF26" s="23" t="s">
        <v>5331</v>
      </c>
      <c r="AG26" s="26"/>
      <c r="AH26" s="53"/>
    </row>
    <row r="27" spans="1:34" ht="51.6" customHeight="1" x14ac:dyDescent="0.45">
      <c r="A27" s="23">
        <v>21</v>
      </c>
      <c r="B27" s="25"/>
      <c r="C27" s="25"/>
      <c r="D27" s="29"/>
      <c r="E27" s="1"/>
      <c r="F27" s="1"/>
      <c r="G27" s="25"/>
      <c r="H27" s="71"/>
      <c r="I27" s="83"/>
      <c r="J27" s="50" t="str">
        <f t="shared" si="2"/>
        <v/>
      </c>
      <c r="K27" s="23" t="s">
        <v>7120</v>
      </c>
      <c r="L27" s="49" t="e">
        <f>VLOOKUP(E27&amp;F27,団体コード!$A$1:$C$1743,3,FALSE)</f>
        <v>#N/A</v>
      </c>
      <c r="M27" s="49" t="e">
        <f>VLOOKUP(E27&amp;F27,団体コード!$A$1:$C$1743,2,FALSE)</f>
        <v>#N/A</v>
      </c>
      <c r="N27" s="51" t="e">
        <f>VLOOKUP(E27,団体コード!$E$1:$F$48,2,FALSE)</f>
        <v>#N/A</v>
      </c>
      <c r="O27" s="51" t="e">
        <f t="shared" si="3"/>
        <v>#N/A</v>
      </c>
      <c r="P27" s="51">
        <v>1</v>
      </c>
      <c r="Q27" s="51" t="s">
        <v>5341</v>
      </c>
      <c r="R27" s="54" t="b">
        <v>1</v>
      </c>
      <c r="S27" s="52" t="s">
        <v>7126</v>
      </c>
      <c r="T27" s="67" t="s">
        <v>7127</v>
      </c>
      <c r="U27" s="75" t="s">
        <v>5331</v>
      </c>
      <c r="V27" s="47" t="s">
        <v>5331</v>
      </c>
      <c r="W27" s="47" t="s">
        <v>5331</v>
      </c>
      <c r="X27" s="47" t="s">
        <v>5331</v>
      </c>
      <c r="Y27" s="47" t="s">
        <v>5331</v>
      </c>
      <c r="Z27" s="28"/>
      <c r="AA27" s="27"/>
      <c r="AB27" s="27"/>
      <c r="AC27" s="27"/>
      <c r="AD27" s="30"/>
      <c r="AE27" s="1"/>
      <c r="AF27" s="23" t="s">
        <v>5331</v>
      </c>
      <c r="AG27" s="26"/>
      <c r="AH27" s="53"/>
    </row>
    <row r="28" spans="1:34" ht="51.6" customHeight="1" x14ac:dyDescent="0.45">
      <c r="A28" s="23">
        <v>22</v>
      </c>
      <c r="B28" s="25"/>
      <c r="C28" s="25"/>
      <c r="D28" s="29"/>
      <c r="E28" s="1"/>
      <c r="F28" s="1"/>
      <c r="G28" s="25"/>
      <c r="H28" s="71"/>
      <c r="I28" s="83"/>
      <c r="J28" s="50" t="str">
        <f t="shared" si="2"/>
        <v/>
      </c>
      <c r="K28" s="23" t="s">
        <v>7120</v>
      </c>
      <c r="L28" s="49" t="e">
        <f>VLOOKUP(E28&amp;F28,団体コード!$A$1:$C$1743,3,FALSE)</f>
        <v>#N/A</v>
      </c>
      <c r="M28" s="49" t="e">
        <f>VLOOKUP(E28&amp;F28,団体コード!$A$1:$C$1743,2,FALSE)</f>
        <v>#N/A</v>
      </c>
      <c r="N28" s="51" t="e">
        <f>VLOOKUP(E28,団体コード!$E$1:$F$48,2,FALSE)</f>
        <v>#N/A</v>
      </c>
      <c r="O28" s="51" t="e">
        <f t="shared" si="3"/>
        <v>#N/A</v>
      </c>
      <c r="P28" s="51">
        <v>1</v>
      </c>
      <c r="Q28" s="51" t="s">
        <v>5341</v>
      </c>
      <c r="R28" s="54" t="b">
        <v>1</v>
      </c>
      <c r="S28" s="52" t="s">
        <v>7126</v>
      </c>
      <c r="T28" s="67" t="s">
        <v>7127</v>
      </c>
      <c r="U28" s="75" t="s">
        <v>5331</v>
      </c>
      <c r="V28" s="47" t="s">
        <v>5331</v>
      </c>
      <c r="W28" s="47" t="s">
        <v>5331</v>
      </c>
      <c r="X28" s="47" t="s">
        <v>5331</v>
      </c>
      <c r="Y28" s="47" t="s">
        <v>5331</v>
      </c>
      <c r="Z28" s="28"/>
      <c r="AA28" s="27"/>
      <c r="AB28" s="27"/>
      <c r="AC28" s="27"/>
      <c r="AD28" s="30"/>
      <c r="AE28" s="1"/>
      <c r="AF28" s="23" t="s">
        <v>5331</v>
      </c>
      <c r="AG28" s="26"/>
      <c r="AH28" s="53"/>
    </row>
    <row r="29" spans="1:34" ht="51.6" customHeight="1" x14ac:dyDescent="0.45">
      <c r="A29" s="23">
        <v>23</v>
      </c>
      <c r="B29" s="25"/>
      <c r="C29" s="25"/>
      <c r="D29" s="29"/>
      <c r="E29" s="1"/>
      <c r="F29" s="1"/>
      <c r="G29" s="25"/>
      <c r="H29" s="71"/>
      <c r="I29" s="83"/>
      <c r="J29" s="50" t="str">
        <f t="shared" si="2"/>
        <v/>
      </c>
      <c r="K29" s="23" t="s">
        <v>7120</v>
      </c>
      <c r="L29" s="49" t="e">
        <f>VLOOKUP(E29&amp;F29,団体コード!$A$1:$C$1743,3,FALSE)</f>
        <v>#N/A</v>
      </c>
      <c r="M29" s="49" t="e">
        <f>VLOOKUP(E29&amp;F29,団体コード!$A$1:$C$1743,2,FALSE)</f>
        <v>#N/A</v>
      </c>
      <c r="N29" s="51" t="e">
        <f>VLOOKUP(E29,団体コード!$E$1:$F$48,2,FALSE)</f>
        <v>#N/A</v>
      </c>
      <c r="O29" s="51" t="e">
        <f t="shared" si="3"/>
        <v>#N/A</v>
      </c>
      <c r="P29" s="51">
        <v>1</v>
      </c>
      <c r="Q29" s="51" t="s">
        <v>5341</v>
      </c>
      <c r="R29" s="54" t="b">
        <v>1</v>
      </c>
      <c r="S29" s="52" t="s">
        <v>7126</v>
      </c>
      <c r="T29" s="67" t="s">
        <v>7127</v>
      </c>
      <c r="U29" s="75" t="s">
        <v>5331</v>
      </c>
      <c r="V29" s="47" t="s">
        <v>5331</v>
      </c>
      <c r="W29" s="47" t="s">
        <v>5331</v>
      </c>
      <c r="X29" s="47" t="s">
        <v>5331</v>
      </c>
      <c r="Y29" s="47" t="s">
        <v>5331</v>
      </c>
      <c r="Z29" s="28"/>
      <c r="AA29" s="27"/>
      <c r="AB29" s="27"/>
      <c r="AC29" s="27"/>
      <c r="AD29" s="30"/>
      <c r="AE29" s="1"/>
      <c r="AF29" s="23" t="s">
        <v>5331</v>
      </c>
      <c r="AG29" s="26"/>
      <c r="AH29" s="53"/>
    </row>
    <row r="30" spans="1:34" ht="51.6" customHeight="1" x14ac:dyDescent="0.45">
      <c r="A30" s="23">
        <v>24</v>
      </c>
      <c r="B30" s="25"/>
      <c r="C30" s="25"/>
      <c r="D30" s="29"/>
      <c r="E30" s="1"/>
      <c r="F30" s="1"/>
      <c r="G30" s="25"/>
      <c r="H30" s="71"/>
      <c r="I30" s="83"/>
      <c r="J30" s="50" t="str">
        <f t="shared" si="2"/>
        <v/>
      </c>
      <c r="K30" s="23" t="s">
        <v>7120</v>
      </c>
      <c r="L30" s="49" t="e">
        <f>VLOOKUP(E30&amp;F30,団体コード!$A$1:$C$1743,3,FALSE)</f>
        <v>#N/A</v>
      </c>
      <c r="M30" s="49" t="e">
        <f>VLOOKUP(E30&amp;F30,団体コード!$A$1:$C$1743,2,FALSE)</f>
        <v>#N/A</v>
      </c>
      <c r="N30" s="51" t="e">
        <f>VLOOKUP(E30,団体コード!$E$1:$F$48,2,FALSE)</f>
        <v>#N/A</v>
      </c>
      <c r="O30" s="51" t="e">
        <f t="shared" si="3"/>
        <v>#N/A</v>
      </c>
      <c r="P30" s="51">
        <v>1</v>
      </c>
      <c r="Q30" s="51" t="s">
        <v>5341</v>
      </c>
      <c r="R30" s="54" t="b">
        <v>1</v>
      </c>
      <c r="S30" s="52" t="s">
        <v>7126</v>
      </c>
      <c r="T30" s="67" t="s">
        <v>7127</v>
      </c>
      <c r="U30" s="75" t="s">
        <v>5331</v>
      </c>
      <c r="V30" s="47" t="s">
        <v>5331</v>
      </c>
      <c r="W30" s="47" t="s">
        <v>5331</v>
      </c>
      <c r="X30" s="47" t="s">
        <v>5331</v>
      </c>
      <c r="Y30" s="47" t="s">
        <v>5331</v>
      </c>
      <c r="Z30" s="28"/>
      <c r="AA30" s="27"/>
      <c r="AB30" s="27"/>
      <c r="AC30" s="27"/>
      <c r="AD30" s="30"/>
      <c r="AE30" s="1"/>
      <c r="AF30" s="23" t="s">
        <v>5331</v>
      </c>
      <c r="AG30" s="26"/>
      <c r="AH30" s="53"/>
    </row>
    <row r="31" spans="1:34" ht="51.6" customHeight="1" x14ac:dyDescent="0.45">
      <c r="A31" s="23">
        <v>25</v>
      </c>
      <c r="B31" s="25"/>
      <c r="C31" s="25"/>
      <c r="D31" s="29"/>
      <c r="E31" s="1"/>
      <c r="F31" s="1"/>
      <c r="G31" s="25"/>
      <c r="H31" s="71"/>
      <c r="I31" s="83"/>
      <c r="J31" s="50" t="str">
        <f t="shared" si="2"/>
        <v/>
      </c>
      <c r="K31" s="23" t="s">
        <v>7120</v>
      </c>
      <c r="L31" s="49" t="e">
        <f>VLOOKUP(E31&amp;F31,団体コード!$A$1:$C$1743,3,FALSE)</f>
        <v>#N/A</v>
      </c>
      <c r="M31" s="49" t="e">
        <f>VLOOKUP(E31&amp;F31,団体コード!$A$1:$C$1743,2,FALSE)</f>
        <v>#N/A</v>
      </c>
      <c r="N31" s="51" t="e">
        <f>VLOOKUP(E31,団体コード!$E$1:$F$48,2,FALSE)</f>
        <v>#N/A</v>
      </c>
      <c r="O31" s="51" t="e">
        <f t="shared" si="3"/>
        <v>#N/A</v>
      </c>
      <c r="P31" s="51">
        <v>1</v>
      </c>
      <c r="Q31" s="51" t="s">
        <v>5341</v>
      </c>
      <c r="R31" s="54" t="b">
        <v>1</v>
      </c>
      <c r="S31" s="52" t="s">
        <v>7126</v>
      </c>
      <c r="T31" s="67" t="s">
        <v>7127</v>
      </c>
      <c r="U31" s="75" t="s">
        <v>5331</v>
      </c>
      <c r="V31" s="47" t="s">
        <v>5331</v>
      </c>
      <c r="W31" s="47" t="s">
        <v>5331</v>
      </c>
      <c r="X31" s="47" t="s">
        <v>5331</v>
      </c>
      <c r="Y31" s="47" t="s">
        <v>5331</v>
      </c>
      <c r="Z31" s="28"/>
      <c r="AA31" s="27"/>
      <c r="AB31" s="27"/>
      <c r="AC31" s="27"/>
      <c r="AD31" s="30"/>
      <c r="AE31" s="1"/>
      <c r="AF31" s="23" t="s">
        <v>5331</v>
      </c>
      <c r="AG31" s="26"/>
      <c r="AH31" s="53"/>
    </row>
    <row r="32" spans="1:34" ht="51.6" customHeight="1" x14ac:dyDescent="0.45">
      <c r="A32" s="23">
        <v>26</v>
      </c>
      <c r="B32" s="25"/>
      <c r="C32" s="25"/>
      <c r="D32" s="29"/>
      <c r="E32" s="1"/>
      <c r="F32" s="1"/>
      <c r="G32" s="25"/>
      <c r="H32" s="71"/>
      <c r="I32" s="83"/>
      <c r="J32" s="50" t="str">
        <f t="shared" si="2"/>
        <v/>
      </c>
      <c r="K32" s="23" t="s">
        <v>7120</v>
      </c>
      <c r="L32" s="49" t="e">
        <f>VLOOKUP(E32&amp;F32,団体コード!$A$1:$C$1743,3,FALSE)</f>
        <v>#N/A</v>
      </c>
      <c r="M32" s="49" t="e">
        <f>VLOOKUP(E32&amp;F32,団体コード!$A$1:$C$1743,2,FALSE)</f>
        <v>#N/A</v>
      </c>
      <c r="N32" s="51" t="e">
        <f>VLOOKUP(E32,団体コード!$E$1:$F$48,2,FALSE)</f>
        <v>#N/A</v>
      </c>
      <c r="O32" s="51" t="e">
        <f t="shared" si="3"/>
        <v>#N/A</v>
      </c>
      <c r="P32" s="51">
        <v>1</v>
      </c>
      <c r="Q32" s="51" t="s">
        <v>5341</v>
      </c>
      <c r="R32" s="54" t="b">
        <v>1</v>
      </c>
      <c r="S32" s="52" t="s">
        <v>7126</v>
      </c>
      <c r="T32" s="67" t="s">
        <v>7127</v>
      </c>
      <c r="U32" s="75" t="s">
        <v>5331</v>
      </c>
      <c r="V32" s="47" t="s">
        <v>5331</v>
      </c>
      <c r="W32" s="47" t="s">
        <v>5331</v>
      </c>
      <c r="X32" s="47" t="s">
        <v>5331</v>
      </c>
      <c r="Y32" s="47" t="s">
        <v>5331</v>
      </c>
      <c r="Z32" s="28"/>
      <c r="AA32" s="27"/>
      <c r="AB32" s="27"/>
      <c r="AC32" s="27"/>
      <c r="AD32" s="30"/>
      <c r="AE32" s="1"/>
      <c r="AF32" s="23" t="s">
        <v>5331</v>
      </c>
      <c r="AG32" s="26"/>
      <c r="AH32" s="53"/>
    </row>
    <row r="33" spans="1:34" ht="51.6" customHeight="1" x14ac:dyDescent="0.45">
      <c r="A33" s="23">
        <v>27</v>
      </c>
      <c r="B33" s="25"/>
      <c r="C33" s="25"/>
      <c r="D33" s="29"/>
      <c r="E33" s="1"/>
      <c r="F33" s="1"/>
      <c r="G33" s="25"/>
      <c r="H33" s="71"/>
      <c r="I33" s="83"/>
      <c r="J33" s="50" t="str">
        <f t="shared" si="2"/>
        <v/>
      </c>
      <c r="K33" s="23" t="s">
        <v>7120</v>
      </c>
      <c r="L33" s="49" t="e">
        <f>VLOOKUP(E33&amp;F33,団体コード!$A$1:$C$1743,3,FALSE)</f>
        <v>#N/A</v>
      </c>
      <c r="M33" s="49" t="e">
        <f>VLOOKUP(E33&amp;F33,団体コード!$A$1:$C$1743,2,FALSE)</f>
        <v>#N/A</v>
      </c>
      <c r="N33" s="51" t="e">
        <f>VLOOKUP(E33,団体コード!$E$1:$F$48,2,FALSE)</f>
        <v>#N/A</v>
      </c>
      <c r="O33" s="51" t="e">
        <f t="shared" si="3"/>
        <v>#N/A</v>
      </c>
      <c r="P33" s="51">
        <v>1</v>
      </c>
      <c r="Q33" s="51" t="s">
        <v>5341</v>
      </c>
      <c r="R33" s="54" t="b">
        <v>1</v>
      </c>
      <c r="S33" s="52" t="s">
        <v>7126</v>
      </c>
      <c r="T33" s="67" t="s">
        <v>7127</v>
      </c>
      <c r="U33" s="75" t="s">
        <v>5331</v>
      </c>
      <c r="V33" s="47" t="s">
        <v>5331</v>
      </c>
      <c r="W33" s="47" t="s">
        <v>5331</v>
      </c>
      <c r="X33" s="47" t="s">
        <v>5331</v>
      </c>
      <c r="Y33" s="47" t="s">
        <v>5331</v>
      </c>
      <c r="Z33" s="28"/>
      <c r="AA33" s="27"/>
      <c r="AB33" s="27"/>
      <c r="AC33" s="27"/>
      <c r="AD33" s="30"/>
      <c r="AE33" s="1"/>
      <c r="AF33" s="23" t="s">
        <v>5331</v>
      </c>
      <c r="AG33" s="26"/>
      <c r="AH33" s="53"/>
    </row>
    <row r="34" spans="1:34" ht="51.6" customHeight="1" x14ac:dyDescent="0.45">
      <c r="A34" s="23">
        <v>28</v>
      </c>
      <c r="B34" s="25"/>
      <c r="C34" s="25"/>
      <c r="D34" s="29"/>
      <c r="E34" s="1"/>
      <c r="F34" s="1"/>
      <c r="G34" s="25"/>
      <c r="H34" s="71"/>
      <c r="I34" s="83"/>
      <c r="J34" s="50" t="str">
        <f t="shared" si="2"/>
        <v/>
      </c>
      <c r="K34" s="23" t="s">
        <v>7120</v>
      </c>
      <c r="L34" s="49" t="e">
        <f>VLOOKUP(E34&amp;F34,団体コード!$A$1:$C$1743,3,FALSE)</f>
        <v>#N/A</v>
      </c>
      <c r="M34" s="49" t="e">
        <f>VLOOKUP(E34&amp;F34,団体コード!$A$1:$C$1743,2,FALSE)</f>
        <v>#N/A</v>
      </c>
      <c r="N34" s="51" t="e">
        <f>VLOOKUP(E34,団体コード!$E$1:$F$48,2,FALSE)</f>
        <v>#N/A</v>
      </c>
      <c r="O34" s="51" t="e">
        <f t="shared" si="3"/>
        <v>#N/A</v>
      </c>
      <c r="P34" s="51">
        <v>1</v>
      </c>
      <c r="Q34" s="51" t="s">
        <v>5341</v>
      </c>
      <c r="R34" s="54" t="b">
        <v>1</v>
      </c>
      <c r="S34" s="52" t="s">
        <v>7126</v>
      </c>
      <c r="T34" s="67" t="s">
        <v>7127</v>
      </c>
      <c r="U34" s="75" t="s">
        <v>5331</v>
      </c>
      <c r="V34" s="47" t="s">
        <v>5331</v>
      </c>
      <c r="W34" s="47" t="s">
        <v>5331</v>
      </c>
      <c r="X34" s="47" t="s">
        <v>5331</v>
      </c>
      <c r="Y34" s="47" t="s">
        <v>5331</v>
      </c>
      <c r="Z34" s="28"/>
      <c r="AA34" s="27"/>
      <c r="AB34" s="27"/>
      <c r="AC34" s="27"/>
      <c r="AD34" s="30"/>
      <c r="AE34" s="1"/>
      <c r="AF34" s="23" t="s">
        <v>5331</v>
      </c>
      <c r="AG34" s="26"/>
      <c r="AH34" s="53"/>
    </row>
    <row r="35" spans="1:34" ht="51.6" customHeight="1" x14ac:dyDescent="0.45">
      <c r="A35" s="23">
        <v>29</v>
      </c>
      <c r="B35" s="25"/>
      <c r="C35" s="25"/>
      <c r="D35" s="29"/>
      <c r="E35" s="1"/>
      <c r="F35" s="1"/>
      <c r="G35" s="25"/>
      <c r="H35" s="71"/>
      <c r="I35" s="83"/>
      <c r="J35" s="50" t="str">
        <f t="shared" si="2"/>
        <v/>
      </c>
      <c r="K35" s="23" t="s">
        <v>7120</v>
      </c>
      <c r="L35" s="49" t="e">
        <f>VLOOKUP(E35&amp;F35,団体コード!$A$1:$C$1743,3,FALSE)</f>
        <v>#N/A</v>
      </c>
      <c r="M35" s="49" t="e">
        <f>VLOOKUP(E35&amp;F35,団体コード!$A$1:$C$1743,2,FALSE)</f>
        <v>#N/A</v>
      </c>
      <c r="N35" s="51" t="e">
        <f>VLOOKUP(E35,団体コード!$E$1:$F$48,2,FALSE)</f>
        <v>#N/A</v>
      </c>
      <c r="O35" s="51" t="e">
        <f t="shared" si="3"/>
        <v>#N/A</v>
      </c>
      <c r="P35" s="51">
        <v>1</v>
      </c>
      <c r="Q35" s="51" t="s">
        <v>5341</v>
      </c>
      <c r="R35" s="54" t="b">
        <v>1</v>
      </c>
      <c r="S35" s="52" t="s">
        <v>7126</v>
      </c>
      <c r="T35" s="67" t="s">
        <v>7127</v>
      </c>
      <c r="U35" s="75" t="s">
        <v>5331</v>
      </c>
      <c r="V35" s="47" t="s">
        <v>5331</v>
      </c>
      <c r="W35" s="47" t="s">
        <v>5331</v>
      </c>
      <c r="X35" s="47" t="s">
        <v>5331</v>
      </c>
      <c r="Y35" s="47" t="s">
        <v>5331</v>
      </c>
      <c r="Z35" s="28"/>
      <c r="AA35" s="27"/>
      <c r="AB35" s="27"/>
      <c r="AC35" s="27"/>
      <c r="AD35" s="30"/>
      <c r="AE35" s="1"/>
      <c r="AF35" s="23" t="s">
        <v>5331</v>
      </c>
      <c r="AG35" s="26"/>
      <c r="AH35" s="53"/>
    </row>
    <row r="36" spans="1:34" ht="51.6" customHeight="1" x14ac:dyDescent="0.45">
      <c r="A36" s="23">
        <v>30</v>
      </c>
      <c r="B36" s="25"/>
      <c r="C36" s="25"/>
      <c r="D36" s="29"/>
      <c r="E36" s="1"/>
      <c r="F36" s="1"/>
      <c r="G36" s="25"/>
      <c r="H36" s="71"/>
      <c r="I36" s="83"/>
      <c r="J36" s="50" t="str">
        <f t="shared" si="2"/>
        <v/>
      </c>
      <c r="K36" s="23" t="s">
        <v>7120</v>
      </c>
      <c r="L36" s="49" t="e">
        <f>VLOOKUP(E36&amp;F36,団体コード!$A$1:$C$1743,3,FALSE)</f>
        <v>#N/A</v>
      </c>
      <c r="M36" s="49" t="e">
        <f>VLOOKUP(E36&amp;F36,団体コード!$A$1:$C$1743,2,FALSE)</f>
        <v>#N/A</v>
      </c>
      <c r="N36" s="51" t="e">
        <f>VLOOKUP(E36,団体コード!$E$1:$F$48,2,FALSE)</f>
        <v>#N/A</v>
      </c>
      <c r="O36" s="51" t="e">
        <f t="shared" si="3"/>
        <v>#N/A</v>
      </c>
      <c r="P36" s="51">
        <v>1</v>
      </c>
      <c r="Q36" s="51" t="s">
        <v>5341</v>
      </c>
      <c r="R36" s="54" t="b">
        <v>1</v>
      </c>
      <c r="S36" s="52" t="s">
        <v>7126</v>
      </c>
      <c r="T36" s="67" t="s">
        <v>7127</v>
      </c>
      <c r="U36" s="75" t="s">
        <v>5331</v>
      </c>
      <c r="V36" s="47" t="s">
        <v>5331</v>
      </c>
      <c r="W36" s="47" t="s">
        <v>5331</v>
      </c>
      <c r="X36" s="47" t="s">
        <v>5331</v>
      </c>
      <c r="Y36" s="47" t="s">
        <v>5331</v>
      </c>
      <c r="Z36" s="28"/>
      <c r="AA36" s="27"/>
      <c r="AB36" s="27"/>
      <c r="AC36" s="27"/>
      <c r="AD36" s="30"/>
      <c r="AE36" s="1"/>
      <c r="AF36" s="23" t="s">
        <v>5331</v>
      </c>
      <c r="AG36" s="26"/>
      <c r="AH36" s="53"/>
    </row>
    <row r="37" spans="1:34" ht="51.6" customHeight="1" x14ac:dyDescent="0.45">
      <c r="A37" s="23">
        <v>31</v>
      </c>
      <c r="B37" s="25"/>
      <c r="C37" s="25"/>
      <c r="D37" s="29"/>
      <c r="E37" s="1"/>
      <c r="F37" s="1"/>
      <c r="G37" s="25"/>
      <c r="H37" s="71"/>
      <c r="I37" s="83"/>
      <c r="J37" s="50" t="str">
        <f t="shared" si="2"/>
        <v/>
      </c>
      <c r="K37" s="23" t="s">
        <v>7120</v>
      </c>
      <c r="L37" s="49" t="e">
        <f>VLOOKUP(E37&amp;F37,団体コード!$A$1:$C$1743,3,FALSE)</f>
        <v>#N/A</v>
      </c>
      <c r="M37" s="49" t="e">
        <f>VLOOKUP(E37&amp;F37,団体コード!$A$1:$C$1743,2,FALSE)</f>
        <v>#N/A</v>
      </c>
      <c r="N37" s="51" t="e">
        <f>VLOOKUP(E37,団体コード!$E$1:$F$48,2,FALSE)</f>
        <v>#N/A</v>
      </c>
      <c r="O37" s="51" t="e">
        <f t="shared" si="3"/>
        <v>#N/A</v>
      </c>
      <c r="P37" s="51">
        <v>1</v>
      </c>
      <c r="Q37" s="51" t="s">
        <v>5341</v>
      </c>
      <c r="R37" s="54" t="b">
        <v>1</v>
      </c>
      <c r="S37" s="52" t="s">
        <v>7126</v>
      </c>
      <c r="T37" s="67" t="s">
        <v>7127</v>
      </c>
      <c r="U37" s="75" t="s">
        <v>5331</v>
      </c>
      <c r="V37" s="47" t="s">
        <v>5331</v>
      </c>
      <c r="W37" s="47" t="s">
        <v>5331</v>
      </c>
      <c r="X37" s="47" t="s">
        <v>5331</v>
      </c>
      <c r="Y37" s="47" t="s">
        <v>5331</v>
      </c>
      <c r="Z37" s="28"/>
      <c r="AA37" s="27"/>
      <c r="AB37" s="27"/>
      <c r="AC37" s="27"/>
      <c r="AD37" s="30"/>
      <c r="AE37" s="1"/>
      <c r="AF37" s="23" t="s">
        <v>5331</v>
      </c>
      <c r="AG37" s="26"/>
      <c r="AH37" s="53"/>
    </row>
    <row r="38" spans="1:34" ht="51.6" customHeight="1" x14ac:dyDescent="0.45">
      <c r="A38" s="23">
        <v>32</v>
      </c>
      <c r="B38" s="25"/>
      <c r="C38" s="25"/>
      <c r="D38" s="29"/>
      <c r="E38" s="1"/>
      <c r="F38" s="1"/>
      <c r="G38" s="25"/>
      <c r="H38" s="71"/>
      <c r="I38" s="83"/>
      <c r="J38" s="50" t="str">
        <f t="shared" si="2"/>
        <v/>
      </c>
      <c r="K38" s="23" t="s">
        <v>7120</v>
      </c>
      <c r="L38" s="49" t="e">
        <f>VLOOKUP(E38&amp;F38,団体コード!$A$1:$C$1743,3,FALSE)</f>
        <v>#N/A</v>
      </c>
      <c r="M38" s="49" t="e">
        <f>VLOOKUP(E38&amp;F38,団体コード!$A$1:$C$1743,2,FALSE)</f>
        <v>#N/A</v>
      </c>
      <c r="N38" s="51" t="e">
        <f>VLOOKUP(E38,団体コード!$E$1:$F$48,2,FALSE)</f>
        <v>#N/A</v>
      </c>
      <c r="O38" s="51" t="e">
        <f t="shared" si="3"/>
        <v>#N/A</v>
      </c>
      <c r="P38" s="51">
        <v>1</v>
      </c>
      <c r="Q38" s="51" t="s">
        <v>5341</v>
      </c>
      <c r="R38" s="54" t="b">
        <v>1</v>
      </c>
      <c r="S38" s="52" t="s">
        <v>7126</v>
      </c>
      <c r="T38" s="67" t="s">
        <v>7127</v>
      </c>
      <c r="U38" s="75" t="s">
        <v>5331</v>
      </c>
      <c r="V38" s="47" t="s">
        <v>5331</v>
      </c>
      <c r="W38" s="47" t="s">
        <v>5331</v>
      </c>
      <c r="X38" s="47" t="s">
        <v>5331</v>
      </c>
      <c r="Y38" s="47" t="s">
        <v>5331</v>
      </c>
      <c r="Z38" s="28"/>
      <c r="AA38" s="27"/>
      <c r="AB38" s="27"/>
      <c r="AC38" s="27"/>
      <c r="AD38" s="30"/>
      <c r="AE38" s="1"/>
      <c r="AF38" s="23" t="s">
        <v>5331</v>
      </c>
      <c r="AG38" s="26"/>
      <c r="AH38" s="53"/>
    </row>
    <row r="39" spans="1:34" ht="51.6" customHeight="1" x14ac:dyDescent="0.45">
      <c r="A39" s="23">
        <v>33</v>
      </c>
      <c r="B39" s="25"/>
      <c r="C39" s="25"/>
      <c r="D39" s="29"/>
      <c r="E39" s="1"/>
      <c r="F39" s="1"/>
      <c r="G39" s="25"/>
      <c r="H39" s="71"/>
      <c r="I39" s="83"/>
      <c r="J39" s="50" t="str">
        <f t="shared" si="2"/>
        <v/>
      </c>
      <c r="K39" s="23" t="s">
        <v>7120</v>
      </c>
      <c r="L39" s="49" t="e">
        <f>VLOOKUP(E39&amp;F39,団体コード!$A$1:$C$1743,3,FALSE)</f>
        <v>#N/A</v>
      </c>
      <c r="M39" s="49" t="e">
        <f>VLOOKUP(E39&amp;F39,団体コード!$A$1:$C$1743,2,FALSE)</f>
        <v>#N/A</v>
      </c>
      <c r="N39" s="51" t="e">
        <f>VLOOKUP(E39,団体コード!$E$1:$F$48,2,FALSE)</f>
        <v>#N/A</v>
      </c>
      <c r="O39" s="51" t="e">
        <f t="shared" si="3"/>
        <v>#N/A</v>
      </c>
      <c r="P39" s="51">
        <v>1</v>
      </c>
      <c r="Q39" s="51" t="s">
        <v>5341</v>
      </c>
      <c r="R39" s="54" t="b">
        <v>1</v>
      </c>
      <c r="S39" s="52" t="s">
        <v>7126</v>
      </c>
      <c r="T39" s="67" t="s">
        <v>7127</v>
      </c>
      <c r="U39" s="75" t="s">
        <v>5331</v>
      </c>
      <c r="V39" s="47" t="s">
        <v>5331</v>
      </c>
      <c r="W39" s="47" t="s">
        <v>5331</v>
      </c>
      <c r="X39" s="47" t="s">
        <v>5331</v>
      </c>
      <c r="Y39" s="47" t="s">
        <v>5331</v>
      </c>
      <c r="Z39" s="28"/>
      <c r="AA39" s="27"/>
      <c r="AB39" s="27"/>
      <c r="AC39" s="27"/>
      <c r="AD39" s="30"/>
      <c r="AE39" s="1"/>
      <c r="AF39" s="23" t="s">
        <v>5331</v>
      </c>
      <c r="AG39" s="26"/>
      <c r="AH39" s="53"/>
    </row>
    <row r="40" spans="1:34" ht="51.6" customHeight="1" x14ac:dyDescent="0.45">
      <c r="A40" s="23">
        <v>34</v>
      </c>
      <c r="B40" s="25"/>
      <c r="C40" s="25"/>
      <c r="D40" s="29"/>
      <c r="E40" s="1"/>
      <c r="F40" s="1"/>
      <c r="G40" s="25"/>
      <c r="H40" s="71"/>
      <c r="I40" s="83"/>
      <c r="J40" s="50" t="str">
        <f t="shared" si="2"/>
        <v/>
      </c>
      <c r="K40" s="23" t="s">
        <v>7120</v>
      </c>
      <c r="L40" s="49" t="e">
        <f>VLOOKUP(E40&amp;F40,団体コード!$A$1:$C$1743,3,FALSE)</f>
        <v>#N/A</v>
      </c>
      <c r="M40" s="49" t="e">
        <f>VLOOKUP(E40&amp;F40,団体コード!$A$1:$C$1743,2,FALSE)</f>
        <v>#N/A</v>
      </c>
      <c r="N40" s="51" t="e">
        <f>VLOOKUP(E40,団体コード!$E$1:$F$48,2,FALSE)</f>
        <v>#N/A</v>
      </c>
      <c r="O40" s="51" t="e">
        <f t="shared" si="3"/>
        <v>#N/A</v>
      </c>
      <c r="P40" s="51">
        <v>1</v>
      </c>
      <c r="Q40" s="51" t="s">
        <v>5341</v>
      </c>
      <c r="R40" s="54" t="b">
        <v>1</v>
      </c>
      <c r="S40" s="52" t="s">
        <v>7126</v>
      </c>
      <c r="T40" s="67" t="s">
        <v>7127</v>
      </c>
      <c r="U40" s="75" t="s">
        <v>5331</v>
      </c>
      <c r="V40" s="47" t="s">
        <v>5331</v>
      </c>
      <c r="W40" s="47" t="s">
        <v>5331</v>
      </c>
      <c r="X40" s="47" t="s">
        <v>5331</v>
      </c>
      <c r="Y40" s="47" t="s">
        <v>5331</v>
      </c>
      <c r="Z40" s="28"/>
      <c r="AA40" s="27"/>
      <c r="AB40" s="27"/>
      <c r="AC40" s="27"/>
      <c r="AD40" s="30"/>
      <c r="AE40" s="1"/>
      <c r="AF40" s="23" t="s">
        <v>5331</v>
      </c>
      <c r="AG40" s="26"/>
      <c r="AH40" s="53"/>
    </row>
    <row r="41" spans="1:34" ht="51.6" customHeight="1" x14ac:dyDescent="0.45">
      <c r="A41" s="23">
        <v>35</v>
      </c>
      <c r="B41" s="25"/>
      <c r="C41" s="25"/>
      <c r="D41" s="29"/>
      <c r="E41" s="1"/>
      <c r="F41" s="1"/>
      <c r="G41" s="25"/>
      <c r="H41" s="71"/>
      <c r="I41" s="83"/>
      <c r="J41" s="50" t="str">
        <f t="shared" si="2"/>
        <v/>
      </c>
      <c r="K41" s="23" t="s">
        <v>7120</v>
      </c>
      <c r="L41" s="49" t="e">
        <f>VLOOKUP(E41&amp;F41,団体コード!$A$1:$C$1743,3,FALSE)</f>
        <v>#N/A</v>
      </c>
      <c r="M41" s="49" t="e">
        <f>VLOOKUP(E41&amp;F41,団体コード!$A$1:$C$1743,2,FALSE)</f>
        <v>#N/A</v>
      </c>
      <c r="N41" s="51" t="e">
        <f>VLOOKUP(E41,団体コード!$E$1:$F$48,2,FALSE)</f>
        <v>#N/A</v>
      </c>
      <c r="O41" s="51" t="e">
        <f t="shared" si="3"/>
        <v>#N/A</v>
      </c>
      <c r="P41" s="51">
        <v>1</v>
      </c>
      <c r="Q41" s="51" t="s">
        <v>5341</v>
      </c>
      <c r="R41" s="54" t="b">
        <v>1</v>
      </c>
      <c r="S41" s="52" t="s">
        <v>7126</v>
      </c>
      <c r="T41" s="67" t="s">
        <v>7127</v>
      </c>
      <c r="U41" s="75" t="s">
        <v>5331</v>
      </c>
      <c r="V41" s="47" t="s">
        <v>5331</v>
      </c>
      <c r="W41" s="47" t="s">
        <v>5331</v>
      </c>
      <c r="X41" s="47" t="s">
        <v>5331</v>
      </c>
      <c r="Y41" s="47" t="s">
        <v>5331</v>
      </c>
      <c r="Z41" s="28"/>
      <c r="AA41" s="27"/>
      <c r="AB41" s="27"/>
      <c r="AC41" s="27"/>
      <c r="AD41" s="30"/>
      <c r="AE41" s="1"/>
      <c r="AF41" s="23" t="s">
        <v>5331</v>
      </c>
      <c r="AG41" s="26"/>
      <c r="AH41" s="53"/>
    </row>
    <row r="42" spans="1:34" ht="51.6" customHeight="1" x14ac:dyDescent="0.45">
      <c r="A42" s="23">
        <v>36</v>
      </c>
      <c r="B42" s="25"/>
      <c r="C42" s="25"/>
      <c r="D42" s="29"/>
      <c r="E42" s="1"/>
      <c r="F42" s="1"/>
      <c r="G42" s="25"/>
      <c r="H42" s="71"/>
      <c r="I42" s="83"/>
      <c r="J42" s="50" t="str">
        <f t="shared" si="2"/>
        <v/>
      </c>
      <c r="K42" s="23" t="s">
        <v>7120</v>
      </c>
      <c r="L42" s="49" t="e">
        <f>VLOOKUP(E42&amp;F42,団体コード!$A$1:$C$1743,3,FALSE)</f>
        <v>#N/A</v>
      </c>
      <c r="M42" s="49" t="e">
        <f>VLOOKUP(E42&amp;F42,団体コード!$A$1:$C$1743,2,FALSE)</f>
        <v>#N/A</v>
      </c>
      <c r="N42" s="51" t="e">
        <f>VLOOKUP(E42,団体コード!$E$1:$F$48,2,FALSE)</f>
        <v>#N/A</v>
      </c>
      <c r="O42" s="51" t="e">
        <f t="shared" si="3"/>
        <v>#N/A</v>
      </c>
      <c r="P42" s="51">
        <v>1</v>
      </c>
      <c r="Q42" s="51" t="s">
        <v>5341</v>
      </c>
      <c r="R42" s="54" t="b">
        <v>1</v>
      </c>
      <c r="S42" s="52" t="s">
        <v>7126</v>
      </c>
      <c r="T42" s="67" t="s">
        <v>7127</v>
      </c>
      <c r="U42" s="75" t="s">
        <v>5331</v>
      </c>
      <c r="V42" s="47" t="s">
        <v>5331</v>
      </c>
      <c r="W42" s="47" t="s">
        <v>5331</v>
      </c>
      <c r="X42" s="47" t="s">
        <v>5331</v>
      </c>
      <c r="Y42" s="47" t="s">
        <v>5331</v>
      </c>
      <c r="Z42" s="28"/>
      <c r="AA42" s="27"/>
      <c r="AB42" s="27"/>
      <c r="AC42" s="27"/>
      <c r="AD42" s="30"/>
      <c r="AE42" s="1"/>
      <c r="AF42" s="23" t="s">
        <v>5331</v>
      </c>
      <c r="AG42" s="26"/>
      <c r="AH42" s="53"/>
    </row>
    <row r="43" spans="1:34" ht="51.6" customHeight="1" x14ac:dyDescent="0.45">
      <c r="A43" s="23">
        <v>37</v>
      </c>
      <c r="B43" s="25"/>
      <c r="C43" s="25"/>
      <c r="D43" s="29"/>
      <c r="E43" s="1"/>
      <c r="F43" s="1"/>
      <c r="G43" s="25"/>
      <c r="H43" s="71"/>
      <c r="I43" s="83"/>
      <c r="J43" s="50" t="str">
        <f t="shared" si="2"/>
        <v/>
      </c>
      <c r="K43" s="23" t="s">
        <v>7120</v>
      </c>
      <c r="L43" s="49" t="e">
        <f>VLOOKUP(E43&amp;F43,団体コード!$A$1:$C$1743,3,FALSE)</f>
        <v>#N/A</v>
      </c>
      <c r="M43" s="49" t="e">
        <f>VLOOKUP(E43&amp;F43,団体コード!$A$1:$C$1743,2,FALSE)</f>
        <v>#N/A</v>
      </c>
      <c r="N43" s="51" t="e">
        <f>VLOOKUP(E43,団体コード!$E$1:$F$48,2,FALSE)</f>
        <v>#N/A</v>
      </c>
      <c r="O43" s="51" t="e">
        <f t="shared" si="3"/>
        <v>#N/A</v>
      </c>
      <c r="P43" s="51">
        <v>1</v>
      </c>
      <c r="Q43" s="51" t="s">
        <v>5341</v>
      </c>
      <c r="R43" s="54" t="b">
        <v>1</v>
      </c>
      <c r="S43" s="52" t="s">
        <v>7126</v>
      </c>
      <c r="T43" s="67" t="s">
        <v>7127</v>
      </c>
      <c r="U43" s="75" t="s">
        <v>5331</v>
      </c>
      <c r="V43" s="47" t="s">
        <v>5331</v>
      </c>
      <c r="W43" s="47" t="s">
        <v>5331</v>
      </c>
      <c r="X43" s="47" t="s">
        <v>5331</v>
      </c>
      <c r="Y43" s="47" t="s">
        <v>5331</v>
      </c>
      <c r="Z43" s="28"/>
      <c r="AA43" s="27"/>
      <c r="AB43" s="27"/>
      <c r="AC43" s="27"/>
      <c r="AD43" s="30"/>
      <c r="AE43" s="1"/>
      <c r="AF43" s="23" t="s">
        <v>5331</v>
      </c>
      <c r="AG43" s="26"/>
      <c r="AH43" s="53"/>
    </row>
    <row r="44" spans="1:34" ht="51.6" customHeight="1" x14ac:dyDescent="0.45">
      <c r="A44" s="23">
        <v>38</v>
      </c>
      <c r="B44" s="25"/>
      <c r="C44" s="25"/>
      <c r="D44" s="29"/>
      <c r="E44" s="1"/>
      <c r="F44" s="1"/>
      <c r="G44" s="25"/>
      <c r="H44" s="71"/>
      <c r="I44" s="83"/>
      <c r="J44" s="50" t="str">
        <f t="shared" si="2"/>
        <v/>
      </c>
      <c r="K44" s="23" t="s">
        <v>7120</v>
      </c>
      <c r="L44" s="49" t="e">
        <f>VLOOKUP(E44&amp;F44,団体コード!$A$1:$C$1743,3,FALSE)</f>
        <v>#N/A</v>
      </c>
      <c r="M44" s="49" t="e">
        <f>VLOOKUP(E44&amp;F44,団体コード!$A$1:$C$1743,2,FALSE)</f>
        <v>#N/A</v>
      </c>
      <c r="N44" s="51" t="e">
        <f>VLOOKUP(E44,団体コード!$E$1:$F$48,2,FALSE)</f>
        <v>#N/A</v>
      </c>
      <c r="O44" s="51" t="e">
        <f t="shared" si="3"/>
        <v>#N/A</v>
      </c>
      <c r="P44" s="51">
        <v>1</v>
      </c>
      <c r="Q44" s="51" t="s">
        <v>5341</v>
      </c>
      <c r="R44" s="54" t="b">
        <v>1</v>
      </c>
      <c r="S44" s="52" t="s">
        <v>7126</v>
      </c>
      <c r="T44" s="67" t="s">
        <v>7127</v>
      </c>
      <c r="U44" s="75" t="s">
        <v>5331</v>
      </c>
      <c r="V44" s="47" t="s">
        <v>5331</v>
      </c>
      <c r="W44" s="47" t="s">
        <v>5331</v>
      </c>
      <c r="X44" s="47" t="s">
        <v>5331</v>
      </c>
      <c r="Y44" s="47" t="s">
        <v>5331</v>
      </c>
      <c r="Z44" s="28"/>
      <c r="AA44" s="27"/>
      <c r="AB44" s="27"/>
      <c r="AC44" s="27"/>
      <c r="AD44" s="30"/>
      <c r="AE44" s="1"/>
      <c r="AF44" s="23" t="s">
        <v>5331</v>
      </c>
      <c r="AG44" s="26"/>
      <c r="AH44" s="53"/>
    </row>
    <row r="45" spans="1:34" ht="51.6" customHeight="1" x14ac:dyDescent="0.45">
      <c r="A45" s="23">
        <v>39</v>
      </c>
      <c r="B45" s="25"/>
      <c r="C45" s="25"/>
      <c r="D45" s="29"/>
      <c r="E45" s="1"/>
      <c r="F45" s="1"/>
      <c r="G45" s="25"/>
      <c r="H45" s="71"/>
      <c r="I45" s="83"/>
      <c r="J45" s="50" t="str">
        <f t="shared" si="2"/>
        <v/>
      </c>
      <c r="K45" s="23" t="s">
        <v>7120</v>
      </c>
      <c r="L45" s="49" t="e">
        <f>VLOOKUP(E45&amp;F45,団体コード!$A$1:$C$1743,3,FALSE)</f>
        <v>#N/A</v>
      </c>
      <c r="M45" s="49" t="e">
        <f>VLOOKUP(E45&amp;F45,団体コード!$A$1:$C$1743,2,FALSE)</f>
        <v>#N/A</v>
      </c>
      <c r="N45" s="51" t="e">
        <f>VLOOKUP(E45,団体コード!$E$1:$F$48,2,FALSE)</f>
        <v>#N/A</v>
      </c>
      <c r="O45" s="51" t="e">
        <f t="shared" si="3"/>
        <v>#N/A</v>
      </c>
      <c r="P45" s="51">
        <v>1</v>
      </c>
      <c r="Q45" s="51" t="s">
        <v>5341</v>
      </c>
      <c r="R45" s="54" t="b">
        <v>1</v>
      </c>
      <c r="S45" s="52" t="s">
        <v>7126</v>
      </c>
      <c r="T45" s="67" t="s">
        <v>7127</v>
      </c>
      <c r="U45" s="75" t="s">
        <v>5331</v>
      </c>
      <c r="V45" s="47" t="s">
        <v>5331</v>
      </c>
      <c r="W45" s="47" t="s">
        <v>5331</v>
      </c>
      <c r="X45" s="47" t="s">
        <v>5331</v>
      </c>
      <c r="Y45" s="47" t="s">
        <v>5331</v>
      </c>
      <c r="Z45" s="28"/>
      <c r="AA45" s="27"/>
      <c r="AB45" s="27"/>
      <c r="AC45" s="27"/>
      <c r="AD45" s="30"/>
      <c r="AE45" s="1"/>
      <c r="AF45" s="23" t="s">
        <v>5331</v>
      </c>
      <c r="AG45" s="26"/>
      <c r="AH45" s="53"/>
    </row>
    <row r="46" spans="1:34" ht="51.6" customHeight="1" x14ac:dyDescent="0.45">
      <c r="A46" s="23">
        <v>40</v>
      </c>
      <c r="B46" s="25"/>
      <c r="C46" s="25"/>
      <c r="D46" s="29"/>
      <c r="E46" s="1"/>
      <c r="F46" s="1"/>
      <c r="G46" s="25"/>
      <c r="H46" s="71"/>
      <c r="I46" s="83"/>
      <c r="J46" s="50" t="str">
        <f t="shared" si="2"/>
        <v/>
      </c>
      <c r="K46" s="23" t="s">
        <v>7120</v>
      </c>
      <c r="L46" s="49" t="e">
        <f>VLOOKUP(E46&amp;F46,団体コード!$A$1:$C$1743,3,FALSE)</f>
        <v>#N/A</v>
      </c>
      <c r="M46" s="49" t="e">
        <f>VLOOKUP(E46&amp;F46,団体コード!$A$1:$C$1743,2,FALSE)</f>
        <v>#N/A</v>
      </c>
      <c r="N46" s="51" t="e">
        <f>VLOOKUP(E46,団体コード!$E$1:$F$48,2,FALSE)</f>
        <v>#N/A</v>
      </c>
      <c r="O46" s="51" t="e">
        <f t="shared" si="3"/>
        <v>#N/A</v>
      </c>
      <c r="P46" s="51">
        <v>1</v>
      </c>
      <c r="Q46" s="51" t="s">
        <v>5341</v>
      </c>
      <c r="R46" s="54" t="b">
        <v>1</v>
      </c>
      <c r="S46" s="52" t="s">
        <v>7126</v>
      </c>
      <c r="T46" s="67" t="s">
        <v>7127</v>
      </c>
      <c r="U46" s="75" t="s">
        <v>5331</v>
      </c>
      <c r="V46" s="47" t="s">
        <v>5331</v>
      </c>
      <c r="W46" s="47" t="s">
        <v>5331</v>
      </c>
      <c r="X46" s="47" t="s">
        <v>5331</v>
      </c>
      <c r="Y46" s="47" t="s">
        <v>5331</v>
      </c>
      <c r="Z46" s="28"/>
      <c r="AA46" s="27"/>
      <c r="AB46" s="27"/>
      <c r="AC46" s="27"/>
      <c r="AD46" s="30"/>
      <c r="AE46" s="1"/>
      <c r="AF46" s="23" t="s">
        <v>5331</v>
      </c>
      <c r="AG46" s="26"/>
      <c r="AH46" s="53"/>
    </row>
    <row r="47" spans="1:34" ht="51.6" customHeight="1" x14ac:dyDescent="0.45">
      <c r="A47" s="23">
        <v>41</v>
      </c>
      <c r="B47" s="25"/>
      <c r="C47" s="25"/>
      <c r="D47" s="29"/>
      <c r="E47" s="1"/>
      <c r="F47" s="1"/>
      <c r="G47" s="25"/>
      <c r="H47" s="71"/>
      <c r="I47" s="83"/>
      <c r="J47" s="50" t="str">
        <f t="shared" si="2"/>
        <v/>
      </c>
      <c r="K47" s="23" t="s">
        <v>7120</v>
      </c>
      <c r="L47" s="49" t="e">
        <f>VLOOKUP(E47&amp;F47,団体コード!$A$1:$C$1743,3,FALSE)</f>
        <v>#N/A</v>
      </c>
      <c r="M47" s="49" t="e">
        <f>VLOOKUP(E47&amp;F47,団体コード!$A$1:$C$1743,2,FALSE)</f>
        <v>#N/A</v>
      </c>
      <c r="N47" s="51" t="e">
        <f>VLOOKUP(E47,団体コード!$E$1:$F$48,2,FALSE)</f>
        <v>#N/A</v>
      </c>
      <c r="O47" s="51" t="e">
        <f t="shared" si="3"/>
        <v>#N/A</v>
      </c>
      <c r="P47" s="51">
        <v>1</v>
      </c>
      <c r="Q47" s="51" t="s">
        <v>5341</v>
      </c>
      <c r="R47" s="54" t="b">
        <v>1</v>
      </c>
      <c r="S47" s="52" t="s">
        <v>7126</v>
      </c>
      <c r="T47" s="67" t="s">
        <v>7127</v>
      </c>
      <c r="U47" s="75" t="s">
        <v>5331</v>
      </c>
      <c r="V47" s="47" t="s">
        <v>5331</v>
      </c>
      <c r="W47" s="47" t="s">
        <v>5331</v>
      </c>
      <c r="X47" s="47" t="s">
        <v>5331</v>
      </c>
      <c r="Y47" s="47" t="s">
        <v>5331</v>
      </c>
      <c r="Z47" s="28"/>
      <c r="AA47" s="27"/>
      <c r="AB47" s="27"/>
      <c r="AC47" s="27"/>
      <c r="AD47" s="30"/>
      <c r="AE47" s="1"/>
      <c r="AF47" s="23" t="s">
        <v>5331</v>
      </c>
      <c r="AG47" s="26"/>
      <c r="AH47" s="53"/>
    </row>
    <row r="48" spans="1:34" ht="51.6" customHeight="1" x14ac:dyDescent="0.45">
      <c r="A48" s="23">
        <v>42</v>
      </c>
      <c r="B48" s="25"/>
      <c r="C48" s="25"/>
      <c r="D48" s="29"/>
      <c r="E48" s="1"/>
      <c r="F48" s="1"/>
      <c r="G48" s="25"/>
      <c r="H48" s="71"/>
      <c r="I48" s="83"/>
      <c r="J48" s="50" t="str">
        <f t="shared" si="2"/>
        <v/>
      </c>
      <c r="K48" s="23" t="s">
        <v>7120</v>
      </c>
      <c r="L48" s="49" t="e">
        <f>VLOOKUP(E48&amp;F48,団体コード!$A$1:$C$1743,3,FALSE)</f>
        <v>#N/A</v>
      </c>
      <c r="M48" s="49" t="e">
        <f>VLOOKUP(E48&amp;F48,団体コード!$A$1:$C$1743,2,FALSE)</f>
        <v>#N/A</v>
      </c>
      <c r="N48" s="51" t="e">
        <f>VLOOKUP(E48,団体コード!$E$1:$F$48,2,FALSE)</f>
        <v>#N/A</v>
      </c>
      <c r="O48" s="51" t="e">
        <f t="shared" si="3"/>
        <v>#N/A</v>
      </c>
      <c r="P48" s="51">
        <v>1</v>
      </c>
      <c r="Q48" s="51" t="s">
        <v>5341</v>
      </c>
      <c r="R48" s="54" t="b">
        <v>1</v>
      </c>
      <c r="S48" s="52" t="s">
        <v>7126</v>
      </c>
      <c r="T48" s="67" t="s">
        <v>7127</v>
      </c>
      <c r="U48" s="75" t="s">
        <v>5331</v>
      </c>
      <c r="V48" s="47" t="s">
        <v>5331</v>
      </c>
      <c r="W48" s="47" t="s">
        <v>5331</v>
      </c>
      <c r="X48" s="47" t="s">
        <v>5331</v>
      </c>
      <c r="Y48" s="47" t="s">
        <v>5331</v>
      </c>
      <c r="Z48" s="28"/>
      <c r="AA48" s="27"/>
      <c r="AB48" s="27"/>
      <c r="AC48" s="27"/>
      <c r="AD48" s="30"/>
      <c r="AE48" s="1"/>
      <c r="AF48" s="23" t="s">
        <v>5331</v>
      </c>
      <c r="AG48" s="26"/>
      <c r="AH48" s="53"/>
    </row>
    <row r="49" spans="1:34" ht="51.6" customHeight="1" x14ac:dyDescent="0.45">
      <c r="A49" s="23">
        <v>43</v>
      </c>
      <c r="B49" s="25"/>
      <c r="C49" s="25"/>
      <c r="D49" s="29"/>
      <c r="E49" s="1"/>
      <c r="F49" s="1"/>
      <c r="G49" s="25"/>
      <c r="H49" s="71"/>
      <c r="I49" s="83"/>
      <c r="J49" s="50" t="str">
        <f t="shared" si="2"/>
        <v/>
      </c>
      <c r="K49" s="23" t="s">
        <v>7120</v>
      </c>
      <c r="L49" s="49" t="e">
        <f>VLOOKUP(E49&amp;F49,団体コード!$A$1:$C$1743,3,FALSE)</f>
        <v>#N/A</v>
      </c>
      <c r="M49" s="49" t="e">
        <f>VLOOKUP(E49&amp;F49,団体コード!$A$1:$C$1743,2,FALSE)</f>
        <v>#N/A</v>
      </c>
      <c r="N49" s="51" t="e">
        <f>VLOOKUP(E49,団体コード!$E$1:$F$48,2,FALSE)</f>
        <v>#N/A</v>
      </c>
      <c r="O49" s="51" t="e">
        <f t="shared" si="3"/>
        <v>#N/A</v>
      </c>
      <c r="P49" s="51">
        <v>1</v>
      </c>
      <c r="Q49" s="51" t="s">
        <v>5341</v>
      </c>
      <c r="R49" s="54" t="b">
        <v>1</v>
      </c>
      <c r="S49" s="52" t="s">
        <v>7126</v>
      </c>
      <c r="T49" s="67" t="s">
        <v>7127</v>
      </c>
      <c r="U49" s="75" t="s">
        <v>5331</v>
      </c>
      <c r="V49" s="47" t="s">
        <v>5331</v>
      </c>
      <c r="W49" s="47" t="s">
        <v>5331</v>
      </c>
      <c r="X49" s="47" t="s">
        <v>5331</v>
      </c>
      <c r="Y49" s="47" t="s">
        <v>5331</v>
      </c>
      <c r="Z49" s="28"/>
      <c r="AA49" s="27"/>
      <c r="AB49" s="27"/>
      <c r="AC49" s="27"/>
      <c r="AD49" s="30"/>
      <c r="AE49" s="1"/>
      <c r="AF49" s="23" t="s">
        <v>5331</v>
      </c>
      <c r="AG49" s="26"/>
      <c r="AH49" s="53"/>
    </row>
    <row r="50" spans="1:34" ht="51.6" customHeight="1" x14ac:dyDescent="0.45">
      <c r="A50" s="23">
        <v>44</v>
      </c>
      <c r="B50" s="25"/>
      <c r="C50" s="25"/>
      <c r="D50" s="29"/>
      <c r="E50" s="1"/>
      <c r="F50" s="1"/>
      <c r="G50" s="25"/>
      <c r="H50" s="71"/>
      <c r="I50" s="83"/>
      <c r="J50" s="50" t="str">
        <f t="shared" si="2"/>
        <v/>
      </c>
      <c r="K50" s="23" t="s">
        <v>7120</v>
      </c>
      <c r="L50" s="49" t="e">
        <f>VLOOKUP(E50&amp;F50,団体コード!$A$1:$C$1743,3,FALSE)</f>
        <v>#N/A</v>
      </c>
      <c r="M50" s="49" t="e">
        <f>VLOOKUP(E50&amp;F50,団体コード!$A$1:$C$1743,2,FALSE)</f>
        <v>#N/A</v>
      </c>
      <c r="N50" s="51" t="e">
        <f>VLOOKUP(E50,団体コード!$E$1:$F$48,2,FALSE)</f>
        <v>#N/A</v>
      </c>
      <c r="O50" s="51" t="e">
        <f t="shared" si="3"/>
        <v>#N/A</v>
      </c>
      <c r="P50" s="51">
        <v>1</v>
      </c>
      <c r="Q50" s="51" t="s">
        <v>5341</v>
      </c>
      <c r="R50" s="54" t="b">
        <v>1</v>
      </c>
      <c r="S50" s="52" t="s">
        <v>7126</v>
      </c>
      <c r="T50" s="67" t="s">
        <v>7127</v>
      </c>
      <c r="U50" s="75" t="s">
        <v>5331</v>
      </c>
      <c r="V50" s="47" t="s">
        <v>5331</v>
      </c>
      <c r="W50" s="47" t="s">
        <v>5331</v>
      </c>
      <c r="X50" s="47" t="s">
        <v>5331</v>
      </c>
      <c r="Y50" s="47" t="s">
        <v>5331</v>
      </c>
      <c r="Z50" s="28"/>
      <c r="AA50" s="27"/>
      <c r="AB50" s="27"/>
      <c r="AC50" s="27"/>
      <c r="AD50" s="30"/>
      <c r="AE50" s="1"/>
      <c r="AF50" s="23" t="s">
        <v>5331</v>
      </c>
      <c r="AG50" s="26"/>
      <c r="AH50" s="53"/>
    </row>
    <row r="51" spans="1:34" ht="51.6" customHeight="1" x14ac:dyDescent="0.45">
      <c r="A51" s="23">
        <v>45</v>
      </c>
      <c r="B51" s="25"/>
      <c r="C51" s="25"/>
      <c r="D51" s="29"/>
      <c r="E51" s="1"/>
      <c r="F51" s="1"/>
      <c r="G51" s="25"/>
      <c r="H51" s="71"/>
      <c r="I51" s="83"/>
      <c r="J51" s="50" t="str">
        <f t="shared" si="2"/>
        <v/>
      </c>
      <c r="K51" s="23" t="s">
        <v>7120</v>
      </c>
      <c r="L51" s="49" t="e">
        <f>VLOOKUP(E51&amp;F51,団体コード!$A$1:$C$1743,3,FALSE)</f>
        <v>#N/A</v>
      </c>
      <c r="M51" s="49" t="e">
        <f>VLOOKUP(E51&amp;F51,団体コード!$A$1:$C$1743,2,FALSE)</f>
        <v>#N/A</v>
      </c>
      <c r="N51" s="51" t="e">
        <f>VLOOKUP(E51,団体コード!$E$1:$F$48,2,FALSE)</f>
        <v>#N/A</v>
      </c>
      <c r="O51" s="51" t="e">
        <f t="shared" si="3"/>
        <v>#N/A</v>
      </c>
      <c r="P51" s="51">
        <v>1</v>
      </c>
      <c r="Q51" s="51" t="s">
        <v>5341</v>
      </c>
      <c r="R51" s="54" t="b">
        <v>1</v>
      </c>
      <c r="S51" s="52" t="s">
        <v>7126</v>
      </c>
      <c r="T51" s="67" t="s">
        <v>7127</v>
      </c>
      <c r="U51" s="75" t="s">
        <v>5331</v>
      </c>
      <c r="V51" s="47" t="s">
        <v>5331</v>
      </c>
      <c r="W51" s="47" t="s">
        <v>5331</v>
      </c>
      <c r="X51" s="47" t="s">
        <v>5331</v>
      </c>
      <c r="Y51" s="47" t="s">
        <v>5331</v>
      </c>
      <c r="Z51" s="28"/>
      <c r="AA51" s="27"/>
      <c r="AB51" s="27"/>
      <c r="AC51" s="27"/>
      <c r="AD51" s="30"/>
      <c r="AE51" s="1"/>
      <c r="AF51" s="23" t="s">
        <v>5331</v>
      </c>
      <c r="AG51" s="26"/>
      <c r="AH51" s="53"/>
    </row>
    <row r="52" spans="1:34" ht="51.6" customHeight="1" x14ac:dyDescent="0.45">
      <c r="A52" s="23">
        <v>46</v>
      </c>
      <c r="B52" s="25"/>
      <c r="C52" s="25"/>
      <c r="D52" s="29"/>
      <c r="E52" s="1"/>
      <c r="F52" s="1"/>
      <c r="G52" s="25"/>
      <c r="H52" s="71"/>
      <c r="I52" s="83"/>
      <c r="J52" s="50" t="str">
        <f t="shared" si="2"/>
        <v/>
      </c>
      <c r="K52" s="23" t="s">
        <v>7120</v>
      </c>
      <c r="L52" s="49" t="e">
        <f>VLOOKUP(E52&amp;F52,団体コード!$A$1:$C$1743,3,FALSE)</f>
        <v>#N/A</v>
      </c>
      <c r="M52" s="49" t="e">
        <f>VLOOKUP(E52&amp;F52,団体コード!$A$1:$C$1743,2,FALSE)</f>
        <v>#N/A</v>
      </c>
      <c r="N52" s="51" t="e">
        <f>VLOOKUP(E52,団体コード!$E$1:$F$48,2,FALSE)</f>
        <v>#N/A</v>
      </c>
      <c r="O52" s="51" t="e">
        <f t="shared" si="3"/>
        <v>#N/A</v>
      </c>
      <c r="P52" s="51">
        <v>1</v>
      </c>
      <c r="Q52" s="51" t="s">
        <v>5341</v>
      </c>
      <c r="R52" s="54" t="b">
        <v>1</v>
      </c>
      <c r="S52" s="52" t="s">
        <v>7126</v>
      </c>
      <c r="T52" s="67" t="s">
        <v>7127</v>
      </c>
      <c r="U52" s="75" t="s">
        <v>5331</v>
      </c>
      <c r="V52" s="47" t="s">
        <v>5331</v>
      </c>
      <c r="W52" s="47" t="s">
        <v>5331</v>
      </c>
      <c r="X52" s="47" t="s">
        <v>5331</v>
      </c>
      <c r="Y52" s="47" t="s">
        <v>5331</v>
      </c>
      <c r="Z52" s="28"/>
      <c r="AA52" s="27"/>
      <c r="AB52" s="27"/>
      <c r="AC52" s="27"/>
      <c r="AD52" s="30"/>
      <c r="AE52" s="1"/>
      <c r="AF52" s="23" t="s">
        <v>5331</v>
      </c>
      <c r="AG52" s="26"/>
      <c r="AH52" s="53"/>
    </row>
    <row r="53" spans="1:34" ht="51.6" customHeight="1" x14ac:dyDescent="0.45">
      <c r="A53" s="23">
        <v>47</v>
      </c>
      <c r="B53" s="25"/>
      <c r="C53" s="25"/>
      <c r="D53" s="29"/>
      <c r="E53" s="1"/>
      <c r="F53" s="1"/>
      <c r="G53" s="25"/>
      <c r="H53" s="71"/>
      <c r="I53" s="83"/>
      <c r="J53" s="50" t="str">
        <f t="shared" si="2"/>
        <v/>
      </c>
      <c r="K53" s="23" t="s">
        <v>7120</v>
      </c>
      <c r="L53" s="49" t="e">
        <f>VLOOKUP(E53&amp;F53,団体コード!$A$1:$C$1743,3,FALSE)</f>
        <v>#N/A</v>
      </c>
      <c r="M53" s="49" t="e">
        <f>VLOOKUP(E53&amp;F53,団体コード!$A$1:$C$1743,2,FALSE)</f>
        <v>#N/A</v>
      </c>
      <c r="N53" s="51" t="e">
        <f>VLOOKUP(E53,団体コード!$E$1:$F$48,2,FALSE)</f>
        <v>#N/A</v>
      </c>
      <c r="O53" s="51" t="e">
        <f t="shared" si="3"/>
        <v>#N/A</v>
      </c>
      <c r="P53" s="51">
        <v>1</v>
      </c>
      <c r="Q53" s="51" t="s">
        <v>5341</v>
      </c>
      <c r="R53" s="54" t="b">
        <v>1</v>
      </c>
      <c r="S53" s="52" t="s">
        <v>7126</v>
      </c>
      <c r="T53" s="67" t="s">
        <v>7127</v>
      </c>
      <c r="U53" s="75" t="s">
        <v>5331</v>
      </c>
      <c r="V53" s="47" t="s">
        <v>5331</v>
      </c>
      <c r="W53" s="47" t="s">
        <v>5331</v>
      </c>
      <c r="X53" s="47" t="s">
        <v>5331</v>
      </c>
      <c r="Y53" s="47" t="s">
        <v>5331</v>
      </c>
      <c r="Z53" s="28"/>
      <c r="AA53" s="27"/>
      <c r="AB53" s="27"/>
      <c r="AC53" s="27"/>
      <c r="AD53" s="30"/>
      <c r="AE53" s="1"/>
      <c r="AF53" s="23" t="s">
        <v>5331</v>
      </c>
      <c r="AG53" s="26"/>
      <c r="AH53" s="53"/>
    </row>
    <row r="54" spans="1:34" ht="51.6" customHeight="1" x14ac:dyDescent="0.45">
      <c r="A54" s="23">
        <v>48</v>
      </c>
      <c r="B54" s="25"/>
      <c r="C54" s="25"/>
      <c r="D54" s="29"/>
      <c r="E54" s="1"/>
      <c r="F54" s="1"/>
      <c r="G54" s="25"/>
      <c r="H54" s="71"/>
      <c r="I54" s="83"/>
      <c r="J54" s="50" t="str">
        <f t="shared" si="2"/>
        <v/>
      </c>
      <c r="K54" s="23" t="s">
        <v>7120</v>
      </c>
      <c r="L54" s="49" t="e">
        <f>VLOOKUP(E54&amp;F54,団体コード!$A$1:$C$1743,3,FALSE)</f>
        <v>#N/A</v>
      </c>
      <c r="M54" s="49" t="e">
        <f>VLOOKUP(E54&amp;F54,団体コード!$A$1:$C$1743,2,FALSE)</f>
        <v>#N/A</v>
      </c>
      <c r="N54" s="51" t="e">
        <f>VLOOKUP(E54,団体コード!$E$1:$F$48,2,FALSE)</f>
        <v>#N/A</v>
      </c>
      <c r="O54" s="51" t="e">
        <f t="shared" si="3"/>
        <v>#N/A</v>
      </c>
      <c r="P54" s="51">
        <v>1</v>
      </c>
      <c r="Q54" s="51" t="s">
        <v>5341</v>
      </c>
      <c r="R54" s="54" t="b">
        <v>1</v>
      </c>
      <c r="S54" s="52" t="s">
        <v>7126</v>
      </c>
      <c r="T54" s="67" t="s">
        <v>7127</v>
      </c>
      <c r="U54" s="75" t="s">
        <v>5331</v>
      </c>
      <c r="V54" s="47" t="s">
        <v>5331</v>
      </c>
      <c r="W54" s="47" t="s">
        <v>5331</v>
      </c>
      <c r="X54" s="47" t="s">
        <v>5331</v>
      </c>
      <c r="Y54" s="47" t="s">
        <v>5331</v>
      </c>
      <c r="Z54" s="28"/>
      <c r="AA54" s="27"/>
      <c r="AB54" s="27"/>
      <c r="AC54" s="27"/>
      <c r="AD54" s="30"/>
      <c r="AE54" s="1"/>
      <c r="AF54" s="23" t="s">
        <v>5331</v>
      </c>
      <c r="AG54" s="26"/>
      <c r="AH54" s="53"/>
    </row>
    <row r="55" spans="1:34" ht="51.6" customHeight="1" x14ac:dyDescent="0.45">
      <c r="A55" s="23">
        <v>49</v>
      </c>
      <c r="B55" s="25"/>
      <c r="C55" s="25"/>
      <c r="D55" s="29"/>
      <c r="E55" s="1"/>
      <c r="F55" s="1"/>
      <c r="G55" s="25"/>
      <c r="H55" s="71"/>
      <c r="I55" s="83"/>
      <c r="J55" s="50" t="str">
        <f t="shared" si="2"/>
        <v/>
      </c>
      <c r="K55" s="23" t="s">
        <v>7120</v>
      </c>
      <c r="L55" s="49" t="e">
        <f>VLOOKUP(E55&amp;F55,団体コード!$A$1:$C$1743,3,FALSE)</f>
        <v>#N/A</v>
      </c>
      <c r="M55" s="49" t="e">
        <f>VLOOKUP(E55&amp;F55,団体コード!$A$1:$C$1743,2,FALSE)</f>
        <v>#N/A</v>
      </c>
      <c r="N55" s="51" t="e">
        <f>VLOOKUP(E55,団体コード!$E$1:$F$48,2,FALSE)</f>
        <v>#N/A</v>
      </c>
      <c r="O55" s="51" t="e">
        <f t="shared" si="3"/>
        <v>#N/A</v>
      </c>
      <c r="P55" s="51">
        <v>1</v>
      </c>
      <c r="Q55" s="51" t="s">
        <v>5341</v>
      </c>
      <c r="R55" s="54" t="b">
        <v>1</v>
      </c>
      <c r="S55" s="52" t="s">
        <v>7126</v>
      </c>
      <c r="T55" s="67" t="s">
        <v>7127</v>
      </c>
      <c r="U55" s="75" t="s">
        <v>5331</v>
      </c>
      <c r="V55" s="47" t="s">
        <v>5331</v>
      </c>
      <c r="W55" s="47" t="s">
        <v>5331</v>
      </c>
      <c r="X55" s="47" t="s">
        <v>5331</v>
      </c>
      <c r="Y55" s="47" t="s">
        <v>5331</v>
      </c>
      <c r="Z55" s="28"/>
      <c r="AA55" s="27"/>
      <c r="AB55" s="27"/>
      <c r="AC55" s="27"/>
      <c r="AD55" s="30"/>
      <c r="AE55" s="1"/>
      <c r="AF55" s="23" t="s">
        <v>5331</v>
      </c>
      <c r="AG55" s="26"/>
      <c r="AH55" s="53"/>
    </row>
    <row r="56" spans="1:34" ht="51.6" customHeight="1" x14ac:dyDescent="0.45">
      <c r="A56" s="23">
        <v>50</v>
      </c>
      <c r="B56" s="25"/>
      <c r="C56" s="25"/>
      <c r="D56" s="29"/>
      <c r="E56" s="1"/>
      <c r="F56" s="1"/>
      <c r="G56" s="25"/>
      <c r="H56" s="71"/>
      <c r="I56" s="83"/>
      <c r="J56" s="50" t="str">
        <f t="shared" si="2"/>
        <v/>
      </c>
      <c r="K56" s="23" t="s">
        <v>7120</v>
      </c>
      <c r="L56" s="49" t="e">
        <f>VLOOKUP(E56&amp;F56,団体コード!$A$1:$C$1743,3,FALSE)</f>
        <v>#N/A</v>
      </c>
      <c r="M56" s="49" t="e">
        <f>VLOOKUP(E56&amp;F56,団体コード!$A$1:$C$1743,2,FALSE)</f>
        <v>#N/A</v>
      </c>
      <c r="N56" s="51" t="e">
        <f>VLOOKUP(E56,団体コード!$E$1:$F$48,2,FALSE)</f>
        <v>#N/A</v>
      </c>
      <c r="O56" s="51" t="e">
        <f t="shared" si="3"/>
        <v>#N/A</v>
      </c>
      <c r="P56" s="51">
        <v>1</v>
      </c>
      <c r="Q56" s="51" t="s">
        <v>5341</v>
      </c>
      <c r="R56" s="54" t="b">
        <v>1</v>
      </c>
      <c r="S56" s="52" t="s">
        <v>7126</v>
      </c>
      <c r="T56" s="67" t="s">
        <v>7127</v>
      </c>
      <c r="U56" s="75" t="s">
        <v>5331</v>
      </c>
      <c r="V56" s="47" t="s">
        <v>5331</v>
      </c>
      <c r="W56" s="47" t="s">
        <v>5331</v>
      </c>
      <c r="X56" s="47" t="s">
        <v>5331</v>
      </c>
      <c r="Y56" s="47" t="s">
        <v>5331</v>
      </c>
      <c r="Z56" s="28"/>
      <c r="AA56" s="27"/>
      <c r="AB56" s="27"/>
      <c r="AC56" s="27"/>
      <c r="AD56" s="30"/>
      <c r="AE56" s="1"/>
      <c r="AF56" s="23" t="s">
        <v>5331</v>
      </c>
      <c r="AG56" s="26"/>
      <c r="AH56" s="53"/>
    </row>
    <row r="57" spans="1:34" ht="51.6" customHeight="1" x14ac:dyDescent="0.45">
      <c r="A57" s="23">
        <v>51</v>
      </c>
      <c r="B57" s="25"/>
      <c r="C57" s="25"/>
      <c r="D57" s="29"/>
      <c r="E57" s="1"/>
      <c r="F57" s="1"/>
      <c r="G57" s="25"/>
      <c r="H57" s="71"/>
      <c r="I57" s="83"/>
      <c r="J57" s="50" t="str">
        <f t="shared" si="2"/>
        <v/>
      </c>
      <c r="K57" s="23" t="s">
        <v>7120</v>
      </c>
      <c r="L57" s="49" t="e">
        <f>VLOOKUP(E57&amp;F57,団体コード!$A$1:$C$1743,3,FALSE)</f>
        <v>#N/A</v>
      </c>
      <c r="M57" s="49" t="e">
        <f>VLOOKUP(E57&amp;F57,団体コード!$A$1:$C$1743,2,FALSE)</f>
        <v>#N/A</v>
      </c>
      <c r="N57" s="51" t="e">
        <f>VLOOKUP(E57,団体コード!$E$1:$F$48,2,FALSE)</f>
        <v>#N/A</v>
      </c>
      <c r="O57" s="51" t="e">
        <f t="shared" si="3"/>
        <v>#N/A</v>
      </c>
      <c r="P57" s="51">
        <v>1</v>
      </c>
      <c r="Q57" s="51" t="s">
        <v>5341</v>
      </c>
      <c r="R57" s="54" t="b">
        <v>1</v>
      </c>
      <c r="S57" s="52" t="s">
        <v>7126</v>
      </c>
      <c r="T57" s="67" t="s">
        <v>7127</v>
      </c>
      <c r="U57" s="75" t="s">
        <v>5331</v>
      </c>
      <c r="V57" s="47" t="s">
        <v>5331</v>
      </c>
      <c r="W57" s="47" t="s">
        <v>5331</v>
      </c>
      <c r="X57" s="47" t="s">
        <v>5331</v>
      </c>
      <c r="Y57" s="47" t="s">
        <v>5331</v>
      </c>
      <c r="Z57" s="28"/>
      <c r="AA57" s="27"/>
      <c r="AB57" s="27"/>
      <c r="AC57" s="27"/>
      <c r="AD57" s="30"/>
      <c r="AE57" s="1"/>
      <c r="AF57" s="23" t="s">
        <v>5331</v>
      </c>
      <c r="AG57" s="26"/>
      <c r="AH57" s="53"/>
    </row>
    <row r="58" spans="1:34" ht="51.6" customHeight="1" x14ac:dyDescent="0.45">
      <c r="A58" s="23">
        <v>52</v>
      </c>
      <c r="B58" s="25"/>
      <c r="C58" s="25"/>
      <c r="D58" s="29"/>
      <c r="E58" s="1"/>
      <c r="F58" s="1"/>
      <c r="G58" s="25"/>
      <c r="H58" s="71"/>
      <c r="I58" s="83"/>
      <c r="J58" s="50" t="str">
        <f t="shared" si="2"/>
        <v/>
      </c>
      <c r="K58" s="23" t="s">
        <v>7120</v>
      </c>
      <c r="L58" s="49" t="e">
        <f>VLOOKUP(E58&amp;F58,団体コード!$A$1:$C$1743,3,FALSE)</f>
        <v>#N/A</v>
      </c>
      <c r="M58" s="49" t="e">
        <f>VLOOKUP(E58&amp;F58,団体コード!$A$1:$C$1743,2,FALSE)</f>
        <v>#N/A</v>
      </c>
      <c r="N58" s="51" t="e">
        <f>VLOOKUP(E58,団体コード!$E$1:$F$48,2,FALSE)</f>
        <v>#N/A</v>
      </c>
      <c r="O58" s="51" t="e">
        <f t="shared" si="3"/>
        <v>#N/A</v>
      </c>
      <c r="P58" s="51">
        <v>1</v>
      </c>
      <c r="Q58" s="51" t="s">
        <v>5341</v>
      </c>
      <c r="R58" s="54" t="b">
        <v>1</v>
      </c>
      <c r="S58" s="52" t="s">
        <v>7126</v>
      </c>
      <c r="T58" s="67" t="s">
        <v>7127</v>
      </c>
      <c r="U58" s="75" t="s">
        <v>5331</v>
      </c>
      <c r="V58" s="47" t="s">
        <v>5331</v>
      </c>
      <c r="W58" s="47" t="s">
        <v>5331</v>
      </c>
      <c r="X58" s="47" t="s">
        <v>5331</v>
      </c>
      <c r="Y58" s="47" t="s">
        <v>5331</v>
      </c>
      <c r="Z58" s="28"/>
      <c r="AA58" s="27"/>
      <c r="AB58" s="27"/>
      <c r="AC58" s="27"/>
      <c r="AD58" s="30"/>
      <c r="AE58" s="1"/>
      <c r="AF58" s="23" t="s">
        <v>5331</v>
      </c>
      <c r="AG58" s="26"/>
      <c r="AH58" s="53"/>
    </row>
    <row r="59" spans="1:34" ht="51.6" customHeight="1" x14ac:dyDescent="0.45">
      <c r="A59" s="23">
        <v>53</v>
      </c>
      <c r="B59" s="25"/>
      <c r="C59" s="25"/>
      <c r="D59" s="29"/>
      <c r="E59" s="1"/>
      <c r="F59" s="1"/>
      <c r="G59" s="25"/>
      <c r="H59" s="71"/>
      <c r="I59" s="83"/>
      <c r="J59" s="50" t="str">
        <f t="shared" si="2"/>
        <v/>
      </c>
      <c r="K59" s="23" t="s">
        <v>7120</v>
      </c>
      <c r="L59" s="49" t="e">
        <f>VLOOKUP(E59&amp;F59,団体コード!$A$1:$C$1743,3,FALSE)</f>
        <v>#N/A</v>
      </c>
      <c r="M59" s="49" t="e">
        <f>VLOOKUP(E59&amp;F59,団体コード!$A$1:$C$1743,2,FALSE)</f>
        <v>#N/A</v>
      </c>
      <c r="N59" s="51" t="e">
        <f>VLOOKUP(E59,団体コード!$E$1:$F$48,2,FALSE)</f>
        <v>#N/A</v>
      </c>
      <c r="O59" s="51" t="e">
        <f t="shared" si="3"/>
        <v>#N/A</v>
      </c>
      <c r="P59" s="51">
        <v>1</v>
      </c>
      <c r="Q59" s="51" t="s">
        <v>5341</v>
      </c>
      <c r="R59" s="54" t="b">
        <v>1</v>
      </c>
      <c r="S59" s="52" t="s">
        <v>7126</v>
      </c>
      <c r="T59" s="67" t="s">
        <v>7127</v>
      </c>
      <c r="U59" s="75" t="s">
        <v>5331</v>
      </c>
      <c r="V59" s="47" t="s">
        <v>5331</v>
      </c>
      <c r="W59" s="47" t="s">
        <v>5331</v>
      </c>
      <c r="X59" s="47" t="s">
        <v>5331</v>
      </c>
      <c r="Y59" s="47" t="s">
        <v>5331</v>
      </c>
      <c r="Z59" s="28"/>
      <c r="AA59" s="27"/>
      <c r="AB59" s="27"/>
      <c r="AC59" s="27"/>
      <c r="AD59" s="30"/>
      <c r="AE59" s="1"/>
      <c r="AF59" s="23" t="s">
        <v>5331</v>
      </c>
      <c r="AG59" s="26"/>
      <c r="AH59" s="53"/>
    </row>
    <row r="60" spans="1:34" ht="51.6" customHeight="1" x14ac:dyDescent="0.45">
      <c r="A60" s="23">
        <v>54</v>
      </c>
      <c r="B60" s="25"/>
      <c r="C60" s="25"/>
      <c r="D60" s="29"/>
      <c r="E60" s="1"/>
      <c r="F60" s="1"/>
      <c r="G60" s="25"/>
      <c r="H60" s="71"/>
      <c r="I60" s="83"/>
      <c r="J60" s="50" t="str">
        <f t="shared" si="2"/>
        <v/>
      </c>
      <c r="K60" s="23" t="s">
        <v>7120</v>
      </c>
      <c r="L60" s="49" t="e">
        <f>VLOOKUP(E60&amp;F60,団体コード!$A$1:$C$1743,3,FALSE)</f>
        <v>#N/A</v>
      </c>
      <c r="M60" s="49" t="e">
        <f>VLOOKUP(E60&amp;F60,団体コード!$A$1:$C$1743,2,FALSE)</f>
        <v>#N/A</v>
      </c>
      <c r="N60" s="51" t="e">
        <f>VLOOKUP(E60,団体コード!$E$1:$F$48,2,FALSE)</f>
        <v>#N/A</v>
      </c>
      <c r="O60" s="51" t="e">
        <f t="shared" si="3"/>
        <v>#N/A</v>
      </c>
      <c r="P60" s="51">
        <v>1</v>
      </c>
      <c r="Q60" s="51" t="s">
        <v>5341</v>
      </c>
      <c r="R60" s="54" t="b">
        <v>1</v>
      </c>
      <c r="S60" s="52" t="s">
        <v>7126</v>
      </c>
      <c r="T60" s="67" t="s">
        <v>7127</v>
      </c>
      <c r="U60" s="75" t="s">
        <v>5331</v>
      </c>
      <c r="V60" s="47" t="s">
        <v>5331</v>
      </c>
      <c r="W60" s="47" t="s">
        <v>5331</v>
      </c>
      <c r="X60" s="47" t="s">
        <v>5331</v>
      </c>
      <c r="Y60" s="47" t="s">
        <v>5331</v>
      </c>
      <c r="Z60" s="28"/>
      <c r="AA60" s="27"/>
      <c r="AB60" s="27"/>
      <c r="AC60" s="27"/>
      <c r="AD60" s="30"/>
      <c r="AE60" s="1"/>
      <c r="AF60" s="23" t="s">
        <v>5331</v>
      </c>
      <c r="AG60" s="26"/>
      <c r="AH60" s="53"/>
    </row>
    <row r="61" spans="1:34" ht="51.6" customHeight="1" x14ac:dyDescent="0.45">
      <c r="A61" s="23">
        <v>55</v>
      </c>
      <c r="B61" s="25"/>
      <c r="C61" s="25"/>
      <c r="D61" s="29"/>
      <c r="E61" s="1"/>
      <c r="F61" s="1"/>
      <c r="G61" s="25"/>
      <c r="H61" s="71"/>
      <c r="I61" s="83"/>
      <c r="J61" s="50" t="str">
        <f t="shared" si="2"/>
        <v/>
      </c>
      <c r="K61" s="23" t="s">
        <v>7120</v>
      </c>
      <c r="L61" s="49" t="e">
        <f>VLOOKUP(E61&amp;F61,団体コード!$A$1:$C$1743,3,FALSE)</f>
        <v>#N/A</v>
      </c>
      <c r="M61" s="49" t="e">
        <f>VLOOKUP(E61&amp;F61,団体コード!$A$1:$C$1743,2,FALSE)</f>
        <v>#N/A</v>
      </c>
      <c r="N61" s="51" t="e">
        <f>VLOOKUP(E61,団体コード!$E$1:$F$48,2,FALSE)</f>
        <v>#N/A</v>
      </c>
      <c r="O61" s="51" t="e">
        <f t="shared" si="3"/>
        <v>#N/A</v>
      </c>
      <c r="P61" s="51">
        <v>1</v>
      </c>
      <c r="Q61" s="51" t="s">
        <v>5341</v>
      </c>
      <c r="R61" s="54" t="b">
        <v>1</v>
      </c>
      <c r="S61" s="52" t="s">
        <v>7126</v>
      </c>
      <c r="T61" s="67" t="s">
        <v>7127</v>
      </c>
      <c r="U61" s="75" t="s">
        <v>5331</v>
      </c>
      <c r="V61" s="47" t="s">
        <v>5331</v>
      </c>
      <c r="W61" s="47" t="s">
        <v>5331</v>
      </c>
      <c r="X61" s="47" t="s">
        <v>5331</v>
      </c>
      <c r="Y61" s="47" t="s">
        <v>5331</v>
      </c>
      <c r="Z61" s="28"/>
      <c r="AA61" s="27"/>
      <c r="AB61" s="27"/>
      <c r="AC61" s="27"/>
      <c r="AD61" s="30"/>
      <c r="AE61" s="1"/>
      <c r="AF61" s="23" t="s">
        <v>5331</v>
      </c>
      <c r="AG61" s="26"/>
      <c r="AH61" s="53"/>
    </row>
    <row r="62" spans="1:34" ht="51.6" customHeight="1" x14ac:dyDescent="0.45">
      <c r="A62" s="23">
        <v>56</v>
      </c>
      <c r="B62" s="25"/>
      <c r="C62" s="25"/>
      <c r="D62" s="29"/>
      <c r="E62" s="1"/>
      <c r="F62" s="1"/>
      <c r="G62" s="25"/>
      <c r="H62" s="71"/>
      <c r="I62" s="83"/>
      <c r="J62" s="50" t="str">
        <f t="shared" si="2"/>
        <v/>
      </c>
      <c r="K62" s="23" t="s">
        <v>7120</v>
      </c>
      <c r="L62" s="49" t="e">
        <f>VLOOKUP(E62&amp;F62,団体コード!$A$1:$C$1743,3,FALSE)</f>
        <v>#N/A</v>
      </c>
      <c r="M62" s="49" t="e">
        <f>VLOOKUP(E62&amp;F62,団体コード!$A$1:$C$1743,2,FALSE)</f>
        <v>#N/A</v>
      </c>
      <c r="N62" s="51" t="e">
        <f>VLOOKUP(E62,団体コード!$E$1:$F$48,2,FALSE)</f>
        <v>#N/A</v>
      </c>
      <c r="O62" s="51" t="e">
        <f t="shared" si="3"/>
        <v>#N/A</v>
      </c>
      <c r="P62" s="51">
        <v>1</v>
      </c>
      <c r="Q62" s="51" t="s">
        <v>5341</v>
      </c>
      <c r="R62" s="54" t="b">
        <v>1</v>
      </c>
      <c r="S62" s="52" t="s">
        <v>7126</v>
      </c>
      <c r="T62" s="67" t="s">
        <v>7127</v>
      </c>
      <c r="U62" s="75" t="s">
        <v>5331</v>
      </c>
      <c r="V62" s="47" t="s">
        <v>5331</v>
      </c>
      <c r="W62" s="47" t="s">
        <v>5331</v>
      </c>
      <c r="X62" s="47" t="s">
        <v>5331</v>
      </c>
      <c r="Y62" s="47" t="s">
        <v>5331</v>
      </c>
      <c r="Z62" s="28"/>
      <c r="AA62" s="27"/>
      <c r="AB62" s="27"/>
      <c r="AC62" s="27"/>
      <c r="AD62" s="30"/>
      <c r="AE62" s="1"/>
      <c r="AF62" s="23" t="s">
        <v>5331</v>
      </c>
      <c r="AG62" s="26"/>
      <c r="AH62" s="53"/>
    </row>
    <row r="63" spans="1:34" ht="51.6" customHeight="1" x14ac:dyDescent="0.45">
      <c r="A63" s="23">
        <v>57</v>
      </c>
      <c r="B63" s="25"/>
      <c r="C63" s="25"/>
      <c r="D63" s="29"/>
      <c r="E63" s="1"/>
      <c r="F63" s="1"/>
      <c r="G63" s="25"/>
      <c r="H63" s="71"/>
      <c r="I63" s="83"/>
      <c r="J63" s="50" t="str">
        <f t="shared" si="2"/>
        <v/>
      </c>
      <c r="K63" s="23" t="s">
        <v>7120</v>
      </c>
      <c r="L63" s="49" t="e">
        <f>VLOOKUP(E63&amp;F63,団体コード!$A$1:$C$1743,3,FALSE)</f>
        <v>#N/A</v>
      </c>
      <c r="M63" s="49" t="e">
        <f>VLOOKUP(E63&amp;F63,団体コード!$A$1:$C$1743,2,FALSE)</f>
        <v>#N/A</v>
      </c>
      <c r="N63" s="51" t="e">
        <f>VLOOKUP(E63,団体コード!$E$1:$F$48,2,FALSE)</f>
        <v>#N/A</v>
      </c>
      <c r="O63" s="51" t="e">
        <f t="shared" si="3"/>
        <v>#N/A</v>
      </c>
      <c r="P63" s="51">
        <v>1</v>
      </c>
      <c r="Q63" s="51" t="s">
        <v>5341</v>
      </c>
      <c r="R63" s="54" t="b">
        <v>1</v>
      </c>
      <c r="S63" s="52" t="s">
        <v>7126</v>
      </c>
      <c r="T63" s="67" t="s">
        <v>7127</v>
      </c>
      <c r="U63" s="75" t="s">
        <v>5331</v>
      </c>
      <c r="V63" s="47" t="s">
        <v>5331</v>
      </c>
      <c r="W63" s="47" t="s">
        <v>5331</v>
      </c>
      <c r="X63" s="47" t="s">
        <v>5331</v>
      </c>
      <c r="Y63" s="47" t="s">
        <v>5331</v>
      </c>
      <c r="Z63" s="28"/>
      <c r="AA63" s="27"/>
      <c r="AB63" s="27"/>
      <c r="AC63" s="27"/>
      <c r="AD63" s="30"/>
      <c r="AE63" s="1"/>
      <c r="AF63" s="23" t="s">
        <v>5331</v>
      </c>
      <c r="AG63" s="26"/>
      <c r="AH63" s="53"/>
    </row>
    <row r="64" spans="1:34" ht="51.6" customHeight="1" x14ac:dyDescent="0.45">
      <c r="A64" s="23">
        <v>58</v>
      </c>
      <c r="B64" s="25"/>
      <c r="C64" s="25"/>
      <c r="D64" s="29"/>
      <c r="E64" s="1"/>
      <c r="F64" s="1"/>
      <c r="G64" s="25"/>
      <c r="H64" s="71"/>
      <c r="I64" s="83"/>
      <c r="J64" s="50" t="str">
        <f t="shared" si="2"/>
        <v/>
      </c>
      <c r="K64" s="23" t="s">
        <v>7120</v>
      </c>
      <c r="L64" s="49" t="e">
        <f>VLOOKUP(E64&amp;F64,団体コード!$A$1:$C$1743,3,FALSE)</f>
        <v>#N/A</v>
      </c>
      <c r="M64" s="49" t="e">
        <f>VLOOKUP(E64&amp;F64,団体コード!$A$1:$C$1743,2,FALSE)</f>
        <v>#N/A</v>
      </c>
      <c r="N64" s="51" t="e">
        <f>VLOOKUP(E64,団体コード!$E$1:$F$48,2,FALSE)</f>
        <v>#N/A</v>
      </c>
      <c r="O64" s="51" t="e">
        <f t="shared" si="3"/>
        <v>#N/A</v>
      </c>
      <c r="P64" s="51">
        <v>1</v>
      </c>
      <c r="Q64" s="51" t="s">
        <v>5341</v>
      </c>
      <c r="R64" s="54" t="b">
        <v>1</v>
      </c>
      <c r="S64" s="52" t="s">
        <v>7126</v>
      </c>
      <c r="T64" s="67" t="s">
        <v>7127</v>
      </c>
      <c r="U64" s="75" t="s">
        <v>5331</v>
      </c>
      <c r="V64" s="47" t="s">
        <v>5331</v>
      </c>
      <c r="W64" s="47" t="s">
        <v>5331</v>
      </c>
      <c r="X64" s="47" t="s">
        <v>5331</v>
      </c>
      <c r="Y64" s="47" t="s">
        <v>5331</v>
      </c>
      <c r="Z64" s="28"/>
      <c r="AA64" s="27"/>
      <c r="AB64" s="27"/>
      <c r="AC64" s="27"/>
      <c r="AD64" s="30"/>
      <c r="AE64" s="1"/>
      <c r="AF64" s="23" t="s">
        <v>5331</v>
      </c>
      <c r="AG64" s="26"/>
      <c r="AH64" s="53"/>
    </row>
    <row r="65" spans="1:34" ht="51.6" customHeight="1" x14ac:dyDescent="0.45">
      <c r="A65" s="23">
        <v>59</v>
      </c>
      <c r="B65" s="25"/>
      <c r="C65" s="25"/>
      <c r="D65" s="29"/>
      <c r="E65" s="1"/>
      <c r="F65" s="1"/>
      <c r="G65" s="25"/>
      <c r="H65" s="71"/>
      <c r="I65" s="83"/>
      <c r="J65" s="50" t="str">
        <f t="shared" si="2"/>
        <v/>
      </c>
      <c r="K65" s="23" t="s">
        <v>7120</v>
      </c>
      <c r="L65" s="49" t="e">
        <f>VLOOKUP(E65&amp;F65,団体コード!$A$1:$C$1743,3,FALSE)</f>
        <v>#N/A</v>
      </c>
      <c r="M65" s="49" t="e">
        <f>VLOOKUP(E65&amp;F65,団体コード!$A$1:$C$1743,2,FALSE)</f>
        <v>#N/A</v>
      </c>
      <c r="N65" s="51" t="e">
        <f>VLOOKUP(E65,団体コード!$E$1:$F$48,2,FALSE)</f>
        <v>#N/A</v>
      </c>
      <c r="O65" s="51" t="e">
        <f t="shared" si="3"/>
        <v>#N/A</v>
      </c>
      <c r="P65" s="51">
        <v>1</v>
      </c>
      <c r="Q65" s="51" t="s">
        <v>5341</v>
      </c>
      <c r="R65" s="54" t="b">
        <v>1</v>
      </c>
      <c r="S65" s="52" t="s">
        <v>7126</v>
      </c>
      <c r="T65" s="67" t="s">
        <v>7127</v>
      </c>
      <c r="U65" s="75" t="s">
        <v>5331</v>
      </c>
      <c r="V65" s="47" t="s">
        <v>5331</v>
      </c>
      <c r="W65" s="47" t="s">
        <v>5331</v>
      </c>
      <c r="X65" s="47" t="s">
        <v>5331</v>
      </c>
      <c r="Y65" s="47" t="s">
        <v>5331</v>
      </c>
      <c r="Z65" s="28"/>
      <c r="AA65" s="27"/>
      <c r="AB65" s="27"/>
      <c r="AC65" s="27"/>
      <c r="AD65" s="30"/>
      <c r="AE65" s="1"/>
      <c r="AF65" s="23" t="s">
        <v>5331</v>
      </c>
      <c r="AG65" s="26"/>
      <c r="AH65" s="53"/>
    </row>
    <row r="66" spans="1:34" ht="51.6" customHeight="1" x14ac:dyDescent="0.45">
      <c r="A66" s="23">
        <v>60</v>
      </c>
      <c r="B66" s="25"/>
      <c r="C66" s="25"/>
      <c r="D66" s="29"/>
      <c r="E66" s="1"/>
      <c r="F66" s="1"/>
      <c r="G66" s="25"/>
      <c r="H66" s="71"/>
      <c r="I66" s="83"/>
      <c r="J66" s="50" t="str">
        <f t="shared" si="2"/>
        <v/>
      </c>
      <c r="K66" s="23" t="s">
        <v>7120</v>
      </c>
      <c r="L66" s="49" t="e">
        <f>VLOOKUP(E66&amp;F66,団体コード!$A$1:$C$1743,3,FALSE)</f>
        <v>#N/A</v>
      </c>
      <c r="M66" s="49" t="e">
        <f>VLOOKUP(E66&amp;F66,団体コード!$A$1:$C$1743,2,FALSE)</f>
        <v>#N/A</v>
      </c>
      <c r="N66" s="51" t="e">
        <f>VLOOKUP(E66,団体コード!$E$1:$F$48,2,FALSE)</f>
        <v>#N/A</v>
      </c>
      <c r="O66" s="51" t="e">
        <f t="shared" si="3"/>
        <v>#N/A</v>
      </c>
      <c r="P66" s="51">
        <v>1</v>
      </c>
      <c r="Q66" s="51" t="s">
        <v>5341</v>
      </c>
      <c r="R66" s="54" t="b">
        <v>1</v>
      </c>
      <c r="S66" s="52" t="s">
        <v>7126</v>
      </c>
      <c r="T66" s="67" t="s">
        <v>7127</v>
      </c>
      <c r="U66" s="75" t="s">
        <v>5331</v>
      </c>
      <c r="V66" s="47" t="s">
        <v>5331</v>
      </c>
      <c r="W66" s="47" t="s">
        <v>5331</v>
      </c>
      <c r="X66" s="47" t="s">
        <v>5331</v>
      </c>
      <c r="Y66" s="47" t="s">
        <v>5331</v>
      </c>
      <c r="Z66" s="28"/>
      <c r="AA66" s="27"/>
      <c r="AB66" s="27"/>
      <c r="AC66" s="27"/>
      <c r="AD66" s="30"/>
      <c r="AE66" s="1"/>
      <c r="AF66" s="23" t="s">
        <v>5331</v>
      </c>
      <c r="AG66" s="26"/>
      <c r="AH66" s="53"/>
    </row>
    <row r="67" spans="1:34" ht="51.6" customHeight="1" x14ac:dyDescent="0.45">
      <c r="A67" s="23">
        <v>61</v>
      </c>
      <c r="B67" s="25"/>
      <c r="C67" s="25"/>
      <c r="D67" s="29"/>
      <c r="E67" s="1"/>
      <c r="F67" s="1"/>
      <c r="G67" s="25"/>
      <c r="H67" s="71"/>
      <c r="I67" s="83"/>
      <c r="J67" s="50" t="str">
        <f t="shared" si="2"/>
        <v/>
      </c>
      <c r="K67" s="23" t="s">
        <v>7120</v>
      </c>
      <c r="L67" s="49" t="e">
        <f>VLOOKUP(E67&amp;F67,団体コード!$A$1:$C$1743,3,FALSE)</f>
        <v>#N/A</v>
      </c>
      <c r="M67" s="49" t="e">
        <f>VLOOKUP(E67&amp;F67,団体コード!$A$1:$C$1743,2,FALSE)</f>
        <v>#N/A</v>
      </c>
      <c r="N67" s="51" t="e">
        <f>VLOOKUP(E67,団体コード!$E$1:$F$48,2,FALSE)</f>
        <v>#N/A</v>
      </c>
      <c r="O67" s="51" t="e">
        <f t="shared" si="3"/>
        <v>#N/A</v>
      </c>
      <c r="P67" s="51">
        <v>1</v>
      </c>
      <c r="Q67" s="51" t="s">
        <v>5341</v>
      </c>
      <c r="R67" s="54" t="b">
        <v>1</v>
      </c>
      <c r="S67" s="52" t="s">
        <v>7126</v>
      </c>
      <c r="T67" s="67" t="s">
        <v>7127</v>
      </c>
      <c r="U67" s="75" t="s">
        <v>5331</v>
      </c>
      <c r="V67" s="47" t="s">
        <v>5331</v>
      </c>
      <c r="W67" s="47" t="s">
        <v>5331</v>
      </c>
      <c r="X67" s="47" t="s">
        <v>5331</v>
      </c>
      <c r="Y67" s="47" t="s">
        <v>5331</v>
      </c>
      <c r="Z67" s="28"/>
      <c r="AA67" s="27"/>
      <c r="AB67" s="27"/>
      <c r="AC67" s="27"/>
      <c r="AD67" s="30"/>
      <c r="AE67" s="1"/>
      <c r="AF67" s="23" t="s">
        <v>5331</v>
      </c>
      <c r="AG67" s="26"/>
      <c r="AH67" s="53"/>
    </row>
    <row r="68" spans="1:34" ht="51.6" customHeight="1" x14ac:dyDescent="0.45">
      <c r="A68" s="23">
        <v>62</v>
      </c>
      <c r="B68" s="25"/>
      <c r="C68" s="25"/>
      <c r="D68" s="29"/>
      <c r="E68" s="1"/>
      <c r="F68" s="1"/>
      <c r="G68" s="25"/>
      <c r="H68" s="71"/>
      <c r="I68" s="83"/>
      <c r="J68" s="50" t="str">
        <f t="shared" si="2"/>
        <v/>
      </c>
      <c r="K68" s="23" t="s">
        <v>7120</v>
      </c>
      <c r="L68" s="49" t="e">
        <f>VLOOKUP(E68&amp;F68,団体コード!$A$1:$C$1743,3,FALSE)</f>
        <v>#N/A</v>
      </c>
      <c r="M68" s="49" t="e">
        <f>VLOOKUP(E68&amp;F68,団体コード!$A$1:$C$1743,2,FALSE)</f>
        <v>#N/A</v>
      </c>
      <c r="N68" s="51" t="e">
        <f>VLOOKUP(E68,団体コード!$E$1:$F$48,2,FALSE)</f>
        <v>#N/A</v>
      </c>
      <c r="O68" s="51" t="e">
        <f t="shared" si="3"/>
        <v>#N/A</v>
      </c>
      <c r="P68" s="51">
        <v>1</v>
      </c>
      <c r="Q68" s="51" t="s">
        <v>5341</v>
      </c>
      <c r="R68" s="54" t="b">
        <v>1</v>
      </c>
      <c r="S68" s="52" t="s">
        <v>7126</v>
      </c>
      <c r="T68" s="67" t="s">
        <v>7127</v>
      </c>
      <c r="U68" s="75" t="s">
        <v>5331</v>
      </c>
      <c r="V68" s="47" t="s">
        <v>5331</v>
      </c>
      <c r="W68" s="47" t="s">
        <v>5331</v>
      </c>
      <c r="X68" s="47" t="s">
        <v>5331</v>
      </c>
      <c r="Y68" s="47" t="s">
        <v>5331</v>
      </c>
      <c r="Z68" s="28"/>
      <c r="AA68" s="27"/>
      <c r="AB68" s="27"/>
      <c r="AC68" s="27"/>
      <c r="AD68" s="30"/>
      <c r="AE68" s="1"/>
      <c r="AF68" s="23" t="s">
        <v>5331</v>
      </c>
      <c r="AG68" s="26"/>
      <c r="AH68" s="53"/>
    </row>
    <row r="69" spans="1:34" ht="51.6" customHeight="1" x14ac:dyDescent="0.45">
      <c r="A69" s="23">
        <v>63</v>
      </c>
      <c r="B69" s="25"/>
      <c r="C69" s="25"/>
      <c r="D69" s="29"/>
      <c r="E69" s="1"/>
      <c r="F69" s="1"/>
      <c r="G69" s="25"/>
      <c r="H69" s="71"/>
      <c r="I69" s="83"/>
      <c r="J69" s="50" t="str">
        <f t="shared" si="2"/>
        <v/>
      </c>
      <c r="K69" s="23" t="s">
        <v>7120</v>
      </c>
      <c r="L69" s="49" t="e">
        <f>VLOOKUP(E69&amp;F69,団体コード!$A$1:$C$1743,3,FALSE)</f>
        <v>#N/A</v>
      </c>
      <c r="M69" s="49" t="e">
        <f>VLOOKUP(E69&amp;F69,団体コード!$A$1:$C$1743,2,FALSE)</f>
        <v>#N/A</v>
      </c>
      <c r="N69" s="51" t="e">
        <f>VLOOKUP(E69,団体コード!$E$1:$F$48,2,FALSE)</f>
        <v>#N/A</v>
      </c>
      <c r="O69" s="51" t="e">
        <f t="shared" si="3"/>
        <v>#N/A</v>
      </c>
      <c r="P69" s="51">
        <v>1</v>
      </c>
      <c r="Q69" s="51" t="s">
        <v>5341</v>
      </c>
      <c r="R69" s="54" t="b">
        <v>1</v>
      </c>
      <c r="S69" s="52" t="s">
        <v>7126</v>
      </c>
      <c r="T69" s="67" t="s">
        <v>7127</v>
      </c>
      <c r="U69" s="75" t="s">
        <v>5331</v>
      </c>
      <c r="V69" s="47" t="s">
        <v>5331</v>
      </c>
      <c r="W69" s="47" t="s">
        <v>5331</v>
      </c>
      <c r="X69" s="47" t="s">
        <v>5331</v>
      </c>
      <c r="Y69" s="47" t="s">
        <v>5331</v>
      </c>
      <c r="Z69" s="28"/>
      <c r="AA69" s="27"/>
      <c r="AB69" s="27"/>
      <c r="AC69" s="27"/>
      <c r="AD69" s="30"/>
      <c r="AE69" s="1"/>
      <c r="AF69" s="23" t="s">
        <v>5331</v>
      </c>
      <c r="AG69" s="26"/>
      <c r="AH69" s="53"/>
    </row>
    <row r="70" spans="1:34" ht="51.6" customHeight="1" x14ac:dyDescent="0.45">
      <c r="A70" s="23">
        <v>64</v>
      </c>
      <c r="B70" s="25"/>
      <c r="C70" s="25"/>
      <c r="D70" s="29"/>
      <c r="E70" s="1"/>
      <c r="F70" s="1"/>
      <c r="G70" s="25"/>
      <c r="H70" s="71"/>
      <c r="I70" s="83"/>
      <c r="J70" s="50" t="str">
        <f t="shared" si="2"/>
        <v/>
      </c>
      <c r="K70" s="23" t="s">
        <v>7120</v>
      </c>
      <c r="L70" s="49" t="e">
        <f>VLOOKUP(E70&amp;F70,団体コード!$A$1:$C$1743,3,FALSE)</f>
        <v>#N/A</v>
      </c>
      <c r="M70" s="49" t="e">
        <f>VLOOKUP(E70&amp;F70,団体コード!$A$1:$C$1743,2,FALSE)</f>
        <v>#N/A</v>
      </c>
      <c r="N70" s="51" t="e">
        <f>VLOOKUP(E70,団体コード!$E$1:$F$48,2,FALSE)</f>
        <v>#N/A</v>
      </c>
      <c r="O70" s="51" t="e">
        <f t="shared" si="3"/>
        <v>#N/A</v>
      </c>
      <c r="P70" s="51">
        <v>1</v>
      </c>
      <c r="Q70" s="51" t="s">
        <v>5341</v>
      </c>
      <c r="R70" s="54" t="b">
        <v>1</v>
      </c>
      <c r="S70" s="52" t="s">
        <v>7126</v>
      </c>
      <c r="T70" s="67" t="s">
        <v>7127</v>
      </c>
      <c r="U70" s="75" t="s">
        <v>5331</v>
      </c>
      <c r="V70" s="47" t="s">
        <v>5331</v>
      </c>
      <c r="W70" s="47" t="s">
        <v>5331</v>
      </c>
      <c r="X70" s="47" t="s">
        <v>5331</v>
      </c>
      <c r="Y70" s="47" t="s">
        <v>5331</v>
      </c>
      <c r="Z70" s="28"/>
      <c r="AA70" s="27"/>
      <c r="AB70" s="27"/>
      <c r="AC70" s="27"/>
      <c r="AD70" s="30"/>
      <c r="AE70" s="1"/>
      <c r="AF70" s="23" t="s">
        <v>5331</v>
      </c>
      <c r="AG70" s="26"/>
      <c r="AH70" s="53"/>
    </row>
    <row r="71" spans="1:34" ht="51.6" customHeight="1" x14ac:dyDescent="0.45">
      <c r="A71" s="23">
        <v>65</v>
      </c>
      <c r="B71" s="25"/>
      <c r="C71" s="25"/>
      <c r="D71" s="29"/>
      <c r="E71" s="1"/>
      <c r="F71" s="1"/>
      <c r="G71" s="25"/>
      <c r="H71" s="71"/>
      <c r="I71" s="83"/>
      <c r="J71" s="50" t="str">
        <f t="shared" si="2"/>
        <v/>
      </c>
      <c r="K71" s="23" t="s">
        <v>7120</v>
      </c>
      <c r="L71" s="49" t="e">
        <f>VLOOKUP(E71&amp;F71,団体コード!$A$1:$C$1743,3,FALSE)</f>
        <v>#N/A</v>
      </c>
      <c r="M71" s="49" t="e">
        <f>VLOOKUP(E71&amp;F71,団体コード!$A$1:$C$1743,2,FALSE)</f>
        <v>#N/A</v>
      </c>
      <c r="N71" s="51" t="e">
        <f>VLOOKUP(E71,団体コード!$E$1:$F$48,2,FALSE)</f>
        <v>#N/A</v>
      </c>
      <c r="O71" s="51" t="e">
        <f t="shared" si="3"/>
        <v>#N/A</v>
      </c>
      <c r="P71" s="51">
        <v>1</v>
      </c>
      <c r="Q71" s="51" t="s">
        <v>5341</v>
      </c>
      <c r="R71" s="54" t="b">
        <v>1</v>
      </c>
      <c r="S71" s="52" t="s">
        <v>7126</v>
      </c>
      <c r="T71" s="67" t="s">
        <v>7127</v>
      </c>
      <c r="U71" s="75" t="s">
        <v>5331</v>
      </c>
      <c r="V71" s="47" t="s">
        <v>5331</v>
      </c>
      <c r="W71" s="47" t="s">
        <v>5331</v>
      </c>
      <c r="X71" s="47" t="s">
        <v>5331</v>
      </c>
      <c r="Y71" s="47" t="s">
        <v>5331</v>
      </c>
      <c r="Z71" s="28"/>
      <c r="AA71" s="27"/>
      <c r="AB71" s="27"/>
      <c r="AC71" s="27"/>
      <c r="AD71" s="30"/>
      <c r="AE71" s="1"/>
      <c r="AF71" s="23" t="s">
        <v>5331</v>
      </c>
      <c r="AG71" s="26"/>
      <c r="AH71" s="53"/>
    </row>
    <row r="72" spans="1:34" ht="51.6" customHeight="1" x14ac:dyDescent="0.45">
      <c r="A72" s="23">
        <v>66</v>
      </c>
      <c r="B72" s="25"/>
      <c r="C72" s="25"/>
      <c r="D72" s="29"/>
      <c r="E72" s="1"/>
      <c r="F72" s="1"/>
      <c r="G72" s="25"/>
      <c r="H72" s="71"/>
      <c r="I72" s="83"/>
      <c r="J72" s="50" t="str">
        <f t="shared" ref="J72:J135" si="4">E72&amp;F72&amp;G72</f>
        <v/>
      </c>
      <c r="K72" s="23" t="s">
        <v>7120</v>
      </c>
      <c r="L72" s="49" t="e">
        <f>VLOOKUP(E72&amp;F72,団体コード!$A$1:$C$1743,3,FALSE)</f>
        <v>#N/A</v>
      </c>
      <c r="M72" s="49" t="e">
        <f>VLOOKUP(E72&amp;F72,団体コード!$A$1:$C$1743,2,FALSE)</f>
        <v>#N/A</v>
      </c>
      <c r="N72" s="51" t="e">
        <f>VLOOKUP(E72,団体コード!$E$1:$F$48,2,FALSE)</f>
        <v>#N/A</v>
      </c>
      <c r="O72" s="51" t="e">
        <f t="shared" ref="O72:O135" si="5">N72</f>
        <v>#N/A</v>
      </c>
      <c r="P72" s="51">
        <v>1</v>
      </c>
      <c r="Q72" s="51" t="s">
        <v>5341</v>
      </c>
      <c r="R72" s="54" t="b">
        <v>1</v>
      </c>
      <c r="S72" s="52" t="s">
        <v>7126</v>
      </c>
      <c r="T72" s="67" t="s">
        <v>7127</v>
      </c>
      <c r="U72" s="75" t="s">
        <v>5331</v>
      </c>
      <c r="V72" s="47" t="s">
        <v>5331</v>
      </c>
      <c r="W72" s="47" t="s">
        <v>5331</v>
      </c>
      <c r="X72" s="47" t="s">
        <v>5331</v>
      </c>
      <c r="Y72" s="47" t="s">
        <v>5331</v>
      </c>
      <c r="Z72" s="28"/>
      <c r="AA72" s="27"/>
      <c r="AB72" s="27"/>
      <c r="AC72" s="27"/>
      <c r="AD72" s="30"/>
      <c r="AE72" s="1"/>
      <c r="AF72" s="23" t="s">
        <v>5331</v>
      </c>
      <c r="AG72" s="26"/>
      <c r="AH72" s="53"/>
    </row>
    <row r="73" spans="1:34" ht="51.6" customHeight="1" x14ac:dyDescent="0.45">
      <c r="A73" s="23">
        <v>67</v>
      </c>
      <c r="B73" s="25"/>
      <c r="C73" s="25"/>
      <c r="D73" s="29"/>
      <c r="E73" s="1"/>
      <c r="F73" s="1"/>
      <c r="G73" s="25"/>
      <c r="H73" s="71"/>
      <c r="I73" s="83"/>
      <c r="J73" s="50" t="str">
        <f t="shared" si="4"/>
        <v/>
      </c>
      <c r="K73" s="23" t="s">
        <v>7120</v>
      </c>
      <c r="L73" s="49" t="e">
        <f>VLOOKUP(E73&amp;F73,団体コード!$A$1:$C$1743,3,FALSE)</f>
        <v>#N/A</v>
      </c>
      <c r="M73" s="49" t="e">
        <f>VLOOKUP(E73&amp;F73,団体コード!$A$1:$C$1743,2,FALSE)</f>
        <v>#N/A</v>
      </c>
      <c r="N73" s="51" t="e">
        <f>VLOOKUP(E73,団体コード!$E$1:$F$48,2,FALSE)</f>
        <v>#N/A</v>
      </c>
      <c r="O73" s="51" t="e">
        <f t="shared" si="5"/>
        <v>#N/A</v>
      </c>
      <c r="P73" s="51">
        <v>1</v>
      </c>
      <c r="Q73" s="51" t="s">
        <v>5341</v>
      </c>
      <c r="R73" s="54" t="b">
        <v>1</v>
      </c>
      <c r="S73" s="52" t="s">
        <v>7126</v>
      </c>
      <c r="T73" s="67" t="s">
        <v>7127</v>
      </c>
      <c r="U73" s="75" t="s">
        <v>5331</v>
      </c>
      <c r="V73" s="47" t="s">
        <v>5331</v>
      </c>
      <c r="W73" s="47" t="s">
        <v>5331</v>
      </c>
      <c r="X73" s="47" t="s">
        <v>5331</v>
      </c>
      <c r="Y73" s="47" t="s">
        <v>5331</v>
      </c>
      <c r="Z73" s="28"/>
      <c r="AA73" s="27"/>
      <c r="AB73" s="27"/>
      <c r="AC73" s="27"/>
      <c r="AD73" s="30"/>
      <c r="AE73" s="1"/>
      <c r="AF73" s="23" t="s">
        <v>5331</v>
      </c>
      <c r="AG73" s="26"/>
      <c r="AH73" s="53"/>
    </row>
    <row r="74" spans="1:34" ht="51.6" customHeight="1" x14ac:dyDescent="0.45">
      <c r="A74" s="23">
        <v>68</v>
      </c>
      <c r="B74" s="25"/>
      <c r="C74" s="25"/>
      <c r="D74" s="29"/>
      <c r="E74" s="1"/>
      <c r="F74" s="1"/>
      <c r="G74" s="25"/>
      <c r="H74" s="71"/>
      <c r="I74" s="83"/>
      <c r="J74" s="50" t="str">
        <f t="shared" si="4"/>
        <v/>
      </c>
      <c r="K74" s="23" t="s">
        <v>7120</v>
      </c>
      <c r="L74" s="49" t="e">
        <f>VLOOKUP(E74&amp;F74,団体コード!$A$1:$C$1743,3,FALSE)</f>
        <v>#N/A</v>
      </c>
      <c r="M74" s="49" t="e">
        <f>VLOOKUP(E74&amp;F74,団体コード!$A$1:$C$1743,2,FALSE)</f>
        <v>#N/A</v>
      </c>
      <c r="N74" s="51" t="e">
        <f>VLOOKUP(E74,団体コード!$E$1:$F$48,2,FALSE)</f>
        <v>#N/A</v>
      </c>
      <c r="O74" s="51" t="e">
        <f t="shared" si="5"/>
        <v>#N/A</v>
      </c>
      <c r="P74" s="51">
        <v>1</v>
      </c>
      <c r="Q74" s="51" t="s">
        <v>5341</v>
      </c>
      <c r="R74" s="54" t="b">
        <v>1</v>
      </c>
      <c r="S74" s="52" t="s">
        <v>7126</v>
      </c>
      <c r="T74" s="67" t="s">
        <v>7127</v>
      </c>
      <c r="U74" s="75" t="s">
        <v>5331</v>
      </c>
      <c r="V74" s="47" t="s">
        <v>5331</v>
      </c>
      <c r="W74" s="47" t="s">
        <v>5331</v>
      </c>
      <c r="X74" s="47" t="s">
        <v>5331</v>
      </c>
      <c r="Y74" s="47" t="s">
        <v>5331</v>
      </c>
      <c r="Z74" s="28"/>
      <c r="AA74" s="27"/>
      <c r="AB74" s="27"/>
      <c r="AC74" s="27"/>
      <c r="AD74" s="30"/>
      <c r="AE74" s="1"/>
      <c r="AF74" s="23" t="s">
        <v>5331</v>
      </c>
      <c r="AG74" s="26"/>
      <c r="AH74" s="53"/>
    </row>
    <row r="75" spans="1:34" ht="51.6" customHeight="1" x14ac:dyDescent="0.45">
      <c r="A75" s="23">
        <v>69</v>
      </c>
      <c r="B75" s="25"/>
      <c r="C75" s="25"/>
      <c r="D75" s="29"/>
      <c r="E75" s="1"/>
      <c r="F75" s="1"/>
      <c r="G75" s="25"/>
      <c r="H75" s="71"/>
      <c r="I75" s="83"/>
      <c r="J75" s="50" t="str">
        <f t="shared" si="4"/>
        <v/>
      </c>
      <c r="K75" s="23" t="s">
        <v>7120</v>
      </c>
      <c r="L75" s="49" t="e">
        <f>VLOOKUP(E75&amp;F75,団体コード!$A$1:$C$1743,3,FALSE)</f>
        <v>#N/A</v>
      </c>
      <c r="M75" s="49" t="e">
        <f>VLOOKUP(E75&amp;F75,団体コード!$A$1:$C$1743,2,FALSE)</f>
        <v>#N/A</v>
      </c>
      <c r="N75" s="51" t="e">
        <f>VLOOKUP(E75,団体コード!$E$1:$F$48,2,FALSE)</f>
        <v>#N/A</v>
      </c>
      <c r="O75" s="51" t="e">
        <f t="shared" si="5"/>
        <v>#N/A</v>
      </c>
      <c r="P75" s="51">
        <v>1</v>
      </c>
      <c r="Q75" s="51" t="s">
        <v>5341</v>
      </c>
      <c r="R75" s="54" t="b">
        <v>1</v>
      </c>
      <c r="S75" s="52" t="s">
        <v>7126</v>
      </c>
      <c r="T75" s="67" t="s">
        <v>7127</v>
      </c>
      <c r="U75" s="75" t="s">
        <v>5331</v>
      </c>
      <c r="V75" s="47" t="s">
        <v>5331</v>
      </c>
      <c r="W75" s="47" t="s">
        <v>5331</v>
      </c>
      <c r="X75" s="47" t="s">
        <v>5331</v>
      </c>
      <c r="Y75" s="47" t="s">
        <v>5331</v>
      </c>
      <c r="Z75" s="28"/>
      <c r="AA75" s="27"/>
      <c r="AB75" s="27"/>
      <c r="AC75" s="27"/>
      <c r="AD75" s="30"/>
      <c r="AE75" s="1"/>
      <c r="AF75" s="23" t="s">
        <v>5331</v>
      </c>
      <c r="AG75" s="26"/>
      <c r="AH75" s="53"/>
    </row>
    <row r="76" spans="1:34" ht="51.6" customHeight="1" x14ac:dyDescent="0.45">
      <c r="A76" s="23">
        <v>70</v>
      </c>
      <c r="B76" s="25"/>
      <c r="C76" s="25"/>
      <c r="D76" s="29"/>
      <c r="E76" s="1"/>
      <c r="F76" s="1"/>
      <c r="G76" s="25"/>
      <c r="H76" s="71"/>
      <c r="I76" s="83"/>
      <c r="J76" s="50" t="str">
        <f t="shared" si="4"/>
        <v/>
      </c>
      <c r="K76" s="23" t="s">
        <v>7120</v>
      </c>
      <c r="L76" s="49" t="e">
        <f>VLOOKUP(E76&amp;F76,団体コード!$A$1:$C$1743,3,FALSE)</f>
        <v>#N/A</v>
      </c>
      <c r="M76" s="49" t="e">
        <f>VLOOKUP(E76&amp;F76,団体コード!$A$1:$C$1743,2,FALSE)</f>
        <v>#N/A</v>
      </c>
      <c r="N76" s="51" t="e">
        <f>VLOOKUP(E76,団体コード!$E$1:$F$48,2,FALSE)</f>
        <v>#N/A</v>
      </c>
      <c r="O76" s="51" t="e">
        <f t="shared" si="5"/>
        <v>#N/A</v>
      </c>
      <c r="P76" s="51">
        <v>1</v>
      </c>
      <c r="Q76" s="51" t="s">
        <v>5341</v>
      </c>
      <c r="R76" s="54" t="b">
        <v>1</v>
      </c>
      <c r="S76" s="52" t="s">
        <v>7126</v>
      </c>
      <c r="T76" s="67" t="s">
        <v>7127</v>
      </c>
      <c r="U76" s="75" t="s">
        <v>5331</v>
      </c>
      <c r="V76" s="47" t="s">
        <v>5331</v>
      </c>
      <c r="W76" s="47" t="s">
        <v>5331</v>
      </c>
      <c r="X76" s="47" t="s">
        <v>5331</v>
      </c>
      <c r="Y76" s="47" t="s">
        <v>5331</v>
      </c>
      <c r="Z76" s="28"/>
      <c r="AA76" s="27"/>
      <c r="AB76" s="27"/>
      <c r="AC76" s="27"/>
      <c r="AD76" s="30"/>
      <c r="AE76" s="1"/>
      <c r="AF76" s="23" t="s">
        <v>5331</v>
      </c>
      <c r="AG76" s="26"/>
      <c r="AH76" s="53"/>
    </row>
    <row r="77" spans="1:34" ht="51.6" customHeight="1" x14ac:dyDescent="0.45">
      <c r="A77" s="23">
        <v>71</v>
      </c>
      <c r="B77" s="25"/>
      <c r="C77" s="25"/>
      <c r="D77" s="29"/>
      <c r="E77" s="1"/>
      <c r="F77" s="1"/>
      <c r="G77" s="25"/>
      <c r="H77" s="71"/>
      <c r="I77" s="83"/>
      <c r="J77" s="50" t="str">
        <f t="shared" si="4"/>
        <v/>
      </c>
      <c r="K77" s="23" t="s">
        <v>7120</v>
      </c>
      <c r="L77" s="49" t="e">
        <f>VLOOKUP(E77&amp;F77,団体コード!$A$1:$C$1743,3,FALSE)</f>
        <v>#N/A</v>
      </c>
      <c r="M77" s="49" t="e">
        <f>VLOOKUP(E77&amp;F77,団体コード!$A$1:$C$1743,2,FALSE)</f>
        <v>#N/A</v>
      </c>
      <c r="N77" s="51" t="e">
        <f>VLOOKUP(E77,団体コード!$E$1:$F$48,2,FALSE)</f>
        <v>#N/A</v>
      </c>
      <c r="O77" s="51" t="e">
        <f t="shared" si="5"/>
        <v>#N/A</v>
      </c>
      <c r="P77" s="51">
        <v>1</v>
      </c>
      <c r="Q77" s="51" t="s">
        <v>5341</v>
      </c>
      <c r="R77" s="54" t="b">
        <v>1</v>
      </c>
      <c r="S77" s="52" t="s">
        <v>7126</v>
      </c>
      <c r="T77" s="67" t="s">
        <v>7127</v>
      </c>
      <c r="U77" s="75" t="s">
        <v>5331</v>
      </c>
      <c r="V77" s="47" t="s">
        <v>5331</v>
      </c>
      <c r="W77" s="47" t="s">
        <v>5331</v>
      </c>
      <c r="X77" s="47" t="s">
        <v>5331</v>
      </c>
      <c r="Y77" s="47" t="s">
        <v>5331</v>
      </c>
      <c r="Z77" s="28"/>
      <c r="AA77" s="27"/>
      <c r="AB77" s="27"/>
      <c r="AC77" s="27"/>
      <c r="AD77" s="30"/>
      <c r="AE77" s="1"/>
      <c r="AF77" s="23" t="s">
        <v>5331</v>
      </c>
      <c r="AG77" s="26"/>
      <c r="AH77" s="53"/>
    </row>
    <row r="78" spans="1:34" ht="51.6" customHeight="1" x14ac:dyDescent="0.45">
      <c r="A78" s="23">
        <v>72</v>
      </c>
      <c r="B78" s="25"/>
      <c r="C78" s="25"/>
      <c r="D78" s="29"/>
      <c r="E78" s="1"/>
      <c r="F78" s="1"/>
      <c r="G78" s="25"/>
      <c r="H78" s="71"/>
      <c r="I78" s="83"/>
      <c r="J78" s="50" t="str">
        <f t="shared" si="4"/>
        <v/>
      </c>
      <c r="K78" s="23" t="s">
        <v>7120</v>
      </c>
      <c r="L78" s="49" t="e">
        <f>VLOOKUP(E78&amp;F78,団体コード!$A$1:$C$1743,3,FALSE)</f>
        <v>#N/A</v>
      </c>
      <c r="M78" s="49" t="e">
        <f>VLOOKUP(E78&amp;F78,団体コード!$A$1:$C$1743,2,FALSE)</f>
        <v>#N/A</v>
      </c>
      <c r="N78" s="51" t="e">
        <f>VLOOKUP(E78,団体コード!$E$1:$F$48,2,FALSE)</f>
        <v>#N/A</v>
      </c>
      <c r="O78" s="51" t="e">
        <f t="shared" si="5"/>
        <v>#N/A</v>
      </c>
      <c r="P78" s="51">
        <v>1</v>
      </c>
      <c r="Q78" s="51" t="s">
        <v>5341</v>
      </c>
      <c r="R78" s="54" t="b">
        <v>1</v>
      </c>
      <c r="S78" s="52" t="s">
        <v>7126</v>
      </c>
      <c r="T78" s="67" t="s">
        <v>7127</v>
      </c>
      <c r="U78" s="75" t="s">
        <v>5331</v>
      </c>
      <c r="V78" s="47" t="s">
        <v>5331</v>
      </c>
      <c r="W78" s="47" t="s">
        <v>5331</v>
      </c>
      <c r="X78" s="47" t="s">
        <v>5331</v>
      </c>
      <c r="Y78" s="47" t="s">
        <v>5331</v>
      </c>
      <c r="Z78" s="28"/>
      <c r="AA78" s="27"/>
      <c r="AB78" s="27"/>
      <c r="AC78" s="27"/>
      <c r="AD78" s="30"/>
      <c r="AE78" s="1"/>
      <c r="AF78" s="23" t="s">
        <v>5331</v>
      </c>
      <c r="AG78" s="26"/>
      <c r="AH78" s="53"/>
    </row>
    <row r="79" spans="1:34" ht="51.6" customHeight="1" x14ac:dyDescent="0.45">
      <c r="A79" s="23">
        <v>73</v>
      </c>
      <c r="B79" s="25"/>
      <c r="C79" s="25"/>
      <c r="D79" s="29"/>
      <c r="E79" s="1"/>
      <c r="F79" s="1"/>
      <c r="G79" s="25"/>
      <c r="H79" s="71"/>
      <c r="I79" s="83"/>
      <c r="J79" s="50" t="str">
        <f t="shared" si="4"/>
        <v/>
      </c>
      <c r="K79" s="23" t="s">
        <v>7120</v>
      </c>
      <c r="L79" s="49" t="e">
        <f>VLOOKUP(E79&amp;F79,団体コード!$A$1:$C$1743,3,FALSE)</f>
        <v>#N/A</v>
      </c>
      <c r="M79" s="49" t="e">
        <f>VLOOKUP(E79&amp;F79,団体コード!$A$1:$C$1743,2,FALSE)</f>
        <v>#N/A</v>
      </c>
      <c r="N79" s="51" t="e">
        <f>VLOOKUP(E79,団体コード!$E$1:$F$48,2,FALSE)</f>
        <v>#N/A</v>
      </c>
      <c r="O79" s="51" t="e">
        <f t="shared" si="5"/>
        <v>#N/A</v>
      </c>
      <c r="P79" s="51">
        <v>1</v>
      </c>
      <c r="Q79" s="51" t="s">
        <v>5341</v>
      </c>
      <c r="R79" s="54" t="b">
        <v>1</v>
      </c>
      <c r="S79" s="52" t="s">
        <v>7126</v>
      </c>
      <c r="T79" s="67" t="s">
        <v>7127</v>
      </c>
      <c r="U79" s="75" t="s">
        <v>5331</v>
      </c>
      <c r="V79" s="47" t="s">
        <v>5331</v>
      </c>
      <c r="W79" s="47" t="s">
        <v>5331</v>
      </c>
      <c r="X79" s="47" t="s">
        <v>5331</v>
      </c>
      <c r="Y79" s="47" t="s">
        <v>5331</v>
      </c>
      <c r="Z79" s="28"/>
      <c r="AA79" s="27"/>
      <c r="AB79" s="27"/>
      <c r="AC79" s="27"/>
      <c r="AD79" s="30"/>
      <c r="AE79" s="1"/>
      <c r="AF79" s="23" t="s">
        <v>5331</v>
      </c>
      <c r="AG79" s="26"/>
      <c r="AH79" s="53"/>
    </row>
    <row r="80" spans="1:34" ht="51.6" customHeight="1" x14ac:dyDescent="0.45">
      <c r="A80" s="23">
        <v>74</v>
      </c>
      <c r="B80" s="25"/>
      <c r="C80" s="25"/>
      <c r="D80" s="29"/>
      <c r="E80" s="1"/>
      <c r="F80" s="1"/>
      <c r="G80" s="25"/>
      <c r="H80" s="71"/>
      <c r="I80" s="83"/>
      <c r="J80" s="50" t="str">
        <f t="shared" si="4"/>
        <v/>
      </c>
      <c r="K80" s="23" t="s">
        <v>7120</v>
      </c>
      <c r="L80" s="49" t="e">
        <f>VLOOKUP(E80&amp;F80,団体コード!$A$1:$C$1743,3,FALSE)</f>
        <v>#N/A</v>
      </c>
      <c r="M80" s="49" t="e">
        <f>VLOOKUP(E80&amp;F80,団体コード!$A$1:$C$1743,2,FALSE)</f>
        <v>#N/A</v>
      </c>
      <c r="N80" s="51" t="e">
        <f>VLOOKUP(E80,団体コード!$E$1:$F$48,2,FALSE)</f>
        <v>#N/A</v>
      </c>
      <c r="O80" s="51" t="e">
        <f t="shared" si="5"/>
        <v>#N/A</v>
      </c>
      <c r="P80" s="51">
        <v>1</v>
      </c>
      <c r="Q80" s="51" t="s">
        <v>5341</v>
      </c>
      <c r="R80" s="54" t="b">
        <v>1</v>
      </c>
      <c r="S80" s="52" t="s">
        <v>7126</v>
      </c>
      <c r="T80" s="67" t="s">
        <v>7127</v>
      </c>
      <c r="U80" s="75" t="s">
        <v>5331</v>
      </c>
      <c r="V80" s="47" t="s">
        <v>5331</v>
      </c>
      <c r="W80" s="47" t="s">
        <v>5331</v>
      </c>
      <c r="X80" s="47" t="s">
        <v>5331</v>
      </c>
      <c r="Y80" s="47" t="s">
        <v>5331</v>
      </c>
      <c r="Z80" s="28"/>
      <c r="AA80" s="27"/>
      <c r="AB80" s="27"/>
      <c r="AC80" s="27"/>
      <c r="AD80" s="30"/>
      <c r="AE80" s="1"/>
      <c r="AF80" s="23" t="s">
        <v>5331</v>
      </c>
      <c r="AG80" s="26"/>
      <c r="AH80" s="53"/>
    </row>
    <row r="81" spans="1:34" ht="51.6" customHeight="1" x14ac:dyDescent="0.45">
      <c r="A81" s="23">
        <v>75</v>
      </c>
      <c r="B81" s="25"/>
      <c r="C81" s="25"/>
      <c r="D81" s="29"/>
      <c r="E81" s="1"/>
      <c r="F81" s="1"/>
      <c r="G81" s="25"/>
      <c r="H81" s="71"/>
      <c r="I81" s="83"/>
      <c r="J81" s="50" t="str">
        <f t="shared" si="4"/>
        <v/>
      </c>
      <c r="K81" s="23" t="s">
        <v>7120</v>
      </c>
      <c r="L81" s="49" t="e">
        <f>VLOOKUP(E81&amp;F81,団体コード!$A$1:$C$1743,3,FALSE)</f>
        <v>#N/A</v>
      </c>
      <c r="M81" s="49" t="e">
        <f>VLOOKUP(E81&amp;F81,団体コード!$A$1:$C$1743,2,FALSE)</f>
        <v>#N/A</v>
      </c>
      <c r="N81" s="51" t="e">
        <f>VLOOKUP(E81,団体コード!$E$1:$F$48,2,FALSE)</f>
        <v>#N/A</v>
      </c>
      <c r="O81" s="51" t="e">
        <f t="shared" si="5"/>
        <v>#N/A</v>
      </c>
      <c r="P81" s="51">
        <v>1</v>
      </c>
      <c r="Q81" s="51" t="s">
        <v>5341</v>
      </c>
      <c r="R81" s="54" t="b">
        <v>1</v>
      </c>
      <c r="S81" s="52" t="s">
        <v>7126</v>
      </c>
      <c r="T81" s="67" t="s">
        <v>7127</v>
      </c>
      <c r="U81" s="75" t="s">
        <v>5331</v>
      </c>
      <c r="V81" s="47" t="s">
        <v>5331</v>
      </c>
      <c r="W81" s="47" t="s">
        <v>5331</v>
      </c>
      <c r="X81" s="47" t="s">
        <v>5331</v>
      </c>
      <c r="Y81" s="47" t="s">
        <v>5331</v>
      </c>
      <c r="Z81" s="28"/>
      <c r="AA81" s="27"/>
      <c r="AB81" s="27"/>
      <c r="AC81" s="27"/>
      <c r="AD81" s="30"/>
      <c r="AE81" s="1"/>
      <c r="AF81" s="23" t="s">
        <v>5331</v>
      </c>
      <c r="AG81" s="26"/>
      <c r="AH81" s="53"/>
    </row>
    <row r="82" spans="1:34" ht="51.6" customHeight="1" x14ac:dyDescent="0.45">
      <c r="A82" s="23">
        <v>76</v>
      </c>
      <c r="B82" s="25"/>
      <c r="C82" s="25"/>
      <c r="D82" s="29"/>
      <c r="E82" s="1"/>
      <c r="F82" s="1"/>
      <c r="G82" s="25"/>
      <c r="H82" s="71"/>
      <c r="I82" s="83"/>
      <c r="J82" s="50" t="str">
        <f t="shared" si="4"/>
        <v/>
      </c>
      <c r="K82" s="23" t="s">
        <v>7120</v>
      </c>
      <c r="L82" s="49" t="e">
        <f>VLOOKUP(E82&amp;F82,団体コード!$A$1:$C$1743,3,FALSE)</f>
        <v>#N/A</v>
      </c>
      <c r="M82" s="49" t="e">
        <f>VLOOKUP(E82&amp;F82,団体コード!$A$1:$C$1743,2,FALSE)</f>
        <v>#N/A</v>
      </c>
      <c r="N82" s="51" t="e">
        <f>VLOOKUP(E82,団体コード!$E$1:$F$48,2,FALSE)</f>
        <v>#N/A</v>
      </c>
      <c r="O82" s="51" t="e">
        <f t="shared" si="5"/>
        <v>#N/A</v>
      </c>
      <c r="P82" s="51">
        <v>1</v>
      </c>
      <c r="Q82" s="51" t="s">
        <v>5341</v>
      </c>
      <c r="R82" s="54" t="b">
        <v>1</v>
      </c>
      <c r="S82" s="52" t="s">
        <v>7126</v>
      </c>
      <c r="T82" s="67" t="s">
        <v>7127</v>
      </c>
      <c r="U82" s="75" t="s">
        <v>5331</v>
      </c>
      <c r="V82" s="47" t="s">
        <v>5331</v>
      </c>
      <c r="W82" s="47" t="s">
        <v>5331</v>
      </c>
      <c r="X82" s="47" t="s">
        <v>5331</v>
      </c>
      <c r="Y82" s="47" t="s">
        <v>5331</v>
      </c>
      <c r="Z82" s="28"/>
      <c r="AA82" s="27"/>
      <c r="AB82" s="27"/>
      <c r="AC82" s="27"/>
      <c r="AD82" s="30"/>
      <c r="AE82" s="1"/>
      <c r="AF82" s="23" t="s">
        <v>5331</v>
      </c>
      <c r="AG82" s="26"/>
      <c r="AH82" s="53"/>
    </row>
    <row r="83" spans="1:34" ht="51.6" customHeight="1" x14ac:dyDescent="0.45">
      <c r="A83" s="23">
        <v>77</v>
      </c>
      <c r="B83" s="25"/>
      <c r="C83" s="25"/>
      <c r="D83" s="29"/>
      <c r="E83" s="1"/>
      <c r="F83" s="1"/>
      <c r="G83" s="25"/>
      <c r="H83" s="71"/>
      <c r="I83" s="83"/>
      <c r="J83" s="50" t="str">
        <f t="shared" si="4"/>
        <v/>
      </c>
      <c r="K83" s="23" t="s">
        <v>7120</v>
      </c>
      <c r="L83" s="49" t="e">
        <f>VLOOKUP(E83&amp;F83,団体コード!$A$1:$C$1743,3,FALSE)</f>
        <v>#N/A</v>
      </c>
      <c r="M83" s="49" t="e">
        <f>VLOOKUP(E83&amp;F83,団体コード!$A$1:$C$1743,2,FALSE)</f>
        <v>#N/A</v>
      </c>
      <c r="N83" s="51" t="e">
        <f>VLOOKUP(E83,団体コード!$E$1:$F$48,2,FALSE)</f>
        <v>#N/A</v>
      </c>
      <c r="O83" s="51" t="e">
        <f t="shared" si="5"/>
        <v>#N/A</v>
      </c>
      <c r="P83" s="51">
        <v>1</v>
      </c>
      <c r="Q83" s="51" t="s">
        <v>5341</v>
      </c>
      <c r="R83" s="54" t="b">
        <v>1</v>
      </c>
      <c r="S83" s="52" t="s">
        <v>7126</v>
      </c>
      <c r="T83" s="67" t="s">
        <v>7127</v>
      </c>
      <c r="U83" s="75" t="s">
        <v>5331</v>
      </c>
      <c r="V83" s="47" t="s">
        <v>5331</v>
      </c>
      <c r="W83" s="47" t="s">
        <v>5331</v>
      </c>
      <c r="X83" s="47" t="s">
        <v>5331</v>
      </c>
      <c r="Y83" s="47" t="s">
        <v>5331</v>
      </c>
      <c r="Z83" s="28"/>
      <c r="AA83" s="27"/>
      <c r="AB83" s="27"/>
      <c r="AC83" s="27"/>
      <c r="AD83" s="30"/>
      <c r="AE83" s="1"/>
      <c r="AF83" s="23" t="s">
        <v>5331</v>
      </c>
      <c r="AG83" s="26"/>
      <c r="AH83" s="53"/>
    </row>
    <row r="84" spans="1:34" ht="51.6" customHeight="1" x14ac:dyDescent="0.45">
      <c r="A84" s="23">
        <v>78</v>
      </c>
      <c r="B84" s="25"/>
      <c r="C84" s="25"/>
      <c r="D84" s="29"/>
      <c r="E84" s="1"/>
      <c r="F84" s="1"/>
      <c r="G84" s="25"/>
      <c r="H84" s="71"/>
      <c r="I84" s="83"/>
      <c r="J84" s="50" t="str">
        <f t="shared" si="4"/>
        <v/>
      </c>
      <c r="K84" s="23" t="s">
        <v>7120</v>
      </c>
      <c r="L84" s="49" t="e">
        <f>VLOOKUP(E84&amp;F84,団体コード!$A$1:$C$1743,3,FALSE)</f>
        <v>#N/A</v>
      </c>
      <c r="M84" s="49" t="e">
        <f>VLOOKUP(E84&amp;F84,団体コード!$A$1:$C$1743,2,FALSE)</f>
        <v>#N/A</v>
      </c>
      <c r="N84" s="51" t="e">
        <f>VLOOKUP(E84,団体コード!$E$1:$F$48,2,FALSE)</f>
        <v>#N/A</v>
      </c>
      <c r="O84" s="51" t="e">
        <f t="shared" si="5"/>
        <v>#N/A</v>
      </c>
      <c r="P84" s="51">
        <v>1</v>
      </c>
      <c r="Q84" s="51" t="s">
        <v>5341</v>
      </c>
      <c r="R84" s="54" t="b">
        <v>1</v>
      </c>
      <c r="S84" s="52" t="s">
        <v>7126</v>
      </c>
      <c r="T84" s="67" t="s">
        <v>7127</v>
      </c>
      <c r="U84" s="75" t="s">
        <v>5331</v>
      </c>
      <c r="V84" s="47" t="s">
        <v>5331</v>
      </c>
      <c r="W84" s="47" t="s">
        <v>5331</v>
      </c>
      <c r="X84" s="47" t="s">
        <v>5331</v>
      </c>
      <c r="Y84" s="47" t="s">
        <v>5331</v>
      </c>
      <c r="Z84" s="28"/>
      <c r="AA84" s="27"/>
      <c r="AB84" s="27"/>
      <c r="AC84" s="27"/>
      <c r="AD84" s="30"/>
      <c r="AE84" s="1"/>
      <c r="AF84" s="23" t="s">
        <v>5331</v>
      </c>
      <c r="AG84" s="26"/>
      <c r="AH84" s="53"/>
    </row>
    <row r="85" spans="1:34" ht="51.6" customHeight="1" x14ac:dyDescent="0.45">
      <c r="A85" s="23">
        <v>79</v>
      </c>
      <c r="B85" s="25"/>
      <c r="C85" s="25"/>
      <c r="D85" s="29"/>
      <c r="E85" s="1"/>
      <c r="F85" s="1"/>
      <c r="G85" s="25"/>
      <c r="H85" s="71"/>
      <c r="I85" s="83"/>
      <c r="J85" s="50" t="str">
        <f t="shared" si="4"/>
        <v/>
      </c>
      <c r="K85" s="23" t="s">
        <v>7120</v>
      </c>
      <c r="L85" s="49" t="e">
        <f>VLOOKUP(E85&amp;F85,団体コード!$A$1:$C$1743,3,FALSE)</f>
        <v>#N/A</v>
      </c>
      <c r="M85" s="49" t="e">
        <f>VLOOKUP(E85&amp;F85,団体コード!$A$1:$C$1743,2,FALSE)</f>
        <v>#N/A</v>
      </c>
      <c r="N85" s="51" t="e">
        <f>VLOOKUP(E85,団体コード!$E$1:$F$48,2,FALSE)</f>
        <v>#N/A</v>
      </c>
      <c r="O85" s="51" t="e">
        <f t="shared" si="5"/>
        <v>#N/A</v>
      </c>
      <c r="P85" s="51">
        <v>1</v>
      </c>
      <c r="Q85" s="51" t="s">
        <v>5341</v>
      </c>
      <c r="R85" s="54" t="b">
        <v>1</v>
      </c>
      <c r="S85" s="52" t="s">
        <v>7126</v>
      </c>
      <c r="T85" s="67" t="s">
        <v>7127</v>
      </c>
      <c r="U85" s="75" t="s">
        <v>5331</v>
      </c>
      <c r="V85" s="47" t="s">
        <v>5331</v>
      </c>
      <c r="W85" s="47" t="s">
        <v>5331</v>
      </c>
      <c r="X85" s="47" t="s">
        <v>5331</v>
      </c>
      <c r="Y85" s="47" t="s">
        <v>5331</v>
      </c>
      <c r="Z85" s="28"/>
      <c r="AA85" s="27"/>
      <c r="AB85" s="27"/>
      <c r="AC85" s="27"/>
      <c r="AD85" s="30"/>
      <c r="AE85" s="1"/>
      <c r="AF85" s="23" t="s">
        <v>5331</v>
      </c>
      <c r="AG85" s="26"/>
      <c r="AH85" s="53"/>
    </row>
    <row r="86" spans="1:34" ht="51.6" customHeight="1" x14ac:dyDescent="0.45">
      <c r="A86" s="23">
        <v>80</v>
      </c>
      <c r="B86" s="25"/>
      <c r="C86" s="25"/>
      <c r="D86" s="29"/>
      <c r="E86" s="1"/>
      <c r="F86" s="1"/>
      <c r="G86" s="25"/>
      <c r="H86" s="71"/>
      <c r="I86" s="83"/>
      <c r="J86" s="50" t="str">
        <f t="shared" si="4"/>
        <v/>
      </c>
      <c r="K86" s="23" t="s">
        <v>7120</v>
      </c>
      <c r="L86" s="49" t="e">
        <f>VLOOKUP(E86&amp;F86,団体コード!$A$1:$C$1743,3,FALSE)</f>
        <v>#N/A</v>
      </c>
      <c r="M86" s="49" t="e">
        <f>VLOOKUP(E86&amp;F86,団体コード!$A$1:$C$1743,2,FALSE)</f>
        <v>#N/A</v>
      </c>
      <c r="N86" s="51" t="e">
        <f>VLOOKUP(E86,団体コード!$E$1:$F$48,2,FALSE)</f>
        <v>#N/A</v>
      </c>
      <c r="O86" s="51" t="e">
        <f t="shared" si="5"/>
        <v>#N/A</v>
      </c>
      <c r="P86" s="51">
        <v>1</v>
      </c>
      <c r="Q86" s="51" t="s">
        <v>5341</v>
      </c>
      <c r="R86" s="54" t="b">
        <v>1</v>
      </c>
      <c r="S86" s="52" t="s">
        <v>7126</v>
      </c>
      <c r="T86" s="67" t="s">
        <v>7127</v>
      </c>
      <c r="U86" s="75" t="s">
        <v>5331</v>
      </c>
      <c r="V86" s="47" t="s">
        <v>5331</v>
      </c>
      <c r="W86" s="47" t="s">
        <v>5331</v>
      </c>
      <c r="X86" s="47" t="s">
        <v>5331</v>
      </c>
      <c r="Y86" s="47" t="s">
        <v>5331</v>
      </c>
      <c r="Z86" s="28"/>
      <c r="AA86" s="27"/>
      <c r="AB86" s="27"/>
      <c r="AC86" s="27"/>
      <c r="AD86" s="30"/>
      <c r="AE86" s="1"/>
      <c r="AF86" s="23" t="s">
        <v>5331</v>
      </c>
      <c r="AG86" s="26"/>
      <c r="AH86" s="53"/>
    </row>
    <row r="87" spans="1:34" ht="51.6" customHeight="1" x14ac:dyDescent="0.45">
      <c r="A87" s="23">
        <v>81</v>
      </c>
      <c r="B87" s="25"/>
      <c r="C87" s="25"/>
      <c r="D87" s="29"/>
      <c r="E87" s="1"/>
      <c r="F87" s="1"/>
      <c r="G87" s="25"/>
      <c r="H87" s="71"/>
      <c r="I87" s="83"/>
      <c r="J87" s="50" t="str">
        <f t="shared" si="4"/>
        <v/>
      </c>
      <c r="K87" s="23" t="s">
        <v>7120</v>
      </c>
      <c r="L87" s="49" t="e">
        <f>VLOOKUP(E87&amp;F87,団体コード!$A$1:$C$1743,3,FALSE)</f>
        <v>#N/A</v>
      </c>
      <c r="M87" s="49" t="e">
        <f>VLOOKUP(E87&amp;F87,団体コード!$A$1:$C$1743,2,FALSE)</f>
        <v>#N/A</v>
      </c>
      <c r="N87" s="51" t="e">
        <f>VLOOKUP(E87,団体コード!$E$1:$F$48,2,FALSE)</f>
        <v>#N/A</v>
      </c>
      <c r="O87" s="51" t="e">
        <f t="shared" si="5"/>
        <v>#N/A</v>
      </c>
      <c r="P87" s="51">
        <v>1</v>
      </c>
      <c r="Q87" s="51" t="s">
        <v>5341</v>
      </c>
      <c r="R87" s="54" t="b">
        <v>1</v>
      </c>
      <c r="S87" s="52" t="s">
        <v>7126</v>
      </c>
      <c r="T87" s="67" t="s">
        <v>7127</v>
      </c>
      <c r="U87" s="75" t="s">
        <v>5331</v>
      </c>
      <c r="V87" s="47" t="s">
        <v>5331</v>
      </c>
      <c r="W87" s="47" t="s">
        <v>5331</v>
      </c>
      <c r="X87" s="47" t="s">
        <v>5331</v>
      </c>
      <c r="Y87" s="47" t="s">
        <v>5331</v>
      </c>
      <c r="Z87" s="28"/>
      <c r="AA87" s="27"/>
      <c r="AB87" s="27"/>
      <c r="AC87" s="27"/>
      <c r="AD87" s="30"/>
      <c r="AE87" s="1"/>
      <c r="AF87" s="23" t="s">
        <v>5331</v>
      </c>
      <c r="AG87" s="26"/>
      <c r="AH87" s="53"/>
    </row>
    <row r="88" spans="1:34" ht="51.6" customHeight="1" x14ac:dyDescent="0.45">
      <c r="A88" s="23">
        <v>82</v>
      </c>
      <c r="B88" s="25"/>
      <c r="C88" s="25"/>
      <c r="D88" s="29"/>
      <c r="E88" s="1"/>
      <c r="F88" s="1"/>
      <c r="G88" s="25"/>
      <c r="H88" s="71"/>
      <c r="I88" s="83"/>
      <c r="J88" s="50" t="str">
        <f t="shared" si="4"/>
        <v/>
      </c>
      <c r="K88" s="23" t="s">
        <v>7120</v>
      </c>
      <c r="L88" s="49" t="e">
        <f>VLOOKUP(E88&amp;F88,団体コード!$A$1:$C$1743,3,FALSE)</f>
        <v>#N/A</v>
      </c>
      <c r="M88" s="49" t="e">
        <f>VLOOKUP(E88&amp;F88,団体コード!$A$1:$C$1743,2,FALSE)</f>
        <v>#N/A</v>
      </c>
      <c r="N88" s="51" t="e">
        <f>VLOOKUP(E88,団体コード!$E$1:$F$48,2,FALSE)</f>
        <v>#N/A</v>
      </c>
      <c r="O88" s="51" t="e">
        <f t="shared" si="5"/>
        <v>#N/A</v>
      </c>
      <c r="P88" s="51">
        <v>1</v>
      </c>
      <c r="Q88" s="51" t="s">
        <v>5341</v>
      </c>
      <c r="R88" s="54" t="b">
        <v>1</v>
      </c>
      <c r="S88" s="52" t="s">
        <v>7126</v>
      </c>
      <c r="T88" s="67" t="s">
        <v>7127</v>
      </c>
      <c r="U88" s="75" t="s">
        <v>5331</v>
      </c>
      <c r="V88" s="47" t="s">
        <v>5331</v>
      </c>
      <c r="W88" s="47" t="s">
        <v>5331</v>
      </c>
      <c r="X88" s="47" t="s">
        <v>5331</v>
      </c>
      <c r="Y88" s="47" t="s">
        <v>5331</v>
      </c>
      <c r="Z88" s="28"/>
      <c r="AA88" s="27"/>
      <c r="AB88" s="27"/>
      <c r="AC88" s="27"/>
      <c r="AD88" s="30"/>
      <c r="AE88" s="1"/>
      <c r="AF88" s="23" t="s">
        <v>5331</v>
      </c>
      <c r="AG88" s="26"/>
      <c r="AH88" s="53"/>
    </row>
    <row r="89" spans="1:34" ht="51.6" customHeight="1" x14ac:dyDescent="0.45">
      <c r="A89" s="23">
        <v>83</v>
      </c>
      <c r="B89" s="25"/>
      <c r="C89" s="25"/>
      <c r="D89" s="29"/>
      <c r="E89" s="1"/>
      <c r="F89" s="1"/>
      <c r="G89" s="25"/>
      <c r="H89" s="71"/>
      <c r="I89" s="83"/>
      <c r="J89" s="50" t="str">
        <f t="shared" si="4"/>
        <v/>
      </c>
      <c r="K89" s="23" t="s">
        <v>7120</v>
      </c>
      <c r="L89" s="49" t="e">
        <f>VLOOKUP(E89&amp;F89,団体コード!$A$1:$C$1743,3,FALSE)</f>
        <v>#N/A</v>
      </c>
      <c r="M89" s="49" t="e">
        <f>VLOOKUP(E89&amp;F89,団体コード!$A$1:$C$1743,2,FALSE)</f>
        <v>#N/A</v>
      </c>
      <c r="N89" s="51" t="e">
        <f>VLOOKUP(E89,団体コード!$E$1:$F$48,2,FALSE)</f>
        <v>#N/A</v>
      </c>
      <c r="O89" s="51" t="e">
        <f t="shared" si="5"/>
        <v>#N/A</v>
      </c>
      <c r="P89" s="51">
        <v>1</v>
      </c>
      <c r="Q89" s="51" t="s">
        <v>5341</v>
      </c>
      <c r="R89" s="54" t="b">
        <v>1</v>
      </c>
      <c r="S89" s="52" t="s">
        <v>7126</v>
      </c>
      <c r="T89" s="67" t="s">
        <v>7127</v>
      </c>
      <c r="U89" s="75" t="s">
        <v>5331</v>
      </c>
      <c r="V89" s="47" t="s">
        <v>5331</v>
      </c>
      <c r="W89" s="47" t="s">
        <v>5331</v>
      </c>
      <c r="X89" s="47" t="s">
        <v>5331</v>
      </c>
      <c r="Y89" s="47" t="s">
        <v>5331</v>
      </c>
      <c r="Z89" s="28"/>
      <c r="AA89" s="27"/>
      <c r="AB89" s="27"/>
      <c r="AC89" s="27"/>
      <c r="AD89" s="30"/>
      <c r="AE89" s="1"/>
      <c r="AF89" s="23" t="s">
        <v>5331</v>
      </c>
      <c r="AG89" s="26"/>
      <c r="AH89" s="53"/>
    </row>
    <row r="90" spans="1:34" ht="51.6" customHeight="1" x14ac:dyDescent="0.45">
      <c r="A90" s="23">
        <v>84</v>
      </c>
      <c r="B90" s="25"/>
      <c r="C90" s="25"/>
      <c r="D90" s="29"/>
      <c r="E90" s="1"/>
      <c r="F90" s="1"/>
      <c r="G90" s="25"/>
      <c r="H90" s="71"/>
      <c r="I90" s="83"/>
      <c r="J90" s="50" t="str">
        <f t="shared" si="4"/>
        <v/>
      </c>
      <c r="K90" s="23" t="s">
        <v>7120</v>
      </c>
      <c r="L90" s="49" t="e">
        <f>VLOOKUP(E90&amp;F90,団体コード!$A$1:$C$1743,3,FALSE)</f>
        <v>#N/A</v>
      </c>
      <c r="M90" s="49" t="e">
        <f>VLOOKUP(E90&amp;F90,団体コード!$A$1:$C$1743,2,FALSE)</f>
        <v>#N/A</v>
      </c>
      <c r="N90" s="51" t="e">
        <f>VLOOKUP(E90,団体コード!$E$1:$F$48,2,FALSE)</f>
        <v>#N/A</v>
      </c>
      <c r="O90" s="51" t="e">
        <f t="shared" si="5"/>
        <v>#N/A</v>
      </c>
      <c r="P90" s="51">
        <v>1</v>
      </c>
      <c r="Q90" s="51" t="s">
        <v>5341</v>
      </c>
      <c r="R90" s="54" t="b">
        <v>1</v>
      </c>
      <c r="S90" s="52" t="s">
        <v>7126</v>
      </c>
      <c r="T90" s="67" t="s">
        <v>7127</v>
      </c>
      <c r="U90" s="75" t="s">
        <v>5331</v>
      </c>
      <c r="V90" s="47" t="s">
        <v>5331</v>
      </c>
      <c r="W90" s="47" t="s">
        <v>5331</v>
      </c>
      <c r="X90" s="47" t="s">
        <v>5331</v>
      </c>
      <c r="Y90" s="47" t="s">
        <v>5331</v>
      </c>
      <c r="Z90" s="28"/>
      <c r="AA90" s="27"/>
      <c r="AB90" s="27"/>
      <c r="AC90" s="27"/>
      <c r="AD90" s="30"/>
      <c r="AE90" s="1"/>
      <c r="AF90" s="23" t="s">
        <v>5331</v>
      </c>
      <c r="AG90" s="26"/>
      <c r="AH90" s="53"/>
    </row>
    <row r="91" spans="1:34" ht="51.6" customHeight="1" x14ac:dyDescent="0.45">
      <c r="A91" s="23">
        <v>85</v>
      </c>
      <c r="B91" s="25"/>
      <c r="C91" s="25"/>
      <c r="D91" s="29"/>
      <c r="E91" s="1"/>
      <c r="F91" s="1"/>
      <c r="G91" s="25"/>
      <c r="H91" s="71"/>
      <c r="I91" s="83"/>
      <c r="J91" s="50" t="str">
        <f t="shared" si="4"/>
        <v/>
      </c>
      <c r="K91" s="23" t="s">
        <v>7120</v>
      </c>
      <c r="L91" s="49" t="e">
        <f>VLOOKUP(E91&amp;F91,団体コード!$A$1:$C$1743,3,FALSE)</f>
        <v>#N/A</v>
      </c>
      <c r="M91" s="49" t="e">
        <f>VLOOKUP(E91&amp;F91,団体コード!$A$1:$C$1743,2,FALSE)</f>
        <v>#N/A</v>
      </c>
      <c r="N91" s="51" t="e">
        <f>VLOOKUP(E91,団体コード!$E$1:$F$48,2,FALSE)</f>
        <v>#N/A</v>
      </c>
      <c r="O91" s="51" t="e">
        <f t="shared" si="5"/>
        <v>#N/A</v>
      </c>
      <c r="P91" s="51">
        <v>1</v>
      </c>
      <c r="Q91" s="51" t="s">
        <v>5341</v>
      </c>
      <c r="R91" s="54" t="b">
        <v>1</v>
      </c>
      <c r="S91" s="52" t="s">
        <v>7126</v>
      </c>
      <c r="T91" s="67" t="s">
        <v>7127</v>
      </c>
      <c r="U91" s="75" t="s">
        <v>5331</v>
      </c>
      <c r="V91" s="47" t="s">
        <v>5331</v>
      </c>
      <c r="W91" s="47" t="s">
        <v>5331</v>
      </c>
      <c r="X91" s="47" t="s">
        <v>5331</v>
      </c>
      <c r="Y91" s="47" t="s">
        <v>5331</v>
      </c>
      <c r="Z91" s="28"/>
      <c r="AA91" s="27"/>
      <c r="AB91" s="27"/>
      <c r="AC91" s="27"/>
      <c r="AD91" s="30"/>
      <c r="AE91" s="1"/>
      <c r="AF91" s="23" t="s">
        <v>5331</v>
      </c>
      <c r="AG91" s="26"/>
      <c r="AH91" s="53"/>
    </row>
    <row r="92" spans="1:34" ht="51.6" customHeight="1" x14ac:dyDescent="0.45">
      <c r="A92" s="23">
        <v>86</v>
      </c>
      <c r="B92" s="25"/>
      <c r="C92" s="25"/>
      <c r="D92" s="29"/>
      <c r="E92" s="1"/>
      <c r="F92" s="1"/>
      <c r="G92" s="25"/>
      <c r="H92" s="71"/>
      <c r="I92" s="83"/>
      <c r="J92" s="50" t="str">
        <f t="shared" si="4"/>
        <v/>
      </c>
      <c r="K92" s="23" t="s">
        <v>7120</v>
      </c>
      <c r="L92" s="49" t="e">
        <f>VLOOKUP(E92&amp;F92,団体コード!$A$1:$C$1743,3,FALSE)</f>
        <v>#N/A</v>
      </c>
      <c r="M92" s="49" t="e">
        <f>VLOOKUP(E92&amp;F92,団体コード!$A$1:$C$1743,2,FALSE)</f>
        <v>#N/A</v>
      </c>
      <c r="N92" s="51" t="e">
        <f>VLOOKUP(E92,団体コード!$E$1:$F$48,2,FALSE)</f>
        <v>#N/A</v>
      </c>
      <c r="O92" s="51" t="e">
        <f t="shared" si="5"/>
        <v>#N/A</v>
      </c>
      <c r="P92" s="51">
        <v>1</v>
      </c>
      <c r="Q92" s="51" t="s">
        <v>5341</v>
      </c>
      <c r="R92" s="54" t="b">
        <v>1</v>
      </c>
      <c r="S92" s="52" t="s">
        <v>7126</v>
      </c>
      <c r="T92" s="67" t="s">
        <v>7127</v>
      </c>
      <c r="U92" s="75" t="s">
        <v>5331</v>
      </c>
      <c r="V92" s="47" t="s">
        <v>5331</v>
      </c>
      <c r="W92" s="47" t="s">
        <v>5331</v>
      </c>
      <c r="X92" s="47" t="s">
        <v>5331</v>
      </c>
      <c r="Y92" s="47" t="s">
        <v>5331</v>
      </c>
      <c r="Z92" s="28"/>
      <c r="AA92" s="27"/>
      <c r="AB92" s="27"/>
      <c r="AC92" s="27"/>
      <c r="AD92" s="30"/>
      <c r="AE92" s="1"/>
      <c r="AF92" s="23" t="s">
        <v>5331</v>
      </c>
      <c r="AG92" s="26"/>
      <c r="AH92" s="53"/>
    </row>
    <row r="93" spans="1:34" ht="51.6" customHeight="1" x14ac:dyDescent="0.45">
      <c r="A93" s="23">
        <v>87</v>
      </c>
      <c r="B93" s="25"/>
      <c r="C93" s="25"/>
      <c r="D93" s="29"/>
      <c r="E93" s="1"/>
      <c r="F93" s="1"/>
      <c r="G93" s="25"/>
      <c r="H93" s="71"/>
      <c r="I93" s="83"/>
      <c r="J93" s="50" t="str">
        <f t="shared" si="4"/>
        <v/>
      </c>
      <c r="K93" s="23" t="s">
        <v>7120</v>
      </c>
      <c r="L93" s="49" t="e">
        <f>VLOOKUP(E93&amp;F93,団体コード!$A$1:$C$1743,3,FALSE)</f>
        <v>#N/A</v>
      </c>
      <c r="M93" s="49" t="e">
        <f>VLOOKUP(E93&amp;F93,団体コード!$A$1:$C$1743,2,FALSE)</f>
        <v>#N/A</v>
      </c>
      <c r="N93" s="51" t="e">
        <f>VLOOKUP(E93,団体コード!$E$1:$F$48,2,FALSE)</f>
        <v>#N/A</v>
      </c>
      <c r="O93" s="51" t="e">
        <f t="shared" si="5"/>
        <v>#N/A</v>
      </c>
      <c r="P93" s="51">
        <v>1</v>
      </c>
      <c r="Q93" s="51" t="s">
        <v>5341</v>
      </c>
      <c r="R93" s="54" t="b">
        <v>1</v>
      </c>
      <c r="S93" s="52" t="s">
        <v>7126</v>
      </c>
      <c r="T93" s="67" t="s">
        <v>7127</v>
      </c>
      <c r="U93" s="75" t="s">
        <v>5331</v>
      </c>
      <c r="V93" s="47" t="s">
        <v>5331</v>
      </c>
      <c r="W93" s="47" t="s">
        <v>5331</v>
      </c>
      <c r="X93" s="47" t="s">
        <v>5331</v>
      </c>
      <c r="Y93" s="47" t="s">
        <v>5331</v>
      </c>
      <c r="Z93" s="28"/>
      <c r="AA93" s="27"/>
      <c r="AB93" s="27"/>
      <c r="AC93" s="27"/>
      <c r="AD93" s="30"/>
      <c r="AE93" s="1"/>
      <c r="AF93" s="23" t="s">
        <v>5331</v>
      </c>
      <c r="AG93" s="26"/>
      <c r="AH93" s="53"/>
    </row>
    <row r="94" spans="1:34" ht="51.6" customHeight="1" x14ac:dyDescent="0.45">
      <c r="A94" s="23">
        <v>88</v>
      </c>
      <c r="B94" s="25"/>
      <c r="C94" s="25"/>
      <c r="D94" s="29"/>
      <c r="E94" s="1"/>
      <c r="F94" s="1"/>
      <c r="G94" s="25"/>
      <c r="H94" s="71"/>
      <c r="I94" s="83"/>
      <c r="J94" s="50" t="str">
        <f t="shared" si="4"/>
        <v/>
      </c>
      <c r="K94" s="23" t="s">
        <v>7120</v>
      </c>
      <c r="L94" s="49" t="e">
        <f>VLOOKUP(E94&amp;F94,団体コード!$A$1:$C$1743,3,FALSE)</f>
        <v>#N/A</v>
      </c>
      <c r="M94" s="49" t="e">
        <f>VLOOKUP(E94&amp;F94,団体コード!$A$1:$C$1743,2,FALSE)</f>
        <v>#N/A</v>
      </c>
      <c r="N94" s="51" t="e">
        <f>VLOOKUP(E94,団体コード!$E$1:$F$48,2,FALSE)</f>
        <v>#N/A</v>
      </c>
      <c r="O94" s="51" t="e">
        <f t="shared" si="5"/>
        <v>#N/A</v>
      </c>
      <c r="P94" s="51">
        <v>1</v>
      </c>
      <c r="Q94" s="51" t="s">
        <v>5341</v>
      </c>
      <c r="R94" s="54" t="b">
        <v>1</v>
      </c>
      <c r="S94" s="52" t="s">
        <v>7126</v>
      </c>
      <c r="T94" s="67" t="s">
        <v>7127</v>
      </c>
      <c r="U94" s="75" t="s">
        <v>5331</v>
      </c>
      <c r="V94" s="47" t="s">
        <v>5331</v>
      </c>
      <c r="W94" s="47" t="s">
        <v>5331</v>
      </c>
      <c r="X94" s="47" t="s">
        <v>5331</v>
      </c>
      <c r="Y94" s="47" t="s">
        <v>5331</v>
      </c>
      <c r="Z94" s="28"/>
      <c r="AA94" s="27"/>
      <c r="AB94" s="27"/>
      <c r="AC94" s="27"/>
      <c r="AD94" s="30"/>
      <c r="AE94" s="1"/>
      <c r="AF94" s="23" t="s">
        <v>5331</v>
      </c>
      <c r="AG94" s="26"/>
      <c r="AH94" s="53"/>
    </row>
    <row r="95" spans="1:34" ht="51.6" customHeight="1" x14ac:dyDescent="0.45">
      <c r="A95" s="23">
        <v>89</v>
      </c>
      <c r="B95" s="25"/>
      <c r="C95" s="25"/>
      <c r="D95" s="29"/>
      <c r="E95" s="1"/>
      <c r="F95" s="1"/>
      <c r="G95" s="25"/>
      <c r="H95" s="71"/>
      <c r="I95" s="83"/>
      <c r="J95" s="50" t="str">
        <f t="shared" si="4"/>
        <v/>
      </c>
      <c r="K95" s="23" t="s">
        <v>7120</v>
      </c>
      <c r="L95" s="49" t="e">
        <f>VLOOKUP(E95&amp;F95,団体コード!$A$1:$C$1743,3,FALSE)</f>
        <v>#N/A</v>
      </c>
      <c r="M95" s="49" t="e">
        <f>VLOOKUP(E95&amp;F95,団体コード!$A$1:$C$1743,2,FALSE)</f>
        <v>#N/A</v>
      </c>
      <c r="N95" s="51" t="e">
        <f>VLOOKUP(E95,団体コード!$E$1:$F$48,2,FALSE)</f>
        <v>#N/A</v>
      </c>
      <c r="O95" s="51" t="e">
        <f t="shared" si="5"/>
        <v>#N/A</v>
      </c>
      <c r="P95" s="51">
        <v>1</v>
      </c>
      <c r="Q95" s="51" t="s">
        <v>5341</v>
      </c>
      <c r="R95" s="54" t="b">
        <v>1</v>
      </c>
      <c r="S95" s="52" t="s">
        <v>7126</v>
      </c>
      <c r="T95" s="67" t="s">
        <v>7127</v>
      </c>
      <c r="U95" s="75" t="s">
        <v>5331</v>
      </c>
      <c r="V95" s="47" t="s">
        <v>5331</v>
      </c>
      <c r="W95" s="47" t="s">
        <v>5331</v>
      </c>
      <c r="X95" s="47" t="s">
        <v>5331</v>
      </c>
      <c r="Y95" s="47" t="s">
        <v>5331</v>
      </c>
      <c r="Z95" s="28"/>
      <c r="AA95" s="27"/>
      <c r="AB95" s="27"/>
      <c r="AC95" s="27"/>
      <c r="AD95" s="30"/>
      <c r="AE95" s="1"/>
      <c r="AF95" s="23" t="s">
        <v>5331</v>
      </c>
      <c r="AG95" s="26"/>
      <c r="AH95" s="53"/>
    </row>
    <row r="96" spans="1:34" ht="51.6" customHeight="1" x14ac:dyDescent="0.45">
      <c r="A96" s="23">
        <v>90</v>
      </c>
      <c r="B96" s="25"/>
      <c r="C96" s="25"/>
      <c r="D96" s="29"/>
      <c r="E96" s="1"/>
      <c r="F96" s="1"/>
      <c r="G96" s="25"/>
      <c r="H96" s="71"/>
      <c r="I96" s="83"/>
      <c r="J96" s="50" t="str">
        <f t="shared" si="4"/>
        <v/>
      </c>
      <c r="K96" s="23" t="s">
        <v>7120</v>
      </c>
      <c r="L96" s="49" t="e">
        <f>VLOOKUP(E96&amp;F96,団体コード!$A$1:$C$1743,3,FALSE)</f>
        <v>#N/A</v>
      </c>
      <c r="M96" s="49" t="e">
        <f>VLOOKUP(E96&amp;F96,団体コード!$A$1:$C$1743,2,FALSE)</f>
        <v>#N/A</v>
      </c>
      <c r="N96" s="51" t="e">
        <f>VLOOKUP(E96,団体コード!$E$1:$F$48,2,FALSE)</f>
        <v>#N/A</v>
      </c>
      <c r="O96" s="51" t="e">
        <f t="shared" si="5"/>
        <v>#N/A</v>
      </c>
      <c r="P96" s="51">
        <v>1</v>
      </c>
      <c r="Q96" s="51" t="s">
        <v>5341</v>
      </c>
      <c r="R96" s="54" t="b">
        <v>1</v>
      </c>
      <c r="S96" s="52" t="s">
        <v>7126</v>
      </c>
      <c r="T96" s="67" t="s">
        <v>7127</v>
      </c>
      <c r="U96" s="75" t="s">
        <v>5331</v>
      </c>
      <c r="V96" s="47" t="s">
        <v>5331</v>
      </c>
      <c r="W96" s="47" t="s">
        <v>5331</v>
      </c>
      <c r="X96" s="47" t="s">
        <v>5331</v>
      </c>
      <c r="Y96" s="47" t="s">
        <v>5331</v>
      </c>
      <c r="Z96" s="28"/>
      <c r="AA96" s="27"/>
      <c r="AB96" s="27"/>
      <c r="AC96" s="27"/>
      <c r="AD96" s="30"/>
      <c r="AE96" s="1"/>
      <c r="AF96" s="23" t="s">
        <v>5331</v>
      </c>
      <c r="AG96" s="26"/>
      <c r="AH96" s="53"/>
    </row>
    <row r="97" spans="1:34" ht="51.6" customHeight="1" x14ac:dyDescent="0.45">
      <c r="A97" s="23">
        <v>91</v>
      </c>
      <c r="B97" s="25"/>
      <c r="C97" s="25"/>
      <c r="D97" s="29"/>
      <c r="E97" s="1"/>
      <c r="F97" s="1"/>
      <c r="G97" s="25"/>
      <c r="H97" s="71"/>
      <c r="I97" s="83"/>
      <c r="J97" s="50" t="str">
        <f t="shared" si="4"/>
        <v/>
      </c>
      <c r="K97" s="23" t="s">
        <v>7120</v>
      </c>
      <c r="L97" s="49" t="e">
        <f>VLOOKUP(E97&amp;F97,団体コード!$A$1:$C$1743,3,FALSE)</f>
        <v>#N/A</v>
      </c>
      <c r="M97" s="49" t="e">
        <f>VLOOKUP(E97&amp;F97,団体コード!$A$1:$C$1743,2,FALSE)</f>
        <v>#N/A</v>
      </c>
      <c r="N97" s="51" t="e">
        <f>VLOOKUP(E97,団体コード!$E$1:$F$48,2,FALSE)</f>
        <v>#N/A</v>
      </c>
      <c r="O97" s="51" t="e">
        <f t="shared" si="5"/>
        <v>#N/A</v>
      </c>
      <c r="P97" s="51">
        <v>1</v>
      </c>
      <c r="Q97" s="51" t="s">
        <v>5341</v>
      </c>
      <c r="R97" s="54" t="b">
        <v>1</v>
      </c>
      <c r="S97" s="52" t="s">
        <v>7126</v>
      </c>
      <c r="T97" s="67" t="s">
        <v>7127</v>
      </c>
      <c r="U97" s="75" t="s">
        <v>5331</v>
      </c>
      <c r="V97" s="47" t="s">
        <v>5331</v>
      </c>
      <c r="W97" s="47" t="s">
        <v>5331</v>
      </c>
      <c r="X97" s="47" t="s">
        <v>5331</v>
      </c>
      <c r="Y97" s="47" t="s">
        <v>5331</v>
      </c>
      <c r="Z97" s="28"/>
      <c r="AA97" s="27"/>
      <c r="AB97" s="27"/>
      <c r="AC97" s="27"/>
      <c r="AD97" s="30"/>
      <c r="AE97" s="1"/>
      <c r="AF97" s="23" t="s">
        <v>5331</v>
      </c>
      <c r="AG97" s="26"/>
      <c r="AH97" s="53"/>
    </row>
    <row r="98" spans="1:34" ht="51.6" customHeight="1" x14ac:dyDescent="0.45">
      <c r="A98" s="23">
        <v>92</v>
      </c>
      <c r="B98" s="25"/>
      <c r="C98" s="25"/>
      <c r="D98" s="29"/>
      <c r="E98" s="1"/>
      <c r="F98" s="1"/>
      <c r="G98" s="25"/>
      <c r="H98" s="71"/>
      <c r="I98" s="83"/>
      <c r="J98" s="50" t="str">
        <f t="shared" si="4"/>
        <v/>
      </c>
      <c r="K98" s="23" t="s">
        <v>7120</v>
      </c>
      <c r="L98" s="49" t="e">
        <f>VLOOKUP(E98&amp;F98,団体コード!$A$1:$C$1743,3,FALSE)</f>
        <v>#N/A</v>
      </c>
      <c r="M98" s="49" t="e">
        <f>VLOOKUP(E98&amp;F98,団体コード!$A$1:$C$1743,2,FALSE)</f>
        <v>#N/A</v>
      </c>
      <c r="N98" s="51" t="e">
        <f>VLOOKUP(E98,団体コード!$E$1:$F$48,2,FALSE)</f>
        <v>#N/A</v>
      </c>
      <c r="O98" s="51" t="e">
        <f t="shared" si="5"/>
        <v>#N/A</v>
      </c>
      <c r="P98" s="51">
        <v>1</v>
      </c>
      <c r="Q98" s="51" t="s">
        <v>5341</v>
      </c>
      <c r="R98" s="54" t="b">
        <v>1</v>
      </c>
      <c r="S98" s="52" t="s">
        <v>7126</v>
      </c>
      <c r="T98" s="67" t="s">
        <v>7127</v>
      </c>
      <c r="U98" s="75" t="s">
        <v>5331</v>
      </c>
      <c r="V98" s="47" t="s">
        <v>5331</v>
      </c>
      <c r="W98" s="47" t="s">
        <v>5331</v>
      </c>
      <c r="X98" s="47" t="s">
        <v>5331</v>
      </c>
      <c r="Y98" s="47" t="s">
        <v>5331</v>
      </c>
      <c r="Z98" s="28"/>
      <c r="AA98" s="27"/>
      <c r="AB98" s="27"/>
      <c r="AC98" s="27"/>
      <c r="AD98" s="30"/>
      <c r="AE98" s="1"/>
      <c r="AF98" s="23" t="s">
        <v>5331</v>
      </c>
      <c r="AG98" s="26"/>
      <c r="AH98" s="53"/>
    </row>
    <row r="99" spans="1:34" ht="51.6" customHeight="1" x14ac:dyDescent="0.45">
      <c r="A99" s="23">
        <v>93</v>
      </c>
      <c r="B99" s="25"/>
      <c r="C99" s="25"/>
      <c r="D99" s="29"/>
      <c r="E99" s="1"/>
      <c r="F99" s="1"/>
      <c r="G99" s="25"/>
      <c r="H99" s="71"/>
      <c r="I99" s="83"/>
      <c r="J99" s="50" t="str">
        <f t="shared" si="4"/>
        <v/>
      </c>
      <c r="K99" s="23" t="s">
        <v>7120</v>
      </c>
      <c r="L99" s="49" t="e">
        <f>VLOOKUP(E99&amp;F99,団体コード!$A$1:$C$1743,3,FALSE)</f>
        <v>#N/A</v>
      </c>
      <c r="M99" s="49" t="e">
        <f>VLOOKUP(E99&amp;F99,団体コード!$A$1:$C$1743,2,FALSE)</f>
        <v>#N/A</v>
      </c>
      <c r="N99" s="51" t="e">
        <f>VLOOKUP(E99,団体コード!$E$1:$F$48,2,FALSE)</f>
        <v>#N/A</v>
      </c>
      <c r="O99" s="51" t="e">
        <f t="shared" si="5"/>
        <v>#N/A</v>
      </c>
      <c r="P99" s="51">
        <v>1</v>
      </c>
      <c r="Q99" s="51" t="s">
        <v>5341</v>
      </c>
      <c r="R99" s="54" t="b">
        <v>1</v>
      </c>
      <c r="S99" s="52" t="s">
        <v>7126</v>
      </c>
      <c r="T99" s="67" t="s">
        <v>7127</v>
      </c>
      <c r="U99" s="75" t="s">
        <v>5331</v>
      </c>
      <c r="V99" s="47" t="s">
        <v>5331</v>
      </c>
      <c r="W99" s="47" t="s">
        <v>5331</v>
      </c>
      <c r="X99" s="47" t="s">
        <v>5331</v>
      </c>
      <c r="Y99" s="47" t="s">
        <v>5331</v>
      </c>
      <c r="Z99" s="28"/>
      <c r="AA99" s="27"/>
      <c r="AB99" s="27"/>
      <c r="AC99" s="27"/>
      <c r="AD99" s="30"/>
      <c r="AE99" s="1"/>
      <c r="AF99" s="23" t="s">
        <v>5331</v>
      </c>
      <c r="AG99" s="26"/>
      <c r="AH99" s="53"/>
    </row>
    <row r="100" spans="1:34" ht="51.6" customHeight="1" x14ac:dyDescent="0.45">
      <c r="A100" s="23">
        <v>94</v>
      </c>
      <c r="B100" s="25"/>
      <c r="C100" s="25"/>
      <c r="D100" s="29"/>
      <c r="E100" s="1"/>
      <c r="F100" s="1"/>
      <c r="G100" s="25"/>
      <c r="H100" s="71"/>
      <c r="I100" s="83"/>
      <c r="J100" s="50" t="str">
        <f t="shared" si="4"/>
        <v/>
      </c>
      <c r="K100" s="23" t="s">
        <v>7120</v>
      </c>
      <c r="L100" s="49" t="e">
        <f>VLOOKUP(E100&amp;F100,団体コード!$A$1:$C$1743,3,FALSE)</f>
        <v>#N/A</v>
      </c>
      <c r="M100" s="49" t="e">
        <f>VLOOKUP(E100&amp;F100,団体コード!$A$1:$C$1743,2,FALSE)</f>
        <v>#N/A</v>
      </c>
      <c r="N100" s="51" t="e">
        <f>VLOOKUP(E100,団体コード!$E$1:$F$48,2,FALSE)</f>
        <v>#N/A</v>
      </c>
      <c r="O100" s="51" t="e">
        <f t="shared" si="5"/>
        <v>#N/A</v>
      </c>
      <c r="P100" s="51">
        <v>1</v>
      </c>
      <c r="Q100" s="51" t="s">
        <v>5341</v>
      </c>
      <c r="R100" s="54" t="b">
        <v>1</v>
      </c>
      <c r="S100" s="52" t="s">
        <v>7126</v>
      </c>
      <c r="T100" s="67" t="s">
        <v>7127</v>
      </c>
      <c r="U100" s="75" t="s">
        <v>5331</v>
      </c>
      <c r="V100" s="47" t="s">
        <v>5331</v>
      </c>
      <c r="W100" s="47" t="s">
        <v>5331</v>
      </c>
      <c r="X100" s="47" t="s">
        <v>5331</v>
      </c>
      <c r="Y100" s="47" t="s">
        <v>5331</v>
      </c>
      <c r="Z100" s="28"/>
      <c r="AA100" s="27"/>
      <c r="AB100" s="27"/>
      <c r="AC100" s="27"/>
      <c r="AD100" s="30"/>
      <c r="AE100" s="1"/>
      <c r="AF100" s="23" t="s">
        <v>5331</v>
      </c>
      <c r="AG100" s="26"/>
      <c r="AH100" s="53"/>
    </row>
    <row r="101" spans="1:34" ht="51.6" customHeight="1" x14ac:dyDescent="0.45">
      <c r="A101" s="23">
        <v>95</v>
      </c>
      <c r="B101" s="25"/>
      <c r="C101" s="25"/>
      <c r="D101" s="29"/>
      <c r="E101" s="1"/>
      <c r="F101" s="1"/>
      <c r="G101" s="25"/>
      <c r="H101" s="71"/>
      <c r="I101" s="83"/>
      <c r="J101" s="50" t="str">
        <f t="shared" si="4"/>
        <v/>
      </c>
      <c r="K101" s="23" t="s">
        <v>7120</v>
      </c>
      <c r="L101" s="49" t="e">
        <f>VLOOKUP(E101&amp;F101,団体コード!$A$1:$C$1743,3,FALSE)</f>
        <v>#N/A</v>
      </c>
      <c r="M101" s="49" t="e">
        <f>VLOOKUP(E101&amp;F101,団体コード!$A$1:$C$1743,2,FALSE)</f>
        <v>#N/A</v>
      </c>
      <c r="N101" s="51" t="e">
        <f>VLOOKUP(E101,団体コード!$E$1:$F$48,2,FALSE)</f>
        <v>#N/A</v>
      </c>
      <c r="O101" s="51" t="e">
        <f t="shared" si="5"/>
        <v>#N/A</v>
      </c>
      <c r="P101" s="51">
        <v>1</v>
      </c>
      <c r="Q101" s="51" t="s">
        <v>5341</v>
      </c>
      <c r="R101" s="54" t="b">
        <v>1</v>
      </c>
      <c r="S101" s="52" t="s">
        <v>7126</v>
      </c>
      <c r="T101" s="67" t="s">
        <v>7127</v>
      </c>
      <c r="U101" s="75" t="s">
        <v>5331</v>
      </c>
      <c r="V101" s="47" t="s">
        <v>5331</v>
      </c>
      <c r="W101" s="47" t="s">
        <v>5331</v>
      </c>
      <c r="X101" s="47" t="s">
        <v>5331</v>
      </c>
      <c r="Y101" s="47" t="s">
        <v>5331</v>
      </c>
      <c r="Z101" s="28"/>
      <c r="AA101" s="27"/>
      <c r="AB101" s="27"/>
      <c r="AC101" s="27"/>
      <c r="AD101" s="30"/>
      <c r="AE101" s="1"/>
      <c r="AF101" s="23" t="s">
        <v>5331</v>
      </c>
      <c r="AG101" s="26"/>
      <c r="AH101" s="53"/>
    </row>
    <row r="102" spans="1:34" ht="51.6" customHeight="1" x14ac:dyDescent="0.45">
      <c r="A102" s="23">
        <v>96</v>
      </c>
      <c r="B102" s="25"/>
      <c r="C102" s="25"/>
      <c r="D102" s="29"/>
      <c r="E102" s="1"/>
      <c r="F102" s="1"/>
      <c r="G102" s="25"/>
      <c r="H102" s="71"/>
      <c r="I102" s="83"/>
      <c r="J102" s="50" t="str">
        <f t="shared" si="4"/>
        <v/>
      </c>
      <c r="K102" s="23" t="s">
        <v>7120</v>
      </c>
      <c r="L102" s="49" t="e">
        <f>VLOOKUP(E102&amp;F102,団体コード!$A$1:$C$1743,3,FALSE)</f>
        <v>#N/A</v>
      </c>
      <c r="M102" s="49" t="e">
        <f>VLOOKUP(E102&amp;F102,団体コード!$A$1:$C$1743,2,FALSE)</f>
        <v>#N/A</v>
      </c>
      <c r="N102" s="51" t="e">
        <f>VLOOKUP(E102,団体コード!$E$1:$F$48,2,FALSE)</f>
        <v>#N/A</v>
      </c>
      <c r="O102" s="51" t="e">
        <f t="shared" si="5"/>
        <v>#N/A</v>
      </c>
      <c r="P102" s="51">
        <v>1</v>
      </c>
      <c r="Q102" s="51" t="s">
        <v>5341</v>
      </c>
      <c r="R102" s="54" t="b">
        <v>1</v>
      </c>
      <c r="S102" s="52" t="s">
        <v>7126</v>
      </c>
      <c r="T102" s="67" t="s">
        <v>7127</v>
      </c>
      <c r="U102" s="75" t="s">
        <v>5331</v>
      </c>
      <c r="V102" s="47" t="s">
        <v>5331</v>
      </c>
      <c r="W102" s="47" t="s">
        <v>5331</v>
      </c>
      <c r="X102" s="47" t="s">
        <v>5331</v>
      </c>
      <c r="Y102" s="47" t="s">
        <v>5331</v>
      </c>
      <c r="Z102" s="28"/>
      <c r="AA102" s="27"/>
      <c r="AB102" s="27"/>
      <c r="AC102" s="27"/>
      <c r="AD102" s="30"/>
      <c r="AE102" s="1"/>
      <c r="AF102" s="23" t="s">
        <v>5331</v>
      </c>
      <c r="AG102" s="26"/>
      <c r="AH102" s="53"/>
    </row>
    <row r="103" spans="1:34" ht="51.6" customHeight="1" x14ac:dyDescent="0.45">
      <c r="A103" s="23">
        <v>97</v>
      </c>
      <c r="B103" s="25"/>
      <c r="C103" s="25"/>
      <c r="D103" s="29"/>
      <c r="E103" s="1"/>
      <c r="F103" s="1"/>
      <c r="G103" s="25"/>
      <c r="H103" s="71"/>
      <c r="I103" s="83"/>
      <c r="J103" s="50" t="str">
        <f t="shared" si="4"/>
        <v/>
      </c>
      <c r="K103" s="23" t="s">
        <v>7120</v>
      </c>
      <c r="L103" s="49" t="e">
        <f>VLOOKUP(E103&amp;F103,団体コード!$A$1:$C$1743,3,FALSE)</f>
        <v>#N/A</v>
      </c>
      <c r="M103" s="49" t="e">
        <f>VLOOKUP(E103&amp;F103,団体コード!$A$1:$C$1743,2,FALSE)</f>
        <v>#N/A</v>
      </c>
      <c r="N103" s="51" t="e">
        <f>VLOOKUP(E103,団体コード!$E$1:$F$48,2,FALSE)</f>
        <v>#N/A</v>
      </c>
      <c r="O103" s="51" t="e">
        <f t="shared" si="5"/>
        <v>#N/A</v>
      </c>
      <c r="P103" s="51">
        <v>1</v>
      </c>
      <c r="Q103" s="51" t="s">
        <v>5341</v>
      </c>
      <c r="R103" s="54" t="b">
        <v>1</v>
      </c>
      <c r="S103" s="52" t="s">
        <v>7126</v>
      </c>
      <c r="T103" s="67" t="s">
        <v>7127</v>
      </c>
      <c r="U103" s="75" t="s">
        <v>5331</v>
      </c>
      <c r="V103" s="47" t="s">
        <v>5331</v>
      </c>
      <c r="W103" s="47" t="s">
        <v>5331</v>
      </c>
      <c r="X103" s="47" t="s">
        <v>5331</v>
      </c>
      <c r="Y103" s="47" t="s">
        <v>5331</v>
      </c>
      <c r="Z103" s="28"/>
      <c r="AA103" s="27"/>
      <c r="AB103" s="27"/>
      <c r="AC103" s="27"/>
      <c r="AD103" s="30"/>
      <c r="AE103" s="1"/>
      <c r="AF103" s="23" t="s">
        <v>5331</v>
      </c>
      <c r="AG103" s="26"/>
      <c r="AH103" s="53"/>
    </row>
    <row r="104" spans="1:34" ht="51.6" customHeight="1" x14ac:dyDescent="0.45">
      <c r="A104" s="23">
        <v>98</v>
      </c>
      <c r="B104" s="25"/>
      <c r="C104" s="25"/>
      <c r="D104" s="29"/>
      <c r="E104" s="1"/>
      <c r="F104" s="1"/>
      <c r="G104" s="25"/>
      <c r="H104" s="71"/>
      <c r="I104" s="83"/>
      <c r="J104" s="50" t="str">
        <f t="shared" si="4"/>
        <v/>
      </c>
      <c r="K104" s="23" t="s">
        <v>7120</v>
      </c>
      <c r="L104" s="49" t="e">
        <f>VLOOKUP(E104&amp;F104,団体コード!$A$1:$C$1743,3,FALSE)</f>
        <v>#N/A</v>
      </c>
      <c r="M104" s="49" t="e">
        <f>VLOOKUP(E104&amp;F104,団体コード!$A$1:$C$1743,2,FALSE)</f>
        <v>#N/A</v>
      </c>
      <c r="N104" s="51" t="e">
        <f>VLOOKUP(E104,団体コード!$E$1:$F$48,2,FALSE)</f>
        <v>#N/A</v>
      </c>
      <c r="O104" s="51" t="e">
        <f t="shared" si="5"/>
        <v>#N/A</v>
      </c>
      <c r="P104" s="51">
        <v>1</v>
      </c>
      <c r="Q104" s="51" t="s">
        <v>5341</v>
      </c>
      <c r="R104" s="54" t="b">
        <v>1</v>
      </c>
      <c r="S104" s="52" t="s">
        <v>7126</v>
      </c>
      <c r="T104" s="67" t="s">
        <v>7127</v>
      </c>
      <c r="U104" s="75" t="s">
        <v>5331</v>
      </c>
      <c r="V104" s="47" t="s">
        <v>5331</v>
      </c>
      <c r="W104" s="47" t="s">
        <v>5331</v>
      </c>
      <c r="X104" s="47" t="s">
        <v>5331</v>
      </c>
      <c r="Y104" s="47" t="s">
        <v>5331</v>
      </c>
      <c r="Z104" s="28"/>
      <c r="AA104" s="27"/>
      <c r="AB104" s="27"/>
      <c r="AC104" s="27"/>
      <c r="AD104" s="30"/>
      <c r="AE104" s="1"/>
      <c r="AF104" s="23" t="s">
        <v>5331</v>
      </c>
      <c r="AG104" s="26"/>
      <c r="AH104" s="53"/>
    </row>
    <row r="105" spans="1:34" ht="51.6" customHeight="1" x14ac:dyDescent="0.45">
      <c r="A105" s="23">
        <v>99</v>
      </c>
      <c r="B105" s="25"/>
      <c r="C105" s="25"/>
      <c r="D105" s="29"/>
      <c r="E105" s="1"/>
      <c r="F105" s="1"/>
      <c r="G105" s="25"/>
      <c r="H105" s="71"/>
      <c r="I105" s="83"/>
      <c r="J105" s="50" t="str">
        <f t="shared" si="4"/>
        <v/>
      </c>
      <c r="K105" s="23" t="s">
        <v>7120</v>
      </c>
      <c r="L105" s="49" t="e">
        <f>VLOOKUP(E105&amp;F105,団体コード!$A$1:$C$1743,3,FALSE)</f>
        <v>#N/A</v>
      </c>
      <c r="M105" s="49" t="e">
        <f>VLOOKUP(E105&amp;F105,団体コード!$A$1:$C$1743,2,FALSE)</f>
        <v>#N/A</v>
      </c>
      <c r="N105" s="51" t="e">
        <f>VLOOKUP(E105,団体コード!$E$1:$F$48,2,FALSE)</f>
        <v>#N/A</v>
      </c>
      <c r="O105" s="51" t="e">
        <f t="shared" si="5"/>
        <v>#N/A</v>
      </c>
      <c r="P105" s="51">
        <v>1</v>
      </c>
      <c r="Q105" s="51" t="s">
        <v>5341</v>
      </c>
      <c r="R105" s="54" t="b">
        <v>1</v>
      </c>
      <c r="S105" s="52" t="s">
        <v>7126</v>
      </c>
      <c r="T105" s="67" t="s">
        <v>7127</v>
      </c>
      <c r="U105" s="75" t="s">
        <v>5331</v>
      </c>
      <c r="V105" s="47" t="s">
        <v>5331</v>
      </c>
      <c r="W105" s="47" t="s">
        <v>5331</v>
      </c>
      <c r="X105" s="47" t="s">
        <v>5331</v>
      </c>
      <c r="Y105" s="47" t="s">
        <v>5331</v>
      </c>
      <c r="Z105" s="28"/>
      <c r="AA105" s="27"/>
      <c r="AB105" s="27"/>
      <c r="AC105" s="27"/>
      <c r="AD105" s="30"/>
      <c r="AE105" s="1"/>
      <c r="AF105" s="23" t="s">
        <v>5331</v>
      </c>
      <c r="AG105" s="26"/>
      <c r="AH105" s="53"/>
    </row>
    <row r="106" spans="1:34" ht="51.6" customHeight="1" x14ac:dyDescent="0.45">
      <c r="A106" s="23">
        <v>100</v>
      </c>
      <c r="B106" s="25"/>
      <c r="C106" s="25"/>
      <c r="D106" s="29"/>
      <c r="E106" s="1"/>
      <c r="F106" s="1"/>
      <c r="G106" s="25"/>
      <c r="H106" s="71"/>
      <c r="I106" s="83"/>
      <c r="J106" s="50" t="str">
        <f t="shared" si="4"/>
        <v/>
      </c>
      <c r="K106" s="23" t="s">
        <v>7120</v>
      </c>
      <c r="L106" s="49" t="e">
        <f>VLOOKUP(E106&amp;F106,団体コード!$A$1:$C$1743,3,FALSE)</f>
        <v>#N/A</v>
      </c>
      <c r="M106" s="49" t="e">
        <f>VLOOKUP(E106&amp;F106,団体コード!$A$1:$C$1743,2,FALSE)</f>
        <v>#N/A</v>
      </c>
      <c r="N106" s="51" t="e">
        <f>VLOOKUP(E106,団体コード!$E$1:$F$48,2,FALSE)</f>
        <v>#N/A</v>
      </c>
      <c r="O106" s="51" t="e">
        <f t="shared" si="5"/>
        <v>#N/A</v>
      </c>
      <c r="P106" s="51">
        <v>1</v>
      </c>
      <c r="Q106" s="51" t="s">
        <v>5341</v>
      </c>
      <c r="R106" s="54" t="b">
        <v>1</v>
      </c>
      <c r="S106" s="52" t="s">
        <v>7126</v>
      </c>
      <c r="T106" s="67" t="s">
        <v>7127</v>
      </c>
      <c r="U106" s="75" t="s">
        <v>5331</v>
      </c>
      <c r="V106" s="47" t="s">
        <v>5331</v>
      </c>
      <c r="W106" s="47" t="s">
        <v>5331</v>
      </c>
      <c r="X106" s="47" t="s">
        <v>5331</v>
      </c>
      <c r="Y106" s="47" t="s">
        <v>5331</v>
      </c>
      <c r="Z106" s="28"/>
      <c r="AA106" s="27"/>
      <c r="AB106" s="27"/>
      <c r="AC106" s="27"/>
      <c r="AD106" s="30"/>
      <c r="AE106" s="1"/>
      <c r="AF106" s="23" t="s">
        <v>5331</v>
      </c>
      <c r="AG106" s="26"/>
      <c r="AH106" s="53"/>
    </row>
    <row r="107" spans="1:34" ht="51.6" customHeight="1" x14ac:dyDescent="0.45">
      <c r="A107" s="23">
        <v>101</v>
      </c>
      <c r="B107" s="25"/>
      <c r="C107" s="25"/>
      <c r="D107" s="29"/>
      <c r="E107" s="1"/>
      <c r="F107" s="1"/>
      <c r="G107" s="25"/>
      <c r="H107" s="71"/>
      <c r="I107" s="83"/>
      <c r="J107" s="50" t="str">
        <f t="shared" si="4"/>
        <v/>
      </c>
      <c r="K107" s="23" t="s">
        <v>7120</v>
      </c>
      <c r="L107" s="49" t="e">
        <f>VLOOKUP(E107&amp;F107,団体コード!$A$1:$C$1743,3,FALSE)</f>
        <v>#N/A</v>
      </c>
      <c r="M107" s="49" t="e">
        <f>VLOOKUP(E107&amp;F107,団体コード!$A$1:$C$1743,2,FALSE)</f>
        <v>#N/A</v>
      </c>
      <c r="N107" s="51" t="e">
        <f>VLOOKUP(E107,団体コード!$E$1:$F$48,2,FALSE)</f>
        <v>#N/A</v>
      </c>
      <c r="O107" s="51" t="e">
        <f t="shared" si="5"/>
        <v>#N/A</v>
      </c>
      <c r="P107" s="51">
        <v>1</v>
      </c>
      <c r="Q107" s="51" t="s">
        <v>5341</v>
      </c>
      <c r="R107" s="54" t="b">
        <v>1</v>
      </c>
      <c r="S107" s="52" t="s">
        <v>7126</v>
      </c>
      <c r="T107" s="67" t="s">
        <v>7127</v>
      </c>
      <c r="U107" s="75" t="s">
        <v>5331</v>
      </c>
      <c r="V107" s="47" t="s">
        <v>5331</v>
      </c>
      <c r="W107" s="47" t="s">
        <v>5331</v>
      </c>
      <c r="X107" s="47" t="s">
        <v>5331</v>
      </c>
      <c r="Y107" s="47" t="s">
        <v>5331</v>
      </c>
      <c r="Z107" s="28"/>
      <c r="AA107" s="27"/>
      <c r="AB107" s="27"/>
      <c r="AC107" s="27"/>
      <c r="AD107" s="30"/>
      <c r="AE107" s="1"/>
      <c r="AF107" s="23" t="s">
        <v>5331</v>
      </c>
      <c r="AG107" s="26"/>
      <c r="AH107" s="53"/>
    </row>
    <row r="108" spans="1:34" ht="51.6" customHeight="1" x14ac:dyDescent="0.45">
      <c r="A108" s="23">
        <v>102</v>
      </c>
      <c r="B108" s="25"/>
      <c r="C108" s="25"/>
      <c r="D108" s="29"/>
      <c r="E108" s="1"/>
      <c r="F108" s="1"/>
      <c r="G108" s="25"/>
      <c r="H108" s="71"/>
      <c r="I108" s="83"/>
      <c r="J108" s="50" t="str">
        <f t="shared" si="4"/>
        <v/>
      </c>
      <c r="K108" s="23" t="s">
        <v>7120</v>
      </c>
      <c r="L108" s="49" t="e">
        <f>VLOOKUP(E108&amp;F108,団体コード!$A$1:$C$1743,3,FALSE)</f>
        <v>#N/A</v>
      </c>
      <c r="M108" s="49" t="e">
        <f>VLOOKUP(E108&amp;F108,団体コード!$A$1:$C$1743,2,FALSE)</f>
        <v>#N/A</v>
      </c>
      <c r="N108" s="51" t="e">
        <f>VLOOKUP(E108,団体コード!$E$1:$F$48,2,FALSE)</f>
        <v>#N/A</v>
      </c>
      <c r="O108" s="51" t="e">
        <f t="shared" si="5"/>
        <v>#N/A</v>
      </c>
      <c r="P108" s="51">
        <v>1</v>
      </c>
      <c r="Q108" s="51" t="s">
        <v>5341</v>
      </c>
      <c r="R108" s="54" t="b">
        <v>1</v>
      </c>
      <c r="S108" s="52" t="s">
        <v>7126</v>
      </c>
      <c r="T108" s="67" t="s">
        <v>7127</v>
      </c>
      <c r="U108" s="75" t="s">
        <v>5331</v>
      </c>
      <c r="V108" s="47" t="s">
        <v>5331</v>
      </c>
      <c r="W108" s="47" t="s">
        <v>5331</v>
      </c>
      <c r="X108" s="47" t="s">
        <v>5331</v>
      </c>
      <c r="Y108" s="47" t="s">
        <v>5331</v>
      </c>
      <c r="Z108" s="28"/>
      <c r="AA108" s="27"/>
      <c r="AB108" s="27"/>
      <c r="AC108" s="27"/>
      <c r="AD108" s="30"/>
      <c r="AE108" s="1"/>
      <c r="AF108" s="23" t="s">
        <v>5331</v>
      </c>
      <c r="AG108" s="26"/>
      <c r="AH108" s="53"/>
    </row>
    <row r="109" spans="1:34" ht="51.6" customHeight="1" x14ac:dyDescent="0.45">
      <c r="A109" s="23">
        <v>103</v>
      </c>
      <c r="B109" s="25"/>
      <c r="C109" s="25"/>
      <c r="D109" s="29"/>
      <c r="E109" s="1"/>
      <c r="F109" s="1"/>
      <c r="G109" s="25"/>
      <c r="H109" s="71"/>
      <c r="I109" s="83"/>
      <c r="J109" s="50" t="str">
        <f t="shared" si="4"/>
        <v/>
      </c>
      <c r="K109" s="23" t="s">
        <v>7120</v>
      </c>
      <c r="L109" s="49" t="e">
        <f>VLOOKUP(E109&amp;F109,団体コード!$A$1:$C$1743,3,FALSE)</f>
        <v>#N/A</v>
      </c>
      <c r="M109" s="49" t="e">
        <f>VLOOKUP(E109&amp;F109,団体コード!$A$1:$C$1743,2,FALSE)</f>
        <v>#N/A</v>
      </c>
      <c r="N109" s="51" t="e">
        <f>VLOOKUP(E109,団体コード!$E$1:$F$48,2,FALSE)</f>
        <v>#N/A</v>
      </c>
      <c r="O109" s="51" t="e">
        <f t="shared" si="5"/>
        <v>#N/A</v>
      </c>
      <c r="P109" s="51">
        <v>1</v>
      </c>
      <c r="Q109" s="51" t="s">
        <v>5341</v>
      </c>
      <c r="R109" s="54" t="b">
        <v>1</v>
      </c>
      <c r="S109" s="52" t="s">
        <v>7126</v>
      </c>
      <c r="T109" s="67" t="s">
        <v>7127</v>
      </c>
      <c r="U109" s="75" t="s">
        <v>5331</v>
      </c>
      <c r="V109" s="47" t="s">
        <v>5331</v>
      </c>
      <c r="W109" s="47" t="s">
        <v>5331</v>
      </c>
      <c r="X109" s="47" t="s">
        <v>5331</v>
      </c>
      <c r="Y109" s="47" t="s">
        <v>5331</v>
      </c>
      <c r="Z109" s="28"/>
      <c r="AA109" s="27"/>
      <c r="AB109" s="27"/>
      <c r="AC109" s="27"/>
      <c r="AD109" s="30"/>
      <c r="AE109" s="1"/>
      <c r="AF109" s="23" t="s">
        <v>5331</v>
      </c>
      <c r="AG109" s="26"/>
      <c r="AH109" s="53"/>
    </row>
    <row r="110" spans="1:34" ht="51.6" customHeight="1" x14ac:dyDescent="0.45">
      <c r="A110" s="23">
        <v>104</v>
      </c>
      <c r="B110" s="25"/>
      <c r="C110" s="25"/>
      <c r="D110" s="29"/>
      <c r="E110" s="1"/>
      <c r="F110" s="1"/>
      <c r="G110" s="25"/>
      <c r="H110" s="71"/>
      <c r="I110" s="83"/>
      <c r="J110" s="50" t="str">
        <f t="shared" si="4"/>
        <v/>
      </c>
      <c r="K110" s="23" t="s">
        <v>7120</v>
      </c>
      <c r="L110" s="49" t="e">
        <f>VLOOKUP(E110&amp;F110,団体コード!$A$1:$C$1743,3,FALSE)</f>
        <v>#N/A</v>
      </c>
      <c r="M110" s="49" t="e">
        <f>VLOOKUP(E110&amp;F110,団体コード!$A$1:$C$1743,2,FALSE)</f>
        <v>#N/A</v>
      </c>
      <c r="N110" s="51" t="e">
        <f>VLOOKUP(E110,団体コード!$E$1:$F$48,2,FALSE)</f>
        <v>#N/A</v>
      </c>
      <c r="O110" s="51" t="e">
        <f t="shared" si="5"/>
        <v>#N/A</v>
      </c>
      <c r="P110" s="51">
        <v>1</v>
      </c>
      <c r="Q110" s="51" t="s">
        <v>5341</v>
      </c>
      <c r="R110" s="54" t="b">
        <v>1</v>
      </c>
      <c r="S110" s="52" t="s">
        <v>7126</v>
      </c>
      <c r="T110" s="67" t="s">
        <v>7127</v>
      </c>
      <c r="U110" s="75" t="s">
        <v>5331</v>
      </c>
      <c r="V110" s="47" t="s">
        <v>5331</v>
      </c>
      <c r="W110" s="47" t="s">
        <v>5331</v>
      </c>
      <c r="X110" s="47" t="s">
        <v>5331</v>
      </c>
      <c r="Y110" s="47" t="s">
        <v>5331</v>
      </c>
      <c r="Z110" s="28"/>
      <c r="AA110" s="27"/>
      <c r="AB110" s="27"/>
      <c r="AC110" s="27"/>
      <c r="AD110" s="30"/>
      <c r="AE110" s="1"/>
      <c r="AF110" s="23" t="s">
        <v>5331</v>
      </c>
      <c r="AG110" s="26"/>
      <c r="AH110" s="53"/>
    </row>
    <row r="111" spans="1:34" ht="51.6" customHeight="1" x14ac:dyDescent="0.45">
      <c r="A111" s="23">
        <v>105</v>
      </c>
      <c r="B111" s="25"/>
      <c r="C111" s="25"/>
      <c r="D111" s="29"/>
      <c r="E111" s="1"/>
      <c r="F111" s="1"/>
      <c r="G111" s="25"/>
      <c r="H111" s="71"/>
      <c r="I111" s="83"/>
      <c r="J111" s="50" t="str">
        <f t="shared" si="4"/>
        <v/>
      </c>
      <c r="K111" s="23" t="s">
        <v>7120</v>
      </c>
      <c r="L111" s="49" t="e">
        <f>VLOOKUP(E111&amp;F111,団体コード!$A$1:$C$1743,3,FALSE)</f>
        <v>#N/A</v>
      </c>
      <c r="M111" s="49" t="e">
        <f>VLOOKUP(E111&amp;F111,団体コード!$A$1:$C$1743,2,FALSE)</f>
        <v>#N/A</v>
      </c>
      <c r="N111" s="51" t="e">
        <f>VLOOKUP(E111,団体コード!$E$1:$F$48,2,FALSE)</f>
        <v>#N/A</v>
      </c>
      <c r="O111" s="51" t="e">
        <f t="shared" si="5"/>
        <v>#N/A</v>
      </c>
      <c r="P111" s="51">
        <v>1</v>
      </c>
      <c r="Q111" s="51" t="s">
        <v>5341</v>
      </c>
      <c r="R111" s="54" t="b">
        <v>1</v>
      </c>
      <c r="S111" s="52" t="s">
        <v>7126</v>
      </c>
      <c r="T111" s="67" t="s">
        <v>7127</v>
      </c>
      <c r="U111" s="75" t="s">
        <v>5331</v>
      </c>
      <c r="V111" s="47" t="s">
        <v>5331</v>
      </c>
      <c r="W111" s="47" t="s">
        <v>5331</v>
      </c>
      <c r="X111" s="47" t="s">
        <v>5331</v>
      </c>
      <c r="Y111" s="47" t="s">
        <v>5331</v>
      </c>
      <c r="Z111" s="28"/>
      <c r="AA111" s="27"/>
      <c r="AB111" s="27"/>
      <c r="AC111" s="27"/>
      <c r="AD111" s="30"/>
      <c r="AE111" s="1"/>
      <c r="AF111" s="23" t="s">
        <v>5331</v>
      </c>
      <c r="AG111" s="26"/>
      <c r="AH111" s="53"/>
    </row>
    <row r="112" spans="1:34" ht="51.6" customHeight="1" x14ac:dyDescent="0.45">
      <c r="A112" s="23">
        <v>106</v>
      </c>
      <c r="B112" s="25"/>
      <c r="C112" s="25"/>
      <c r="D112" s="29"/>
      <c r="E112" s="1"/>
      <c r="F112" s="1"/>
      <c r="G112" s="25"/>
      <c r="H112" s="71"/>
      <c r="I112" s="83"/>
      <c r="J112" s="50" t="str">
        <f t="shared" si="4"/>
        <v/>
      </c>
      <c r="K112" s="23" t="s">
        <v>7120</v>
      </c>
      <c r="L112" s="49" t="e">
        <f>VLOOKUP(E112&amp;F112,団体コード!$A$1:$C$1743,3,FALSE)</f>
        <v>#N/A</v>
      </c>
      <c r="M112" s="49" t="e">
        <f>VLOOKUP(E112&amp;F112,団体コード!$A$1:$C$1743,2,FALSE)</f>
        <v>#N/A</v>
      </c>
      <c r="N112" s="51" t="e">
        <f>VLOOKUP(E112,団体コード!$E$1:$F$48,2,FALSE)</f>
        <v>#N/A</v>
      </c>
      <c r="O112" s="51" t="e">
        <f t="shared" si="5"/>
        <v>#N/A</v>
      </c>
      <c r="P112" s="51">
        <v>1</v>
      </c>
      <c r="Q112" s="51" t="s">
        <v>5341</v>
      </c>
      <c r="R112" s="54" t="b">
        <v>1</v>
      </c>
      <c r="S112" s="52" t="s">
        <v>7126</v>
      </c>
      <c r="T112" s="67" t="s">
        <v>7127</v>
      </c>
      <c r="U112" s="75" t="s">
        <v>5331</v>
      </c>
      <c r="V112" s="47" t="s">
        <v>5331</v>
      </c>
      <c r="W112" s="47" t="s">
        <v>5331</v>
      </c>
      <c r="X112" s="47" t="s">
        <v>5331</v>
      </c>
      <c r="Y112" s="47" t="s">
        <v>5331</v>
      </c>
      <c r="Z112" s="28"/>
      <c r="AA112" s="27"/>
      <c r="AB112" s="27"/>
      <c r="AC112" s="27"/>
      <c r="AD112" s="30"/>
      <c r="AE112" s="1"/>
      <c r="AF112" s="23" t="s">
        <v>5331</v>
      </c>
      <c r="AG112" s="26"/>
      <c r="AH112" s="53"/>
    </row>
    <row r="113" spans="1:34" ht="51.6" customHeight="1" x14ac:dyDescent="0.45">
      <c r="A113" s="23">
        <v>107</v>
      </c>
      <c r="B113" s="25"/>
      <c r="C113" s="25"/>
      <c r="D113" s="29"/>
      <c r="E113" s="1"/>
      <c r="F113" s="1"/>
      <c r="G113" s="25"/>
      <c r="H113" s="71"/>
      <c r="I113" s="83"/>
      <c r="J113" s="50" t="str">
        <f t="shared" si="4"/>
        <v/>
      </c>
      <c r="K113" s="23" t="s">
        <v>7120</v>
      </c>
      <c r="L113" s="49" t="e">
        <f>VLOOKUP(E113&amp;F113,団体コード!$A$1:$C$1743,3,FALSE)</f>
        <v>#N/A</v>
      </c>
      <c r="M113" s="49" t="e">
        <f>VLOOKUP(E113&amp;F113,団体コード!$A$1:$C$1743,2,FALSE)</f>
        <v>#N/A</v>
      </c>
      <c r="N113" s="51" t="e">
        <f>VLOOKUP(E113,団体コード!$E$1:$F$48,2,FALSE)</f>
        <v>#N/A</v>
      </c>
      <c r="O113" s="51" t="e">
        <f t="shared" si="5"/>
        <v>#N/A</v>
      </c>
      <c r="P113" s="51">
        <v>1</v>
      </c>
      <c r="Q113" s="51" t="s">
        <v>5341</v>
      </c>
      <c r="R113" s="54" t="b">
        <v>1</v>
      </c>
      <c r="S113" s="52" t="s">
        <v>7126</v>
      </c>
      <c r="T113" s="67" t="s">
        <v>7127</v>
      </c>
      <c r="U113" s="75" t="s">
        <v>5331</v>
      </c>
      <c r="V113" s="47" t="s">
        <v>5331</v>
      </c>
      <c r="W113" s="47" t="s">
        <v>5331</v>
      </c>
      <c r="X113" s="47" t="s">
        <v>5331</v>
      </c>
      <c r="Y113" s="47" t="s">
        <v>5331</v>
      </c>
      <c r="Z113" s="28"/>
      <c r="AA113" s="27"/>
      <c r="AB113" s="27"/>
      <c r="AC113" s="27"/>
      <c r="AD113" s="30"/>
      <c r="AE113" s="1"/>
      <c r="AF113" s="23" t="s">
        <v>5331</v>
      </c>
      <c r="AG113" s="26"/>
      <c r="AH113" s="53"/>
    </row>
    <row r="114" spans="1:34" ht="51.6" customHeight="1" x14ac:dyDescent="0.45">
      <c r="A114" s="23">
        <v>108</v>
      </c>
      <c r="B114" s="25"/>
      <c r="C114" s="25"/>
      <c r="D114" s="29"/>
      <c r="E114" s="1"/>
      <c r="F114" s="1"/>
      <c r="G114" s="25"/>
      <c r="H114" s="71"/>
      <c r="I114" s="83"/>
      <c r="J114" s="50" t="str">
        <f t="shared" si="4"/>
        <v/>
      </c>
      <c r="K114" s="23" t="s">
        <v>7120</v>
      </c>
      <c r="L114" s="49" t="e">
        <f>VLOOKUP(E114&amp;F114,団体コード!$A$1:$C$1743,3,FALSE)</f>
        <v>#N/A</v>
      </c>
      <c r="M114" s="49" t="e">
        <f>VLOOKUP(E114&amp;F114,団体コード!$A$1:$C$1743,2,FALSE)</f>
        <v>#N/A</v>
      </c>
      <c r="N114" s="51" t="e">
        <f>VLOOKUP(E114,団体コード!$E$1:$F$48,2,FALSE)</f>
        <v>#N/A</v>
      </c>
      <c r="O114" s="51" t="e">
        <f t="shared" si="5"/>
        <v>#N/A</v>
      </c>
      <c r="P114" s="51">
        <v>1</v>
      </c>
      <c r="Q114" s="51" t="s">
        <v>5341</v>
      </c>
      <c r="R114" s="54" t="b">
        <v>1</v>
      </c>
      <c r="S114" s="52" t="s">
        <v>7126</v>
      </c>
      <c r="T114" s="67" t="s">
        <v>7127</v>
      </c>
      <c r="U114" s="75" t="s">
        <v>5331</v>
      </c>
      <c r="V114" s="47" t="s">
        <v>5331</v>
      </c>
      <c r="W114" s="47" t="s">
        <v>5331</v>
      </c>
      <c r="X114" s="47" t="s">
        <v>5331</v>
      </c>
      <c r="Y114" s="47" t="s">
        <v>5331</v>
      </c>
      <c r="Z114" s="28"/>
      <c r="AA114" s="27"/>
      <c r="AB114" s="27"/>
      <c r="AC114" s="27"/>
      <c r="AD114" s="30"/>
      <c r="AE114" s="1"/>
      <c r="AF114" s="23" t="s">
        <v>5331</v>
      </c>
      <c r="AG114" s="26"/>
      <c r="AH114" s="53"/>
    </row>
    <row r="115" spans="1:34" ht="51.6" customHeight="1" x14ac:dyDescent="0.45">
      <c r="A115" s="23">
        <v>109</v>
      </c>
      <c r="B115" s="25"/>
      <c r="C115" s="25"/>
      <c r="D115" s="29"/>
      <c r="E115" s="1"/>
      <c r="F115" s="1"/>
      <c r="G115" s="25"/>
      <c r="H115" s="71"/>
      <c r="I115" s="83"/>
      <c r="J115" s="50" t="str">
        <f t="shared" si="4"/>
        <v/>
      </c>
      <c r="K115" s="23" t="s">
        <v>7120</v>
      </c>
      <c r="L115" s="49" t="e">
        <f>VLOOKUP(E115&amp;F115,団体コード!$A$1:$C$1743,3,FALSE)</f>
        <v>#N/A</v>
      </c>
      <c r="M115" s="49" t="e">
        <f>VLOOKUP(E115&amp;F115,団体コード!$A$1:$C$1743,2,FALSE)</f>
        <v>#N/A</v>
      </c>
      <c r="N115" s="51" t="e">
        <f>VLOOKUP(E115,団体コード!$E$1:$F$48,2,FALSE)</f>
        <v>#N/A</v>
      </c>
      <c r="O115" s="51" t="e">
        <f t="shared" si="5"/>
        <v>#N/A</v>
      </c>
      <c r="P115" s="51">
        <v>1</v>
      </c>
      <c r="Q115" s="51" t="s">
        <v>5341</v>
      </c>
      <c r="R115" s="54" t="b">
        <v>1</v>
      </c>
      <c r="S115" s="52" t="s">
        <v>7126</v>
      </c>
      <c r="T115" s="67" t="s">
        <v>7127</v>
      </c>
      <c r="U115" s="75" t="s">
        <v>5331</v>
      </c>
      <c r="V115" s="47" t="s">
        <v>5331</v>
      </c>
      <c r="W115" s="47" t="s">
        <v>5331</v>
      </c>
      <c r="X115" s="47" t="s">
        <v>5331</v>
      </c>
      <c r="Y115" s="47" t="s">
        <v>5331</v>
      </c>
      <c r="Z115" s="28"/>
      <c r="AA115" s="27"/>
      <c r="AB115" s="27"/>
      <c r="AC115" s="27"/>
      <c r="AD115" s="30"/>
      <c r="AE115" s="1"/>
      <c r="AF115" s="23" t="s">
        <v>5331</v>
      </c>
      <c r="AG115" s="26"/>
      <c r="AH115" s="53"/>
    </row>
    <row r="116" spans="1:34" ht="51.6" customHeight="1" x14ac:dyDescent="0.45">
      <c r="A116" s="23">
        <v>110</v>
      </c>
      <c r="B116" s="25"/>
      <c r="C116" s="25"/>
      <c r="D116" s="29"/>
      <c r="E116" s="1"/>
      <c r="F116" s="1"/>
      <c r="G116" s="25"/>
      <c r="H116" s="71"/>
      <c r="I116" s="83"/>
      <c r="J116" s="50" t="str">
        <f t="shared" si="4"/>
        <v/>
      </c>
      <c r="K116" s="23" t="s">
        <v>7120</v>
      </c>
      <c r="L116" s="49" t="e">
        <f>VLOOKUP(E116&amp;F116,団体コード!$A$1:$C$1743,3,FALSE)</f>
        <v>#N/A</v>
      </c>
      <c r="M116" s="49" t="e">
        <f>VLOOKUP(E116&amp;F116,団体コード!$A$1:$C$1743,2,FALSE)</f>
        <v>#N/A</v>
      </c>
      <c r="N116" s="51" t="e">
        <f>VLOOKUP(E116,団体コード!$E$1:$F$48,2,FALSE)</f>
        <v>#N/A</v>
      </c>
      <c r="O116" s="51" t="e">
        <f t="shared" si="5"/>
        <v>#N/A</v>
      </c>
      <c r="P116" s="51">
        <v>1</v>
      </c>
      <c r="Q116" s="51" t="s">
        <v>5341</v>
      </c>
      <c r="R116" s="54" t="b">
        <v>1</v>
      </c>
      <c r="S116" s="52" t="s">
        <v>7126</v>
      </c>
      <c r="T116" s="67" t="s">
        <v>7127</v>
      </c>
      <c r="U116" s="75" t="s">
        <v>5331</v>
      </c>
      <c r="V116" s="47" t="s">
        <v>5331</v>
      </c>
      <c r="W116" s="47" t="s">
        <v>5331</v>
      </c>
      <c r="X116" s="47" t="s">
        <v>5331</v>
      </c>
      <c r="Y116" s="47" t="s">
        <v>5331</v>
      </c>
      <c r="Z116" s="28"/>
      <c r="AA116" s="27"/>
      <c r="AB116" s="27"/>
      <c r="AC116" s="27"/>
      <c r="AD116" s="30"/>
      <c r="AE116" s="1"/>
      <c r="AF116" s="23" t="s">
        <v>5331</v>
      </c>
      <c r="AG116" s="26"/>
      <c r="AH116" s="53"/>
    </row>
    <row r="117" spans="1:34" ht="51.6" customHeight="1" x14ac:dyDescent="0.45">
      <c r="A117" s="23">
        <v>111</v>
      </c>
      <c r="B117" s="25"/>
      <c r="C117" s="25"/>
      <c r="D117" s="29"/>
      <c r="E117" s="1"/>
      <c r="F117" s="1"/>
      <c r="G117" s="25"/>
      <c r="H117" s="71"/>
      <c r="I117" s="83"/>
      <c r="J117" s="50" t="str">
        <f t="shared" si="4"/>
        <v/>
      </c>
      <c r="K117" s="23" t="s">
        <v>7120</v>
      </c>
      <c r="L117" s="49" t="e">
        <f>VLOOKUP(E117&amp;F117,団体コード!$A$1:$C$1743,3,FALSE)</f>
        <v>#N/A</v>
      </c>
      <c r="M117" s="49" t="e">
        <f>VLOOKUP(E117&amp;F117,団体コード!$A$1:$C$1743,2,FALSE)</f>
        <v>#N/A</v>
      </c>
      <c r="N117" s="51" t="e">
        <f>VLOOKUP(E117,団体コード!$E$1:$F$48,2,FALSE)</f>
        <v>#N/A</v>
      </c>
      <c r="O117" s="51" t="e">
        <f t="shared" si="5"/>
        <v>#N/A</v>
      </c>
      <c r="P117" s="51">
        <v>1</v>
      </c>
      <c r="Q117" s="51" t="s">
        <v>5341</v>
      </c>
      <c r="R117" s="54" t="b">
        <v>1</v>
      </c>
      <c r="S117" s="52" t="s">
        <v>7126</v>
      </c>
      <c r="T117" s="67" t="s">
        <v>7127</v>
      </c>
      <c r="U117" s="75" t="s">
        <v>5331</v>
      </c>
      <c r="V117" s="47" t="s">
        <v>5331</v>
      </c>
      <c r="W117" s="47" t="s">
        <v>5331</v>
      </c>
      <c r="X117" s="47" t="s">
        <v>5331</v>
      </c>
      <c r="Y117" s="47" t="s">
        <v>5331</v>
      </c>
      <c r="Z117" s="28"/>
      <c r="AA117" s="27"/>
      <c r="AB117" s="27"/>
      <c r="AC117" s="27"/>
      <c r="AD117" s="30"/>
      <c r="AE117" s="1"/>
      <c r="AF117" s="23" t="s">
        <v>5331</v>
      </c>
      <c r="AG117" s="26"/>
      <c r="AH117" s="53"/>
    </row>
    <row r="118" spans="1:34" ht="51.6" customHeight="1" x14ac:dyDescent="0.45">
      <c r="A118" s="23">
        <v>112</v>
      </c>
      <c r="B118" s="25"/>
      <c r="C118" s="25"/>
      <c r="D118" s="29"/>
      <c r="E118" s="1"/>
      <c r="F118" s="1"/>
      <c r="G118" s="25"/>
      <c r="H118" s="71"/>
      <c r="I118" s="83"/>
      <c r="J118" s="50" t="str">
        <f t="shared" si="4"/>
        <v/>
      </c>
      <c r="K118" s="23" t="s">
        <v>7120</v>
      </c>
      <c r="L118" s="49" t="e">
        <f>VLOOKUP(E118&amp;F118,団体コード!$A$1:$C$1743,3,FALSE)</f>
        <v>#N/A</v>
      </c>
      <c r="M118" s="49" t="e">
        <f>VLOOKUP(E118&amp;F118,団体コード!$A$1:$C$1743,2,FALSE)</f>
        <v>#N/A</v>
      </c>
      <c r="N118" s="51" t="e">
        <f>VLOOKUP(E118,団体コード!$E$1:$F$48,2,FALSE)</f>
        <v>#N/A</v>
      </c>
      <c r="O118" s="51" t="e">
        <f t="shared" si="5"/>
        <v>#N/A</v>
      </c>
      <c r="P118" s="51">
        <v>1</v>
      </c>
      <c r="Q118" s="51" t="s">
        <v>5341</v>
      </c>
      <c r="R118" s="54" t="b">
        <v>1</v>
      </c>
      <c r="S118" s="52" t="s">
        <v>7126</v>
      </c>
      <c r="T118" s="67" t="s">
        <v>7127</v>
      </c>
      <c r="U118" s="75" t="s">
        <v>5331</v>
      </c>
      <c r="V118" s="47" t="s">
        <v>5331</v>
      </c>
      <c r="W118" s="47" t="s">
        <v>5331</v>
      </c>
      <c r="X118" s="47" t="s">
        <v>5331</v>
      </c>
      <c r="Y118" s="47" t="s">
        <v>5331</v>
      </c>
      <c r="Z118" s="28"/>
      <c r="AA118" s="27"/>
      <c r="AB118" s="27"/>
      <c r="AC118" s="27"/>
      <c r="AD118" s="30"/>
      <c r="AE118" s="1"/>
      <c r="AF118" s="23" t="s">
        <v>5331</v>
      </c>
      <c r="AG118" s="26"/>
      <c r="AH118" s="53"/>
    </row>
    <row r="119" spans="1:34" ht="51.6" customHeight="1" x14ac:dyDescent="0.45">
      <c r="A119" s="23">
        <v>113</v>
      </c>
      <c r="B119" s="25"/>
      <c r="C119" s="25"/>
      <c r="D119" s="29"/>
      <c r="E119" s="1"/>
      <c r="F119" s="1"/>
      <c r="G119" s="25"/>
      <c r="H119" s="71"/>
      <c r="I119" s="83"/>
      <c r="J119" s="50" t="str">
        <f t="shared" si="4"/>
        <v/>
      </c>
      <c r="K119" s="23" t="s">
        <v>7120</v>
      </c>
      <c r="L119" s="49" t="e">
        <f>VLOOKUP(E119&amp;F119,団体コード!$A$1:$C$1743,3,FALSE)</f>
        <v>#N/A</v>
      </c>
      <c r="M119" s="49" t="e">
        <f>VLOOKUP(E119&amp;F119,団体コード!$A$1:$C$1743,2,FALSE)</f>
        <v>#N/A</v>
      </c>
      <c r="N119" s="51" t="e">
        <f>VLOOKUP(E119,団体コード!$E$1:$F$48,2,FALSE)</f>
        <v>#N/A</v>
      </c>
      <c r="O119" s="51" t="e">
        <f t="shared" si="5"/>
        <v>#N/A</v>
      </c>
      <c r="P119" s="51">
        <v>1</v>
      </c>
      <c r="Q119" s="51" t="s">
        <v>5341</v>
      </c>
      <c r="R119" s="54" t="b">
        <v>1</v>
      </c>
      <c r="S119" s="52" t="s">
        <v>7126</v>
      </c>
      <c r="T119" s="67" t="s">
        <v>7127</v>
      </c>
      <c r="U119" s="75" t="s">
        <v>5331</v>
      </c>
      <c r="V119" s="47" t="s">
        <v>5331</v>
      </c>
      <c r="W119" s="47" t="s">
        <v>5331</v>
      </c>
      <c r="X119" s="47" t="s">
        <v>5331</v>
      </c>
      <c r="Y119" s="47" t="s">
        <v>5331</v>
      </c>
      <c r="Z119" s="28"/>
      <c r="AA119" s="27"/>
      <c r="AB119" s="27"/>
      <c r="AC119" s="27"/>
      <c r="AD119" s="30"/>
      <c r="AE119" s="1"/>
      <c r="AF119" s="23" t="s">
        <v>5331</v>
      </c>
      <c r="AG119" s="26"/>
      <c r="AH119" s="53"/>
    </row>
    <row r="120" spans="1:34" ht="51.6" customHeight="1" x14ac:dyDescent="0.45">
      <c r="A120" s="23">
        <v>114</v>
      </c>
      <c r="B120" s="25"/>
      <c r="C120" s="25"/>
      <c r="D120" s="29"/>
      <c r="E120" s="1"/>
      <c r="F120" s="1"/>
      <c r="G120" s="25"/>
      <c r="H120" s="71"/>
      <c r="I120" s="83"/>
      <c r="J120" s="50" t="str">
        <f t="shared" si="4"/>
        <v/>
      </c>
      <c r="K120" s="23" t="s">
        <v>7120</v>
      </c>
      <c r="L120" s="49" t="e">
        <f>VLOOKUP(E120&amp;F120,団体コード!$A$1:$C$1743,3,FALSE)</f>
        <v>#N/A</v>
      </c>
      <c r="M120" s="49" t="e">
        <f>VLOOKUP(E120&amp;F120,団体コード!$A$1:$C$1743,2,FALSE)</f>
        <v>#N/A</v>
      </c>
      <c r="N120" s="51" t="e">
        <f>VLOOKUP(E120,団体コード!$E$1:$F$48,2,FALSE)</f>
        <v>#N/A</v>
      </c>
      <c r="O120" s="51" t="e">
        <f t="shared" si="5"/>
        <v>#N/A</v>
      </c>
      <c r="P120" s="51">
        <v>1</v>
      </c>
      <c r="Q120" s="51" t="s">
        <v>5341</v>
      </c>
      <c r="R120" s="54" t="b">
        <v>1</v>
      </c>
      <c r="S120" s="52" t="s">
        <v>7126</v>
      </c>
      <c r="T120" s="67" t="s">
        <v>7127</v>
      </c>
      <c r="U120" s="75" t="s">
        <v>5331</v>
      </c>
      <c r="V120" s="47" t="s">
        <v>5331</v>
      </c>
      <c r="W120" s="47" t="s">
        <v>5331</v>
      </c>
      <c r="X120" s="47" t="s">
        <v>5331</v>
      </c>
      <c r="Y120" s="47" t="s">
        <v>5331</v>
      </c>
      <c r="Z120" s="28"/>
      <c r="AA120" s="27"/>
      <c r="AB120" s="27"/>
      <c r="AC120" s="27"/>
      <c r="AD120" s="30"/>
      <c r="AE120" s="1"/>
      <c r="AF120" s="23" t="s">
        <v>5331</v>
      </c>
      <c r="AG120" s="26"/>
      <c r="AH120" s="53"/>
    </row>
    <row r="121" spans="1:34" ht="51.6" customHeight="1" x14ac:dyDescent="0.45">
      <c r="A121" s="23">
        <v>115</v>
      </c>
      <c r="B121" s="25"/>
      <c r="C121" s="25"/>
      <c r="D121" s="29"/>
      <c r="E121" s="1"/>
      <c r="F121" s="1"/>
      <c r="G121" s="25"/>
      <c r="H121" s="71"/>
      <c r="I121" s="83"/>
      <c r="J121" s="50" t="str">
        <f t="shared" si="4"/>
        <v/>
      </c>
      <c r="K121" s="23" t="s">
        <v>7120</v>
      </c>
      <c r="L121" s="49" t="e">
        <f>VLOOKUP(E121&amp;F121,団体コード!$A$1:$C$1743,3,FALSE)</f>
        <v>#N/A</v>
      </c>
      <c r="M121" s="49" t="e">
        <f>VLOOKUP(E121&amp;F121,団体コード!$A$1:$C$1743,2,FALSE)</f>
        <v>#N/A</v>
      </c>
      <c r="N121" s="51" t="e">
        <f>VLOOKUP(E121,団体コード!$E$1:$F$48,2,FALSE)</f>
        <v>#N/A</v>
      </c>
      <c r="O121" s="51" t="e">
        <f t="shared" si="5"/>
        <v>#N/A</v>
      </c>
      <c r="P121" s="51">
        <v>1</v>
      </c>
      <c r="Q121" s="51" t="s">
        <v>5341</v>
      </c>
      <c r="R121" s="54" t="b">
        <v>1</v>
      </c>
      <c r="S121" s="52" t="s">
        <v>7126</v>
      </c>
      <c r="T121" s="67" t="s">
        <v>7127</v>
      </c>
      <c r="U121" s="75" t="s">
        <v>5331</v>
      </c>
      <c r="V121" s="47" t="s">
        <v>5331</v>
      </c>
      <c r="W121" s="47" t="s">
        <v>5331</v>
      </c>
      <c r="X121" s="47" t="s">
        <v>5331</v>
      </c>
      <c r="Y121" s="47" t="s">
        <v>5331</v>
      </c>
      <c r="Z121" s="28"/>
      <c r="AA121" s="27"/>
      <c r="AB121" s="27"/>
      <c r="AC121" s="27"/>
      <c r="AD121" s="30"/>
      <c r="AE121" s="1"/>
      <c r="AF121" s="23" t="s">
        <v>5331</v>
      </c>
      <c r="AG121" s="26"/>
      <c r="AH121" s="53"/>
    </row>
    <row r="122" spans="1:34" ht="51.6" customHeight="1" x14ac:dyDescent="0.45">
      <c r="A122" s="23">
        <v>116</v>
      </c>
      <c r="B122" s="25"/>
      <c r="C122" s="25"/>
      <c r="D122" s="29"/>
      <c r="E122" s="1"/>
      <c r="F122" s="1"/>
      <c r="G122" s="25"/>
      <c r="H122" s="71"/>
      <c r="I122" s="83"/>
      <c r="J122" s="50" t="str">
        <f t="shared" si="4"/>
        <v/>
      </c>
      <c r="K122" s="23" t="s">
        <v>7120</v>
      </c>
      <c r="L122" s="49" t="e">
        <f>VLOOKUP(E122&amp;F122,団体コード!$A$1:$C$1743,3,FALSE)</f>
        <v>#N/A</v>
      </c>
      <c r="M122" s="49" t="e">
        <f>VLOOKUP(E122&amp;F122,団体コード!$A$1:$C$1743,2,FALSE)</f>
        <v>#N/A</v>
      </c>
      <c r="N122" s="51" t="e">
        <f>VLOOKUP(E122,団体コード!$E$1:$F$48,2,FALSE)</f>
        <v>#N/A</v>
      </c>
      <c r="O122" s="51" t="e">
        <f t="shared" si="5"/>
        <v>#N/A</v>
      </c>
      <c r="P122" s="51">
        <v>1</v>
      </c>
      <c r="Q122" s="51" t="s">
        <v>5341</v>
      </c>
      <c r="R122" s="54" t="b">
        <v>1</v>
      </c>
      <c r="S122" s="52" t="s">
        <v>7126</v>
      </c>
      <c r="T122" s="67" t="s">
        <v>7127</v>
      </c>
      <c r="U122" s="75" t="s">
        <v>5331</v>
      </c>
      <c r="V122" s="47" t="s">
        <v>5331</v>
      </c>
      <c r="W122" s="47" t="s">
        <v>5331</v>
      </c>
      <c r="X122" s="47" t="s">
        <v>5331</v>
      </c>
      <c r="Y122" s="47" t="s">
        <v>5331</v>
      </c>
      <c r="Z122" s="28"/>
      <c r="AA122" s="27"/>
      <c r="AB122" s="27"/>
      <c r="AC122" s="27"/>
      <c r="AD122" s="30"/>
      <c r="AE122" s="1"/>
      <c r="AF122" s="23" t="s">
        <v>5331</v>
      </c>
      <c r="AG122" s="26"/>
      <c r="AH122" s="53"/>
    </row>
    <row r="123" spans="1:34" ht="51.6" customHeight="1" x14ac:dyDescent="0.45">
      <c r="A123" s="23">
        <v>117</v>
      </c>
      <c r="B123" s="25"/>
      <c r="C123" s="25"/>
      <c r="D123" s="29"/>
      <c r="E123" s="1"/>
      <c r="F123" s="1"/>
      <c r="G123" s="25"/>
      <c r="H123" s="71"/>
      <c r="I123" s="83"/>
      <c r="J123" s="50" t="str">
        <f t="shared" si="4"/>
        <v/>
      </c>
      <c r="K123" s="23" t="s">
        <v>7120</v>
      </c>
      <c r="L123" s="49" t="e">
        <f>VLOOKUP(E123&amp;F123,団体コード!$A$1:$C$1743,3,FALSE)</f>
        <v>#N/A</v>
      </c>
      <c r="M123" s="49" t="e">
        <f>VLOOKUP(E123&amp;F123,団体コード!$A$1:$C$1743,2,FALSE)</f>
        <v>#N/A</v>
      </c>
      <c r="N123" s="51" t="e">
        <f>VLOOKUP(E123,団体コード!$E$1:$F$48,2,FALSE)</f>
        <v>#N/A</v>
      </c>
      <c r="O123" s="51" t="e">
        <f t="shared" si="5"/>
        <v>#N/A</v>
      </c>
      <c r="P123" s="51">
        <v>1</v>
      </c>
      <c r="Q123" s="51" t="s">
        <v>5341</v>
      </c>
      <c r="R123" s="54" t="b">
        <v>1</v>
      </c>
      <c r="S123" s="52" t="s">
        <v>7126</v>
      </c>
      <c r="T123" s="67" t="s">
        <v>7127</v>
      </c>
      <c r="U123" s="75" t="s">
        <v>5331</v>
      </c>
      <c r="V123" s="47" t="s">
        <v>5331</v>
      </c>
      <c r="W123" s="47" t="s">
        <v>5331</v>
      </c>
      <c r="X123" s="47" t="s">
        <v>5331</v>
      </c>
      <c r="Y123" s="47" t="s">
        <v>5331</v>
      </c>
      <c r="Z123" s="28"/>
      <c r="AA123" s="27"/>
      <c r="AB123" s="27"/>
      <c r="AC123" s="27"/>
      <c r="AD123" s="30"/>
      <c r="AE123" s="1"/>
      <c r="AF123" s="23" t="s">
        <v>5331</v>
      </c>
      <c r="AG123" s="26"/>
      <c r="AH123" s="53"/>
    </row>
    <row r="124" spans="1:34" ht="51.6" customHeight="1" x14ac:dyDescent="0.45">
      <c r="A124" s="23">
        <v>118</v>
      </c>
      <c r="B124" s="25"/>
      <c r="C124" s="25"/>
      <c r="D124" s="29"/>
      <c r="E124" s="1"/>
      <c r="F124" s="1"/>
      <c r="G124" s="25"/>
      <c r="H124" s="71"/>
      <c r="I124" s="83"/>
      <c r="J124" s="50" t="str">
        <f t="shared" si="4"/>
        <v/>
      </c>
      <c r="K124" s="23" t="s">
        <v>7120</v>
      </c>
      <c r="L124" s="49" t="e">
        <f>VLOOKUP(E124&amp;F124,団体コード!$A$1:$C$1743,3,FALSE)</f>
        <v>#N/A</v>
      </c>
      <c r="M124" s="49" t="e">
        <f>VLOOKUP(E124&amp;F124,団体コード!$A$1:$C$1743,2,FALSE)</f>
        <v>#N/A</v>
      </c>
      <c r="N124" s="51" t="e">
        <f>VLOOKUP(E124,団体コード!$E$1:$F$48,2,FALSE)</f>
        <v>#N/A</v>
      </c>
      <c r="O124" s="51" t="e">
        <f t="shared" si="5"/>
        <v>#N/A</v>
      </c>
      <c r="P124" s="51">
        <v>1</v>
      </c>
      <c r="Q124" s="51" t="s">
        <v>5341</v>
      </c>
      <c r="R124" s="54" t="b">
        <v>1</v>
      </c>
      <c r="S124" s="52" t="s">
        <v>7126</v>
      </c>
      <c r="T124" s="67" t="s">
        <v>7127</v>
      </c>
      <c r="U124" s="75" t="s">
        <v>5331</v>
      </c>
      <c r="V124" s="47" t="s">
        <v>5331</v>
      </c>
      <c r="W124" s="47" t="s">
        <v>5331</v>
      </c>
      <c r="X124" s="47" t="s">
        <v>5331</v>
      </c>
      <c r="Y124" s="47" t="s">
        <v>5331</v>
      </c>
      <c r="Z124" s="28"/>
      <c r="AA124" s="27"/>
      <c r="AB124" s="27"/>
      <c r="AC124" s="27"/>
      <c r="AD124" s="30"/>
      <c r="AE124" s="1"/>
      <c r="AF124" s="23" t="s">
        <v>5331</v>
      </c>
      <c r="AG124" s="26"/>
      <c r="AH124" s="53"/>
    </row>
    <row r="125" spans="1:34" ht="51.6" customHeight="1" x14ac:dyDescent="0.45">
      <c r="A125" s="23">
        <v>119</v>
      </c>
      <c r="B125" s="25"/>
      <c r="C125" s="25"/>
      <c r="D125" s="29"/>
      <c r="E125" s="1"/>
      <c r="F125" s="1"/>
      <c r="G125" s="25"/>
      <c r="H125" s="71"/>
      <c r="I125" s="83"/>
      <c r="J125" s="50" t="str">
        <f t="shared" si="4"/>
        <v/>
      </c>
      <c r="K125" s="23" t="s">
        <v>7120</v>
      </c>
      <c r="L125" s="49" t="e">
        <f>VLOOKUP(E125&amp;F125,団体コード!$A$1:$C$1743,3,FALSE)</f>
        <v>#N/A</v>
      </c>
      <c r="M125" s="49" t="e">
        <f>VLOOKUP(E125&amp;F125,団体コード!$A$1:$C$1743,2,FALSE)</f>
        <v>#N/A</v>
      </c>
      <c r="N125" s="51" t="e">
        <f>VLOOKUP(E125,団体コード!$E$1:$F$48,2,FALSE)</f>
        <v>#N/A</v>
      </c>
      <c r="O125" s="51" t="e">
        <f t="shared" si="5"/>
        <v>#N/A</v>
      </c>
      <c r="P125" s="51">
        <v>1</v>
      </c>
      <c r="Q125" s="51" t="s">
        <v>5341</v>
      </c>
      <c r="R125" s="54" t="b">
        <v>1</v>
      </c>
      <c r="S125" s="52" t="s">
        <v>7126</v>
      </c>
      <c r="T125" s="67" t="s">
        <v>7127</v>
      </c>
      <c r="U125" s="75" t="s">
        <v>5331</v>
      </c>
      <c r="V125" s="47" t="s">
        <v>5331</v>
      </c>
      <c r="W125" s="47" t="s">
        <v>5331</v>
      </c>
      <c r="X125" s="47" t="s">
        <v>5331</v>
      </c>
      <c r="Y125" s="47" t="s">
        <v>5331</v>
      </c>
      <c r="Z125" s="28"/>
      <c r="AA125" s="27"/>
      <c r="AB125" s="27"/>
      <c r="AC125" s="27"/>
      <c r="AD125" s="30"/>
      <c r="AE125" s="1"/>
      <c r="AF125" s="23" t="s">
        <v>5331</v>
      </c>
      <c r="AG125" s="26"/>
      <c r="AH125" s="53"/>
    </row>
    <row r="126" spans="1:34" ht="51.6" customHeight="1" x14ac:dyDescent="0.45">
      <c r="A126" s="23">
        <v>120</v>
      </c>
      <c r="B126" s="25"/>
      <c r="C126" s="25"/>
      <c r="D126" s="29"/>
      <c r="E126" s="1"/>
      <c r="F126" s="1"/>
      <c r="G126" s="25"/>
      <c r="H126" s="71"/>
      <c r="I126" s="83"/>
      <c r="J126" s="50" t="str">
        <f t="shared" si="4"/>
        <v/>
      </c>
      <c r="K126" s="23" t="s">
        <v>7120</v>
      </c>
      <c r="L126" s="49" t="e">
        <f>VLOOKUP(E126&amp;F126,団体コード!$A$1:$C$1743,3,FALSE)</f>
        <v>#N/A</v>
      </c>
      <c r="M126" s="49" t="e">
        <f>VLOOKUP(E126&amp;F126,団体コード!$A$1:$C$1743,2,FALSE)</f>
        <v>#N/A</v>
      </c>
      <c r="N126" s="51" t="e">
        <f>VLOOKUP(E126,団体コード!$E$1:$F$48,2,FALSE)</f>
        <v>#N/A</v>
      </c>
      <c r="O126" s="51" t="e">
        <f t="shared" si="5"/>
        <v>#N/A</v>
      </c>
      <c r="P126" s="51">
        <v>1</v>
      </c>
      <c r="Q126" s="51" t="s">
        <v>5341</v>
      </c>
      <c r="R126" s="54" t="b">
        <v>1</v>
      </c>
      <c r="S126" s="52" t="s">
        <v>7126</v>
      </c>
      <c r="T126" s="67" t="s">
        <v>7127</v>
      </c>
      <c r="U126" s="75" t="s">
        <v>5331</v>
      </c>
      <c r="V126" s="47" t="s">
        <v>5331</v>
      </c>
      <c r="W126" s="47" t="s">
        <v>5331</v>
      </c>
      <c r="X126" s="47" t="s">
        <v>5331</v>
      </c>
      <c r="Y126" s="47" t="s">
        <v>5331</v>
      </c>
      <c r="Z126" s="28"/>
      <c r="AA126" s="27"/>
      <c r="AB126" s="27"/>
      <c r="AC126" s="27"/>
      <c r="AD126" s="30"/>
      <c r="AE126" s="1"/>
      <c r="AF126" s="23" t="s">
        <v>5331</v>
      </c>
      <c r="AG126" s="26"/>
      <c r="AH126" s="53"/>
    </row>
    <row r="127" spans="1:34" ht="51.6" customHeight="1" x14ac:dyDescent="0.45">
      <c r="A127" s="23">
        <v>121</v>
      </c>
      <c r="B127" s="25"/>
      <c r="C127" s="25"/>
      <c r="D127" s="29"/>
      <c r="E127" s="1"/>
      <c r="F127" s="1"/>
      <c r="G127" s="25"/>
      <c r="H127" s="71"/>
      <c r="I127" s="83"/>
      <c r="J127" s="50" t="str">
        <f t="shared" si="4"/>
        <v/>
      </c>
      <c r="K127" s="23" t="s">
        <v>7120</v>
      </c>
      <c r="L127" s="49" t="e">
        <f>VLOOKUP(E127&amp;F127,団体コード!$A$1:$C$1743,3,FALSE)</f>
        <v>#N/A</v>
      </c>
      <c r="M127" s="49" t="e">
        <f>VLOOKUP(E127&amp;F127,団体コード!$A$1:$C$1743,2,FALSE)</f>
        <v>#N/A</v>
      </c>
      <c r="N127" s="51" t="e">
        <f>VLOOKUP(E127,団体コード!$E$1:$F$48,2,FALSE)</f>
        <v>#N/A</v>
      </c>
      <c r="O127" s="51" t="e">
        <f t="shared" si="5"/>
        <v>#N/A</v>
      </c>
      <c r="P127" s="51">
        <v>1</v>
      </c>
      <c r="Q127" s="51" t="s">
        <v>5341</v>
      </c>
      <c r="R127" s="54" t="b">
        <v>1</v>
      </c>
      <c r="S127" s="52" t="s">
        <v>7126</v>
      </c>
      <c r="T127" s="67" t="s">
        <v>7127</v>
      </c>
      <c r="U127" s="75" t="s">
        <v>5331</v>
      </c>
      <c r="V127" s="47" t="s">
        <v>5331</v>
      </c>
      <c r="W127" s="47" t="s">
        <v>5331</v>
      </c>
      <c r="X127" s="47" t="s">
        <v>5331</v>
      </c>
      <c r="Y127" s="47" t="s">
        <v>5331</v>
      </c>
      <c r="Z127" s="28"/>
      <c r="AA127" s="27"/>
      <c r="AB127" s="27"/>
      <c r="AC127" s="27"/>
      <c r="AD127" s="30"/>
      <c r="AE127" s="1"/>
      <c r="AF127" s="23" t="s">
        <v>5331</v>
      </c>
      <c r="AG127" s="26"/>
      <c r="AH127" s="53"/>
    </row>
    <row r="128" spans="1:34" ht="51.6" customHeight="1" x14ac:dyDescent="0.45">
      <c r="A128" s="23">
        <v>122</v>
      </c>
      <c r="B128" s="25"/>
      <c r="C128" s="25"/>
      <c r="D128" s="29"/>
      <c r="E128" s="1"/>
      <c r="F128" s="1"/>
      <c r="G128" s="25"/>
      <c r="H128" s="71"/>
      <c r="I128" s="83"/>
      <c r="J128" s="50" t="str">
        <f t="shared" si="4"/>
        <v/>
      </c>
      <c r="K128" s="23" t="s">
        <v>7120</v>
      </c>
      <c r="L128" s="49" t="e">
        <f>VLOOKUP(E128&amp;F128,団体コード!$A$1:$C$1743,3,FALSE)</f>
        <v>#N/A</v>
      </c>
      <c r="M128" s="49" t="e">
        <f>VLOOKUP(E128&amp;F128,団体コード!$A$1:$C$1743,2,FALSE)</f>
        <v>#N/A</v>
      </c>
      <c r="N128" s="51" t="e">
        <f>VLOOKUP(E128,団体コード!$E$1:$F$48,2,FALSE)</f>
        <v>#N/A</v>
      </c>
      <c r="O128" s="51" t="e">
        <f t="shared" si="5"/>
        <v>#N/A</v>
      </c>
      <c r="P128" s="51">
        <v>1</v>
      </c>
      <c r="Q128" s="51" t="s">
        <v>5341</v>
      </c>
      <c r="R128" s="54" t="b">
        <v>1</v>
      </c>
      <c r="S128" s="52" t="s">
        <v>7126</v>
      </c>
      <c r="T128" s="67" t="s">
        <v>7127</v>
      </c>
      <c r="U128" s="75" t="s">
        <v>5331</v>
      </c>
      <c r="V128" s="47" t="s">
        <v>5331</v>
      </c>
      <c r="W128" s="47" t="s">
        <v>5331</v>
      </c>
      <c r="X128" s="47" t="s">
        <v>5331</v>
      </c>
      <c r="Y128" s="47" t="s">
        <v>5331</v>
      </c>
      <c r="Z128" s="28"/>
      <c r="AA128" s="27"/>
      <c r="AB128" s="27"/>
      <c r="AC128" s="27"/>
      <c r="AD128" s="30"/>
      <c r="AE128" s="1"/>
      <c r="AF128" s="23" t="s">
        <v>5331</v>
      </c>
      <c r="AG128" s="26"/>
      <c r="AH128" s="53"/>
    </row>
    <row r="129" spans="1:34" ht="51.6" customHeight="1" x14ac:dyDescent="0.45">
      <c r="A129" s="23">
        <v>123</v>
      </c>
      <c r="B129" s="25"/>
      <c r="C129" s="25"/>
      <c r="D129" s="29"/>
      <c r="E129" s="1"/>
      <c r="F129" s="1"/>
      <c r="G129" s="25"/>
      <c r="H129" s="71"/>
      <c r="I129" s="83"/>
      <c r="J129" s="50" t="str">
        <f t="shared" si="4"/>
        <v/>
      </c>
      <c r="K129" s="23" t="s">
        <v>7120</v>
      </c>
      <c r="L129" s="49" t="e">
        <f>VLOOKUP(E129&amp;F129,団体コード!$A$1:$C$1743,3,FALSE)</f>
        <v>#N/A</v>
      </c>
      <c r="M129" s="49" t="e">
        <f>VLOOKUP(E129&amp;F129,団体コード!$A$1:$C$1743,2,FALSE)</f>
        <v>#N/A</v>
      </c>
      <c r="N129" s="51" t="e">
        <f>VLOOKUP(E129,団体コード!$E$1:$F$48,2,FALSE)</f>
        <v>#N/A</v>
      </c>
      <c r="O129" s="51" t="e">
        <f t="shared" si="5"/>
        <v>#N/A</v>
      </c>
      <c r="P129" s="51">
        <v>1</v>
      </c>
      <c r="Q129" s="51" t="s">
        <v>5341</v>
      </c>
      <c r="R129" s="54" t="b">
        <v>1</v>
      </c>
      <c r="S129" s="52" t="s">
        <v>7126</v>
      </c>
      <c r="T129" s="67" t="s">
        <v>7127</v>
      </c>
      <c r="U129" s="75" t="s">
        <v>5331</v>
      </c>
      <c r="V129" s="47" t="s">
        <v>5331</v>
      </c>
      <c r="W129" s="47" t="s">
        <v>5331</v>
      </c>
      <c r="X129" s="47" t="s">
        <v>5331</v>
      </c>
      <c r="Y129" s="47" t="s">
        <v>5331</v>
      </c>
      <c r="Z129" s="28"/>
      <c r="AA129" s="27"/>
      <c r="AB129" s="27"/>
      <c r="AC129" s="27"/>
      <c r="AD129" s="30"/>
      <c r="AE129" s="1"/>
      <c r="AF129" s="23" t="s">
        <v>5331</v>
      </c>
      <c r="AG129" s="26"/>
      <c r="AH129" s="53"/>
    </row>
    <row r="130" spans="1:34" ht="51.6" customHeight="1" x14ac:dyDescent="0.45">
      <c r="A130" s="23">
        <v>124</v>
      </c>
      <c r="B130" s="25"/>
      <c r="C130" s="25"/>
      <c r="D130" s="29"/>
      <c r="E130" s="1"/>
      <c r="F130" s="1"/>
      <c r="G130" s="25"/>
      <c r="H130" s="71"/>
      <c r="I130" s="83"/>
      <c r="J130" s="50" t="str">
        <f t="shared" si="4"/>
        <v/>
      </c>
      <c r="K130" s="23" t="s">
        <v>7120</v>
      </c>
      <c r="L130" s="49" t="e">
        <f>VLOOKUP(E130&amp;F130,団体コード!$A$1:$C$1743,3,FALSE)</f>
        <v>#N/A</v>
      </c>
      <c r="M130" s="49" t="e">
        <f>VLOOKUP(E130&amp;F130,団体コード!$A$1:$C$1743,2,FALSE)</f>
        <v>#N/A</v>
      </c>
      <c r="N130" s="51" t="e">
        <f>VLOOKUP(E130,団体コード!$E$1:$F$48,2,FALSE)</f>
        <v>#N/A</v>
      </c>
      <c r="O130" s="51" t="e">
        <f t="shared" si="5"/>
        <v>#N/A</v>
      </c>
      <c r="P130" s="51">
        <v>1</v>
      </c>
      <c r="Q130" s="51" t="s">
        <v>5341</v>
      </c>
      <c r="R130" s="54" t="b">
        <v>1</v>
      </c>
      <c r="S130" s="52" t="s">
        <v>7126</v>
      </c>
      <c r="T130" s="67" t="s">
        <v>7127</v>
      </c>
      <c r="U130" s="75" t="s">
        <v>5331</v>
      </c>
      <c r="V130" s="47" t="s">
        <v>5331</v>
      </c>
      <c r="W130" s="47" t="s">
        <v>5331</v>
      </c>
      <c r="X130" s="47" t="s">
        <v>5331</v>
      </c>
      <c r="Y130" s="47" t="s">
        <v>5331</v>
      </c>
      <c r="Z130" s="28"/>
      <c r="AA130" s="27"/>
      <c r="AB130" s="27"/>
      <c r="AC130" s="27"/>
      <c r="AD130" s="30"/>
      <c r="AE130" s="1"/>
      <c r="AF130" s="23" t="s">
        <v>5331</v>
      </c>
      <c r="AG130" s="26"/>
      <c r="AH130" s="53"/>
    </row>
    <row r="131" spans="1:34" ht="51.6" customHeight="1" x14ac:dyDescent="0.45">
      <c r="A131" s="23">
        <v>125</v>
      </c>
      <c r="B131" s="25"/>
      <c r="C131" s="25"/>
      <c r="D131" s="29"/>
      <c r="E131" s="1"/>
      <c r="F131" s="1"/>
      <c r="G131" s="25"/>
      <c r="H131" s="71"/>
      <c r="I131" s="83"/>
      <c r="J131" s="50" t="str">
        <f t="shared" si="4"/>
        <v/>
      </c>
      <c r="K131" s="23" t="s">
        <v>7120</v>
      </c>
      <c r="L131" s="49" t="e">
        <f>VLOOKUP(E131&amp;F131,団体コード!$A$1:$C$1743,3,FALSE)</f>
        <v>#N/A</v>
      </c>
      <c r="M131" s="49" t="e">
        <f>VLOOKUP(E131&amp;F131,団体コード!$A$1:$C$1743,2,FALSE)</f>
        <v>#N/A</v>
      </c>
      <c r="N131" s="51" t="e">
        <f>VLOOKUP(E131,団体コード!$E$1:$F$48,2,FALSE)</f>
        <v>#N/A</v>
      </c>
      <c r="O131" s="51" t="e">
        <f t="shared" si="5"/>
        <v>#N/A</v>
      </c>
      <c r="P131" s="51">
        <v>1</v>
      </c>
      <c r="Q131" s="51" t="s">
        <v>5341</v>
      </c>
      <c r="R131" s="54" t="b">
        <v>1</v>
      </c>
      <c r="S131" s="52" t="s">
        <v>7126</v>
      </c>
      <c r="T131" s="67" t="s">
        <v>7127</v>
      </c>
      <c r="U131" s="75" t="s">
        <v>5331</v>
      </c>
      <c r="V131" s="47" t="s">
        <v>5331</v>
      </c>
      <c r="W131" s="47" t="s">
        <v>5331</v>
      </c>
      <c r="X131" s="47" t="s">
        <v>5331</v>
      </c>
      <c r="Y131" s="47" t="s">
        <v>5331</v>
      </c>
      <c r="Z131" s="28"/>
      <c r="AA131" s="27"/>
      <c r="AB131" s="27"/>
      <c r="AC131" s="27"/>
      <c r="AD131" s="30"/>
      <c r="AE131" s="1"/>
      <c r="AF131" s="23" t="s">
        <v>5331</v>
      </c>
      <c r="AG131" s="26"/>
      <c r="AH131" s="53"/>
    </row>
    <row r="132" spans="1:34" ht="51.6" customHeight="1" x14ac:dyDescent="0.45">
      <c r="A132" s="23">
        <v>126</v>
      </c>
      <c r="B132" s="25"/>
      <c r="C132" s="25"/>
      <c r="D132" s="29"/>
      <c r="E132" s="1"/>
      <c r="F132" s="1"/>
      <c r="G132" s="25"/>
      <c r="H132" s="71"/>
      <c r="I132" s="83"/>
      <c r="J132" s="50" t="str">
        <f t="shared" si="4"/>
        <v/>
      </c>
      <c r="K132" s="23" t="s">
        <v>7120</v>
      </c>
      <c r="L132" s="49" t="e">
        <f>VLOOKUP(E132&amp;F132,団体コード!$A$1:$C$1743,3,FALSE)</f>
        <v>#N/A</v>
      </c>
      <c r="M132" s="49" t="e">
        <f>VLOOKUP(E132&amp;F132,団体コード!$A$1:$C$1743,2,FALSE)</f>
        <v>#N/A</v>
      </c>
      <c r="N132" s="51" t="e">
        <f>VLOOKUP(E132,団体コード!$E$1:$F$48,2,FALSE)</f>
        <v>#N/A</v>
      </c>
      <c r="O132" s="51" t="e">
        <f t="shared" si="5"/>
        <v>#N/A</v>
      </c>
      <c r="P132" s="51">
        <v>1</v>
      </c>
      <c r="Q132" s="51" t="s">
        <v>5341</v>
      </c>
      <c r="R132" s="54" t="b">
        <v>1</v>
      </c>
      <c r="S132" s="52" t="s">
        <v>7126</v>
      </c>
      <c r="T132" s="67" t="s">
        <v>7127</v>
      </c>
      <c r="U132" s="75" t="s">
        <v>5331</v>
      </c>
      <c r="V132" s="47" t="s">
        <v>5331</v>
      </c>
      <c r="W132" s="47" t="s">
        <v>5331</v>
      </c>
      <c r="X132" s="47" t="s">
        <v>5331</v>
      </c>
      <c r="Y132" s="47" t="s">
        <v>5331</v>
      </c>
      <c r="Z132" s="28"/>
      <c r="AA132" s="27"/>
      <c r="AB132" s="27"/>
      <c r="AC132" s="27"/>
      <c r="AD132" s="30"/>
      <c r="AE132" s="1"/>
      <c r="AF132" s="23" t="s">
        <v>5331</v>
      </c>
      <c r="AG132" s="26"/>
      <c r="AH132" s="53"/>
    </row>
    <row r="133" spans="1:34" ht="51.6" customHeight="1" x14ac:dyDescent="0.45">
      <c r="A133" s="23">
        <v>127</v>
      </c>
      <c r="B133" s="25"/>
      <c r="C133" s="25"/>
      <c r="D133" s="29"/>
      <c r="E133" s="1"/>
      <c r="F133" s="1"/>
      <c r="G133" s="25"/>
      <c r="H133" s="71"/>
      <c r="I133" s="83"/>
      <c r="J133" s="50" t="str">
        <f t="shared" si="4"/>
        <v/>
      </c>
      <c r="K133" s="23" t="s">
        <v>7120</v>
      </c>
      <c r="L133" s="49" t="e">
        <f>VLOOKUP(E133&amp;F133,団体コード!$A$1:$C$1743,3,FALSE)</f>
        <v>#N/A</v>
      </c>
      <c r="M133" s="49" t="e">
        <f>VLOOKUP(E133&amp;F133,団体コード!$A$1:$C$1743,2,FALSE)</f>
        <v>#N/A</v>
      </c>
      <c r="N133" s="51" t="e">
        <f>VLOOKUP(E133,団体コード!$E$1:$F$48,2,FALSE)</f>
        <v>#N/A</v>
      </c>
      <c r="O133" s="51" t="e">
        <f t="shared" si="5"/>
        <v>#N/A</v>
      </c>
      <c r="P133" s="51">
        <v>1</v>
      </c>
      <c r="Q133" s="51" t="s">
        <v>5341</v>
      </c>
      <c r="R133" s="54" t="b">
        <v>1</v>
      </c>
      <c r="S133" s="52" t="s">
        <v>7126</v>
      </c>
      <c r="T133" s="67" t="s">
        <v>7127</v>
      </c>
      <c r="U133" s="75" t="s">
        <v>5331</v>
      </c>
      <c r="V133" s="47" t="s">
        <v>5331</v>
      </c>
      <c r="W133" s="47" t="s">
        <v>5331</v>
      </c>
      <c r="X133" s="47" t="s">
        <v>5331</v>
      </c>
      <c r="Y133" s="47" t="s">
        <v>5331</v>
      </c>
      <c r="Z133" s="28"/>
      <c r="AA133" s="27"/>
      <c r="AB133" s="27"/>
      <c r="AC133" s="27"/>
      <c r="AD133" s="30"/>
      <c r="AE133" s="1"/>
      <c r="AF133" s="23" t="s">
        <v>5331</v>
      </c>
      <c r="AG133" s="26"/>
      <c r="AH133" s="53"/>
    </row>
    <row r="134" spans="1:34" ht="51.6" customHeight="1" x14ac:dyDescent="0.45">
      <c r="A134" s="23">
        <v>128</v>
      </c>
      <c r="B134" s="25"/>
      <c r="C134" s="25"/>
      <c r="D134" s="29"/>
      <c r="E134" s="1"/>
      <c r="F134" s="1"/>
      <c r="G134" s="25"/>
      <c r="H134" s="71"/>
      <c r="I134" s="83"/>
      <c r="J134" s="50" t="str">
        <f t="shared" si="4"/>
        <v/>
      </c>
      <c r="K134" s="23" t="s">
        <v>7120</v>
      </c>
      <c r="L134" s="49" t="e">
        <f>VLOOKUP(E134&amp;F134,団体コード!$A$1:$C$1743,3,FALSE)</f>
        <v>#N/A</v>
      </c>
      <c r="M134" s="49" t="e">
        <f>VLOOKUP(E134&amp;F134,団体コード!$A$1:$C$1743,2,FALSE)</f>
        <v>#N/A</v>
      </c>
      <c r="N134" s="51" t="e">
        <f>VLOOKUP(E134,団体コード!$E$1:$F$48,2,FALSE)</f>
        <v>#N/A</v>
      </c>
      <c r="O134" s="51" t="e">
        <f t="shared" si="5"/>
        <v>#N/A</v>
      </c>
      <c r="P134" s="51">
        <v>1</v>
      </c>
      <c r="Q134" s="51" t="s">
        <v>5341</v>
      </c>
      <c r="R134" s="54" t="b">
        <v>1</v>
      </c>
      <c r="S134" s="52" t="s">
        <v>7126</v>
      </c>
      <c r="T134" s="67" t="s">
        <v>7127</v>
      </c>
      <c r="U134" s="75" t="s">
        <v>5331</v>
      </c>
      <c r="V134" s="47" t="s">
        <v>5331</v>
      </c>
      <c r="W134" s="47" t="s">
        <v>5331</v>
      </c>
      <c r="X134" s="47" t="s">
        <v>5331</v>
      </c>
      <c r="Y134" s="47" t="s">
        <v>5331</v>
      </c>
      <c r="Z134" s="28"/>
      <c r="AA134" s="27"/>
      <c r="AB134" s="27"/>
      <c r="AC134" s="27"/>
      <c r="AD134" s="30"/>
      <c r="AE134" s="1"/>
      <c r="AF134" s="23" t="s">
        <v>5331</v>
      </c>
      <c r="AG134" s="26"/>
      <c r="AH134" s="53"/>
    </row>
    <row r="135" spans="1:34" ht="51.6" customHeight="1" x14ac:dyDescent="0.45">
      <c r="A135" s="23">
        <v>129</v>
      </c>
      <c r="B135" s="25"/>
      <c r="C135" s="25"/>
      <c r="D135" s="29"/>
      <c r="E135" s="1"/>
      <c r="F135" s="1"/>
      <c r="G135" s="25"/>
      <c r="H135" s="71"/>
      <c r="I135" s="83"/>
      <c r="J135" s="50" t="str">
        <f t="shared" si="4"/>
        <v/>
      </c>
      <c r="K135" s="23" t="s">
        <v>7120</v>
      </c>
      <c r="L135" s="49" t="e">
        <f>VLOOKUP(E135&amp;F135,団体コード!$A$1:$C$1743,3,FALSE)</f>
        <v>#N/A</v>
      </c>
      <c r="M135" s="49" t="e">
        <f>VLOOKUP(E135&amp;F135,団体コード!$A$1:$C$1743,2,FALSE)</f>
        <v>#N/A</v>
      </c>
      <c r="N135" s="51" t="e">
        <f>VLOOKUP(E135,団体コード!$E$1:$F$48,2,FALSE)</f>
        <v>#N/A</v>
      </c>
      <c r="O135" s="51" t="e">
        <f t="shared" si="5"/>
        <v>#N/A</v>
      </c>
      <c r="P135" s="51">
        <v>1</v>
      </c>
      <c r="Q135" s="51" t="s">
        <v>5341</v>
      </c>
      <c r="R135" s="54" t="b">
        <v>1</v>
      </c>
      <c r="S135" s="52" t="s">
        <v>7126</v>
      </c>
      <c r="T135" s="67" t="s">
        <v>7127</v>
      </c>
      <c r="U135" s="75" t="s">
        <v>5331</v>
      </c>
      <c r="V135" s="47" t="s">
        <v>5331</v>
      </c>
      <c r="W135" s="47" t="s">
        <v>5331</v>
      </c>
      <c r="X135" s="47" t="s">
        <v>5331</v>
      </c>
      <c r="Y135" s="47" t="s">
        <v>5331</v>
      </c>
      <c r="Z135" s="28"/>
      <c r="AA135" s="27"/>
      <c r="AB135" s="27"/>
      <c r="AC135" s="27"/>
      <c r="AD135" s="30"/>
      <c r="AE135" s="1"/>
      <c r="AF135" s="23" t="s">
        <v>5331</v>
      </c>
      <c r="AG135" s="26"/>
      <c r="AH135" s="53"/>
    </row>
    <row r="136" spans="1:34" ht="51.6" customHeight="1" x14ac:dyDescent="0.45">
      <c r="A136" s="23">
        <v>130</v>
      </c>
      <c r="B136" s="25"/>
      <c r="C136" s="25"/>
      <c r="D136" s="29"/>
      <c r="E136" s="1"/>
      <c r="F136" s="1"/>
      <c r="G136" s="25"/>
      <c r="H136" s="71"/>
      <c r="I136" s="83"/>
      <c r="J136" s="50" t="str">
        <f t="shared" ref="J136:J199" si="6">E136&amp;F136&amp;G136</f>
        <v/>
      </c>
      <c r="K136" s="23" t="s">
        <v>7120</v>
      </c>
      <c r="L136" s="49" t="e">
        <f>VLOOKUP(E136&amp;F136,団体コード!$A$1:$C$1743,3,FALSE)</f>
        <v>#N/A</v>
      </c>
      <c r="M136" s="49" t="e">
        <f>VLOOKUP(E136&amp;F136,団体コード!$A$1:$C$1743,2,FALSE)</f>
        <v>#N/A</v>
      </c>
      <c r="N136" s="51" t="e">
        <f>VLOOKUP(E136,団体コード!$E$1:$F$48,2,FALSE)</f>
        <v>#N/A</v>
      </c>
      <c r="O136" s="51" t="e">
        <f t="shared" ref="O136:O199" si="7">N136</f>
        <v>#N/A</v>
      </c>
      <c r="P136" s="51">
        <v>1</v>
      </c>
      <c r="Q136" s="51" t="s">
        <v>5341</v>
      </c>
      <c r="R136" s="54" t="b">
        <v>1</v>
      </c>
      <c r="S136" s="52" t="s">
        <v>7126</v>
      </c>
      <c r="T136" s="67" t="s">
        <v>7127</v>
      </c>
      <c r="U136" s="75" t="s">
        <v>5331</v>
      </c>
      <c r="V136" s="47" t="s">
        <v>5331</v>
      </c>
      <c r="W136" s="47" t="s">
        <v>5331</v>
      </c>
      <c r="X136" s="47" t="s">
        <v>5331</v>
      </c>
      <c r="Y136" s="47" t="s">
        <v>5331</v>
      </c>
      <c r="Z136" s="28"/>
      <c r="AA136" s="27"/>
      <c r="AB136" s="27"/>
      <c r="AC136" s="27"/>
      <c r="AD136" s="30"/>
      <c r="AE136" s="1"/>
      <c r="AF136" s="23" t="s">
        <v>5331</v>
      </c>
      <c r="AG136" s="26"/>
      <c r="AH136" s="53"/>
    </row>
    <row r="137" spans="1:34" ht="51.6" customHeight="1" x14ac:dyDescent="0.45">
      <c r="A137" s="23">
        <v>131</v>
      </c>
      <c r="B137" s="25"/>
      <c r="C137" s="25"/>
      <c r="D137" s="29"/>
      <c r="E137" s="1"/>
      <c r="F137" s="1"/>
      <c r="G137" s="25"/>
      <c r="H137" s="71"/>
      <c r="I137" s="83"/>
      <c r="J137" s="50" t="str">
        <f t="shared" si="6"/>
        <v/>
      </c>
      <c r="K137" s="23" t="s">
        <v>7120</v>
      </c>
      <c r="L137" s="49" t="e">
        <f>VLOOKUP(E137&amp;F137,団体コード!$A$1:$C$1743,3,FALSE)</f>
        <v>#N/A</v>
      </c>
      <c r="M137" s="49" t="e">
        <f>VLOOKUP(E137&amp;F137,団体コード!$A$1:$C$1743,2,FALSE)</f>
        <v>#N/A</v>
      </c>
      <c r="N137" s="51" t="e">
        <f>VLOOKUP(E137,団体コード!$E$1:$F$48,2,FALSE)</f>
        <v>#N/A</v>
      </c>
      <c r="O137" s="51" t="e">
        <f t="shared" si="7"/>
        <v>#N/A</v>
      </c>
      <c r="P137" s="51">
        <v>1</v>
      </c>
      <c r="Q137" s="51" t="s">
        <v>5341</v>
      </c>
      <c r="R137" s="54" t="b">
        <v>1</v>
      </c>
      <c r="S137" s="52" t="s">
        <v>7126</v>
      </c>
      <c r="T137" s="67" t="s">
        <v>7127</v>
      </c>
      <c r="U137" s="75" t="s">
        <v>5331</v>
      </c>
      <c r="V137" s="47" t="s">
        <v>5331</v>
      </c>
      <c r="W137" s="47" t="s">
        <v>5331</v>
      </c>
      <c r="X137" s="47" t="s">
        <v>5331</v>
      </c>
      <c r="Y137" s="47" t="s">
        <v>5331</v>
      </c>
      <c r="Z137" s="28"/>
      <c r="AA137" s="27"/>
      <c r="AB137" s="27"/>
      <c r="AC137" s="27"/>
      <c r="AD137" s="30"/>
      <c r="AE137" s="1"/>
      <c r="AF137" s="23" t="s">
        <v>5331</v>
      </c>
      <c r="AG137" s="26"/>
      <c r="AH137" s="53"/>
    </row>
    <row r="138" spans="1:34" ht="51.6" customHeight="1" x14ac:dyDescent="0.45">
      <c r="A138" s="23">
        <v>132</v>
      </c>
      <c r="B138" s="25"/>
      <c r="C138" s="25"/>
      <c r="D138" s="29"/>
      <c r="E138" s="1"/>
      <c r="F138" s="1"/>
      <c r="G138" s="25"/>
      <c r="H138" s="71"/>
      <c r="I138" s="83"/>
      <c r="J138" s="50" t="str">
        <f t="shared" si="6"/>
        <v/>
      </c>
      <c r="K138" s="23" t="s">
        <v>7120</v>
      </c>
      <c r="L138" s="49" t="e">
        <f>VLOOKUP(E138&amp;F138,団体コード!$A$1:$C$1743,3,FALSE)</f>
        <v>#N/A</v>
      </c>
      <c r="M138" s="49" t="e">
        <f>VLOOKUP(E138&amp;F138,団体コード!$A$1:$C$1743,2,FALSE)</f>
        <v>#N/A</v>
      </c>
      <c r="N138" s="51" t="e">
        <f>VLOOKUP(E138,団体コード!$E$1:$F$48,2,FALSE)</f>
        <v>#N/A</v>
      </c>
      <c r="O138" s="51" t="e">
        <f t="shared" si="7"/>
        <v>#N/A</v>
      </c>
      <c r="P138" s="51">
        <v>1</v>
      </c>
      <c r="Q138" s="51" t="s">
        <v>5341</v>
      </c>
      <c r="R138" s="54" t="b">
        <v>1</v>
      </c>
      <c r="S138" s="52" t="s">
        <v>7126</v>
      </c>
      <c r="T138" s="67" t="s">
        <v>7127</v>
      </c>
      <c r="U138" s="75" t="s">
        <v>5331</v>
      </c>
      <c r="V138" s="47" t="s">
        <v>5331</v>
      </c>
      <c r="W138" s="47" t="s">
        <v>5331</v>
      </c>
      <c r="X138" s="47" t="s">
        <v>5331</v>
      </c>
      <c r="Y138" s="47" t="s">
        <v>5331</v>
      </c>
      <c r="Z138" s="28"/>
      <c r="AA138" s="27"/>
      <c r="AB138" s="27"/>
      <c r="AC138" s="27"/>
      <c r="AD138" s="30"/>
      <c r="AE138" s="1"/>
      <c r="AF138" s="23" t="s">
        <v>5331</v>
      </c>
      <c r="AG138" s="26"/>
      <c r="AH138" s="53"/>
    </row>
    <row r="139" spans="1:34" ht="51.6" customHeight="1" x14ac:dyDescent="0.45">
      <c r="A139" s="23">
        <v>133</v>
      </c>
      <c r="B139" s="25"/>
      <c r="C139" s="25"/>
      <c r="D139" s="29"/>
      <c r="E139" s="1"/>
      <c r="F139" s="1"/>
      <c r="G139" s="25"/>
      <c r="H139" s="71"/>
      <c r="I139" s="83"/>
      <c r="J139" s="50" t="str">
        <f t="shared" si="6"/>
        <v/>
      </c>
      <c r="K139" s="23" t="s">
        <v>7120</v>
      </c>
      <c r="L139" s="49" t="e">
        <f>VLOOKUP(E139&amp;F139,団体コード!$A$1:$C$1743,3,FALSE)</f>
        <v>#N/A</v>
      </c>
      <c r="M139" s="49" t="e">
        <f>VLOOKUP(E139&amp;F139,団体コード!$A$1:$C$1743,2,FALSE)</f>
        <v>#N/A</v>
      </c>
      <c r="N139" s="51" t="e">
        <f>VLOOKUP(E139,団体コード!$E$1:$F$48,2,FALSE)</f>
        <v>#N/A</v>
      </c>
      <c r="O139" s="51" t="e">
        <f t="shared" si="7"/>
        <v>#N/A</v>
      </c>
      <c r="P139" s="51">
        <v>1</v>
      </c>
      <c r="Q139" s="51" t="s">
        <v>5341</v>
      </c>
      <c r="R139" s="54" t="b">
        <v>1</v>
      </c>
      <c r="S139" s="52" t="s">
        <v>7126</v>
      </c>
      <c r="T139" s="67" t="s">
        <v>7127</v>
      </c>
      <c r="U139" s="75" t="s">
        <v>5331</v>
      </c>
      <c r="V139" s="47" t="s">
        <v>5331</v>
      </c>
      <c r="W139" s="47" t="s">
        <v>5331</v>
      </c>
      <c r="X139" s="47" t="s">
        <v>5331</v>
      </c>
      <c r="Y139" s="47" t="s">
        <v>5331</v>
      </c>
      <c r="Z139" s="28"/>
      <c r="AA139" s="27"/>
      <c r="AB139" s="27"/>
      <c r="AC139" s="27"/>
      <c r="AD139" s="30"/>
      <c r="AE139" s="1"/>
      <c r="AF139" s="23" t="s">
        <v>5331</v>
      </c>
      <c r="AG139" s="26"/>
      <c r="AH139" s="53"/>
    </row>
    <row r="140" spans="1:34" ht="51.6" customHeight="1" x14ac:dyDescent="0.45">
      <c r="A140" s="23">
        <v>134</v>
      </c>
      <c r="B140" s="25"/>
      <c r="C140" s="25"/>
      <c r="D140" s="29"/>
      <c r="E140" s="1"/>
      <c r="F140" s="1"/>
      <c r="G140" s="25"/>
      <c r="H140" s="71"/>
      <c r="I140" s="83"/>
      <c r="J140" s="50" t="str">
        <f t="shared" si="6"/>
        <v/>
      </c>
      <c r="K140" s="23" t="s">
        <v>7120</v>
      </c>
      <c r="L140" s="49" t="e">
        <f>VLOOKUP(E140&amp;F140,団体コード!$A$1:$C$1743,3,FALSE)</f>
        <v>#N/A</v>
      </c>
      <c r="M140" s="49" t="e">
        <f>VLOOKUP(E140&amp;F140,団体コード!$A$1:$C$1743,2,FALSE)</f>
        <v>#N/A</v>
      </c>
      <c r="N140" s="51" t="e">
        <f>VLOOKUP(E140,団体コード!$E$1:$F$48,2,FALSE)</f>
        <v>#N/A</v>
      </c>
      <c r="O140" s="51" t="e">
        <f t="shared" si="7"/>
        <v>#N/A</v>
      </c>
      <c r="P140" s="51">
        <v>1</v>
      </c>
      <c r="Q140" s="51" t="s">
        <v>5341</v>
      </c>
      <c r="R140" s="54" t="b">
        <v>1</v>
      </c>
      <c r="S140" s="52" t="s">
        <v>7126</v>
      </c>
      <c r="T140" s="67" t="s">
        <v>7127</v>
      </c>
      <c r="U140" s="75" t="s">
        <v>5331</v>
      </c>
      <c r="V140" s="47" t="s">
        <v>5331</v>
      </c>
      <c r="W140" s="47" t="s">
        <v>5331</v>
      </c>
      <c r="X140" s="47" t="s">
        <v>5331</v>
      </c>
      <c r="Y140" s="47" t="s">
        <v>5331</v>
      </c>
      <c r="Z140" s="28"/>
      <c r="AA140" s="27"/>
      <c r="AB140" s="27"/>
      <c r="AC140" s="27"/>
      <c r="AD140" s="30"/>
      <c r="AE140" s="1"/>
      <c r="AF140" s="23" t="s">
        <v>5331</v>
      </c>
      <c r="AG140" s="26"/>
      <c r="AH140" s="53"/>
    </row>
    <row r="141" spans="1:34" ht="51.6" customHeight="1" x14ac:dyDescent="0.45">
      <c r="A141" s="23">
        <v>135</v>
      </c>
      <c r="B141" s="25"/>
      <c r="C141" s="25"/>
      <c r="D141" s="29"/>
      <c r="E141" s="1"/>
      <c r="F141" s="1"/>
      <c r="G141" s="25"/>
      <c r="H141" s="71"/>
      <c r="I141" s="83"/>
      <c r="J141" s="50" t="str">
        <f t="shared" si="6"/>
        <v/>
      </c>
      <c r="K141" s="23" t="s">
        <v>7120</v>
      </c>
      <c r="L141" s="49" t="e">
        <f>VLOOKUP(E141&amp;F141,団体コード!$A$1:$C$1743,3,FALSE)</f>
        <v>#N/A</v>
      </c>
      <c r="M141" s="49" t="e">
        <f>VLOOKUP(E141&amp;F141,団体コード!$A$1:$C$1743,2,FALSE)</f>
        <v>#N/A</v>
      </c>
      <c r="N141" s="51" t="e">
        <f>VLOOKUP(E141,団体コード!$E$1:$F$48,2,FALSE)</f>
        <v>#N/A</v>
      </c>
      <c r="O141" s="51" t="e">
        <f t="shared" si="7"/>
        <v>#N/A</v>
      </c>
      <c r="P141" s="51">
        <v>1</v>
      </c>
      <c r="Q141" s="51" t="s">
        <v>5341</v>
      </c>
      <c r="R141" s="54" t="b">
        <v>1</v>
      </c>
      <c r="S141" s="52" t="s">
        <v>7126</v>
      </c>
      <c r="T141" s="67" t="s">
        <v>7127</v>
      </c>
      <c r="U141" s="75" t="s">
        <v>5331</v>
      </c>
      <c r="V141" s="47" t="s">
        <v>5331</v>
      </c>
      <c r="W141" s="47" t="s">
        <v>5331</v>
      </c>
      <c r="X141" s="47" t="s">
        <v>5331</v>
      </c>
      <c r="Y141" s="47" t="s">
        <v>5331</v>
      </c>
      <c r="Z141" s="28"/>
      <c r="AA141" s="27"/>
      <c r="AB141" s="27"/>
      <c r="AC141" s="27"/>
      <c r="AD141" s="30"/>
      <c r="AE141" s="1"/>
      <c r="AF141" s="23" t="s">
        <v>5331</v>
      </c>
      <c r="AG141" s="26"/>
      <c r="AH141" s="53"/>
    </row>
    <row r="142" spans="1:34" ht="51.6" customHeight="1" x14ac:dyDescent="0.45">
      <c r="A142" s="23">
        <v>136</v>
      </c>
      <c r="B142" s="25"/>
      <c r="C142" s="25"/>
      <c r="D142" s="29"/>
      <c r="E142" s="1"/>
      <c r="F142" s="1"/>
      <c r="G142" s="25"/>
      <c r="H142" s="71"/>
      <c r="I142" s="83"/>
      <c r="J142" s="50" t="str">
        <f t="shared" si="6"/>
        <v/>
      </c>
      <c r="K142" s="23" t="s">
        <v>7120</v>
      </c>
      <c r="L142" s="49" t="e">
        <f>VLOOKUP(E142&amp;F142,団体コード!$A$1:$C$1743,3,FALSE)</f>
        <v>#N/A</v>
      </c>
      <c r="M142" s="49" t="e">
        <f>VLOOKUP(E142&amp;F142,団体コード!$A$1:$C$1743,2,FALSE)</f>
        <v>#N/A</v>
      </c>
      <c r="N142" s="51" t="e">
        <f>VLOOKUP(E142,団体コード!$E$1:$F$48,2,FALSE)</f>
        <v>#N/A</v>
      </c>
      <c r="O142" s="51" t="e">
        <f t="shared" si="7"/>
        <v>#N/A</v>
      </c>
      <c r="P142" s="51">
        <v>1</v>
      </c>
      <c r="Q142" s="51" t="s">
        <v>5341</v>
      </c>
      <c r="R142" s="54" t="b">
        <v>1</v>
      </c>
      <c r="S142" s="52" t="s">
        <v>7126</v>
      </c>
      <c r="T142" s="67" t="s">
        <v>7127</v>
      </c>
      <c r="U142" s="75" t="s">
        <v>5331</v>
      </c>
      <c r="V142" s="47" t="s">
        <v>5331</v>
      </c>
      <c r="W142" s="47" t="s">
        <v>5331</v>
      </c>
      <c r="X142" s="47" t="s">
        <v>5331</v>
      </c>
      <c r="Y142" s="47" t="s">
        <v>5331</v>
      </c>
      <c r="Z142" s="28"/>
      <c r="AA142" s="27"/>
      <c r="AB142" s="27"/>
      <c r="AC142" s="27"/>
      <c r="AD142" s="30"/>
      <c r="AE142" s="1"/>
      <c r="AF142" s="23" t="s">
        <v>5331</v>
      </c>
      <c r="AG142" s="26"/>
      <c r="AH142" s="53"/>
    </row>
    <row r="143" spans="1:34" ht="51.6" customHeight="1" x14ac:dyDescent="0.45">
      <c r="A143" s="23">
        <v>137</v>
      </c>
      <c r="B143" s="25"/>
      <c r="C143" s="25"/>
      <c r="D143" s="29"/>
      <c r="E143" s="1"/>
      <c r="F143" s="1"/>
      <c r="G143" s="25"/>
      <c r="H143" s="71"/>
      <c r="I143" s="83"/>
      <c r="J143" s="50" t="str">
        <f t="shared" si="6"/>
        <v/>
      </c>
      <c r="K143" s="23" t="s">
        <v>7120</v>
      </c>
      <c r="L143" s="49" t="e">
        <f>VLOOKUP(E143&amp;F143,団体コード!$A$1:$C$1743,3,FALSE)</f>
        <v>#N/A</v>
      </c>
      <c r="M143" s="49" t="e">
        <f>VLOOKUP(E143&amp;F143,団体コード!$A$1:$C$1743,2,FALSE)</f>
        <v>#N/A</v>
      </c>
      <c r="N143" s="51" t="e">
        <f>VLOOKUP(E143,団体コード!$E$1:$F$48,2,FALSE)</f>
        <v>#N/A</v>
      </c>
      <c r="O143" s="51" t="e">
        <f t="shared" si="7"/>
        <v>#N/A</v>
      </c>
      <c r="P143" s="51">
        <v>1</v>
      </c>
      <c r="Q143" s="51" t="s">
        <v>5341</v>
      </c>
      <c r="R143" s="54" t="b">
        <v>1</v>
      </c>
      <c r="S143" s="52" t="s">
        <v>7126</v>
      </c>
      <c r="T143" s="67" t="s">
        <v>7127</v>
      </c>
      <c r="U143" s="75" t="s">
        <v>5331</v>
      </c>
      <c r="V143" s="47" t="s">
        <v>5331</v>
      </c>
      <c r="W143" s="47" t="s">
        <v>5331</v>
      </c>
      <c r="X143" s="47" t="s">
        <v>5331</v>
      </c>
      <c r="Y143" s="47" t="s">
        <v>5331</v>
      </c>
      <c r="Z143" s="28"/>
      <c r="AA143" s="27"/>
      <c r="AB143" s="27"/>
      <c r="AC143" s="27"/>
      <c r="AD143" s="30"/>
      <c r="AE143" s="1"/>
      <c r="AF143" s="23" t="s">
        <v>5331</v>
      </c>
      <c r="AG143" s="26"/>
      <c r="AH143" s="53"/>
    </row>
    <row r="144" spans="1:34" ht="51.6" customHeight="1" x14ac:dyDescent="0.45">
      <c r="A144" s="23">
        <v>138</v>
      </c>
      <c r="B144" s="25"/>
      <c r="C144" s="25"/>
      <c r="D144" s="29"/>
      <c r="E144" s="1"/>
      <c r="F144" s="1"/>
      <c r="G144" s="25"/>
      <c r="H144" s="71"/>
      <c r="I144" s="83"/>
      <c r="J144" s="50" t="str">
        <f t="shared" si="6"/>
        <v/>
      </c>
      <c r="K144" s="23" t="s">
        <v>7120</v>
      </c>
      <c r="L144" s="49" t="e">
        <f>VLOOKUP(E144&amp;F144,団体コード!$A$1:$C$1743,3,FALSE)</f>
        <v>#N/A</v>
      </c>
      <c r="M144" s="49" t="e">
        <f>VLOOKUP(E144&amp;F144,団体コード!$A$1:$C$1743,2,FALSE)</f>
        <v>#N/A</v>
      </c>
      <c r="N144" s="51" t="e">
        <f>VLOOKUP(E144,団体コード!$E$1:$F$48,2,FALSE)</f>
        <v>#N/A</v>
      </c>
      <c r="O144" s="51" t="e">
        <f t="shared" si="7"/>
        <v>#N/A</v>
      </c>
      <c r="P144" s="51">
        <v>1</v>
      </c>
      <c r="Q144" s="51" t="s">
        <v>5341</v>
      </c>
      <c r="R144" s="54" t="b">
        <v>1</v>
      </c>
      <c r="S144" s="52" t="s">
        <v>7126</v>
      </c>
      <c r="T144" s="67" t="s">
        <v>7127</v>
      </c>
      <c r="U144" s="75" t="s">
        <v>5331</v>
      </c>
      <c r="V144" s="47" t="s">
        <v>5331</v>
      </c>
      <c r="W144" s="47" t="s">
        <v>5331</v>
      </c>
      <c r="X144" s="47" t="s">
        <v>5331</v>
      </c>
      <c r="Y144" s="47" t="s">
        <v>5331</v>
      </c>
      <c r="Z144" s="28"/>
      <c r="AA144" s="27"/>
      <c r="AB144" s="27"/>
      <c r="AC144" s="27"/>
      <c r="AD144" s="30"/>
      <c r="AE144" s="1"/>
      <c r="AF144" s="23" t="s">
        <v>5331</v>
      </c>
      <c r="AG144" s="26"/>
      <c r="AH144" s="53"/>
    </row>
    <row r="145" spans="1:34" ht="51.6" customHeight="1" x14ac:dyDescent="0.45">
      <c r="A145" s="23">
        <v>139</v>
      </c>
      <c r="B145" s="25"/>
      <c r="C145" s="25"/>
      <c r="D145" s="29"/>
      <c r="E145" s="1"/>
      <c r="F145" s="1"/>
      <c r="G145" s="25"/>
      <c r="H145" s="71"/>
      <c r="I145" s="83"/>
      <c r="J145" s="50" t="str">
        <f t="shared" si="6"/>
        <v/>
      </c>
      <c r="K145" s="23" t="s">
        <v>7120</v>
      </c>
      <c r="L145" s="49" t="e">
        <f>VLOOKUP(E145&amp;F145,団体コード!$A$1:$C$1743,3,FALSE)</f>
        <v>#N/A</v>
      </c>
      <c r="M145" s="49" t="e">
        <f>VLOOKUP(E145&amp;F145,団体コード!$A$1:$C$1743,2,FALSE)</f>
        <v>#N/A</v>
      </c>
      <c r="N145" s="51" t="e">
        <f>VLOOKUP(E145,団体コード!$E$1:$F$48,2,FALSE)</f>
        <v>#N/A</v>
      </c>
      <c r="O145" s="51" t="e">
        <f t="shared" si="7"/>
        <v>#N/A</v>
      </c>
      <c r="P145" s="51">
        <v>1</v>
      </c>
      <c r="Q145" s="51" t="s">
        <v>5341</v>
      </c>
      <c r="R145" s="54" t="b">
        <v>1</v>
      </c>
      <c r="S145" s="52" t="s">
        <v>7126</v>
      </c>
      <c r="T145" s="67" t="s">
        <v>7127</v>
      </c>
      <c r="U145" s="75" t="s">
        <v>5331</v>
      </c>
      <c r="V145" s="47" t="s">
        <v>5331</v>
      </c>
      <c r="W145" s="47" t="s">
        <v>5331</v>
      </c>
      <c r="X145" s="47" t="s">
        <v>5331</v>
      </c>
      <c r="Y145" s="47" t="s">
        <v>5331</v>
      </c>
      <c r="Z145" s="28"/>
      <c r="AA145" s="27"/>
      <c r="AB145" s="27"/>
      <c r="AC145" s="27"/>
      <c r="AD145" s="30"/>
      <c r="AE145" s="1"/>
      <c r="AF145" s="23" t="s">
        <v>5331</v>
      </c>
      <c r="AG145" s="26"/>
      <c r="AH145" s="53"/>
    </row>
    <row r="146" spans="1:34" ht="51.6" customHeight="1" x14ac:dyDescent="0.45">
      <c r="A146" s="23">
        <v>140</v>
      </c>
      <c r="B146" s="25"/>
      <c r="C146" s="25"/>
      <c r="D146" s="29"/>
      <c r="E146" s="1"/>
      <c r="F146" s="1"/>
      <c r="G146" s="25"/>
      <c r="H146" s="71"/>
      <c r="I146" s="83"/>
      <c r="J146" s="50" t="str">
        <f t="shared" si="6"/>
        <v/>
      </c>
      <c r="K146" s="23" t="s">
        <v>7120</v>
      </c>
      <c r="L146" s="49" t="e">
        <f>VLOOKUP(E146&amp;F146,団体コード!$A$1:$C$1743,3,FALSE)</f>
        <v>#N/A</v>
      </c>
      <c r="M146" s="49" t="e">
        <f>VLOOKUP(E146&amp;F146,団体コード!$A$1:$C$1743,2,FALSE)</f>
        <v>#N/A</v>
      </c>
      <c r="N146" s="51" t="e">
        <f>VLOOKUP(E146,団体コード!$E$1:$F$48,2,FALSE)</f>
        <v>#N/A</v>
      </c>
      <c r="O146" s="51" t="e">
        <f t="shared" si="7"/>
        <v>#N/A</v>
      </c>
      <c r="P146" s="51">
        <v>1</v>
      </c>
      <c r="Q146" s="51" t="s">
        <v>5341</v>
      </c>
      <c r="R146" s="54" t="b">
        <v>1</v>
      </c>
      <c r="S146" s="52" t="s">
        <v>7126</v>
      </c>
      <c r="T146" s="67" t="s">
        <v>7127</v>
      </c>
      <c r="U146" s="75" t="s">
        <v>5331</v>
      </c>
      <c r="V146" s="47" t="s">
        <v>5331</v>
      </c>
      <c r="W146" s="47" t="s">
        <v>5331</v>
      </c>
      <c r="X146" s="47" t="s">
        <v>5331</v>
      </c>
      <c r="Y146" s="47" t="s">
        <v>5331</v>
      </c>
      <c r="Z146" s="28"/>
      <c r="AA146" s="27"/>
      <c r="AB146" s="27"/>
      <c r="AC146" s="27"/>
      <c r="AD146" s="30"/>
      <c r="AE146" s="1"/>
      <c r="AF146" s="23" t="s">
        <v>5331</v>
      </c>
      <c r="AG146" s="26"/>
      <c r="AH146" s="53"/>
    </row>
    <row r="147" spans="1:34" ht="51.6" customHeight="1" x14ac:dyDescent="0.45">
      <c r="A147" s="23">
        <v>141</v>
      </c>
      <c r="B147" s="25"/>
      <c r="C147" s="25"/>
      <c r="D147" s="29"/>
      <c r="E147" s="1"/>
      <c r="F147" s="1"/>
      <c r="G147" s="25"/>
      <c r="H147" s="71"/>
      <c r="I147" s="83"/>
      <c r="J147" s="50" t="str">
        <f t="shared" si="6"/>
        <v/>
      </c>
      <c r="K147" s="23" t="s">
        <v>7120</v>
      </c>
      <c r="L147" s="49" t="e">
        <f>VLOOKUP(E147&amp;F147,団体コード!$A$1:$C$1743,3,FALSE)</f>
        <v>#N/A</v>
      </c>
      <c r="M147" s="49" t="e">
        <f>VLOOKUP(E147&amp;F147,団体コード!$A$1:$C$1743,2,FALSE)</f>
        <v>#N/A</v>
      </c>
      <c r="N147" s="51" t="e">
        <f>VLOOKUP(E147,団体コード!$E$1:$F$48,2,FALSE)</f>
        <v>#N/A</v>
      </c>
      <c r="O147" s="51" t="e">
        <f t="shared" si="7"/>
        <v>#N/A</v>
      </c>
      <c r="P147" s="51">
        <v>1</v>
      </c>
      <c r="Q147" s="51" t="s">
        <v>5341</v>
      </c>
      <c r="R147" s="54" t="b">
        <v>1</v>
      </c>
      <c r="S147" s="52" t="s">
        <v>7126</v>
      </c>
      <c r="T147" s="67" t="s">
        <v>7127</v>
      </c>
      <c r="U147" s="75" t="s">
        <v>5331</v>
      </c>
      <c r="V147" s="47" t="s">
        <v>5331</v>
      </c>
      <c r="W147" s="47" t="s">
        <v>5331</v>
      </c>
      <c r="X147" s="47" t="s">
        <v>5331</v>
      </c>
      <c r="Y147" s="47" t="s">
        <v>5331</v>
      </c>
      <c r="Z147" s="28"/>
      <c r="AA147" s="27"/>
      <c r="AB147" s="27"/>
      <c r="AC147" s="27"/>
      <c r="AD147" s="30"/>
      <c r="AE147" s="1"/>
      <c r="AF147" s="23" t="s">
        <v>5331</v>
      </c>
      <c r="AG147" s="26"/>
      <c r="AH147" s="53"/>
    </row>
    <row r="148" spans="1:34" ht="51.6" customHeight="1" x14ac:dyDescent="0.45">
      <c r="A148" s="23">
        <v>142</v>
      </c>
      <c r="B148" s="25"/>
      <c r="C148" s="25"/>
      <c r="D148" s="29"/>
      <c r="E148" s="1"/>
      <c r="F148" s="1"/>
      <c r="G148" s="25"/>
      <c r="H148" s="71"/>
      <c r="I148" s="83"/>
      <c r="J148" s="50" t="str">
        <f t="shared" si="6"/>
        <v/>
      </c>
      <c r="K148" s="23" t="s">
        <v>7120</v>
      </c>
      <c r="L148" s="49" t="e">
        <f>VLOOKUP(E148&amp;F148,団体コード!$A$1:$C$1743,3,FALSE)</f>
        <v>#N/A</v>
      </c>
      <c r="M148" s="49" t="e">
        <f>VLOOKUP(E148&amp;F148,団体コード!$A$1:$C$1743,2,FALSE)</f>
        <v>#N/A</v>
      </c>
      <c r="N148" s="51" t="e">
        <f>VLOOKUP(E148,団体コード!$E$1:$F$48,2,FALSE)</f>
        <v>#N/A</v>
      </c>
      <c r="O148" s="51" t="e">
        <f t="shared" si="7"/>
        <v>#N/A</v>
      </c>
      <c r="P148" s="51">
        <v>1</v>
      </c>
      <c r="Q148" s="51" t="s">
        <v>5341</v>
      </c>
      <c r="R148" s="54" t="b">
        <v>1</v>
      </c>
      <c r="S148" s="52" t="s">
        <v>7126</v>
      </c>
      <c r="T148" s="67" t="s">
        <v>7127</v>
      </c>
      <c r="U148" s="75" t="s">
        <v>5331</v>
      </c>
      <c r="V148" s="47" t="s">
        <v>5331</v>
      </c>
      <c r="W148" s="47" t="s">
        <v>5331</v>
      </c>
      <c r="X148" s="47" t="s">
        <v>5331</v>
      </c>
      <c r="Y148" s="47" t="s">
        <v>5331</v>
      </c>
      <c r="Z148" s="28"/>
      <c r="AA148" s="27"/>
      <c r="AB148" s="27"/>
      <c r="AC148" s="27"/>
      <c r="AD148" s="30"/>
      <c r="AE148" s="1"/>
      <c r="AF148" s="23" t="s">
        <v>5331</v>
      </c>
      <c r="AG148" s="26"/>
      <c r="AH148" s="53"/>
    </row>
    <row r="149" spans="1:34" ht="51.6" customHeight="1" x14ac:dyDescent="0.45">
      <c r="A149" s="23">
        <v>143</v>
      </c>
      <c r="B149" s="25"/>
      <c r="C149" s="25"/>
      <c r="D149" s="29"/>
      <c r="E149" s="1"/>
      <c r="F149" s="1"/>
      <c r="G149" s="25"/>
      <c r="H149" s="71"/>
      <c r="I149" s="83"/>
      <c r="J149" s="50" t="str">
        <f t="shared" si="6"/>
        <v/>
      </c>
      <c r="K149" s="23" t="s">
        <v>7120</v>
      </c>
      <c r="L149" s="49" t="e">
        <f>VLOOKUP(E149&amp;F149,団体コード!$A$1:$C$1743,3,FALSE)</f>
        <v>#N/A</v>
      </c>
      <c r="M149" s="49" t="e">
        <f>VLOOKUP(E149&amp;F149,団体コード!$A$1:$C$1743,2,FALSE)</f>
        <v>#N/A</v>
      </c>
      <c r="N149" s="51" t="e">
        <f>VLOOKUP(E149,団体コード!$E$1:$F$48,2,FALSE)</f>
        <v>#N/A</v>
      </c>
      <c r="O149" s="51" t="e">
        <f t="shared" si="7"/>
        <v>#N/A</v>
      </c>
      <c r="P149" s="51">
        <v>1</v>
      </c>
      <c r="Q149" s="51" t="s">
        <v>5341</v>
      </c>
      <c r="R149" s="54" t="b">
        <v>1</v>
      </c>
      <c r="S149" s="52" t="s">
        <v>7126</v>
      </c>
      <c r="T149" s="67" t="s">
        <v>7127</v>
      </c>
      <c r="U149" s="75" t="s">
        <v>5331</v>
      </c>
      <c r="V149" s="47" t="s">
        <v>5331</v>
      </c>
      <c r="W149" s="47" t="s">
        <v>5331</v>
      </c>
      <c r="X149" s="47" t="s">
        <v>5331</v>
      </c>
      <c r="Y149" s="47" t="s">
        <v>5331</v>
      </c>
      <c r="Z149" s="28"/>
      <c r="AA149" s="27"/>
      <c r="AB149" s="27"/>
      <c r="AC149" s="27"/>
      <c r="AD149" s="30"/>
      <c r="AE149" s="1"/>
      <c r="AF149" s="23" t="s">
        <v>5331</v>
      </c>
      <c r="AG149" s="26"/>
      <c r="AH149" s="53"/>
    </row>
    <row r="150" spans="1:34" ht="51.6" customHeight="1" x14ac:dyDescent="0.45">
      <c r="A150" s="23">
        <v>144</v>
      </c>
      <c r="B150" s="25"/>
      <c r="C150" s="25"/>
      <c r="D150" s="29"/>
      <c r="E150" s="1"/>
      <c r="F150" s="1"/>
      <c r="G150" s="25"/>
      <c r="H150" s="71"/>
      <c r="I150" s="83"/>
      <c r="J150" s="50" t="str">
        <f t="shared" si="6"/>
        <v/>
      </c>
      <c r="K150" s="23" t="s">
        <v>7120</v>
      </c>
      <c r="L150" s="49" t="e">
        <f>VLOOKUP(E150&amp;F150,団体コード!$A$1:$C$1743,3,FALSE)</f>
        <v>#N/A</v>
      </c>
      <c r="M150" s="49" t="e">
        <f>VLOOKUP(E150&amp;F150,団体コード!$A$1:$C$1743,2,FALSE)</f>
        <v>#N/A</v>
      </c>
      <c r="N150" s="51" t="e">
        <f>VLOOKUP(E150,団体コード!$E$1:$F$48,2,FALSE)</f>
        <v>#N/A</v>
      </c>
      <c r="O150" s="51" t="e">
        <f t="shared" si="7"/>
        <v>#N/A</v>
      </c>
      <c r="P150" s="51">
        <v>1</v>
      </c>
      <c r="Q150" s="51" t="s">
        <v>5341</v>
      </c>
      <c r="R150" s="54" t="b">
        <v>1</v>
      </c>
      <c r="S150" s="52" t="s">
        <v>7126</v>
      </c>
      <c r="T150" s="67" t="s">
        <v>7127</v>
      </c>
      <c r="U150" s="75" t="s">
        <v>5331</v>
      </c>
      <c r="V150" s="47" t="s">
        <v>5331</v>
      </c>
      <c r="W150" s="47" t="s">
        <v>5331</v>
      </c>
      <c r="X150" s="47" t="s">
        <v>5331</v>
      </c>
      <c r="Y150" s="47" t="s">
        <v>5331</v>
      </c>
      <c r="Z150" s="28"/>
      <c r="AA150" s="27"/>
      <c r="AB150" s="27"/>
      <c r="AC150" s="27"/>
      <c r="AD150" s="30"/>
      <c r="AE150" s="1"/>
      <c r="AF150" s="23" t="s">
        <v>5331</v>
      </c>
      <c r="AG150" s="26"/>
      <c r="AH150" s="53"/>
    </row>
    <row r="151" spans="1:34" ht="51.6" customHeight="1" x14ac:dyDescent="0.45">
      <c r="A151" s="23">
        <v>145</v>
      </c>
      <c r="B151" s="25"/>
      <c r="C151" s="25"/>
      <c r="D151" s="29"/>
      <c r="E151" s="1"/>
      <c r="F151" s="1"/>
      <c r="G151" s="25"/>
      <c r="H151" s="71"/>
      <c r="I151" s="83"/>
      <c r="J151" s="50" t="str">
        <f t="shared" si="6"/>
        <v/>
      </c>
      <c r="K151" s="23" t="s">
        <v>7120</v>
      </c>
      <c r="L151" s="49" t="e">
        <f>VLOOKUP(E151&amp;F151,団体コード!$A$1:$C$1743,3,FALSE)</f>
        <v>#N/A</v>
      </c>
      <c r="M151" s="49" t="e">
        <f>VLOOKUP(E151&amp;F151,団体コード!$A$1:$C$1743,2,FALSE)</f>
        <v>#N/A</v>
      </c>
      <c r="N151" s="51" t="e">
        <f>VLOOKUP(E151,団体コード!$E$1:$F$48,2,FALSE)</f>
        <v>#N/A</v>
      </c>
      <c r="O151" s="51" t="e">
        <f t="shared" si="7"/>
        <v>#N/A</v>
      </c>
      <c r="P151" s="51">
        <v>1</v>
      </c>
      <c r="Q151" s="51" t="s">
        <v>5341</v>
      </c>
      <c r="R151" s="54" t="b">
        <v>1</v>
      </c>
      <c r="S151" s="52" t="s">
        <v>7126</v>
      </c>
      <c r="T151" s="67" t="s">
        <v>7127</v>
      </c>
      <c r="U151" s="75" t="s">
        <v>5331</v>
      </c>
      <c r="V151" s="47" t="s">
        <v>5331</v>
      </c>
      <c r="W151" s="47" t="s">
        <v>5331</v>
      </c>
      <c r="X151" s="47" t="s">
        <v>5331</v>
      </c>
      <c r="Y151" s="47" t="s">
        <v>5331</v>
      </c>
      <c r="Z151" s="28"/>
      <c r="AA151" s="27"/>
      <c r="AB151" s="27"/>
      <c r="AC151" s="27"/>
      <c r="AD151" s="30"/>
      <c r="AE151" s="1"/>
      <c r="AF151" s="23" t="s">
        <v>5331</v>
      </c>
      <c r="AG151" s="26"/>
      <c r="AH151" s="53"/>
    </row>
    <row r="152" spans="1:34" ht="51.6" customHeight="1" x14ac:dyDescent="0.45">
      <c r="A152" s="23">
        <v>146</v>
      </c>
      <c r="B152" s="25"/>
      <c r="C152" s="25"/>
      <c r="D152" s="29"/>
      <c r="E152" s="1"/>
      <c r="F152" s="1"/>
      <c r="G152" s="25"/>
      <c r="H152" s="71"/>
      <c r="I152" s="83"/>
      <c r="J152" s="50" t="str">
        <f t="shared" si="6"/>
        <v/>
      </c>
      <c r="K152" s="23" t="s">
        <v>7120</v>
      </c>
      <c r="L152" s="49" t="e">
        <f>VLOOKUP(E152&amp;F152,団体コード!$A$1:$C$1743,3,FALSE)</f>
        <v>#N/A</v>
      </c>
      <c r="M152" s="49" t="e">
        <f>VLOOKUP(E152&amp;F152,団体コード!$A$1:$C$1743,2,FALSE)</f>
        <v>#N/A</v>
      </c>
      <c r="N152" s="51" t="e">
        <f>VLOOKUP(E152,団体コード!$E$1:$F$48,2,FALSE)</f>
        <v>#N/A</v>
      </c>
      <c r="O152" s="51" t="e">
        <f t="shared" si="7"/>
        <v>#N/A</v>
      </c>
      <c r="P152" s="51">
        <v>1</v>
      </c>
      <c r="Q152" s="51" t="s">
        <v>5341</v>
      </c>
      <c r="R152" s="54" t="b">
        <v>1</v>
      </c>
      <c r="S152" s="52" t="s">
        <v>7126</v>
      </c>
      <c r="T152" s="67" t="s">
        <v>7127</v>
      </c>
      <c r="U152" s="75" t="s">
        <v>5331</v>
      </c>
      <c r="V152" s="47" t="s">
        <v>5331</v>
      </c>
      <c r="W152" s="47" t="s">
        <v>5331</v>
      </c>
      <c r="X152" s="47" t="s">
        <v>5331</v>
      </c>
      <c r="Y152" s="47" t="s">
        <v>5331</v>
      </c>
      <c r="Z152" s="28"/>
      <c r="AA152" s="27"/>
      <c r="AB152" s="27"/>
      <c r="AC152" s="27"/>
      <c r="AD152" s="30"/>
      <c r="AE152" s="1"/>
      <c r="AF152" s="23" t="s">
        <v>5331</v>
      </c>
      <c r="AG152" s="26"/>
      <c r="AH152" s="53"/>
    </row>
    <row r="153" spans="1:34" ht="51.6" customHeight="1" x14ac:dyDescent="0.45">
      <c r="A153" s="23">
        <v>147</v>
      </c>
      <c r="B153" s="25"/>
      <c r="C153" s="25"/>
      <c r="D153" s="29"/>
      <c r="E153" s="1"/>
      <c r="F153" s="1"/>
      <c r="G153" s="25"/>
      <c r="H153" s="71"/>
      <c r="I153" s="83"/>
      <c r="J153" s="50" t="str">
        <f t="shared" si="6"/>
        <v/>
      </c>
      <c r="K153" s="23" t="s">
        <v>7120</v>
      </c>
      <c r="L153" s="49" t="e">
        <f>VLOOKUP(E153&amp;F153,団体コード!$A$1:$C$1743,3,FALSE)</f>
        <v>#N/A</v>
      </c>
      <c r="M153" s="49" t="e">
        <f>VLOOKUP(E153&amp;F153,団体コード!$A$1:$C$1743,2,FALSE)</f>
        <v>#N/A</v>
      </c>
      <c r="N153" s="51" t="e">
        <f>VLOOKUP(E153,団体コード!$E$1:$F$48,2,FALSE)</f>
        <v>#N/A</v>
      </c>
      <c r="O153" s="51" t="e">
        <f t="shared" si="7"/>
        <v>#N/A</v>
      </c>
      <c r="P153" s="51">
        <v>1</v>
      </c>
      <c r="Q153" s="51" t="s">
        <v>5341</v>
      </c>
      <c r="R153" s="54" t="b">
        <v>1</v>
      </c>
      <c r="S153" s="52" t="s">
        <v>7126</v>
      </c>
      <c r="T153" s="67" t="s">
        <v>7127</v>
      </c>
      <c r="U153" s="75" t="s">
        <v>5331</v>
      </c>
      <c r="V153" s="47" t="s">
        <v>5331</v>
      </c>
      <c r="W153" s="47" t="s">
        <v>5331</v>
      </c>
      <c r="X153" s="47" t="s">
        <v>5331</v>
      </c>
      <c r="Y153" s="47" t="s">
        <v>5331</v>
      </c>
      <c r="Z153" s="28"/>
      <c r="AA153" s="27"/>
      <c r="AB153" s="27"/>
      <c r="AC153" s="27"/>
      <c r="AD153" s="30"/>
      <c r="AE153" s="1"/>
      <c r="AF153" s="23" t="s">
        <v>5331</v>
      </c>
      <c r="AG153" s="26"/>
      <c r="AH153" s="53"/>
    </row>
    <row r="154" spans="1:34" ht="51.6" customHeight="1" x14ac:dyDescent="0.45">
      <c r="A154" s="23">
        <v>148</v>
      </c>
      <c r="B154" s="25"/>
      <c r="C154" s="25"/>
      <c r="D154" s="29"/>
      <c r="E154" s="1"/>
      <c r="F154" s="1"/>
      <c r="G154" s="25"/>
      <c r="H154" s="71"/>
      <c r="I154" s="83"/>
      <c r="J154" s="50" t="str">
        <f t="shared" si="6"/>
        <v/>
      </c>
      <c r="K154" s="23" t="s">
        <v>7120</v>
      </c>
      <c r="L154" s="49" t="e">
        <f>VLOOKUP(E154&amp;F154,団体コード!$A$1:$C$1743,3,FALSE)</f>
        <v>#N/A</v>
      </c>
      <c r="M154" s="49" t="e">
        <f>VLOOKUP(E154&amp;F154,団体コード!$A$1:$C$1743,2,FALSE)</f>
        <v>#N/A</v>
      </c>
      <c r="N154" s="51" t="e">
        <f>VLOOKUP(E154,団体コード!$E$1:$F$48,2,FALSE)</f>
        <v>#N/A</v>
      </c>
      <c r="O154" s="51" t="e">
        <f t="shared" si="7"/>
        <v>#N/A</v>
      </c>
      <c r="P154" s="51">
        <v>1</v>
      </c>
      <c r="Q154" s="51" t="s">
        <v>5341</v>
      </c>
      <c r="R154" s="54" t="b">
        <v>1</v>
      </c>
      <c r="S154" s="52" t="s">
        <v>7126</v>
      </c>
      <c r="T154" s="67" t="s">
        <v>7127</v>
      </c>
      <c r="U154" s="75" t="s">
        <v>5331</v>
      </c>
      <c r="V154" s="47" t="s">
        <v>5331</v>
      </c>
      <c r="W154" s="47" t="s">
        <v>5331</v>
      </c>
      <c r="X154" s="47" t="s">
        <v>5331</v>
      </c>
      <c r="Y154" s="47" t="s">
        <v>5331</v>
      </c>
      <c r="Z154" s="28"/>
      <c r="AA154" s="27"/>
      <c r="AB154" s="27"/>
      <c r="AC154" s="27"/>
      <c r="AD154" s="30"/>
      <c r="AE154" s="1"/>
      <c r="AF154" s="23" t="s">
        <v>5331</v>
      </c>
      <c r="AG154" s="26"/>
      <c r="AH154" s="53"/>
    </row>
    <row r="155" spans="1:34" ht="51.6" customHeight="1" x14ac:dyDescent="0.45">
      <c r="A155" s="23">
        <v>149</v>
      </c>
      <c r="B155" s="25"/>
      <c r="C155" s="25"/>
      <c r="D155" s="29"/>
      <c r="E155" s="1"/>
      <c r="F155" s="1"/>
      <c r="G155" s="25"/>
      <c r="H155" s="71"/>
      <c r="I155" s="83"/>
      <c r="J155" s="50" t="str">
        <f t="shared" si="6"/>
        <v/>
      </c>
      <c r="K155" s="23" t="s">
        <v>7120</v>
      </c>
      <c r="L155" s="49" t="e">
        <f>VLOOKUP(E155&amp;F155,団体コード!$A$1:$C$1743,3,FALSE)</f>
        <v>#N/A</v>
      </c>
      <c r="M155" s="49" t="e">
        <f>VLOOKUP(E155&amp;F155,団体コード!$A$1:$C$1743,2,FALSE)</f>
        <v>#N/A</v>
      </c>
      <c r="N155" s="51" t="e">
        <f>VLOOKUP(E155,団体コード!$E$1:$F$48,2,FALSE)</f>
        <v>#N/A</v>
      </c>
      <c r="O155" s="51" t="e">
        <f t="shared" si="7"/>
        <v>#N/A</v>
      </c>
      <c r="P155" s="51">
        <v>1</v>
      </c>
      <c r="Q155" s="51" t="s">
        <v>5341</v>
      </c>
      <c r="R155" s="54" t="b">
        <v>1</v>
      </c>
      <c r="S155" s="52" t="s">
        <v>7126</v>
      </c>
      <c r="T155" s="67" t="s">
        <v>7127</v>
      </c>
      <c r="U155" s="75" t="s">
        <v>5331</v>
      </c>
      <c r="V155" s="47" t="s">
        <v>5331</v>
      </c>
      <c r="W155" s="47" t="s">
        <v>5331</v>
      </c>
      <c r="X155" s="47" t="s">
        <v>5331</v>
      </c>
      <c r="Y155" s="47" t="s">
        <v>5331</v>
      </c>
      <c r="Z155" s="28"/>
      <c r="AA155" s="27"/>
      <c r="AB155" s="27"/>
      <c r="AC155" s="27"/>
      <c r="AD155" s="30"/>
      <c r="AE155" s="1"/>
      <c r="AF155" s="23" t="s">
        <v>5331</v>
      </c>
      <c r="AG155" s="26"/>
      <c r="AH155" s="53"/>
    </row>
    <row r="156" spans="1:34" ht="51.6" customHeight="1" x14ac:dyDescent="0.45">
      <c r="A156" s="23">
        <v>150</v>
      </c>
      <c r="B156" s="25"/>
      <c r="C156" s="25"/>
      <c r="D156" s="29"/>
      <c r="E156" s="1"/>
      <c r="F156" s="1"/>
      <c r="G156" s="25"/>
      <c r="H156" s="71"/>
      <c r="I156" s="83"/>
      <c r="J156" s="50" t="str">
        <f t="shared" si="6"/>
        <v/>
      </c>
      <c r="K156" s="23" t="s">
        <v>7120</v>
      </c>
      <c r="L156" s="49" t="e">
        <f>VLOOKUP(E156&amp;F156,団体コード!$A$1:$C$1743,3,FALSE)</f>
        <v>#N/A</v>
      </c>
      <c r="M156" s="49" t="e">
        <f>VLOOKUP(E156&amp;F156,団体コード!$A$1:$C$1743,2,FALSE)</f>
        <v>#N/A</v>
      </c>
      <c r="N156" s="51" t="e">
        <f>VLOOKUP(E156,団体コード!$E$1:$F$48,2,FALSE)</f>
        <v>#N/A</v>
      </c>
      <c r="O156" s="51" t="e">
        <f t="shared" si="7"/>
        <v>#N/A</v>
      </c>
      <c r="P156" s="51">
        <v>1</v>
      </c>
      <c r="Q156" s="51" t="s">
        <v>5341</v>
      </c>
      <c r="R156" s="54" t="b">
        <v>1</v>
      </c>
      <c r="S156" s="52" t="s">
        <v>7126</v>
      </c>
      <c r="T156" s="67" t="s">
        <v>7127</v>
      </c>
      <c r="U156" s="75" t="s">
        <v>5331</v>
      </c>
      <c r="V156" s="47" t="s">
        <v>5331</v>
      </c>
      <c r="W156" s="47" t="s">
        <v>5331</v>
      </c>
      <c r="X156" s="47" t="s">
        <v>5331</v>
      </c>
      <c r="Y156" s="47" t="s">
        <v>5331</v>
      </c>
      <c r="Z156" s="28"/>
      <c r="AA156" s="27"/>
      <c r="AB156" s="27"/>
      <c r="AC156" s="27"/>
      <c r="AD156" s="30"/>
      <c r="AE156" s="1"/>
      <c r="AF156" s="23" t="s">
        <v>5331</v>
      </c>
      <c r="AG156" s="26"/>
      <c r="AH156" s="53"/>
    </row>
    <row r="157" spans="1:34" ht="51.6" customHeight="1" x14ac:dyDescent="0.45">
      <c r="A157" s="23">
        <v>151</v>
      </c>
      <c r="B157" s="25"/>
      <c r="C157" s="25"/>
      <c r="D157" s="29"/>
      <c r="E157" s="1"/>
      <c r="F157" s="1"/>
      <c r="G157" s="25"/>
      <c r="H157" s="71"/>
      <c r="I157" s="83"/>
      <c r="J157" s="50" t="str">
        <f t="shared" si="6"/>
        <v/>
      </c>
      <c r="K157" s="23" t="s">
        <v>7120</v>
      </c>
      <c r="L157" s="49" t="e">
        <f>VLOOKUP(E157&amp;F157,団体コード!$A$1:$C$1743,3,FALSE)</f>
        <v>#N/A</v>
      </c>
      <c r="M157" s="49" t="e">
        <f>VLOOKUP(E157&amp;F157,団体コード!$A$1:$C$1743,2,FALSE)</f>
        <v>#N/A</v>
      </c>
      <c r="N157" s="51" t="e">
        <f>VLOOKUP(E157,団体コード!$E$1:$F$48,2,FALSE)</f>
        <v>#N/A</v>
      </c>
      <c r="O157" s="51" t="e">
        <f t="shared" si="7"/>
        <v>#N/A</v>
      </c>
      <c r="P157" s="51">
        <v>1</v>
      </c>
      <c r="Q157" s="51" t="s">
        <v>5341</v>
      </c>
      <c r="R157" s="54" t="b">
        <v>1</v>
      </c>
      <c r="S157" s="52" t="s">
        <v>7126</v>
      </c>
      <c r="T157" s="67" t="s">
        <v>7127</v>
      </c>
      <c r="U157" s="75" t="s">
        <v>5331</v>
      </c>
      <c r="V157" s="47" t="s">
        <v>5331</v>
      </c>
      <c r="W157" s="47" t="s">
        <v>5331</v>
      </c>
      <c r="X157" s="47" t="s">
        <v>5331</v>
      </c>
      <c r="Y157" s="47" t="s">
        <v>5331</v>
      </c>
      <c r="Z157" s="28"/>
      <c r="AA157" s="27"/>
      <c r="AB157" s="27"/>
      <c r="AC157" s="27"/>
      <c r="AD157" s="30"/>
      <c r="AE157" s="1"/>
      <c r="AF157" s="23" t="s">
        <v>5331</v>
      </c>
      <c r="AG157" s="26"/>
      <c r="AH157" s="53"/>
    </row>
    <row r="158" spans="1:34" ht="51.6" customHeight="1" x14ac:dyDescent="0.45">
      <c r="A158" s="23">
        <v>152</v>
      </c>
      <c r="B158" s="25"/>
      <c r="C158" s="25"/>
      <c r="D158" s="29"/>
      <c r="E158" s="1"/>
      <c r="F158" s="1"/>
      <c r="G158" s="25"/>
      <c r="H158" s="71"/>
      <c r="I158" s="83"/>
      <c r="J158" s="50" t="str">
        <f t="shared" si="6"/>
        <v/>
      </c>
      <c r="K158" s="23" t="s">
        <v>7120</v>
      </c>
      <c r="L158" s="49" t="e">
        <f>VLOOKUP(E158&amp;F158,団体コード!$A$1:$C$1743,3,FALSE)</f>
        <v>#N/A</v>
      </c>
      <c r="M158" s="49" t="e">
        <f>VLOOKUP(E158&amp;F158,団体コード!$A$1:$C$1743,2,FALSE)</f>
        <v>#N/A</v>
      </c>
      <c r="N158" s="51" t="e">
        <f>VLOOKUP(E158,団体コード!$E$1:$F$48,2,FALSE)</f>
        <v>#N/A</v>
      </c>
      <c r="O158" s="51" t="e">
        <f t="shared" si="7"/>
        <v>#N/A</v>
      </c>
      <c r="P158" s="51">
        <v>1</v>
      </c>
      <c r="Q158" s="51" t="s">
        <v>5341</v>
      </c>
      <c r="R158" s="54" t="b">
        <v>1</v>
      </c>
      <c r="S158" s="52" t="s">
        <v>7126</v>
      </c>
      <c r="T158" s="67" t="s">
        <v>7127</v>
      </c>
      <c r="U158" s="75" t="s">
        <v>5331</v>
      </c>
      <c r="V158" s="47" t="s">
        <v>5331</v>
      </c>
      <c r="W158" s="47" t="s">
        <v>5331</v>
      </c>
      <c r="X158" s="47" t="s">
        <v>5331</v>
      </c>
      <c r="Y158" s="47" t="s">
        <v>5331</v>
      </c>
      <c r="Z158" s="28"/>
      <c r="AA158" s="27"/>
      <c r="AB158" s="27"/>
      <c r="AC158" s="27"/>
      <c r="AD158" s="30"/>
      <c r="AE158" s="1"/>
      <c r="AF158" s="23" t="s">
        <v>5331</v>
      </c>
      <c r="AG158" s="26"/>
      <c r="AH158" s="53"/>
    </row>
    <row r="159" spans="1:34" ht="51.6" customHeight="1" x14ac:dyDescent="0.45">
      <c r="A159" s="23">
        <v>153</v>
      </c>
      <c r="B159" s="25"/>
      <c r="C159" s="25"/>
      <c r="D159" s="29"/>
      <c r="E159" s="1"/>
      <c r="F159" s="1"/>
      <c r="G159" s="25"/>
      <c r="H159" s="71"/>
      <c r="I159" s="83"/>
      <c r="J159" s="50" t="str">
        <f t="shared" si="6"/>
        <v/>
      </c>
      <c r="K159" s="23" t="s">
        <v>7120</v>
      </c>
      <c r="L159" s="49" t="e">
        <f>VLOOKUP(E159&amp;F159,団体コード!$A$1:$C$1743,3,FALSE)</f>
        <v>#N/A</v>
      </c>
      <c r="M159" s="49" t="e">
        <f>VLOOKUP(E159&amp;F159,団体コード!$A$1:$C$1743,2,FALSE)</f>
        <v>#N/A</v>
      </c>
      <c r="N159" s="51" t="e">
        <f>VLOOKUP(E159,団体コード!$E$1:$F$48,2,FALSE)</f>
        <v>#N/A</v>
      </c>
      <c r="O159" s="51" t="e">
        <f t="shared" si="7"/>
        <v>#N/A</v>
      </c>
      <c r="P159" s="51">
        <v>1</v>
      </c>
      <c r="Q159" s="51" t="s">
        <v>5341</v>
      </c>
      <c r="R159" s="54" t="b">
        <v>1</v>
      </c>
      <c r="S159" s="52" t="s">
        <v>7126</v>
      </c>
      <c r="T159" s="67" t="s">
        <v>7127</v>
      </c>
      <c r="U159" s="75" t="s">
        <v>5331</v>
      </c>
      <c r="V159" s="47" t="s">
        <v>5331</v>
      </c>
      <c r="W159" s="47" t="s">
        <v>5331</v>
      </c>
      <c r="X159" s="47" t="s">
        <v>5331</v>
      </c>
      <c r="Y159" s="47" t="s">
        <v>5331</v>
      </c>
      <c r="Z159" s="28"/>
      <c r="AA159" s="27"/>
      <c r="AB159" s="27"/>
      <c r="AC159" s="27"/>
      <c r="AD159" s="30"/>
      <c r="AE159" s="1"/>
      <c r="AF159" s="23" t="s">
        <v>5331</v>
      </c>
      <c r="AG159" s="26"/>
      <c r="AH159" s="53"/>
    </row>
    <row r="160" spans="1:34" ht="51.6" customHeight="1" x14ac:dyDescent="0.45">
      <c r="A160" s="23">
        <v>154</v>
      </c>
      <c r="B160" s="25"/>
      <c r="C160" s="25"/>
      <c r="D160" s="29"/>
      <c r="E160" s="1"/>
      <c r="F160" s="1"/>
      <c r="G160" s="25"/>
      <c r="H160" s="71"/>
      <c r="I160" s="83"/>
      <c r="J160" s="50" t="str">
        <f t="shared" si="6"/>
        <v/>
      </c>
      <c r="K160" s="23" t="s">
        <v>7120</v>
      </c>
      <c r="L160" s="49" t="e">
        <f>VLOOKUP(E160&amp;F160,団体コード!$A$1:$C$1743,3,FALSE)</f>
        <v>#N/A</v>
      </c>
      <c r="M160" s="49" t="e">
        <f>VLOOKUP(E160&amp;F160,団体コード!$A$1:$C$1743,2,FALSE)</f>
        <v>#N/A</v>
      </c>
      <c r="N160" s="51" t="e">
        <f>VLOOKUP(E160,団体コード!$E$1:$F$48,2,FALSE)</f>
        <v>#N/A</v>
      </c>
      <c r="O160" s="51" t="e">
        <f t="shared" si="7"/>
        <v>#N/A</v>
      </c>
      <c r="P160" s="51">
        <v>1</v>
      </c>
      <c r="Q160" s="51" t="s">
        <v>5341</v>
      </c>
      <c r="R160" s="54" t="b">
        <v>1</v>
      </c>
      <c r="S160" s="52" t="s">
        <v>7126</v>
      </c>
      <c r="T160" s="67" t="s">
        <v>7127</v>
      </c>
      <c r="U160" s="75" t="s">
        <v>5331</v>
      </c>
      <c r="V160" s="47" t="s">
        <v>5331</v>
      </c>
      <c r="W160" s="47" t="s">
        <v>5331</v>
      </c>
      <c r="X160" s="47" t="s">
        <v>5331</v>
      </c>
      <c r="Y160" s="47" t="s">
        <v>5331</v>
      </c>
      <c r="Z160" s="28"/>
      <c r="AA160" s="27"/>
      <c r="AB160" s="27"/>
      <c r="AC160" s="27"/>
      <c r="AD160" s="30"/>
      <c r="AE160" s="1"/>
      <c r="AF160" s="23" t="s">
        <v>5331</v>
      </c>
      <c r="AG160" s="26"/>
      <c r="AH160" s="53"/>
    </row>
    <row r="161" spans="1:34" ht="51.6" customHeight="1" x14ac:dyDescent="0.45">
      <c r="A161" s="23">
        <v>155</v>
      </c>
      <c r="B161" s="25"/>
      <c r="C161" s="25"/>
      <c r="D161" s="29"/>
      <c r="E161" s="1"/>
      <c r="F161" s="1"/>
      <c r="G161" s="25"/>
      <c r="H161" s="71"/>
      <c r="I161" s="83"/>
      <c r="J161" s="50" t="str">
        <f t="shared" si="6"/>
        <v/>
      </c>
      <c r="K161" s="23" t="s">
        <v>7120</v>
      </c>
      <c r="L161" s="49" t="e">
        <f>VLOOKUP(E161&amp;F161,団体コード!$A$1:$C$1743,3,FALSE)</f>
        <v>#N/A</v>
      </c>
      <c r="M161" s="49" t="e">
        <f>VLOOKUP(E161&amp;F161,団体コード!$A$1:$C$1743,2,FALSE)</f>
        <v>#N/A</v>
      </c>
      <c r="N161" s="51" t="e">
        <f>VLOOKUP(E161,団体コード!$E$1:$F$48,2,FALSE)</f>
        <v>#N/A</v>
      </c>
      <c r="O161" s="51" t="e">
        <f t="shared" si="7"/>
        <v>#N/A</v>
      </c>
      <c r="P161" s="51">
        <v>1</v>
      </c>
      <c r="Q161" s="51" t="s">
        <v>5341</v>
      </c>
      <c r="R161" s="54" t="b">
        <v>1</v>
      </c>
      <c r="S161" s="52" t="s">
        <v>7126</v>
      </c>
      <c r="T161" s="67" t="s">
        <v>7127</v>
      </c>
      <c r="U161" s="75" t="s">
        <v>5331</v>
      </c>
      <c r="V161" s="47" t="s">
        <v>5331</v>
      </c>
      <c r="W161" s="47" t="s">
        <v>5331</v>
      </c>
      <c r="X161" s="47" t="s">
        <v>5331</v>
      </c>
      <c r="Y161" s="47" t="s">
        <v>5331</v>
      </c>
      <c r="Z161" s="28"/>
      <c r="AA161" s="27"/>
      <c r="AB161" s="27"/>
      <c r="AC161" s="27"/>
      <c r="AD161" s="30"/>
      <c r="AE161" s="1"/>
      <c r="AF161" s="23" t="s">
        <v>5331</v>
      </c>
      <c r="AG161" s="26"/>
      <c r="AH161" s="53"/>
    </row>
    <row r="162" spans="1:34" ht="51.6" customHeight="1" x14ac:dyDescent="0.45">
      <c r="A162" s="23">
        <v>156</v>
      </c>
      <c r="B162" s="25"/>
      <c r="C162" s="25"/>
      <c r="D162" s="29"/>
      <c r="E162" s="1"/>
      <c r="F162" s="1"/>
      <c r="G162" s="25"/>
      <c r="H162" s="71"/>
      <c r="I162" s="83"/>
      <c r="J162" s="50" t="str">
        <f t="shared" si="6"/>
        <v/>
      </c>
      <c r="K162" s="23" t="s">
        <v>7120</v>
      </c>
      <c r="L162" s="49" t="e">
        <f>VLOOKUP(E162&amp;F162,団体コード!$A$1:$C$1743,3,FALSE)</f>
        <v>#N/A</v>
      </c>
      <c r="M162" s="49" t="e">
        <f>VLOOKUP(E162&amp;F162,団体コード!$A$1:$C$1743,2,FALSE)</f>
        <v>#N/A</v>
      </c>
      <c r="N162" s="51" t="e">
        <f>VLOOKUP(E162,団体コード!$E$1:$F$48,2,FALSE)</f>
        <v>#N/A</v>
      </c>
      <c r="O162" s="51" t="e">
        <f t="shared" si="7"/>
        <v>#N/A</v>
      </c>
      <c r="P162" s="51">
        <v>1</v>
      </c>
      <c r="Q162" s="51" t="s">
        <v>5341</v>
      </c>
      <c r="R162" s="54" t="b">
        <v>1</v>
      </c>
      <c r="S162" s="52" t="s">
        <v>7126</v>
      </c>
      <c r="T162" s="67" t="s">
        <v>7127</v>
      </c>
      <c r="U162" s="75" t="s">
        <v>5331</v>
      </c>
      <c r="V162" s="47" t="s">
        <v>5331</v>
      </c>
      <c r="W162" s="47" t="s">
        <v>5331</v>
      </c>
      <c r="X162" s="47" t="s">
        <v>5331</v>
      </c>
      <c r="Y162" s="47" t="s">
        <v>5331</v>
      </c>
      <c r="Z162" s="28"/>
      <c r="AA162" s="27"/>
      <c r="AB162" s="27"/>
      <c r="AC162" s="27"/>
      <c r="AD162" s="30"/>
      <c r="AE162" s="1"/>
      <c r="AF162" s="23" t="s">
        <v>5331</v>
      </c>
      <c r="AG162" s="26"/>
      <c r="AH162" s="53"/>
    </row>
    <row r="163" spans="1:34" ht="51.6" customHeight="1" x14ac:dyDescent="0.45">
      <c r="A163" s="23">
        <v>157</v>
      </c>
      <c r="B163" s="25"/>
      <c r="C163" s="25"/>
      <c r="D163" s="29"/>
      <c r="E163" s="1"/>
      <c r="F163" s="1"/>
      <c r="G163" s="25"/>
      <c r="H163" s="71"/>
      <c r="I163" s="83"/>
      <c r="J163" s="50" t="str">
        <f t="shared" si="6"/>
        <v/>
      </c>
      <c r="K163" s="23" t="s">
        <v>7120</v>
      </c>
      <c r="L163" s="49" t="e">
        <f>VLOOKUP(E163&amp;F163,団体コード!$A$1:$C$1743,3,FALSE)</f>
        <v>#N/A</v>
      </c>
      <c r="M163" s="49" t="e">
        <f>VLOOKUP(E163&amp;F163,団体コード!$A$1:$C$1743,2,FALSE)</f>
        <v>#N/A</v>
      </c>
      <c r="N163" s="51" t="e">
        <f>VLOOKUP(E163,団体コード!$E$1:$F$48,2,FALSE)</f>
        <v>#N/A</v>
      </c>
      <c r="O163" s="51" t="e">
        <f t="shared" si="7"/>
        <v>#N/A</v>
      </c>
      <c r="P163" s="51">
        <v>1</v>
      </c>
      <c r="Q163" s="51" t="s">
        <v>5341</v>
      </c>
      <c r="R163" s="54" t="b">
        <v>1</v>
      </c>
      <c r="S163" s="52" t="s">
        <v>7126</v>
      </c>
      <c r="T163" s="67" t="s">
        <v>7127</v>
      </c>
      <c r="U163" s="75" t="s">
        <v>5331</v>
      </c>
      <c r="V163" s="47" t="s">
        <v>5331</v>
      </c>
      <c r="W163" s="47" t="s">
        <v>5331</v>
      </c>
      <c r="X163" s="47" t="s">
        <v>5331</v>
      </c>
      <c r="Y163" s="47" t="s">
        <v>5331</v>
      </c>
      <c r="Z163" s="28"/>
      <c r="AA163" s="27"/>
      <c r="AB163" s="27"/>
      <c r="AC163" s="27"/>
      <c r="AD163" s="30"/>
      <c r="AE163" s="1"/>
      <c r="AF163" s="23" t="s">
        <v>5331</v>
      </c>
      <c r="AG163" s="26"/>
      <c r="AH163" s="53"/>
    </row>
    <row r="164" spans="1:34" ht="51.6" customHeight="1" x14ac:dyDescent="0.45">
      <c r="A164" s="23">
        <v>158</v>
      </c>
      <c r="B164" s="25"/>
      <c r="C164" s="25"/>
      <c r="D164" s="29"/>
      <c r="E164" s="1"/>
      <c r="F164" s="1"/>
      <c r="G164" s="25"/>
      <c r="H164" s="71"/>
      <c r="I164" s="83"/>
      <c r="J164" s="50" t="str">
        <f t="shared" si="6"/>
        <v/>
      </c>
      <c r="K164" s="23" t="s">
        <v>7120</v>
      </c>
      <c r="L164" s="49" t="e">
        <f>VLOOKUP(E164&amp;F164,団体コード!$A$1:$C$1743,3,FALSE)</f>
        <v>#N/A</v>
      </c>
      <c r="M164" s="49" t="e">
        <f>VLOOKUP(E164&amp;F164,団体コード!$A$1:$C$1743,2,FALSE)</f>
        <v>#N/A</v>
      </c>
      <c r="N164" s="51" t="e">
        <f>VLOOKUP(E164,団体コード!$E$1:$F$48,2,FALSE)</f>
        <v>#N/A</v>
      </c>
      <c r="O164" s="51" t="e">
        <f t="shared" si="7"/>
        <v>#N/A</v>
      </c>
      <c r="P164" s="51">
        <v>1</v>
      </c>
      <c r="Q164" s="51" t="s">
        <v>5341</v>
      </c>
      <c r="R164" s="54" t="b">
        <v>1</v>
      </c>
      <c r="S164" s="52" t="s">
        <v>7126</v>
      </c>
      <c r="T164" s="67" t="s">
        <v>7127</v>
      </c>
      <c r="U164" s="75" t="s">
        <v>5331</v>
      </c>
      <c r="V164" s="47" t="s">
        <v>5331</v>
      </c>
      <c r="W164" s="47" t="s">
        <v>5331</v>
      </c>
      <c r="X164" s="47" t="s">
        <v>5331</v>
      </c>
      <c r="Y164" s="47" t="s">
        <v>5331</v>
      </c>
      <c r="Z164" s="28"/>
      <c r="AA164" s="27"/>
      <c r="AB164" s="27"/>
      <c r="AC164" s="27"/>
      <c r="AD164" s="30"/>
      <c r="AE164" s="1"/>
      <c r="AF164" s="23" t="s">
        <v>5331</v>
      </c>
      <c r="AG164" s="26"/>
      <c r="AH164" s="53"/>
    </row>
    <row r="165" spans="1:34" ht="51.6" customHeight="1" x14ac:dyDescent="0.45">
      <c r="A165" s="23">
        <v>159</v>
      </c>
      <c r="B165" s="25"/>
      <c r="C165" s="25"/>
      <c r="D165" s="29"/>
      <c r="E165" s="1"/>
      <c r="F165" s="1"/>
      <c r="G165" s="25"/>
      <c r="H165" s="71"/>
      <c r="I165" s="83"/>
      <c r="J165" s="50" t="str">
        <f t="shared" si="6"/>
        <v/>
      </c>
      <c r="K165" s="23" t="s">
        <v>7120</v>
      </c>
      <c r="L165" s="49" t="e">
        <f>VLOOKUP(E165&amp;F165,団体コード!$A$1:$C$1743,3,FALSE)</f>
        <v>#N/A</v>
      </c>
      <c r="M165" s="49" t="e">
        <f>VLOOKUP(E165&amp;F165,団体コード!$A$1:$C$1743,2,FALSE)</f>
        <v>#N/A</v>
      </c>
      <c r="N165" s="51" t="e">
        <f>VLOOKUP(E165,団体コード!$E$1:$F$48,2,FALSE)</f>
        <v>#N/A</v>
      </c>
      <c r="O165" s="51" t="e">
        <f t="shared" si="7"/>
        <v>#N/A</v>
      </c>
      <c r="P165" s="51">
        <v>1</v>
      </c>
      <c r="Q165" s="51" t="s">
        <v>5341</v>
      </c>
      <c r="R165" s="54" t="b">
        <v>1</v>
      </c>
      <c r="S165" s="52" t="s">
        <v>7126</v>
      </c>
      <c r="T165" s="67" t="s">
        <v>7127</v>
      </c>
      <c r="U165" s="75" t="s">
        <v>5331</v>
      </c>
      <c r="V165" s="47" t="s">
        <v>5331</v>
      </c>
      <c r="W165" s="47" t="s">
        <v>5331</v>
      </c>
      <c r="X165" s="47" t="s">
        <v>5331</v>
      </c>
      <c r="Y165" s="47" t="s">
        <v>5331</v>
      </c>
      <c r="Z165" s="28"/>
      <c r="AA165" s="27"/>
      <c r="AB165" s="27"/>
      <c r="AC165" s="27"/>
      <c r="AD165" s="30"/>
      <c r="AE165" s="1"/>
      <c r="AF165" s="23" t="s">
        <v>5331</v>
      </c>
      <c r="AG165" s="26"/>
      <c r="AH165" s="53"/>
    </row>
    <row r="166" spans="1:34" ht="51.6" customHeight="1" x14ac:dyDescent="0.45">
      <c r="A166" s="23">
        <v>160</v>
      </c>
      <c r="B166" s="25"/>
      <c r="C166" s="25"/>
      <c r="D166" s="29"/>
      <c r="E166" s="1"/>
      <c r="F166" s="1"/>
      <c r="G166" s="25"/>
      <c r="H166" s="71"/>
      <c r="I166" s="83"/>
      <c r="J166" s="50" t="str">
        <f t="shared" si="6"/>
        <v/>
      </c>
      <c r="K166" s="23" t="s">
        <v>7120</v>
      </c>
      <c r="L166" s="49" t="e">
        <f>VLOOKUP(E166&amp;F166,団体コード!$A$1:$C$1743,3,FALSE)</f>
        <v>#N/A</v>
      </c>
      <c r="M166" s="49" t="e">
        <f>VLOOKUP(E166&amp;F166,団体コード!$A$1:$C$1743,2,FALSE)</f>
        <v>#N/A</v>
      </c>
      <c r="N166" s="51" t="e">
        <f>VLOOKUP(E166,団体コード!$E$1:$F$48,2,FALSE)</f>
        <v>#N/A</v>
      </c>
      <c r="O166" s="51" t="e">
        <f t="shared" si="7"/>
        <v>#N/A</v>
      </c>
      <c r="P166" s="51">
        <v>1</v>
      </c>
      <c r="Q166" s="51" t="s">
        <v>5341</v>
      </c>
      <c r="R166" s="54" t="b">
        <v>1</v>
      </c>
      <c r="S166" s="52" t="s">
        <v>7126</v>
      </c>
      <c r="T166" s="67" t="s">
        <v>7127</v>
      </c>
      <c r="U166" s="75" t="s">
        <v>5331</v>
      </c>
      <c r="V166" s="47" t="s">
        <v>5331</v>
      </c>
      <c r="W166" s="47" t="s">
        <v>5331</v>
      </c>
      <c r="X166" s="47" t="s">
        <v>5331</v>
      </c>
      <c r="Y166" s="47" t="s">
        <v>5331</v>
      </c>
      <c r="Z166" s="28"/>
      <c r="AA166" s="27"/>
      <c r="AB166" s="27"/>
      <c r="AC166" s="27"/>
      <c r="AD166" s="30"/>
      <c r="AE166" s="1"/>
      <c r="AF166" s="23" t="s">
        <v>5331</v>
      </c>
      <c r="AG166" s="26"/>
      <c r="AH166" s="53"/>
    </row>
    <row r="167" spans="1:34" ht="51.6" customHeight="1" x14ac:dyDescent="0.45">
      <c r="A167" s="23">
        <v>161</v>
      </c>
      <c r="B167" s="25"/>
      <c r="C167" s="25"/>
      <c r="D167" s="29"/>
      <c r="E167" s="1"/>
      <c r="F167" s="1"/>
      <c r="G167" s="25"/>
      <c r="H167" s="71"/>
      <c r="I167" s="83"/>
      <c r="J167" s="50" t="str">
        <f t="shared" si="6"/>
        <v/>
      </c>
      <c r="K167" s="23" t="s">
        <v>7120</v>
      </c>
      <c r="L167" s="49" t="e">
        <f>VLOOKUP(E167&amp;F167,団体コード!$A$1:$C$1743,3,FALSE)</f>
        <v>#N/A</v>
      </c>
      <c r="M167" s="49" t="e">
        <f>VLOOKUP(E167&amp;F167,団体コード!$A$1:$C$1743,2,FALSE)</f>
        <v>#N/A</v>
      </c>
      <c r="N167" s="51" t="e">
        <f>VLOOKUP(E167,団体コード!$E$1:$F$48,2,FALSE)</f>
        <v>#N/A</v>
      </c>
      <c r="O167" s="51" t="e">
        <f t="shared" si="7"/>
        <v>#N/A</v>
      </c>
      <c r="P167" s="51">
        <v>1</v>
      </c>
      <c r="Q167" s="51" t="s">
        <v>5341</v>
      </c>
      <c r="R167" s="54" t="b">
        <v>1</v>
      </c>
      <c r="S167" s="52" t="s">
        <v>7126</v>
      </c>
      <c r="T167" s="67" t="s">
        <v>7127</v>
      </c>
      <c r="U167" s="75" t="s">
        <v>5331</v>
      </c>
      <c r="V167" s="47" t="s">
        <v>5331</v>
      </c>
      <c r="W167" s="47" t="s">
        <v>5331</v>
      </c>
      <c r="X167" s="47" t="s">
        <v>5331</v>
      </c>
      <c r="Y167" s="47" t="s">
        <v>5331</v>
      </c>
      <c r="Z167" s="28"/>
      <c r="AA167" s="27"/>
      <c r="AB167" s="27"/>
      <c r="AC167" s="27"/>
      <c r="AD167" s="30"/>
      <c r="AE167" s="1"/>
      <c r="AF167" s="23" t="s">
        <v>5331</v>
      </c>
      <c r="AG167" s="26"/>
      <c r="AH167" s="53"/>
    </row>
    <row r="168" spans="1:34" ht="51.6" customHeight="1" x14ac:dyDescent="0.45">
      <c r="A168" s="23">
        <v>162</v>
      </c>
      <c r="B168" s="25"/>
      <c r="C168" s="25"/>
      <c r="D168" s="29"/>
      <c r="E168" s="1"/>
      <c r="F168" s="1"/>
      <c r="G168" s="25"/>
      <c r="H168" s="71"/>
      <c r="I168" s="83"/>
      <c r="J168" s="50" t="str">
        <f t="shared" si="6"/>
        <v/>
      </c>
      <c r="K168" s="23" t="s">
        <v>7120</v>
      </c>
      <c r="L168" s="49" t="e">
        <f>VLOOKUP(E168&amp;F168,団体コード!$A$1:$C$1743,3,FALSE)</f>
        <v>#N/A</v>
      </c>
      <c r="M168" s="49" t="e">
        <f>VLOOKUP(E168&amp;F168,団体コード!$A$1:$C$1743,2,FALSE)</f>
        <v>#N/A</v>
      </c>
      <c r="N168" s="51" t="e">
        <f>VLOOKUP(E168,団体コード!$E$1:$F$48,2,FALSE)</f>
        <v>#N/A</v>
      </c>
      <c r="O168" s="51" t="e">
        <f t="shared" si="7"/>
        <v>#N/A</v>
      </c>
      <c r="P168" s="51">
        <v>1</v>
      </c>
      <c r="Q168" s="51" t="s">
        <v>5341</v>
      </c>
      <c r="R168" s="54" t="b">
        <v>1</v>
      </c>
      <c r="S168" s="52" t="s">
        <v>7126</v>
      </c>
      <c r="T168" s="67" t="s">
        <v>7127</v>
      </c>
      <c r="U168" s="75" t="s">
        <v>5331</v>
      </c>
      <c r="V168" s="47" t="s">
        <v>5331</v>
      </c>
      <c r="W168" s="47" t="s">
        <v>5331</v>
      </c>
      <c r="X168" s="47" t="s">
        <v>5331</v>
      </c>
      <c r="Y168" s="47" t="s">
        <v>5331</v>
      </c>
      <c r="Z168" s="28"/>
      <c r="AA168" s="27"/>
      <c r="AB168" s="27"/>
      <c r="AC168" s="27"/>
      <c r="AD168" s="30"/>
      <c r="AE168" s="1"/>
      <c r="AF168" s="23" t="s">
        <v>5331</v>
      </c>
      <c r="AG168" s="26"/>
      <c r="AH168" s="53"/>
    </row>
    <row r="169" spans="1:34" ht="51.6" customHeight="1" x14ac:dyDescent="0.45">
      <c r="A169" s="23">
        <v>163</v>
      </c>
      <c r="B169" s="25"/>
      <c r="C169" s="25"/>
      <c r="D169" s="29"/>
      <c r="E169" s="1"/>
      <c r="F169" s="1"/>
      <c r="G169" s="25"/>
      <c r="H169" s="71"/>
      <c r="I169" s="83"/>
      <c r="J169" s="50" t="str">
        <f t="shared" si="6"/>
        <v/>
      </c>
      <c r="K169" s="23" t="s">
        <v>7120</v>
      </c>
      <c r="L169" s="49" t="e">
        <f>VLOOKUP(E169&amp;F169,団体コード!$A$1:$C$1743,3,FALSE)</f>
        <v>#N/A</v>
      </c>
      <c r="M169" s="49" t="e">
        <f>VLOOKUP(E169&amp;F169,団体コード!$A$1:$C$1743,2,FALSE)</f>
        <v>#N/A</v>
      </c>
      <c r="N169" s="51" t="e">
        <f>VLOOKUP(E169,団体コード!$E$1:$F$48,2,FALSE)</f>
        <v>#N/A</v>
      </c>
      <c r="O169" s="51" t="e">
        <f t="shared" si="7"/>
        <v>#N/A</v>
      </c>
      <c r="P169" s="51">
        <v>1</v>
      </c>
      <c r="Q169" s="51" t="s">
        <v>5341</v>
      </c>
      <c r="R169" s="54" t="b">
        <v>1</v>
      </c>
      <c r="S169" s="52" t="s">
        <v>7126</v>
      </c>
      <c r="T169" s="67" t="s">
        <v>7127</v>
      </c>
      <c r="U169" s="75" t="s">
        <v>5331</v>
      </c>
      <c r="V169" s="47" t="s">
        <v>5331</v>
      </c>
      <c r="W169" s="47" t="s">
        <v>5331</v>
      </c>
      <c r="X169" s="47" t="s">
        <v>5331</v>
      </c>
      <c r="Y169" s="47" t="s">
        <v>5331</v>
      </c>
      <c r="Z169" s="28"/>
      <c r="AA169" s="27"/>
      <c r="AB169" s="27"/>
      <c r="AC169" s="27"/>
      <c r="AD169" s="30"/>
      <c r="AE169" s="1"/>
      <c r="AF169" s="23" t="s">
        <v>5331</v>
      </c>
      <c r="AG169" s="26"/>
      <c r="AH169" s="53"/>
    </row>
    <row r="170" spans="1:34" ht="51.6" customHeight="1" x14ac:dyDescent="0.45">
      <c r="A170" s="23">
        <v>164</v>
      </c>
      <c r="B170" s="25"/>
      <c r="C170" s="25"/>
      <c r="D170" s="29"/>
      <c r="E170" s="1"/>
      <c r="F170" s="1"/>
      <c r="G170" s="25"/>
      <c r="H170" s="71"/>
      <c r="I170" s="83"/>
      <c r="J170" s="50" t="str">
        <f t="shared" si="6"/>
        <v/>
      </c>
      <c r="K170" s="23" t="s">
        <v>7120</v>
      </c>
      <c r="L170" s="49" t="e">
        <f>VLOOKUP(E170&amp;F170,団体コード!$A$1:$C$1743,3,FALSE)</f>
        <v>#N/A</v>
      </c>
      <c r="M170" s="49" t="e">
        <f>VLOOKUP(E170&amp;F170,団体コード!$A$1:$C$1743,2,FALSE)</f>
        <v>#N/A</v>
      </c>
      <c r="N170" s="51" t="e">
        <f>VLOOKUP(E170,団体コード!$E$1:$F$48,2,FALSE)</f>
        <v>#N/A</v>
      </c>
      <c r="O170" s="51" t="e">
        <f t="shared" si="7"/>
        <v>#N/A</v>
      </c>
      <c r="P170" s="51">
        <v>1</v>
      </c>
      <c r="Q170" s="51" t="s">
        <v>5341</v>
      </c>
      <c r="R170" s="54" t="b">
        <v>1</v>
      </c>
      <c r="S170" s="52" t="s">
        <v>7126</v>
      </c>
      <c r="T170" s="67" t="s">
        <v>7127</v>
      </c>
      <c r="U170" s="75" t="s">
        <v>5331</v>
      </c>
      <c r="V170" s="47" t="s">
        <v>5331</v>
      </c>
      <c r="W170" s="47" t="s">
        <v>5331</v>
      </c>
      <c r="X170" s="47" t="s">
        <v>5331</v>
      </c>
      <c r="Y170" s="47" t="s">
        <v>5331</v>
      </c>
      <c r="Z170" s="28"/>
      <c r="AA170" s="27"/>
      <c r="AB170" s="27"/>
      <c r="AC170" s="27"/>
      <c r="AD170" s="30"/>
      <c r="AE170" s="1"/>
      <c r="AF170" s="23" t="s">
        <v>5331</v>
      </c>
      <c r="AG170" s="26"/>
      <c r="AH170" s="53"/>
    </row>
    <row r="171" spans="1:34" ht="51.6" customHeight="1" x14ac:dyDescent="0.45">
      <c r="A171" s="23">
        <v>165</v>
      </c>
      <c r="B171" s="25"/>
      <c r="C171" s="25"/>
      <c r="D171" s="29"/>
      <c r="E171" s="1"/>
      <c r="F171" s="1"/>
      <c r="G171" s="25"/>
      <c r="H171" s="71"/>
      <c r="I171" s="83"/>
      <c r="J171" s="50" t="str">
        <f t="shared" si="6"/>
        <v/>
      </c>
      <c r="K171" s="23" t="s">
        <v>7120</v>
      </c>
      <c r="L171" s="49" t="e">
        <f>VLOOKUP(E171&amp;F171,団体コード!$A$1:$C$1743,3,FALSE)</f>
        <v>#N/A</v>
      </c>
      <c r="M171" s="49" t="e">
        <f>VLOOKUP(E171&amp;F171,団体コード!$A$1:$C$1743,2,FALSE)</f>
        <v>#N/A</v>
      </c>
      <c r="N171" s="51" t="e">
        <f>VLOOKUP(E171,団体コード!$E$1:$F$48,2,FALSE)</f>
        <v>#N/A</v>
      </c>
      <c r="O171" s="51" t="e">
        <f t="shared" si="7"/>
        <v>#N/A</v>
      </c>
      <c r="P171" s="51">
        <v>1</v>
      </c>
      <c r="Q171" s="51" t="s">
        <v>5341</v>
      </c>
      <c r="R171" s="54" t="b">
        <v>1</v>
      </c>
      <c r="S171" s="52" t="s">
        <v>7126</v>
      </c>
      <c r="T171" s="67" t="s">
        <v>7127</v>
      </c>
      <c r="U171" s="75" t="s">
        <v>5331</v>
      </c>
      <c r="V171" s="47" t="s">
        <v>5331</v>
      </c>
      <c r="W171" s="47" t="s">
        <v>5331</v>
      </c>
      <c r="X171" s="47" t="s">
        <v>5331</v>
      </c>
      <c r="Y171" s="47" t="s">
        <v>5331</v>
      </c>
      <c r="Z171" s="28"/>
      <c r="AA171" s="27"/>
      <c r="AB171" s="27"/>
      <c r="AC171" s="27"/>
      <c r="AD171" s="30"/>
      <c r="AE171" s="1"/>
      <c r="AF171" s="23" t="s">
        <v>5331</v>
      </c>
      <c r="AG171" s="26"/>
      <c r="AH171" s="53"/>
    </row>
    <row r="172" spans="1:34" ht="51.6" customHeight="1" x14ac:dyDescent="0.45">
      <c r="A172" s="23">
        <v>166</v>
      </c>
      <c r="B172" s="25"/>
      <c r="C172" s="25"/>
      <c r="D172" s="29"/>
      <c r="E172" s="1"/>
      <c r="F172" s="1"/>
      <c r="G172" s="25"/>
      <c r="H172" s="71"/>
      <c r="I172" s="83"/>
      <c r="J172" s="50" t="str">
        <f t="shared" si="6"/>
        <v/>
      </c>
      <c r="K172" s="23" t="s">
        <v>7120</v>
      </c>
      <c r="L172" s="49" t="e">
        <f>VLOOKUP(E172&amp;F172,団体コード!$A$1:$C$1743,3,FALSE)</f>
        <v>#N/A</v>
      </c>
      <c r="M172" s="49" t="e">
        <f>VLOOKUP(E172&amp;F172,団体コード!$A$1:$C$1743,2,FALSE)</f>
        <v>#N/A</v>
      </c>
      <c r="N172" s="51" t="e">
        <f>VLOOKUP(E172,団体コード!$E$1:$F$48,2,FALSE)</f>
        <v>#N/A</v>
      </c>
      <c r="O172" s="51" t="e">
        <f t="shared" si="7"/>
        <v>#N/A</v>
      </c>
      <c r="P172" s="51">
        <v>1</v>
      </c>
      <c r="Q172" s="51" t="s">
        <v>5341</v>
      </c>
      <c r="R172" s="54" t="b">
        <v>1</v>
      </c>
      <c r="S172" s="52" t="s">
        <v>7126</v>
      </c>
      <c r="T172" s="67" t="s">
        <v>7127</v>
      </c>
      <c r="U172" s="75" t="s">
        <v>5331</v>
      </c>
      <c r="V172" s="47" t="s">
        <v>5331</v>
      </c>
      <c r="W172" s="47" t="s">
        <v>5331</v>
      </c>
      <c r="X172" s="47" t="s">
        <v>5331</v>
      </c>
      <c r="Y172" s="47" t="s">
        <v>5331</v>
      </c>
      <c r="Z172" s="28"/>
      <c r="AA172" s="27"/>
      <c r="AB172" s="27"/>
      <c r="AC172" s="27"/>
      <c r="AD172" s="30"/>
      <c r="AE172" s="1"/>
      <c r="AF172" s="23" t="s">
        <v>5331</v>
      </c>
      <c r="AG172" s="26"/>
      <c r="AH172" s="53"/>
    </row>
    <row r="173" spans="1:34" ht="51.6" customHeight="1" x14ac:dyDescent="0.45">
      <c r="A173" s="23">
        <v>167</v>
      </c>
      <c r="B173" s="25"/>
      <c r="C173" s="25"/>
      <c r="D173" s="29"/>
      <c r="E173" s="1"/>
      <c r="F173" s="1"/>
      <c r="G173" s="25"/>
      <c r="H173" s="71"/>
      <c r="I173" s="83"/>
      <c r="J173" s="50" t="str">
        <f t="shared" si="6"/>
        <v/>
      </c>
      <c r="K173" s="23" t="s">
        <v>7120</v>
      </c>
      <c r="L173" s="49" t="e">
        <f>VLOOKUP(E173&amp;F173,団体コード!$A$1:$C$1743,3,FALSE)</f>
        <v>#N/A</v>
      </c>
      <c r="M173" s="49" t="e">
        <f>VLOOKUP(E173&amp;F173,団体コード!$A$1:$C$1743,2,FALSE)</f>
        <v>#N/A</v>
      </c>
      <c r="N173" s="51" t="e">
        <f>VLOOKUP(E173,団体コード!$E$1:$F$48,2,FALSE)</f>
        <v>#N/A</v>
      </c>
      <c r="O173" s="51" t="e">
        <f t="shared" si="7"/>
        <v>#N/A</v>
      </c>
      <c r="P173" s="51">
        <v>1</v>
      </c>
      <c r="Q173" s="51" t="s">
        <v>5341</v>
      </c>
      <c r="R173" s="54" t="b">
        <v>1</v>
      </c>
      <c r="S173" s="52" t="s">
        <v>7126</v>
      </c>
      <c r="T173" s="67" t="s">
        <v>7127</v>
      </c>
      <c r="U173" s="75" t="s">
        <v>5331</v>
      </c>
      <c r="V173" s="47" t="s">
        <v>5331</v>
      </c>
      <c r="W173" s="47" t="s">
        <v>5331</v>
      </c>
      <c r="X173" s="47" t="s">
        <v>5331</v>
      </c>
      <c r="Y173" s="47" t="s">
        <v>5331</v>
      </c>
      <c r="Z173" s="28"/>
      <c r="AA173" s="27"/>
      <c r="AB173" s="27"/>
      <c r="AC173" s="27"/>
      <c r="AD173" s="30"/>
      <c r="AE173" s="1"/>
      <c r="AF173" s="23" t="s">
        <v>5331</v>
      </c>
      <c r="AG173" s="26"/>
      <c r="AH173" s="53"/>
    </row>
    <row r="174" spans="1:34" ht="51.6" customHeight="1" x14ac:dyDescent="0.45">
      <c r="A174" s="23">
        <v>168</v>
      </c>
      <c r="B174" s="25"/>
      <c r="C174" s="25"/>
      <c r="D174" s="29"/>
      <c r="E174" s="1"/>
      <c r="F174" s="1"/>
      <c r="G174" s="25"/>
      <c r="H174" s="71"/>
      <c r="I174" s="83"/>
      <c r="J174" s="50" t="str">
        <f t="shared" si="6"/>
        <v/>
      </c>
      <c r="K174" s="23" t="s">
        <v>7120</v>
      </c>
      <c r="L174" s="49" t="e">
        <f>VLOOKUP(E174&amp;F174,団体コード!$A$1:$C$1743,3,FALSE)</f>
        <v>#N/A</v>
      </c>
      <c r="M174" s="49" t="e">
        <f>VLOOKUP(E174&amp;F174,団体コード!$A$1:$C$1743,2,FALSE)</f>
        <v>#N/A</v>
      </c>
      <c r="N174" s="51" t="e">
        <f>VLOOKUP(E174,団体コード!$E$1:$F$48,2,FALSE)</f>
        <v>#N/A</v>
      </c>
      <c r="O174" s="51" t="e">
        <f t="shared" si="7"/>
        <v>#N/A</v>
      </c>
      <c r="P174" s="51">
        <v>1</v>
      </c>
      <c r="Q174" s="51" t="s">
        <v>5341</v>
      </c>
      <c r="R174" s="54" t="b">
        <v>1</v>
      </c>
      <c r="S174" s="52" t="s">
        <v>7126</v>
      </c>
      <c r="T174" s="67" t="s">
        <v>7127</v>
      </c>
      <c r="U174" s="75" t="s">
        <v>5331</v>
      </c>
      <c r="V174" s="47" t="s">
        <v>5331</v>
      </c>
      <c r="W174" s="47" t="s">
        <v>5331</v>
      </c>
      <c r="X174" s="47" t="s">
        <v>5331</v>
      </c>
      <c r="Y174" s="47" t="s">
        <v>5331</v>
      </c>
      <c r="Z174" s="28"/>
      <c r="AA174" s="27"/>
      <c r="AB174" s="27"/>
      <c r="AC174" s="27"/>
      <c r="AD174" s="30"/>
      <c r="AE174" s="1"/>
      <c r="AF174" s="23" t="s">
        <v>5331</v>
      </c>
      <c r="AG174" s="26"/>
      <c r="AH174" s="53"/>
    </row>
    <row r="175" spans="1:34" ht="51.6" customHeight="1" x14ac:dyDescent="0.45">
      <c r="A175" s="23">
        <v>169</v>
      </c>
      <c r="B175" s="25"/>
      <c r="C175" s="25"/>
      <c r="D175" s="29"/>
      <c r="E175" s="1"/>
      <c r="F175" s="1"/>
      <c r="G175" s="25"/>
      <c r="H175" s="71"/>
      <c r="I175" s="83"/>
      <c r="J175" s="50" t="str">
        <f t="shared" si="6"/>
        <v/>
      </c>
      <c r="K175" s="23" t="s">
        <v>7120</v>
      </c>
      <c r="L175" s="49" t="e">
        <f>VLOOKUP(E175&amp;F175,団体コード!$A$1:$C$1743,3,FALSE)</f>
        <v>#N/A</v>
      </c>
      <c r="M175" s="49" t="e">
        <f>VLOOKUP(E175&amp;F175,団体コード!$A$1:$C$1743,2,FALSE)</f>
        <v>#N/A</v>
      </c>
      <c r="N175" s="51" t="e">
        <f>VLOOKUP(E175,団体コード!$E$1:$F$48,2,FALSE)</f>
        <v>#N/A</v>
      </c>
      <c r="O175" s="51" t="e">
        <f t="shared" si="7"/>
        <v>#N/A</v>
      </c>
      <c r="P175" s="51">
        <v>1</v>
      </c>
      <c r="Q175" s="51" t="s">
        <v>5341</v>
      </c>
      <c r="R175" s="54" t="b">
        <v>1</v>
      </c>
      <c r="S175" s="52" t="s">
        <v>7126</v>
      </c>
      <c r="T175" s="67" t="s">
        <v>7127</v>
      </c>
      <c r="U175" s="75" t="s">
        <v>5331</v>
      </c>
      <c r="V175" s="47" t="s">
        <v>5331</v>
      </c>
      <c r="W175" s="47" t="s">
        <v>5331</v>
      </c>
      <c r="X175" s="47" t="s">
        <v>5331</v>
      </c>
      <c r="Y175" s="47" t="s">
        <v>5331</v>
      </c>
      <c r="Z175" s="28"/>
      <c r="AA175" s="27"/>
      <c r="AB175" s="27"/>
      <c r="AC175" s="27"/>
      <c r="AD175" s="30"/>
      <c r="AE175" s="1"/>
      <c r="AF175" s="23" t="s">
        <v>5331</v>
      </c>
      <c r="AG175" s="26"/>
      <c r="AH175" s="53"/>
    </row>
    <row r="176" spans="1:34" ht="51.6" customHeight="1" x14ac:dyDescent="0.45">
      <c r="A176" s="23">
        <v>170</v>
      </c>
      <c r="B176" s="25"/>
      <c r="C176" s="25"/>
      <c r="D176" s="29"/>
      <c r="E176" s="1"/>
      <c r="F176" s="1"/>
      <c r="G176" s="25"/>
      <c r="H176" s="71"/>
      <c r="I176" s="83"/>
      <c r="J176" s="50" t="str">
        <f t="shared" si="6"/>
        <v/>
      </c>
      <c r="K176" s="23" t="s">
        <v>7120</v>
      </c>
      <c r="L176" s="49" t="e">
        <f>VLOOKUP(E176&amp;F176,団体コード!$A$1:$C$1743,3,FALSE)</f>
        <v>#N/A</v>
      </c>
      <c r="M176" s="49" t="e">
        <f>VLOOKUP(E176&amp;F176,団体コード!$A$1:$C$1743,2,FALSE)</f>
        <v>#N/A</v>
      </c>
      <c r="N176" s="51" t="e">
        <f>VLOOKUP(E176,団体コード!$E$1:$F$48,2,FALSE)</f>
        <v>#N/A</v>
      </c>
      <c r="O176" s="51" t="e">
        <f t="shared" si="7"/>
        <v>#N/A</v>
      </c>
      <c r="P176" s="51">
        <v>1</v>
      </c>
      <c r="Q176" s="51" t="s">
        <v>5341</v>
      </c>
      <c r="R176" s="54" t="b">
        <v>1</v>
      </c>
      <c r="S176" s="52" t="s">
        <v>7126</v>
      </c>
      <c r="T176" s="67" t="s">
        <v>7127</v>
      </c>
      <c r="U176" s="75" t="s">
        <v>5331</v>
      </c>
      <c r="V176" s="47" t="s">
        <v>5331</v>
      </c>
      <c r="W176" s="47" t="s">
        <v>5331</v>
      </c>
      <c r="X176" s="47" t="s">
        <v>5331</v>
      </c>
      <c r="Y176" s="47" t="s">
        <v>5331</v>
      </c>
      <c r="Z176" s="28"/>
      <c r="AA176" s="27"/>
      <c r="AB176" s="27"/>
      <c r="AC176" s="27"/>
      <c r="AD176" s="30"/>
      <c r="AE176" s="1"/>
      <c r="AF176" s="23" t="s">
        <v>5331</v>
      </c>
      <c r="AG176" s="26"/>
      <c r="AH176" s="53"/>
    </row>
    <row r="177" spans="1:34" ht="51.6" customHeight="1" x14ac:dyDescent="0.45">
      <c r="A177" s="23">
        <v>171</v>
      </c>
      <c r="B177" s="25"/>
      <c r="C177" s="25"/>
      <c r="D177" s="29"/>
      <c r="E177" s="1"/>
      <c r="F177" s="1"/>
      <c r="G177" s="25"/>
      <c r="H177" s="71"/>
      <c r="I177" s="83"/>
      <c r="J177" s="50" t="str">
        <f t="shared" si="6"/>
        <v/>
      </c>
      <c r="K177" s="23" t="s">
        <v>7120</v>
      </c>
      <c r="L177" s="49" t="e">
        <f>VLOOKUP(E177&amp;F177,団体コード!$A$1:$C$1743,3,FALSE)</f>
        <v>#N/A</v>
      </c>
      <c r="M177" s="49" t="e">
        <f>VLOOKUP(E177&amp;F177,団体コード!$A$1:$C$1743,2,FALSE)</f>
        <v>#N/A</v>
      </c>
      <c r="N177" s="51" t="e">
        <f>VLOOKUP(E177,団体コード!$E$1:$F$48,2,FALSE)</f>
        <v>#N/A</v>
      </c>
      <c r="O177" s="51" t="e">
        <f t="shared" si="7"/>
        <v>#N/A</v>
      </c>
      <c r="P177" s="51">
        <v>1</v>
      </c>
      <c r="Q177" s="51" t="s">
        <v>5341</v>
      </c>
      <c r="R177" s="54" t="b">
        <v>1</v>
      </c>
      <c r="S177" s="52" t="s">
        <v>7126</v>
      </c>
      <c r="T177" s="67" t="s">
        <v>7127</v>
      </c>
      <c r="U177" s="75" t="s">
        <v>5331</v>
      </c>
      <c r="V177" s="47" t="s">
        <v>5331</v>
      </c>
      <c r="W177" s="47" t="s">
        <v>5331</v>
      </c>
      <c r="X177" s="47" t="s">
        <v>5331</v>
      </c>
      <c r="Y177" s="47" t="s">
        <v>5331</v>
      </c>
      <c r="Z177" s="28"/>
      <c r="AA177" s="27"/>
      <c r="AB177" s="27"/>
      <c r="AC177" s="27"/>
      <c r="AD177" s="30"/>
      <c r="AE177" s="1"/>
      <c r="AF177" s="23" t="s">
        <v>5331</v>
      </c>
      <c r="AG177" s="26"/>
      <c r="AH177" s="53"/>
    </row>
    <row r="178" spans="1:34" ht="51.6" customHeight="1" x14ac:dyDescent="0.45">
      <c r="A178" s="23">
        <v>172</v>
      </c>
      <c r="B178" s="25"/>
      <c r="C178" s="25"/>
      <c r="D178" s="29"/>
      <c r="E178" s="1"/>
      <c r="F178" s="1"/>
      <c r="G178" s="25"/>
      <c r="H178" s="71"/>
      <c r="I178" s="83"/>
      <c r="J178" s="50" t="str">
        <f t="shared" si="6"/>
        <v/>
      </c>
      <c r="K178" s="23" t="s">
        <v>7120</v>
      </c>
      <c r="L178" s="49" t="e">
        <f>VLOOKUP(E178&amp;F178,団体コード!$A$1:$C$1743,3,FALSE)</f>
        <v>#N/A</v>
      </c>
      <c r="M178" s="49" t="e">
        <f>VLOOKUP(E178&amp;F178,団体コード!$A$1:$C$1743,2,FALSE)</f>
        <v>#N/A</v>
      </c>
      <c r="N178" s="51" t="e">
        <f>VLOOKUP(E178,団体コード!$E$1:$F$48,2,FALSE)</f>
        <v>#N/A</v>
      </c>
      <c r="O178" s="51" t="e">
        <f t="shared" si="7"/>
        <v>#N/A</v>
      </c>
      <c r="P178" s="51">
        <v>1</v>
      </c>
      <c r="Q178" s="51" t="s">
        <v>5341</v>
      </c>
      <c r="R178" s="54" t="b">
        <v>1</v>
      </c>
      <c r="S178" s="52" t="s">
        <v>7126</v>
      </c>
      <c r="T178" s="67" t="s">
        <v>7127</v>
      </c>
      <c r="U178" s="75" t="s">
        <v>5331</v>
      </c>
      <c r="V178" s="47" t="s">
        <v>5331</v>
      </c>
      <c r="W178" s="47" t="s">
        <v>5331</v>
      </c>
      <c r="X178" s="47" t="s">
        <v>5331</v>
      </c>
      <c r="Y178" s="47" t="s">
        <v>5331</v>
      </c>
      <c r="Z178" s="28"/>
      <c r="AA178" s="27"/>
      <c r="AB178" s="27"/>
      <c r="AC178" s="27"/>
      <c r="AD178" s="30"/>
      <c r="AE178" s="1"/>
      <c r="AF178" s="23" t="s">
        <v>5331</v>
      </c>
      <c r="AG178" s="26"/>
      <c r="AH178" s="53"/>
    </row>
    <row r="179" spans="1:34" ht="51.6" customHeight="1" x14ac:dyDescent="0.45">
      <c r="A179" s="23">
        <v>173</v>
      </c>
      <c r="B179" s="25"/>
      <c r="C179" s="25"/>
      <c r="D179" s="29"/>
      <c r="E179" s="1"/>
      <c r="F179" s="1"/>
      <c r="G179" s="25"/>
      <c r="H179" s="71"/>
      <c r="I179" s="83"/>
      <c r="J179" s="50" t="str">
        <f t="shared" si="6"/>
        <v/>
      </c>
      <c r="K179" s="23" t="s">
        <v>7120</v>
      </c>
      <c r="L179" s="49" t="e">
        <f>VLOOKUP(E179&amp;F179,団体コード!$A$1:$C$1743,3,FALSE)</f>
        <v>#N/A</v>
      </c>
      <c r="M179" s="49" t="e">
        <f>VLOOKUP(E179&amp;F179,団体コード!$A$1:$C$1743,2,FALSE)</f>
        <v>#N/A</v>
      </c>
      <c r="N179" s="51" t="e">
        <f>VLOOKUP(E179,団体コード!$E$1:$F$48,2,FALSE)</f>
        <v>#N/A</v>
      </c>
      <c r="O179" s="51" t="e">
        <f t="shared" si="7"/>
        <v>#N/A</v>
      </c>
      <c r="P179" s="51">
        <v>1</v>
      </c>
      <c r="Q179" s="51" t="s">
        <v>5341</v>
      </c>
      <c r="R179" s="54" t="b">
        <v>1</v>
      </c>
      <c r="S179" s="52" t="s">
        <v>7126</v>
      </c>
      <c r="T179" s="67" t="s">
        <v>7127</v>
      </c>
      <c r="U179" s="75" t="s">
        <v>5331</v>
      </c>
      <c r="V179" s="47" t="s">
        <v>5331</v>
      </c>
      <c r="W179" s="47" t="s">
        <v>5331</v>
      </c>
      <c r="X179" s="47" t="s">
        <v>5331</v>
      </c>
      <c r="Y179" s="47" t="s">
        <v>5331</v>
      </c>
      <c r="Z179" s="28"/>
      <c r="AA179" s="27"/>
      <c r="AB179" s="27"/>
      <c r="AC179" s="27"/>
      <c r="AD179" s="30"/>
      <c r="AE179" s="1"/>
      <c r="AF179" s="23" t="s">
        <v>5331</v>
      </c>
      <c r="AG179" s="26"/>
      <c r="AH179" s="53"/>
    </row>
    <row r="180" spans="1:34" ht="51.6" customHeight="1" x14ac:dyDescent="0.45">
      <c r="A180" s="23">
        <v>174</v>
      </c>
      <c r="B180" s="25"/>
      <c r="C180" s="25"/>
      <c r="D180" s="29"/>
      <c r="E180" s="1"/>
      <c r="F180" s="1"/>
      <c r="G180" s="25"/>
      <c r="H180" s="71"/>
      <c r="I180" s="83"/>
      <c r="J180" s="50" t="str">
        <f t="shared" si="6"/>
        <v/>
      </c>
      <c r="K180" s="23" t="s">
        <v>7120</v>
      </c>
      <c r="L180" s="49" t="e">
        <f>VLOOKUP(E180&amp;F180,団体コード!$A$1:$C$1743,3,FALSE)</f>
        <v>#N/A</v>
      </c>
      <c r="M180" s="49" t="e">
        <f>VLOOKUP(E180&amp;F180,団体コード!$A$1:$C$1743,2,FALSE)</f>
        <v>#N/A</v>
      </c>
      <c r="N180" s="51" t="e">
        <f>VLOOKUP(E180,団体コード!$E$1:$F$48,2,FALSE)</f>
        <v>#N/A</v>
      </c>
      <c r="O180" s="51" t="e">
        <f t="shared" si="7"/>
        <v>#N/A</v>
      </c>
      <c r="P180" s="51">
        <v>1</v>
      </c>
      <c r="Q180" s="51" t="s">
        <v>5341</v>
      </c>
      <c r="R180" s="54" t="b">
        <v>1</v>
      </c>
      <c r="S180" s="52" t="s">
        <v>7126</v>
      </c>
      <c r="T180" s="67" t="s">
        <v>7127</v>
      </c>
      <c r="U180" s="75" t="s">
        <v>5331</v>
      </c>
      <c r="V180" s="47" t="s">
        <v>5331</v>
      </c>
      <c r="W180" s="47" t="s">
        <v>5331</v>
      </c>
      <c r="X180" s="47" t="s">
        <v>5331</v>
      </c>
      <c r="Y180" s="47" t="s">
        <v>5331</v>
      </c>
      <c r="Z180" s="28"/>
      <c r="AA180" s="27"/>
      <c r="AB180" s="27"/>
      <c r="AC180" s="27"/>
      <c r="AD180" s="30"/>
      <c r="AE180" s="1"/>
      <c r="AF180" s="23" t="s">
        <v>5331</v>
      </c>
      <c r="AG180" s="26"/>
      <c r="AH180" s="53"/>
    </row>
    <row r="181" spans="1:34" ht="51.6" customHeight="1" x14ac:dyDescent="0.45">
      <c r="A181" s="23">
        <v>175</v>
      </c>
      <c r="B181" s="25"/>
      <c r="C181" s="25"/>
      <c r="D181" s="29"/>
      <c r="E181" s="1"/>
      <c r="F181" s="1"/>
      <c r="G181" s="25"/>
      <c r="H181" s="71"/>
      <c r="I181" s="83"/>
      <c r="J181" s="50" t="str">
        <f t="shared" si="6"/>
        <v/>
      </c>
      <c r="K181" s="23" t="s">
        <v>7120</v>
      </c>
      <c r="L181" s="49" t="e">
        <f>VLOOKUP(E181&amp;F181,団体コード!$A$1:$C$1743,3,FALSE)</f>
        <v>#N/A</v>
      </c>
      <c r="M181" s="49" t="e">
        <f>VLOOKUP(E181&amp;F181,団体コード!$A$1:$C$1743,2,FALSE)</f>
        <v>#N/A</v>
      </c>
      <c r="N181" s="51" t="e">
        <f>VLOOKUP(E181,団体コード!$E$1:$F$48,2,FALSE)</f>
        <v>#N/A</v>
      </c>
      <c r="O181" s="51" t="e">
        <f t="shared" si="7"/>
        <v>#N/A</v>
      </c>
      <c r="P181" s="51">
        <v>1</v>
      </c>
      <c r="Q181" s="51" t="s">
        <v>5341</v>
      </c>
      <c r="R181" s="54" t="b">
        <v>1</v>
      </c>
      <c r="S181" s="52" t="s">
        <v>7126</v>
      </c>
      <c r="T181" s="67" t="s">
        <v>7127</v>
      </c>
      <c r="U181" s="75" t="s">
        <v>5331</v>
      </c>
      <c r="V181" s="47" t="s">
        <v>5331</v>
      </c>
      <c r="W181" s="47" t="s">
        <v>5331</v>
      </c>
      <c r="X181" s="47" t="s">
        <v>5331</v>
      </c>
      <c r="Y181" s="47" t="s">
        <v>5331</v>
      </c>
      <c r="Z181" s="28"/>
      <c r="AA181" s="27"/>
      <c r="AB181" s="27"/>
      <c r="AC181" s="27"/>
      <c r="AD181" s="30"/>
      <c r="AE181" s="1"/>
      <c r="AF181" s="23" t="s">
        <v>5331</v>
      </c>
      <c r="AG181" s="26"/>
      <c r="AH181" s="53"/>
    </row>
    <row r="182" spans="1:34" ht="51.6" customHeight="1" x14ac:dyDescent="0.45">
      <c r="A182" s="23">
        <v>176</v>
      </c>
      <c r="B182" s="25"/>
      <c r="C182" s="25"/>
      <c r="D182" s="29"/>
      <c r="E182" s="1"/>
      <c r="F182" s="1"/>
      <c r="G182" s="25"/>
      <c r="H182" s="71"/>
      <c r="I182" s="83"/>
      <c r="J182" s="50" t="str">
        <f t="shared" si="6"/>
        <v/>
      </c>
      <c r="K182" s="23" t="s">
        <v>7120</v>
      </c>
      <c r="L182" s="49" t="e">
        <f>VLOOKUP(E182&amp;F182,団体コード!$A$1:$C$1743,3,FALSE)</f>
        <v>#N/A</v>
      </c>
      <c r="M182" s="49" t="e">
        <f>VLOOKUP(E182&amp;F182,団体コード!$A$1:$C$1743,2,FALSE)</f>
        <v>#N/A</v>
      </c>
      <c r="N182" s="51" t="e">
        <f>VLOOKUP(E182,団体コード!$E$1:$F$48,2,FALSE)</f>
        <v>#N/A</v>
      </c>
      <c r="O182" s="51" t="e">
        <f t="shared" si="7"/>
        <v>#N/A</v>
      </c>
      <c r="P182" s="51">
        <v>1</v>
      </c>
      <c r="Q182" s="51" t="s">
        <v>5341</v>
      </c>
      <c r="R182" s="54" t="b">
        <v>1</v>
      </c>
      <c r="S182" s="52" t="s">
        <v>7126</v>
      </c>
      <c r="T182" s="67" t="s">
        <v>7127</v>
      </c>
      <c r="U182" s="75" t="s">
        <v>5331</v>
      </c>
      <c r="V182" s="47" t="s">
        <v>5331</v>
      </c>
      <c r="W182" s="47" t="s">
        <v>5331</v>
      </c>
      <c r="X182" s="47" t="s">
        <v>5331</v>
      </c>
      <c r="Y182" s="47" t="s">
        <v>5331</v>
      </c>
      <c r="Z182" s="28"/>
      <c r="AA182" s="27"/>
      <c r="AB182" s="27"/>
      <c r="AC182" s="27"/>
      <c r="AD182" s="30"/>
      <c r="AE182" s="1"/>
      <c r="AF182" s="23" t="s">
        <v>5331</v>
      </c>
      <c r="AG182" s="26"/>
      <c r="AH182" s="53"/>
    </row>
    <row r="183" spans="1:34" ht="51.6" customHeight="1" x14ac:dyDescent="0.45">
      <c r="A183" s="23">
        <v>177</v>
      </c>
      <c r="B183" s="25"/>
      <c r="C183" s="25"/>
      <c r="D183" s="29"/>
      <c r="E183" s="1"/>
      <c r="F183" s="1"/>
      <c r="G183" s="25"/>
      <c r="H183" s="71"/>
      <c r="I183" s="83"/>
      <c r="J183" s="50" t="str">
        <f t="shared" si="6"/>
        <v/>
      </c>
      <c r="K183" s="23" t="s">
        <v>7120</v>
      </c>
      <c r="L183" s="49" t="e">
        <f>VLOOKUP(E183&amp;F183,団体コード!$A$1:$C$1743,3,FALSE)</f>
        <v>#N/A</v>
      </c>
      <c r="M183" s="49" t="e">
        <f>VLOOKUP(E183&amp;F183,団体コード!$A$1:$C$1743,2,FALSE)</f>
        <v>#N/A</v>
      </c>
      <c r="N183" s="51" t="e">
        <f>VLOOKUP(E183,団体コード!$E$1:$F$48,2,FALSE)</f>
        <v>#N/A</v>
      </c>
      <c r="O183" s="51" t="e">
        <f t="shared" si="7"/>
        <v>#N/A</v>
      </c>
      <c r="P183" s="51">
        <v>1</v>
      </c>
      <c r="Q183" s="51" t="s">
        <v>5341</v>
      </c>
      <c r="R183" s="54" t="b">
        <v>1</v>
      </c>
      <c r="S183" s="52" t="s">
        <v>7126</v>
      </c>
      <c r="T183" s="67" t="s">
        <v>7127</v>
      </c>
      <c r="U183" s="75" t="s">
        <v>5331</v>
      </c>
      <c r="V183" s="47" t="s">
        <v>5331</v>
      </c>
      <c r="W183" s="47" t="s">
        <v>5331</v>
      </c>
      <c r="X183" s="47" t="s">
        <v>5331</v>
      </c>
      <c r="Y183" s="47" t="s">
        <v>5331</v>
      </c>
      <c r="Z183" s="28"/>
      <c r="AA183" s="27"/>
      <c r="AB183" s="27"/>
      <c r="AC183" s="27"/>
      <c r="AD183" s="30"/>
      <c r="AE183" s="1"/>
      <c r="AF183" s="23" t="s">
        <v>5331</v>
      </c>
      <c r="AG183" s="26"/>
      <c r="AH183" s="53"/>
    </row>
    <row r="184" spans="1:34" ht="51.6" customHeight="1" x14ac:dyDescent="0.45">
      <c r="A184" s="23">
        <v>178</v>
      </c>
      <c r="B184" s="25"/>
      <c r="C184" s="25"/>
      <c r="D184" s="29"/>
      <c r="E184" s="1"/>
      <c r="F184" s="1"/>
      <c r="G184" s="25"/>
      <c r="H184" s="71"/>
      <c r="I184" s="83"/>
      <c r="J184" s="50" t="str">
        <f t="shared" si="6"/>
        <v/>
      </c>
      <c r="K184" s="23" t="s">
        <v>7120</v>
      </c>
      <c r="L184" s="49" t="e">
        <f>VLOOKUP(E184&amp;F184,団体コード!$A$1:$C$1743,3,FALSE)</f>
        <v>#N/A</v>
      </c>
      <c r="M184" s="49" t="e">
        <f>VLOOKUP(E184&amp;F184,団体コード!$A$1:$C$1743,2,FALSE)</f>
        <v>#N/A</v>
      </c>
      <c r="N184" s="51" t="e">
        <f>VLOOKUP(E184,団体コード!$E$1:$F$48,2,FALSE)</f>
        <v>#N/A</v>
      </c>
      <c r="O184" s="51" t="e">
        <f t="shared" si="7"/>
        <v>#N/A</v>
      </c>
      <c r="P184" s="51">
        <v>1</v>
      </c>
      <c r="Q184" s="51" t="s">
        <v>5341</v>
      </c>
      <c r="R184" s="54" t="b">
        <v>1</v>
      </c>
      <c r="S184" s="52" t="s">
        <v>7126</v>
      </c>
      <c r="T184" s="67" t="s">
        <v>7127</v>
      </c>
      <c r="U184" s="75" t="s">
        <v>5331</v>
      </c>
      <c r="V184" s="47" t="s">
        <v>5331</v>
      </c>
      <c r="W184" s="47" t="s">
        <v>5331</v>
      </c>
      <c r="X184" s="47" t="s">
        <v>5331</v>
      </c>
      <c r="Y184" s="47" t="s">
        <v>5331</v>
      </c>
      <c r="Z184" s="28"/>
      <c r="AA184" s="27"/>
      <c r="AB184" s="27"/>
      <c r="AC184" s="27"/>
      <c r="AD184" s="30"/>
      <c r="AE184" s="1"/>
      <c r="AF184" s="23" t="s">
        <v>5331</v>
      </c>
      <c r="AG184" s="26"/>
      <c r="AH184" s="53"/>
    </row>
    <row r="185" spans="1:34" ht="51.6" customHeight="1" x14ac:dyDescent="0.45">
      <c r="A185" s="23">
        <v>179</v>
      </c>
      <c r="B185" s="25"/>
      <c r="C185" s="25"/>
      <c r="D185" s="29"/>
      <c r="E185" s="1"/>
      <c r="F185" s="1"/>
      <c r="G185" s="25"/>
      <c r="H185" s="71"/>
      <c r="I185" s="83"/>
      <c r="J185" s="50" t="str">
        <f t="shared" si="6"/>
        <v/>
      </c>
      <c r="K185" s="23" t="s">
        <v>7120</v>
      </c>
      <c r="L185" s="49" t="e">
        <f>VLOOKUP(E185&amp;F185,団体コード!$A$1:$C$1743,3,FALSE)</f>
        <v>#N/A</v>
      </c>
      <c r="M185" s="49" t="e">
        <f>VLOOKUP(E185&amp;F185,団体コード!$A$1:$C$1743,2,FALSE)</f>
        <v>#N/A</v>
      </c>
      <c r="N185" s="51" t="e">
        <f>VLOOKUP(E185,団体コード!$E$1:$F$48,2,FALSE)</f>
        <v>#N/A</v>
      </c>
      <c r="O185" s="51" t="e">
        <f t="shared" si="7"/>
        <v>#N/A</v>
      </c>
      <c r="P185" s="51">
        <v>1</v>
      </c>
      <c r="Q185" s="51" t="s">
        <v>5341</v>
      </c>
      <c r="R185" s="54" t="b">
        <v>1</v>
      </c>
      <c r="S185" s="52" t="s">
        <v>7126</v>
      </c>
      <c r="T185" s="67" t="s">
        <v>7127</v>
      </c>
      <c r="U185" s="75" t="s">
        <v>5331</v>
      </c>
      <c r="V185" s="47" t="s">
        <v>5331</v>
      </c>
      <c r="W185" s="47" t="s">
        <v>5331</v>
      </c>
      <c r="X185" s="47" t="s">
        <v>5331</v>
      </c>
      <c r="Y185" s="47" t="s">
        <v>5331</v>
      </c>
      <c r="Z185" s="28"/>
      <c r="AA185" s="27"/>
      <c r="AB185" s="27"/>
      <c r="AC185" s="27"/>
      <c r="AD185" s="30"/>
      <c r="AE185" s="1"/>
      <c r="AF185" s="23" t="s">
        <v>5331</v>
      </c>
      <c r="AG185" s="26"/>
      <c r="AH185" s="53"/>
    </row>
    <row r="186" spans="1:34" ht="51.6" customHeight="1" x14ac:dyDescent="0.45">
      <c r="A186" s="23">
        <v>180</v>
      </c>
      <c r="B186" s="25"/>
      <c r="C186" s="25"/>
      <c r="D186" s="29"/>
      <c r="E186" s="1"/>
      <c r="F186" s="1"/>
      <c r="G186" s="25"/>
      <c r="H186" s="71"/>
      <c r="I186" s="83"/>
      <c r="J186" s="50" t="str">
        <f t="shared" si="6"/>
        <v/>
      </c>
      <c r="K186" s="23" t="s">
        <v>7120</v>
      </c>
      <c r="L186" s="49" t="e">
        <f>VLOOKUP(E186&amp;F186,団体コード!$A$1:$C$1743,3,FALSE)</f>
        <v>#N/A</v>
      </c>
      <c r="M186" s="49" t="e">
        <f>VLOOKUP(E186&amp;F186,団体コード!$A$1:$C$1743,2,FALSE)</f>
        <v>#N/A</v>
      </c>
      <c r="N186" s="51" t="e">
        <f>VLOOKUP(E186,団体コード!$E$1:$F$48,2,FALSE)</f>
        <v>#N/A</v>
      </c>
      <c r="O186" s="51" t="e">
        <f t="shared" si="7"/>
        <v>#N/A</v>
      </c>
      <c r="P186" s="51">
        <v>1</v>
      </c>
      <c r="Q186" s="51" t="s">
        <v>5341</v>
      </c>
      <c r="R186" s="54" t="b">
        <v>1</v>
      </c>
      <c r="S186" s="52" t="s">
        <v>7126</v>
      </c>
      <c r="T186" s="67" t="s">
        <v>7127</v>
      </c>
      <c r="U186" s="75" t="s">
        <v>5331</v>
      </c>
      <c r="V186" s="47" t="s">
        <v>5331</v>
      </c>
      <c r="W186" s="47" t="s">
        <v>5331</v>
      </c>
      <c r="X186" s="47" t="s">
        <v>5331</v>
      </c>
      <c r="Y186" s="47" t="s">
        <v>5331</v>
      </c>
      <c r="Z186" s="28"/>
      <c r="AA186" s="27"/>
      <c r="AB186" s="27"/>
      <c r="AC186" s="27"/>
      <c r="AD186" s="30"/>
      <c r="AE186" s="1"/>
      <c r="AF186" s="23" t="s">
        <v>5331</v>
      </c>
      <c r="AG186" s="26"/>
      <c r="AH186" s="53"/>
    </row>
    <row r="187" spans="1:34" ht="51.6" customHeight="1" x14ac:dyDescent="0.45">
      <c r="A187" s="23">
        <v>181</v>
      </c>
      <c r="B187" s="25"/>
      <c r="C187" s="25"/>
      <c r="D187" s="29"/>
      <c r="E187" s="1"/>
      <c r="F187" s="1"/>
      <c r="G187" s="25"/>
      <c r="H187" s="71"/>
      <c r="I187" s="83"/>
      <c r="J187" s="50" t="str">
        <f t="shared" si="6"/>
        <v/>
      </c>
      <c r="K187" s="23" t="s">
        <v>7120</v>
      </c>
      <c r="L187" s="49" t="e">
        <f>VLOOKUP(E187&amp;F187,団体コード!$A$1:$C$1743,3,FALSE)</f>
        <v>#N/A</v>
      </c>
      <c r="M187" s="49" t="e">
        <f>VLOOKUP(E187&amp;F187,団体コード!$A$1:$C$1743,2,FALSE)</f>
        <v>#N/A</v>
      </c>
      <c r="N187" s="51" t="e">
        <f>VLOOKUP(E187,団体コード!$E$1:$F$48,2,FALSE)</f>
        <v>#N/A</v>
      </c>
      <c r="O187" s="51" t="e">
        <f t="shared" si="7"/>
        <v>#N/A</v>
      </c>
      <c r="P187" s="51">
        <v>1</v>
      </c>
      <c r="Q187" s="51" t="s">
        <v>5341</v>
      </c>
      <c r="R187" s="54" t="b">
        <v>1</v>
      </c>
      <c r="S187" s="52" t="s">
        <v>7126</v>
      </c>
      <c r="T187" s="67" t="s">
        <v>7127</v>
      </c>
      <c r="U187" s="75" t="s">
        <v>5331</v>
      </c>
      <c r="V187" s="47" t="s">
        <v>5331</v>
      </c>
      <c r="W187" s="47" t="s">
        <v>5331</v>
      </c>
      <c r="X187" s="47" t="s">
        <v>5331</v>
      </c>
      <c r="Y187" s="47" t="s">
        <v>5331</v>
      </c>
      <c r="Z187" s="28"/>
      <c r="AA187" s="27"/>
      <c r="AB187" s="27"/>
      <c r="AC187" s="27"/>
      <c r="AD187" s="30"/>
      <c r="AE187" s="1"/>
      <c r="AF187" s="23" t="s">
        <v>5331</v>
      </c>
      <c r="AG187" s="26"/>
      <c r="AH187" s="53"/>
    </row>
    <row r="188" spans="1:34" ht="51.6" customHeight="1" x14ac:dyDescent="0.45">
      <c r="A188" s="23">
        <v>182</v>
      </c>
      <c r="B188" s="25"/>
      <c r="C188" s="25"/>
      <c r="D188" s="29"/>
      <c r="E188" s="1"/>
      <c r="F188" s="1"/>
      <c r="G188" s="25"/>
      <c r="H188" s="71"/>
      <c r="I188" s="83"/>
      <c r="J188" s="50" t="str">
        <f t="shared" si="6"/>
        <v/>
      </c>
      <c r="K188" s="23" t="s">
        <v>7120</v>
      </c>
      <c r="L188" s="49" t="e">
        <f>VLOOKUP(E188&amp;F188,団体コード!$A$1:$C$1743,3,FALSE)</f>
        <v>#N/A</v>
      </c>
      <c r="M188" s="49" t="e">
        <f>VLOOKUP(E188&amp;F188,団体コード!$A$1:$C$1743,2,FALSE)</f>
        <v>#N/A</v>
      </c>
      <c r="N188" s="51" t="e">
        <f>VLOOKUP(E188,団体コード!$E$1:$F$48,2,FALSE)</f>
        <v>#N/A</v>
      </c>
      <c r="O188" s="51" t="e">
        <f t="shared" si="7"/>
        <v>#N/A</v>
      </c>
      <c r="P188" s="51">
        <v>1</v>
      </c>
      <c r="Q188" s="51" t="s">
        <v>5341</v>
      </c>
      <c r="R188" s="54" t="b">
        <v>1</v>
      </c>
      <c r="S188" s="52" t="s">
        <v>7126</v>
      </c>
      <c r="T188" s="67" t="s">
        <v>7127</v>
      </c>
      <c r="U188" s="75" t="s">
        <v>5331</v>
      </c>
      <c r="V188" s="47" t="s">
        <v>5331</v>
      </c>
      <c r="W188" s="47" t="s">
        <v>5331</v>
      </c>
      <c r="X188" s="47" t="s">
        <v>5331</v>
      </c>
      <c r="Y188" s="47" t="s">
        <v>5331</v>
      </c>
      <c r="Z188" s="28"/>
      <c r="AA188" s="27"/>
      <c r="AB188" s="27"/>
      <c r="AC188" s="27"/>
      <c r="AD188" s="30"/>
      <c r="AE188" s="1"/>
      <c r="AF188" s="23" t="s">
        <v>5331</v>
      </c>
      <c r="AG188" s="26"/>
      <c r="AH188" s="53"/>
    </row>
    <row r="189" spans="1:34" ht="51.6" customHeight="1" x14ac:dyDescent="0.45">
      <c r="A189" s="23">
        <v>183</v>
      </c>
      <c r="B189" s="25"/>
      <c r="C189" s="25"/>
      <c r="D189" s="29"/>
      <c r="E189" s="1"/>
      <c r="F189" s="1"/>
      <c r="G189" s="25"/>
      <c r="H189" s="71"/>
      <c r="I189" s="83"/>
      <c r="J189" s="50" t="str">
        <f t="shared" si="6"/>
        <v/>
      </c>
      <c r="K189" s="23" t="s">
        <v>7120</v>
      </c>
      <c r="L189" s="49" t="e">
        <f>VLOOKUP(E189&amp;F189,団体コード!$A$1:$C$1743,3,FALSE)</f>
        <v>#N/A</v>
      </c>
      <c r="M189" s="49" t="e">
        <f>VLOOKUP(E189&amp;F189,団体コード!$A$1:$C$1743,2,FALSE)</f>
        <v>#N/A</v>
      </c>
      <c r="N189" s="51" t="e">
        <f>VLOOKUP(E189,団体コード!$E$1:$F$48,2,FALSE)</f>
        <v>#N/A</v>
      </c>
      <c r="O189" s="51" t="e">
        <f t="shared" si="7"/>
        <v>#N/A</v>
      </c>
      <c r="P189" s="51">
        <v>1</v>
      </c>
      <c r="Q189" s="51" t="s">
        <v>5341</v>
      </c>
      <c r="R189" s="54" t="b">
        <v>1</v>
      </c>
      <c r="S189" s="52" t="s">
        <v>7126</v>
      </c>
      <c r="T189" s="67" t="s">
        <v>7127</v>
      </c>
      <c r="U189" s="75" t="s">
        <v>5331</v>
      </c>
      <c r="V189" s="47" t="s">
        <v>5331</v>
      </c>
      <c r="W189" s="47" t="s">
        <v>5331</v>
      </c>
      <c r="X189" s="47" t="s">
        <v>5331</v>
      </c>
      <c r="Y189" s="47" t="s">
        <v>5331</v>
      </c>
      <c r="Z189" s="28"/>
      <c r="AA189" s="27"/>
      <c r="AB189" s="27"/>
      <c r="AC189" s="27"/>
      <c r="AD189" s="30"/>
      <c r="AE189" s="1"/>
      <c r="AF189" s="23" t="s">
        <v>5331</v>
      </c>
      <c r="AG189" s="26"/>
      <c r="AH189" s="53"/>
    </row>
    <row r="190" spans="1:34" ht="51.6" customHeight="1" x14ac:dyDescent="0.45">
      <c r="A190" s="23">
        <v>184</v>
      </c>
      <c r="B190" s="25"/>
      <c r="C190" s="25"/>
      <c r="D190" s="29"/>
      <c r="E190" s="1"/>
      <c r="F190" s="1"/>
      <c r="G190" s="25"/>
      <c r="H190" s="71"/>
      <c r="I190" s="83"/>
      <c r="J190" s="50" t="str">
        <f t="shared" si="6"/>
        <v/>
      </c>
      <c r="K190" s="23" t="s">
        <v>7120</v>
      </c>
      <c r="L190" s="49" t="e">
        <f>VLOOKUP(E190&amp;F190,団体コード!$A$1:$C$1743,3,FALSE)</f>
        <v>#N/A</v>
      </c>
      <c r="M190" s="49" t="e">
        <f>VLOOKUP(E190&amp;F190,団体コード!$A$1:$C$1743,2,FALSE)</f>
        <v>#N/A</v>
      </c>
      <c r="N190" s="51" t="e">
        <f>VLOOKUP(E190,団体コード!$E$1:$F$48,2,FALSE)</f>
        <v>#N/A</v>
      </c>
      <c r="O190" s="51" t="e">
        <f t="shared" si="7"/>
        <v>#N/A</v>
      </c>
      <c r="P190" s="51">
        <v>1</v>
      </c>
      <c r="Q190" s="51" t="s">
        <v>5341</v>
      </c>
      <c r="R190" s="54" t="b">
        <v>1</v>
      </c>
      <c r="S190" s="52" t="s">
        <v>7126</v>
      </c>
      <c r="T190" s="67" t="s">
        <v>7127</v>
      </c>
      <c r="U190" s="75" t="s">
        <v>5331</v>
      </c>
      <c r="V190" s="47" t="s">
        <v>5331</v>
      </c>
      <c r="W190" s="47" t="s">
        <v>5331</v>
      </c>
      <c r="X190" s="47" t="s">
        <v>5331</v>
      </c>
      <c r="Y190" s="47" t="s">
        <v>5331</v>
      </c>
      <c r="Z190" s="28"/>
      <c r="AA190" s="27"/>
      <c r="AB190" s="27"/>
      <c r="AC190" s="27"/>
      <c r="AD190" s="30"/>
      <c r="AE190" s="1"/>
      <c r="AF190" s="23" t="s">
        <v>5331</v>
      </c>
      <c r="AG190" s="26"/>
      <c r="AH190" s="53"/>
    </row>
    <row r="191" spans="1:34" ht="51.6" customHeight="1" x14ac:dyDescent="0.45">
      <c r="A191" s="23">
        <v>185</v>
      </c>
      <c r="B191" s="25"/>
      <c r="C191" s="25"/>
      <c r="D191" s="29"/>
      <c r="E191" s="1"/>
      <c r="F191" s="1"/>
      <c r="G191" s="25"/>
      <c r="H191" s="71"/>
      <c r="I191" s="83"/>
      <c r="J191" s="50" t="str">
        <f t="shared" si="6"/>
        <v/>
      </c>
      <c r="K191" s="23" t="s">
        <v>7120</v>
      </c>
      <c r="L191" s="49" t="e">
        <f>VLOOKUP(E191&amp;F191,団体コード!$A$1:$C$1743,3,FALSE)</f>
        <v>#N/A</v>
      </c>
      <c r="M191" s="49" t="e">
        <f>VLOOKUP(E191&amp;F191,団体コード!$A$1:$C$1743,2,FALSE)</f>
        <v>#N/A</v>
      </c>
      <c r="N191" s="51" t="e">
        <f>VLOOKUP(E191,団体コード!$E$1:$F$48,2,FALSE)</f>
        <v>#N/A</v>
      </c>
      <c r="O191" s="51" t="e">
        <f t="shared" si="7"/>
        <v>#N/A</v>
      </c>
      <c r="P191" s="51">
        <v>1</v>
      </c>
      <c r="Q191" s="51" t="s">
        <v>5341</v>
      </c>
      <c r="R191" s="54" t="b">
        <v>1</v>
      </c>
      <c r="S191" s="52" t="s">
        <v>7126</v>
      </c>
      <c r="T191" s="67" t="s">
        <v>7127</v>
      </c>
      <c r="U191" s="75" t="s">
        <v>5331</v>
      </c>
      <c r="V191" s="47" t="s">
        <v>5331</v>
      </c>
      <c r="W191" s="47" t="s">
        <v>5331</v>
      </c>
      <c r="X191" s="47" t="s">
        <v>5331</v>
      </c>
      <c r="Y191" s="47" t="s">
        <v>5331</v>
      </c>
      <c r="Z191" s="28"/>
      <c r="AA191" s="27"/>
      <c r="AB191" s="27"/>
      <c r="AC191" s="27"/>
      <c r="AD191" s="30"/>
      <c r="AE191" s="1"/>
      <c r="AF191" s="23" t="s">
        <v>5331</v>
      </c>
      <c r="AG191" s="26"/>
      <c r="AH191" s="53"/>
    </row>
    <row r="192" spans="1:34" ht="51.6" customHeight="1" x14ac:dyDescent="0.45">
      <c r="A192" s="23">
        <v>186</v>
      </c>
      <c r="B192" s="25"/>
      <c r="C192" s="25"/>
      <c r="D192" s="29"/>
      <c r="E192" s="1"/>
      <c r="F192" s="1"/>
      <c r="G192" s="25"/>
      <c r="H192" s="71"/>
      <c r="I192" s="83"/>
      <c r="J192" s="50" t="str">
        <f t="shared" si="6"/>
        <v/>
      </c>
      <c r="K192" s="23" t="s">
        <v>7120</v>
      </c>
      <c r="L192" s="49" t="e">
        <f>VLOOKUP(E192&amp;F192,団体コード!$A$1:$C$1743,3,FALSE)</f>
        <v>#N/A</v>
      </c>
      <c r="M192" s="49" t="e">
        <f>VLOOKUP(E192&amp;F192,団体コード!$A$1:$C$1743,2,FALSE)</f>
        <v>#N/A</v>
      </c>
      <c r="N192" s="51" t="e">
        <f>VLOOKUP(E192,団体コード!$E$1:$F$48,2,FALSE)</f>
        <v>#N/A</v>
      </c>
      <c r="O192" s="51" t="e">
        <f t="shared" si="7"/>
        <v>#N/A</v>
      </c>
      <c r="P192" s="51">
        <v>1</v>
      </c>
      <c r="Q192" s="51" t="s">
        <v>5341</v>
      </c>
      <c r="R192" s="54" t="b">
        <v>1</v>
      </c>
      <c r="S192" s="52" t="s">
        <v>7126</v>
      </c>
      <c r="T192" s="67" t="s">
        <v>7127</v>
      </c>
      <c r="U192" s="75" t="s">
        <v>5331</v>
      </c>
      <c r="V192" s="47" t="s">
        <v>5331</v>
      </c>
      <c r="W192" s="47" t="s">
        <v>5331</v>
      </c>
      <c r="X192" s="47" t="s">
        <v>5331</v>
      </c>
      <c r="Y192" s="47" t="s">
        <v>5331</v>
      </c>
      <c r="Z192" s="28"/>
      <c r="AA192" s="27"/>
      <c r="AB192" s="27"/>
      <c r="AC192" s="27"/>
      <c r="AD192" s="30"/>
      <c r="AE192" s="1"/>
      <c r="AF192" s="23" t="s">
        <v>5331</v>
      </c>
      <c r="AG192" s="26"/>
      <c r="AH192" s="53"/>
    </row>
    <row r="193" spans="1:34" ht="51.6" customHeight="1" x14ac:dyDescent="0.45">
      <c r="A193" s="23">
        <v>187</v>
      </c>
      <c r="B193" s="25"/>
      <c r="C193" s="25"/>
      <c r="D193" s="29"/>
      <c r="E193" s="1"/>
      <c r="F193" s="1"/>
      <c r="G193" s="25"/>
      <c r="H193" s="71"/>
      <c r="I193" s="83"/>
      <c r="J193" s="50" t="str">
        <f t="shared" si="6"/>
        <v/>
      </c>
      <c r="K193" s="23" t="s">
        <v>7120</v>
      </c>
      <c r="L193" s="49" t="e">
        <f>VLOOKUP(E193&amp;F193,団体コード!$A$1:$C$1743,3,FALSE)</f>
        <v>#N/A</v>
      </c>
      <c r="M193" s="49" t="e">
        <f>VLOOKUP(E193&amp;F193,団体コード!$A$1:$C$1743,2,FALSE)</f>
        <v>#N/A</v>
      </c>
      <c r="N193" s="51" t="e">
        <f>VLOOKUP(E193,団体コード!$E$1:$F$48,2,FALSE)</f>
        <v>#N/A</v>
      </c>
      <c r="O193" s="51" t="e">
        <f t="shared" si="7"/>
        <v>#N/A</v>
      </c>
      <c r="P193" s="51">
        <v>1</v>
      </c>
      <c r="Q193" s="51" t="s">
        <v>5341</v>
      </c>
      <c r="R193" s="54" t="b">
        <v>1</v>
      </c>
      <c r="S193" s="52" t="s">
        <v>7126</v>
      </c>
      <c r="T193" s="67" t="s">
        <v>7127</v>
      </c>
      <c r="U193" s="75" t="s">
        <v>5331</v>
      </c>
      <c r="V193" s="47" t="s">
        <v>5331</v>
      </c>
      <c r="W193" s="47" t="s">
        <v>5331</v>
      </c>
      <c r="X193" s="47" t="s">
        <v>5331</v>
      </c>
      <c r="Y193" s="47" t="s">
        <v>5331</v>
      </c>
      <c r="Z193" s="28"/>
      <c r="AA193" s="27"/>
      <c r="AB193" s="27"/>
      <c r="AC193" s="27"/>
      <c r="AD193" s="30"/>
      <c r="AE193" s="1"/>
      <c r="AF193" s="23" t="s">
        <v>5331</v>
      </c>
      <c r="AG193" s="26"/>
      <c r="AH193" s="53"/>
    </row>
    <row r="194" spans="1:34" ht="51.6" customHeight="1" x14ac:dyDescent="0.45">
      <c r="A194" s="23">
        <v>188</v>
      </c>
      <c r="B194" s="25"/>
      <c r="C194" s="25"/>
      <c r="D194" s="29"/>
      <c r="E194" s="1"/>
      <c r="F194" s="1"/>
      <c r="G194" s="25"/>
      <c r="H194" s="71"/>
      <c r="I194" s="83"/>
      <c r="J194" s="50" t="str">
        <f t="shared" si="6"/>
        <v/>
      </c>
      <c r="K194" s="23" t="s">
        <v>7120</v>
      </c>
      <c r="L194" s="49" t="e">
        <f>VLOOKUP(E194&amp;F194,団体コード!$A$1:$C$1743,3,FALSE)</f>
        <v>#N/A</v>
      </c>
      <c r="M194" s="49" t="e">
        <f>VLOOKUP(E194&amp;F194,団体コード!$A$1:$C$1743,2,FALSE)</f>
        <v>#N/A</v>
      </c>
      <c r="N194" s="51" t="e">
        <f>VLOOKUP(E194,団体コード!$E$1:$F$48,2,FALSE)</f>
        <v>#N/A</v>
      </c>
      <c r="O194" s="51" t="e">
        <f t="shared" si="7"/>
        <v>#N/A</v>
      </c>
      <c r="P194" s="51">
        <v>1</v>
      </c>
      <c r="Q194" s="51" t="s">
        <v>5341</v>
      </c>
      <c r="R194" s="54" t="b">
        <v>1</v>
      </c>
      <c r="S194" s="52" t="s">
        <v>7126</v>
      </c>
      <c r="T194" s="67" t="s">
        <v>7127</v>
      </c>
      <c r="U194" s="75" t="s">
        <v>5331</v>
      </c>
      <c r="V194" s="47" t="s">
        <v>5331</v>
      </c>
      <c r="W194" s="47" t="s">
        <v>5331</v>
      </c>
      <c r="X194" s="47" t="s">
        <v>5331</v>
      </c>
      <c r="Y194" s="47" t="s">
        <v>5331</v>
      </c>
      <c r="Z194" s="28"/>
      <c r="AA194" s="27"/>
      <c r="AB194" s="27"/>
      <c r="AC194" s="27"/>
      <c r="AD194" s="30"/>
      <c r="AE194" s="1"/>
      <c r="AF194" s="23" t="s">
        <v>5331</v>
      </c>
      <c r="AG194" s="26"/>
      <c r="AH194" s="53"/>
    </row>
    <row r="195" spans="1:34" ht="51.6" customHeight="1" x14ac:dyDescent="0.45">
      <c r="A195" s="23">
        <v>189</v>
      </c>
      <c r="B195" s="25"/>
      <c r="C195" s="25"/>
      <c r="D195" s="29"/>
      <c r="E195" s="1"/>
      <c r="F195" s="1"/>
      <c r="G195" s="25"/>
      <c r="H195" s="71"/>
      <c r="I195" s="83"/>
      <c r="J195" s="50" t="str">
        <f t="shared" si="6"/>
        <v/>
      </c>
      <c r="K195" s="23" t="s">
        <v>7120</v>
      </c>
      <c r="L195" s="49" t="e">
        <f>VLOOKUP(E195&amp;F195,団体コード!$A$1:$C$1743,3,FALSE)</f>
        <v>#N/A</v>
      </c>
      <c r="M195" s="49" t="e">
        <f>VLOOKUP(E195&amp;F195,団体コード!$A$1:$C$1743,2,FALSE)</f>
        <v>#N/A</v>
      </c>
      <c r="N195" s="51" t="e">
        <f>VLOOKUP(E195,団体コード!$E$1:$F$48,2,FALSE)</f>
        <v>#N/A</v>
      </c>
      <c r="O195" s="51" t="e">
        <f t="shared" si="7"/>
        <v>#N/A</v>
      </c>
      <c r="P195" s="51">
        <v>1</v>
      </c>
      <c r="Q195" s="51" t="s">
        <v>5341</v>
      </c>
      <c r="R195" s="54" t="b">
        <v>1</v>
      </c>
      <c r="S195" s="52" t="s">
        <v>7126</v>
      </c>
      <c r="T195" s="67" t="s">
        <v>7127</v>
      </c>
      <c r="U195" s="75" t="s">
        <v>5331</v>
      </c>
      <c r="V195" s="47" t="s">
        <v>5331</v>
      </c>
      <c r="W195" s="47" t="s">
        <v>5331</v>
      </c>
      <c r="X195" s="47" t="s">
        <v>5331</v>
      </c>
      <c r="Y195" s="47" t="s">
        <v>5331</v>
      </c>
      <c r="Z195" s="28"/>
      <c r="AA195" s="27"/>
      <c r="AB195" s="27"/>
      <c r="AC195" s="27"/>
      <c r="AD195" s="30"/>
      <c r="AE195" s="1"/>
      <c r="AF195" s="23" t="s">
        <v>5331</v>
      </c>
      <c r="AG195" s="26"/>
      <c r="AH195" s="53"/>
    </row>
    <row r="196" spans="1:34" ht="51.6" customHeight="1" x14ac:dyDescent="0.45">
      <c r="A196" s="23">
        <v>190</v>
      </c>
      <c r="B196" s="25"/>
      <c r="C196" s="25"/>
      <c r="D196" s="29"/>
      <c r="E196" s="1"/>
      <c r="F196" s="1"/>
      <c r="G196" s="25"/>
      <c r="H196" s="71"/>
      <c r="I196" s="83"/>
      <c r="J196" s="50" t="str">
        <f t="shared" si="6"/>
        <v/>
      </c>
      <c r="K196" s="23" t="s">
        <v>7120</v>
      </c>
      <c r="L196" s="49" t="e">
        <f>VLOOKUP(E196&amp;F196,団体コード!$A$1:$C$1743,3,FALSE)</f>
        <v>#N/A</v>
      </c>
      <c r="M196" s="49" t="e">
        <f>VLOOKUP(E196&amp;F196,団体コード!$A$1:$C$1743,2,FALSE)</f>
        <v>#N/A</v>
      </c>
      <c r="N196" s="51" t="e">
        <f>VLOOKUP(E196,団体コード!$E$1:$F$48,2,FALSE)</f>
        <v>#N/A</v>
      </c>
      <c r="O196" s="51" t="e">
        <f t="shared" si="7"/>
        <v>#N/A</v>
      </c>
      <c r="P196" s="51">
        <v>1</v>
      </c>
      <c r="Q196" s="51" t="s">
        <v>5341</v>
      </c>
      <c r="R196" s="54" t="b">
        <v>1</v>
      </c>
      <c r="S196" s="52" t="s">
        <v>7126</v>
      </c>
      <c r="T196" s="67" t="s">
        <v>7127</v>
      </c>
      <c r="U196" s="75" t="s">
        <v>5331</v>
      </c>
      <c r="V196" s="47" t="s">
        <v>5331</v>
      </c>
      <c r="W196" s="47" t="s">
        <v>5331</v>
      </c>
      <c r="X196" s="47" t="s">
        <v>5331</v>
      </c>
      <c r="Y196" s="47" t="s">
        <v>5331</v>
      </c>
      <c r="Z196" s="28"/>
      <c r="AA196" s="27"/>
      <c r="AB196" s="27"/>
      <c r="AC196" s="27"/>
      <c r="AD196" s="30"/>
      <c r="AE196" s="1"/>
      <c r="AF196" s="23" t="s">
        <v>5331</v>
      </c>
      <c r="AG196" s="26"/>
      <c r="AH196" s="53"/>
    </row>
    <row r="197" spans="1:34" ht="51.6" customHeight="1" x14ac:dyDescent="0.45">
      <c r="A197" s="23">
        <v>191</v>
      </c>
      <c r="B197" s="25"/>
      <c r="C197" s="25"/>
      <c r="D197" s="29"/>
      <c r="E197" s="1"/>
      <c r="F197" s="1"/>
      <c r="G197" s="25"/>
      <c r="H197" s="71"/>
      <c r="I197" s="83"/>
      <c r="J197" s="50" t="str">
        <f t="shared" si="6"/>
        <v/>
      </c>
      <c r="K197" s="23" t="s">
        <v>7120</v>
      </c>
      <c r="L197" s="49" t="e">
        <f>VLOOKUP(E197&amp;F197,団体コード!$A$1:$C$1743,3,FALSE)</f>
        <v>#N/A</v>
      </c>
      <c r="M197" s="49" t="e">
        <f>VLOOKUP(E197&amp;F197,団体コード!$A$1:$C$1743,2,FALSE)</f>
        <v>#N/A</v>
      </c>
      <c r="N197" s="51" t="e">
        <f>VLOOKUP(E197,団体コード!$E$1:$F$48,2,FALSE)</f>
        <v>#N/A</v>
      </c>
      <c r="O197" s="51" t="e">
        <f t="shared" si="7"/>
        <v>#N/A</v>
      </c>
      <c r="P197" s="51">
        <v>1</v>
      </c>
      <c r="Q197" s="51" t="s">
        <v>5341</v>
      </c>
      <c r="R197" s="54" t="b">
        <v>1</v>
      </c>
      <c r="S197" s="52" t="s">
        <v>7126</v>
      </c>
      <c r="T197" s="67" t="s">
        <v>7127</v>
      </c>
      <c r="U197" s="75" t="s">
        <v>5331</v>
      </c>
      <c r="V197" s="47" t="s">
        <v>5331</v>
      </c>
      <c r="W197" s="47" t="s">
        <v>5331</v>
      </c>
      <c r="X197" s="47" t="s">
        <v>5331</v>
      </c>
      <c r="Y197" s="47" t="s">
        <v>5331</v>
      </c>
      <c r="Z197" s="28"/>
      <c r="AA197" s="27"/>
      <c r="AB197" s="27"/>
      <c r="AC197" s="27"/>
      <c r="AD197" s="30"/>
      <c r="AE197" s="1"/>
      <c r="AF197" s="23" t="s">
        <v>5331</v>
      </c>
      <c r="AG197" s="26"/>
      <c r="AH197" s="53"/>
    </row>
    <row r="198" spans="1:34" ht="51.6" customHeight="1" x14ac:dyDescent="0.45">
      <c r="A198" s="23">
        <v>192</v>
      </c>
      <c r="B198" s="25"/>
      <c r="C198" s="25"/>
      <c r="D198" s="29"/>
      <c r="E198" s="1"/>
      <c r="F198" s="1"/>
      <c r="G198" s="25"/>
      <c r="H198" s="71"/>
      <c r="I198" s="83"/>
      <c r="J198" s="50" t="str">
        <f t="shared" si="6"/>
        <v/>
      </c>
      <c r="K198" s="23" t="s">
        <v>7120</v>
      </c>
      <c r="L198" s="49" t="e">
        <f>VLOOKUP(E198&amp;F198,団体コード!$A$1:$C$1743,3,FALSE)</f>
        <v>#N/A</v>
      </c>
      <c r="M198" s="49" t="e">
        <f>VLOOKUP(E198&amp;F198,団体コード!$A$1:$C$1743,2,FALSE)</f>
        <v>#N/A</v>
      </c>
      <c r="N198" s="51" t="e">
        <f>VLOOKUP(E198,団体コード!$E$1:$F$48,2,FALSE)</f>
        <v>#N/A</v>
      </c>
      <c r="O198" s="51" t="e">
        <f t="shared" si="7"/>
        <v>#N/A</v>
      </c>
      <c r="P198" s="51">
        <v>1</v>
      </c>
      <c r="Q198" s="51" t="s">
        <v>5341</v>
      </c>
      <c r="R198" s="54" t="b">
        <v>1</v>
      </c>
      <c r="S198" s="52" t="s">
        <v>7126</v>
      </c>
      <c r="T198" s="67" t="s">
        <v>7127</v>
      </c>
      <c r="U198" s="75" t="s">
        <v>5331</v>
      </c>
      <c r="V198" s="47" t="s">
        <v>5331</v>
      </c>
      <c r="W198" s="47" t="s">
        <v>5331</v>
      </c>
      <c r="X198" s="47" t="s">
        <v>5331</v>
      </c>
      <c r="Y198" s="47" t="s">
        <v>5331</v>
      </c>
      <c r="Z198" s="28"/>
      <c r="AA198" s="27"/>
      <c r="AB198" s="27"/>
      <c r="AC198" s="27"/>
      <c r="AD198" s="30"/>
      <c r="AE198" s="1"/>
      <c r="AF198" s="23" t="s">
        <v>5331</v>
      </c>
      <c r="AG198" s="26"/>
      <c r="AH198" s="53"/>
    </row>
    <row r="199" spans="1:34" ht="51.6" customHeight="1" x14ac:dyDescent="0.45">
      <c r="A199" s="23">
        <v>193</v>
      </c>
      <c r="B199" s="25"/>
      <c r="C199" s="25"/>
      <c r="D199" s="29"/>
      <c r="E199" s="1"/>
      <c r="F199" s="1"/>
      <c r="G199" s="25"/>
      <c r="H199" s="71"/>
      <c r="I199" s="83"/>
      <c r="J199" s="50" t="str">
        <f t="shared" si="6"/>
        <v/>
      </c>
      <c r="K199" s="23" t="s">
        <v>7120</v>
      </c>
      <c r="L199" s="49" t="e">
        <f>VLOOKUP(E199&amp;F199,団体コード!$A$1:$C$1743,3,FALSE)</f>
        <v>#N/A</v>
      </c>
      <c r="M199" s="49" t="e">
        <f>VLOOKUP(E199&amp;F199,団体コード!$A$1:$C$1743,2,FALSE)</f>
        <v>#N/A</v>
      </c>
      <c r="N199" s="51" t="e">
        <f>VLOOKUP(E199,団体コード!$E$1:$F$48,2,FALSE)</f>
        <v>#N/A</v>
      </c>
      <c r="O199" s="51" t="e">
        <f t="shared" si="7"/>
        <v>#N/A</v>
      </c>
      <c r="P199" s="51">
        <v>1</v>
      </c>
      <c r="Q199" s="51" t="s">
        <v>5341</v>
      </c>
      <c r="R199" s="54" t="b">
        <v>1</v>
      </c>
      <c r="S199" s="52" t="s">
        <v>7126</v>
      </c>
      <c r="T199" s="67" t="s">
        <v>7127</v>
      </c>
      <c r="U199" s="75" t="s">
        <v>5331</v>
      </c>
      <c r="V199" s="47" t="s">
        <v>5331</v>
      </c>
      <c r="W199" s="47" t="s">
        <v>5331</v>
      </c>
      <c r="X199" s="47" t="s">
        <v>5331</v>
      </c>
      <c r="Y199" s="47" t="s">
        <v>5331</v>
      </c>
      <c r="Z199" s="28"/>
      <c r="AA199" s="27"/>
      <c r="AB199" s="27"/>
      <c r="AC199" s="27"/>
      <c r="AD199" s="30"/>
      <c r="AE199" s="1"/>
      <c r="AF199" s="23" t="s">
        <v>5331</v>
      </c>
      <c r="AG199" s="26"/>
      <c r="AH199" s="53"/>
    </row>
    <row r="200" spans="1:34" ht="51.6" customHeight="1" x14ac:dyDescent="0.45">
      <c r="A200" s="23">
        <v>194</v>
      </c>
      <c r="B200" s="25"/>
      <c r="C200" s="25"/>
      <c r="D200" s="29"/>
      <c r="E200" s="1"/>
      <c r="F200" s="1"/>
      <c r="G200" s="25"/>
      <c r="H200" s="71"/>
      <c r="I200" s="83"/>
      <c r="J200" s="50" t="str">
        <f t="shared" ref="J200:J263" si="8">E200&amp;F200&amp;G200</f>
        <v/>
      </c>
      <c r="K200" s="23" t="s">
        <v>7120</v>
      </c>
      <c r="L200" s="49" t="e">
        <f>VLOOKUP(E200&amp;F200,団体コード!$A$1:$C$1743,3,FALSE)</f>
        <v>#N/A</v>
      </c>
      <c r="M200" s="49" t="e">
        <f>VLOOKUP(E200&amp;F200,団体コード!$A$1:$C$1743,2,FALSE)</f>
        <v>#N/A</v>
      </c>
      <c r="N200" s="51" t="e">
        <f>VLOOKUP(E200,団体コード!$E$1:$F$48,2,FALSE)</f>
        <v>#N/A</v>
      </c>
      <c r="O200" s="51" t="e">
        <f t="shared" ref="O200:O263" si="9">N200</f>
        <v>#N/A</v>
      </c>
      <c r="P200" s="51">
        <v>1</v>
      </c>
      <c r="Q200" s="51" t="s">
        <v>5341</v>
      </c>
      <c r="R200" s="54" t="b">
        <v>1</v>
      </c>
      <c r="S200" s="52" t="s">
        <v>7126</v>
      </c>
      <c r="T200" s="67" t="s">
        <v>7127</v>
      </c>
      <c r="U200" s="75" t="s">
        <v>5331</v>
      </c>
      <c r="V200" s="47" t="s">
        <v>5331</v>
      </c>
      <c r="W200" s="47" t="s">
        <v>5331</v>
      </c>
      <c r="X200" s="47" t="s">
        <v>5331</v>
      </c>
      <c r="Y200" s="47" t="s">
        <v>5331</v>
      </c>
      <c r="Z200" s="28"/>
      <c r="AA200" s="27"/>
      <c r="AB200" s="27"/>
      <c r="AC200" s="27"/>
      <c r="AD200" s="30"/>
      <c r="AE200" s="1"/>
      <c r="AF200" s="23" t="s">
        <v>5331</v>
      </c>
      <c r="AG200" s="26"/>
      <c r="AH200" s="53"/>
    </row>
    <row r="201" spans="1:34" ht="51.6" customHeight="1" x14ac:dyDescent="0.45">
      <c r="A201" s="23">
        <v>195</v>
      </c>
      <c r="B201" s="25"/>
      <c r="C201" s="25"/>
      <c r="D201" s="29"/>
      <c r="E201" s="1"/>
      <c r="F201" s="1"/>
      <c r="G201" s="25"/>
      <c r="H201" s="71"/>
      <c r="I201" s="83"/>
      <c r="J201" s="50" t="str">
        <f t="shared" si="8"/>
        <v/>
      </c>
      <c r="K201" s="23" t="s">
        <v>7120</v>
      </c>
      <c r="L201" s="49" t="e">
        <f>VLOOKUP(E201&amp;F201,団体コード!$A$1:$C$1743,3,FALSE)</f>
        <v>#N/A</v>
      </c>
      <c r="M201" s="49" t="e">
        <f>VLOOKUP(E201&amp;F201,団体コード!$A$1:$C$1743,2,FALSE)</f>
        <v>#N/A</v>
      </c>
      <c r="N201" s="51" t="e">
        <f>VLOOKUP(E201,団体コード!$E$1:$F$48,2,FALSE)</f>
        <v>#N/A</v>
      </c>
      <c r="O201" s="51" t="e">
        <f t="shared" si="9"/>
        <v>#N/A</v>
      </c>
      <c r="P201" s="51">
        <v>1</v>
      </c>
      <c r="Q201" s="51" t="s">
        <v>5341</v>
      </c>
      <c r="R201" s="54" t="b">
        <v>1</v>
      </c>
      <c r="S201" s="52" t="s">
        <v>7126</v>
      </c>
      <c r="T201" s="67" t="s">
        <v>7127</v>
      </c>
      <c r="U201" s="75" t="s">
        <v>5331</v>
      </c>
      <c r="V201" s="47" t="s">
        <v>5331</v>
      </c>
      <c r="W201" s="47" t="s">
        <v>5331</v>
      </c>
      <c r="X201" s="47" t="s">
        <v>5331</v>
      </c>
      <c r="Y201" s="47" t="s">
        <v>5331</v>
      </c>
      <c r="Z201" s="28"/>
      <c r="AA201" s="27"/>
      <c r="AB201" s="27"/>
      <c r="AC201" s="27"/>
      <c r="AD201" s="30"/>
      <c r="AE201" s="1"/>
      <c r="AF201" s="23" t="s">
        <v>5331</v>
      </c>
      <c r="AG201" s="26"/>
      <c r="AH201" s="53"/>
    </row>
    <row r="202" spans="1:34" ht="51.6" customHeight="1" x14ac:dyDescent="0.45">
      <c r="A202" s="23">
        <v>196</v>
      </c>
      <c r="B202" s="25"/>
      <c r="C202" s="25"/>
      <c r="D202" s="29"/>
      <c r="E202" s="1"/>
      <c r="F202" s="1"/>
      <c r="G202" s="25"/>
      <c r="H202" s="71"/>
      <c r="I202" s="83"/>
      <c r="J202" s="50" t="str">
        <f t="shared" si="8"/>
        <v/>
      </c>
      <c r="K202" s="23" t="s">
        <v>7120</v>
      </c>
      <c r="L202" s="49" t="e">
        <f>VLOOKUP(E202&amp;F202,団体コード!$A$1:$C$1743,3,FALSE)</f>
        <v>#N/A</v>
      </c>
      <c r="M202" s="49" t="e">
        <f>VLOOKUP(E202&amp;F202,団体コード!$A$1:$C$1743,2,FALSE)</f>
        <v>#N/A</v>
      </c>
      <c r="N202" s="51" t="e">
        <f>VLOOKUP(E202,団体コード!$E$1:$F$48,2,FALSE)</f>
        <v>#N/A</v>
      </c>
      <c r="O202" s="51" t="e">
        <f t="shared" si="9"/>
        <v>#N/A</v>
      </c>
      <c r="P202" s="51">
        <v>1</v>
      </c>
      <c r="Q202" s="51" t="s">
        <v>5341</v>
      </c>
      <c r="R202" s="54" t="b">
        <v>1</v>
      </c>
      <c r="S202" s="52" t="s">
        <v>7126</v>
      </c>
      <c r="T202" s="67" t="s">
        <v>7127</v>
      </c>
      <c r="U202" s="75" t="s">
        <v>5331</v>
      </c>
      <c r="V202" s="47" t="s">
        <v>5331</v>
      </c>
      <c r="W202" s="47" t="s">
        <v>5331</v>
      </c>
      <c r="X202" s="47" t="s">
        <v>5331</v>
      </c>
      <c r="Y202" s="47" t="s">
        <v>5331</v>
      </c>
      <c r="Z202" s="28"/>
      <c r="AA202" s="27"/>
      <c r="AB202" s="27"/>
      <c r="AC202" s="27"/>
      <c r="AD202" s="30"/>
      <c r="AE202" s="1"/>
      <c r="AF202" s="23" t="s">
        <v>5331</v>
      </c>
      <c r="AG202" s="26"/>
      <c r="AH202" s="53"/>
    </row>
    <row r="203" spans="1:34" ht="51.6" customHeight="1" x14ac:dyDescent="0.45">
      <c r="A203" s="23">
        <v>197</v>
      </c>
      <c r="B203" s="25"/>
      <c r="C203" s="25"/>
      <c r="D203" s="29"/>
      <c r="E203" s="1"/>
      <c r="F203" s="1"/>
      <c r="G203" s="25"/>
      <c r="H203" s="71"/>
      <c r="I203" s="83"/>
      <c r="J203" s="50" t="str">
        <f t="shared" si="8"/>
        <v/>
      </c>
      <c r="K203" s="23" t="s">
        <v>7120</v>
      </c>
      <c r="L203" s="49" t="e">
        <f>VLOOKUP(E203&amp;F203,団体コード!$A$1:$C$1743,3,FALSE)</f>
        <v>#N/A</v>
      </c>
      <c r="M203" s="49" t="e">
        <f>VLOOKUP(E203&amp;F203,団体コード!$A$1:$C$1743,2,FALSE)</f>
        <v>#N/A</v>
      </c>
      <c r="N203" s="51" t="e">
        <f>VLOOKUP(E203,団体コード!$E$1:$F$48,2,FALSE)</f>
        <v>#N/A</v>
      </c>
      <c r="O203" s="51" t="e">
        <f t="shared" si="9"/>
        <v>#N/A</v>
      </c>
      <c r="P203" s="51">
        <v>1</v>
      </c>
      <c r="Q203" s="51" t="s">
        <v>5341</v>
      </c>
      <c r="R203" s="54" t="b">
        <v>1</v>
      </c>
      <c r="S203" s="52" t="s">
        <v>7126</v>
      </c>
      <c r="T203" s="67" t="s">
        <v>7127</v>
      </c>
      <c r="U203" s="75" t="s">
        <v>5331</v>
      </c>
      <c r="V203" s="47" t="s">
        <v>5331</v>
      </c>
      <c r="W203" s="47" t="s">
        <v>5331</v>
      </c>
      <c r="X203" s="47" t="s">
        <v>5331</v>
      </c>
      <c r="Y203" s="47" t="s">
        <v>5331</v>
      </c>
      <c r="Z203" s="28"/>
      <c r="AA203" s="27"/>
      <c r="AB203" s="27"/>
      <c r="AC203" s="27"/>
      <c r="AD203" s="30"/>
      <c r="AE203" s="1"/>
      <c r="AF203" s="23" t="s">
        <v>5331</v>
      </c>
      <c r="AG203" s="26"/>
      <c r="AH203" s="53"/>
    </row>
    <row r="204" spans="1:34" ht="51.6" customHeight="1" x14ac:dyDescent="0.45">
      <c r="A204" s="23">
        <v>198</v>
      </c>
      <c r="B204" s="25"/>
      <c r="C204" s="25"/>
      <c r="D204" s="29"/>
      <c r="E204" s="1"/>
      <c r="F204" s="1"/>
      <c r="G204" s="25"/>
      <c r="H204" s="71"/>
      <c r="I204" s="83"/>
      <c r="J204" s="50" t="str">
        <f t="shared" si="8"/>
        <v/>
      </c>
      <c r="K204" s="23" t="s">
        <v>7120</v>
      </c>
      <c r="L204" s="49" t="e">
        <f>VLOOKUP(E204&amp;F204,団体コード!$A$1:$C$1743,3,FALSE)</f>
        <v>#N/A</v>
      </c>
      <c r="M204" s="49" t="e">
        <f>VLOOKUP(E204&amp;F204,団体コード!$A$1:$C$1743,2,FALSE)</f>
        <v>#N/A</v>
      </c>
      <c r="N204" s="51" t="e">
        <f>VLOOKUP(E204,団体コード!$E$1:$F$48,2,FALSE)</f>
        <v>#N/A</v>
      </c>
      <c r="O204" s="51" t="e">
        <f t="shared" si="9"/>
        <v>#N/A</v>
      </c>
      <c r="P204" s="51">
        <v>1</v>
      </c>
      <c r="Q204" s="51" t="s">
        <v>5341</v>
      </c>
      <c r="R204" s="54" t="b">
        <v>1</v>
      </c>
      <c r="S204" s="52" t="s">
        <v>7126</v>
      </c>
      <c r="T204" s="67" t="s">
        <v>7127</v>
      </c>
      <c r="U204" s="75" t="s">
        <v>5331</v>
      </c>
      <c r="V204" s="47" t="s">
        <v>5331</v>
      </c>
      <c r="W204" s="47" t="s">
        <v>5331</v>
      </c>
      <c r="X204" s="47" t="s">
        <v>5331</v>
      </c>
      <c r="Y204" s="47" t="s">
        <v>5331</v>
      </c>
      <c r="Z204" s="28"/>
      <c r="AA204" s="27"/>
      <c r="AB204" s="27"/>
      <c r="AC204" s="27"/>
      <c r="AD204" s="30"/>
      <c r="AE204" s="1"/>
      <c r="AF204" s="23" t="s">
        <v>5331</v>
      </c>
      <c r="AG204" s="26"/>
      <c r="AH204" s="53"/>
    </row>
    <row r="205" spans="1:34" ht="51.6" customHeight="1" x14ac:dyDescent="0.45">
      <c r="A205" s="23">
        <v>199</v>
      </c>
      <c r="B205" s="25"/>
      <c r="C205" s="25"/>
      <c r="D205" s="29"/>
      <c r="E205" s="1"/>
      <c r="F205" s="1"/>
      <c r="G205" s="25"/>
      <c r="H205" s="71"/>
      <c r="I205" s="83"/>
      <c r="J205" s="50" t="str">
        <f t="shared" si="8"/>
        <v/>
      </c>
      <c r="K205" s="23" t="s">
        <v>7120</v>
      </c>
      <c r="L205" s="49" t="e">
        <f>VLOOKUP(E205&amp;F205,団体コード!$A$1:$C$1743,3,FALSE)</f>
        <v>#N/A</v>
      </c>
      <c r="M205" s="49" t="e">
        <f>VLOOKUP(E205&amp;F205,団体コード!$A$1:$C$1743,2,FALSE)</f>
        <v>#N/A</v>
      </c>
      <c r="N205" s="51" t="e">
        <f>VLOOKUP(E205,団体コード!$E$1:$F$48,2,FALSE)</f>
        <v>#N/A</v>
      </c>
      <c r="O205" s="51" t="e">
        <f t="shared" si="9"/>
        <v>#N/A</v>
      </c>
      <c r="P205" s="51">
        <v>1</v>
      </c>
      <c r="Q205" s="51" t="s">
        <v>5341</v>
      </c>
      <c r="R205" s="54" t="b">
        <v>1</v>
      </c>
      <c r="S205" s="52" t="s">
        <v>7126</v>
      </c>
      <c r="T205" s="67" t="s">
        <v>7127</v>
      </c>
      <c r="U205" s="75" t="s">
        <v>5331</v>
      </c>
      <c r="V205" s="47" t="s">
        <v>5331</v>
      </c>
      <c r="W205" s="47" t="s">
        <v>5331</v>
      </c>
      <c r="X205" s="47" t="s">
        <v>5331</v>
      </c>
      <c r="Y205" s="47" t="s">
        <v>5331</v>
      </c>
      <c r="Z205" s="28"/>
      <c r="AA205" s="27"/>
      <c r="AB205" s="27"/>
      <c r="AC205" s="27"/>
      <c r="AD205" s="30"/>
      <c r="AE205" s="1"/>
      <c r="AF205" s="23" t="s">
        <v>5331</v>
      </c>
      <c r="AG205" s="26"/>
      <c r="AH205" s="53"/>
    </row>
    <row r="206" spans="1:34" ht="51.6" customHeight="1" x14ac:dyDescent="0.45">
      <c r="A206" s="23">
        <v>200</v>
      </c>
      <c r="B206" s="25"/>
      <c r="C206" s="25"/>
      <c r="D206" s="29"/>
      <c r="E206" s="1"/>
      <c r="F206" s="1"/>
      <c r="G206" s="25"/>
      <c r="H206" s="71"/>
      <c r="I206" s="83"/>
      <c r="J206" s="50" t="str">
        <f t="shared" si="8"/>
        <v/>
      </c>
      <c r="K206" s="23" t="s">
        <v>7120</v>
      </c>
      <c r="L206" s="49" t="e">
        <f>VLOOKUP(E206&amp;F206,団体コード!$A$1:$C$1743,3,FALSE)</f>
        <v>#N/A</v>
      </c>
      <c r="M206" s="49" t="e">
        <f>VLOOKUP(E206&amp;F206,団体コード!$A$1:$C$1743,2,FALSE)</f>
        <v>#N/A</v>
      </c>
      <c r="N206" s="51" t="e">
        <f>VLOOKUP(E206,団体コード!$E$1:$F$48,2,FALSE)</f>
        <v>#N/A</v>
      </c>
      <c r="O206" s="51" t="e">
        <f t="shared" si="9"/>
        <v>#N/A</v>
      </c>
      <c r="P206" s="51">
        <v>1</v>
      </c>
      <c r="Q206" s="51" t="s">
        <v>5341</v>
      </c>
      <c r="R206" s="54" t="b">
        <v>1</v>
      </c>
      <c r="S206" s="52" t="s">
        <v>7126</v>
      </c>
      <c r="T206" s="67" t="s">
        <v>7127</v>
      </c>
      <c r="U206" s="75" t="s">
        <v>5331</v>
      </c>
      <c r="V206" s="47" t="s">
        <v>5331</v>
      </c>
      <c r="W206" s="47" t="s">
        <v>5331</v>
      </c>
      <c r="X206" s="47" t="s">
        <v>5331</v>
      </c>
      <c r="Y206" s="47" t="s">
        <v>5331</v>
      </c>
      <c r="Z206" s="28"/>
      <c r="AA206" s="27"/>
      <c r="AB206" s="27"/>
      <c r="AC206" s="27"/>
      <c r="AD206" s="30"/>
      <c r="AE206" s="1"/>
      <c r="AF206" s="23" t="s">
        <v>5331</v>
      </c>
      <c r="AG206" s="26"/>
      <c r="AH206" s="53"/>
    </row>
    <row r="207" spans="1:34" ht="51.6" customHeight="1" x14ac:dyDescent="0.45">
      <c r="A207" s="23">
        <v>201</v>
      </c>
      <c r="B207" s="25"/>
      <c r="C207" s="25"/>
      <c r="D207" s="29"/>
      <c r="E207" s="1"/>
      <c r="F207" s="1"/>
      <c r="G207" s="25"/>
      <c r="H207" s="71"/>
      <c r="I207" s="83"/>
      <c r="J207" s="50" t="str">
        <f t="shared" si="8"/>
        <v/>
      </c>
      <c r="K207" s="23" t="s">
        <v>7120</v>
      </c>
      <c r="L207" s="49" t="e">
        <f>VLOOKUP(E207&amp;F207,団体コード!$A$1:$C$1743,3,FALSE)</f>
        <v>#N/A</v>
      </c>
      <c r="M207" s="49" t="e">
        <f>VLOOKUP(E207&amp;F207,団体コード!$A$1:$C$1743,2,FALSE)</f>
        <v>#N/A</v>
      </c>
      <c r="N207" s="51" t="e">
        <f>VLOOKUP(E207,団体コード!$E$1:$F$48,2,FALSE)</f>
        <v>#N/A</v>
      </c>
      <c r="O207" s="51" t="e">
        <f t="shared" si="9"/>
        <v>#N/A</v>
      </c>
      <c r="P207" s="51">
        <v>1</v>
      </c>
      <c r="Q207" s="51" t="s">
        <v>5341</v>
      </c>
      <c r="R207" s="54" t="b">
        <v>1</v>
      </c>
      <c r="S207" s="52" t="s">
        <v>7126</v>
      </c>
      <c r="T207" s="67" t="s">
        <v>7127</v>
      </c>
      <c r="U207" s="75" t="s">
        <v>5331</v>
      </c>
      <c r="V207" s="47" t="s">
        <v>5331</v>
      </c>
      <c r="W207" s="47" t="s">
        <v>5331</v>
      </c>
      <c r="X207" s="47" t="s">
        <v>5331</v>
      </c>
      <c r="Y207" s="47" t="s">
        <v>5331</v>
      </c>
      <c r="Z207" s="28"/>
      <c r="AA207" s="27"/>
      <c r="AB207" s="27"/>
      <c r="AC207" s="27"/>
      <c r="AD207" s="30"/>
      <c r="AE207" s="1"/>
      <c r="AF207" s="23" t="s">
        <v>5331</v>
      </c>
      <c r="AG207" s="26"/>
      <c r="AH207" s="53"/>
    </row>
    <row r="208" spans="1:34" ht="51.6" customHeight="1" x14ac:dyDescent="0.45">
      <c r="A208" s="23">
        <v>202</v>
      </c>
      <c r="B208" s="25"/>
      <c r="C208" s="25"/>
      <c r="D208" s="29"/>
      <c r="E208" s="1"/>
      <c r="F208" s="1"/>
      <c r="G208" s="25"/>
      <c r="H208" s="71"/>
      <c r="I208" s="83"/>
      <c r="J208" s="50" t="str">
        <f t="shared" si="8"/>
        <v/>
      </c>
      <c r="K208" s="23" t="s">
        <v>7120</v>
      </c>
      <c r="L208" s="49" t="e">
        <f>VLOOKUP(E208&amp;F208,団体コード!$A$1:$C$1743,3,FALSE)</f>
        <v>#N/A</v>
      </c>
      <c r="M208" s="49" t="e">
        <f>VLOOKUP(E208&amp;F208,団体コード!$A$1:$C$1743,2,FALSE)</f>
        <v>#N/A</v>
      </c>
      <c r="N208" s="51" t="e">
        <f>VLOOKUP(E208,団体コード!$E$1:$F$48,2,FALSE)</f>
        <v>#N/A</v>
      </c>
      <c r="O208" s="51" t="e">
        <f t="shared" si="9"/>
        <v>#N/A</v>
      </c>
      <c r="P208" s="51">
        <v>1</v>
      </c>
      <c r="Q208" s="51" t="s">
        <v>5341</v>
      </c>
      <c r="R208" s="54" t="b">
        <v>1</v>
      </c>
      <c r="S208" s="52" t="s">
        <v>7126</v>
      </c>
      <c r="T208" s="67" t="s">
        <v>7127</v>
      </c>
      <c r="U208" s="75" t="s">
        <v>5331</v>
      </c>
      <c r="V208" s="47" t="s">
        <v>5331</v>
      </c>
      <c r="W208" s="47" t="s">
        <v>5331</v>
      </c>
      <c r="X208" s="47" t="s">
        <v>5331</v>
      </c>
      <c r="Y208" s="47" t="s">
        <v>5331</v>
      </c>
      <c r="Z208" s="28"/>
      <c r="AA208" s="27"/>
      <c r="AB208" s="27"/>
      <c r="AC208" s="27"/>
      <c r="AD208" s="30"/>
      <c r="AE208" s="1"/>
      <c r="AF208" s="23" t="s">
        <v>5331</v>
      </c>
      <c r="AG208" s="26"/>
      <c r="AH208" s="53"/>
    </row>
    <row r="209" spans="1:34" ht="51.6" customHeight="1" x14ac:dyDescent="0.45">
      <c r="A209" s="23">
        <v>203</v>
      </c>
      <c r="B209" s="25"/>
      <c r="C209" s="25"/>
      <c r="D209" s="29"/>
      <c r="E209" s="1"/>
      <c r="F209" s="1"/>
      <c r="G209" s="25"/>
      <c r="H209" s="71"/>
      <c r="I209" s="83"/>
      <c r="J209" s="50" t="str">
        <f t="shared" si="8"/>
        <v/>
      </c>
      <c r="K209" s="23" t="s">
        <v>7120</v>
      </c>
      <c r="L209" s="49" t="e">
        <f>VLOOKUP(E209&amp;F209,団体コード!$A$1:$C$1743,3,FALSE)</f>
        <v>#N/A</v>
      </c>
      <c r="M209" s="49" t="e">
        <f>VLOOKUP(E209&amp;F209,団体コード!$A$1:$C$1743,2,FALSE)</f>
        <v>#N/A</v>
      </c>
      <c r="N209" s="51" t="e">
        <f>VLOOKUP(E209,団体コード!$E$1:$F$48,2,FALSE)</f>
        <v>#N/A</v>
      </c>
      <c r="O209" s="51" t="e">
        <f t="shared" si="9"/>
        <v>#N/A</v>
      </c>
      <c r="P209" s="51">
        <v>1</v>
      </c>
      <c r="Q209" s="51" t="s">
        <v>5341</v>
      </c>
      <c r="R209" s="54" t="b">
        <v>1</v>
      </c>
      <c r="S209" s="52" t="s">
        <v>7126</v>
      </c>
      <c r="T209" s="67" t="s">
        <v>7127</v>
      </c>
      <c r="U209" s="75" t="s">
        <v>5331</v>
      </c>
      <c r="V209" s="47" t="s">
        <v>5331</v>
      </c>
      <c r="W209" s="47" t="s">
        <v>5331</v>
      </c>
      <c r="X209" s="47" t="s">
        <v>5331</v>
      </c>
      <c r="Y209" s="47" t="s">
        <v>5331</v>
      </c>
      <c r="Z209" s="28"/>
      <c r="AA209" s="27"/>
      <c r="AB209" s="27"/>
      <c r="AC209" s="27"/>
      <c r="AD209" s="30"/>
      <c r="AE209" s="1"/>
      <c r="AF209" s="23" t="s">
        <v>5331</v>
      </c>
      <c r="AG209" s="26"/>
      <c r="AH209" s="53"/>
    </row>
    <row r="210" spans="1:34" ht="51.6" customHeight="1" x14ac:dyDescent="0.45">
      <c r="A210" s="23">
        <v>204</v>
      </c>
      <c r="B210" s="25"/>
      <c r="C210" s="25"/>
      <c r="D210" s="29"/>
      <c r="E210" s="1"/>
      <c r="F210" s="1"/>
      <c r="G210" s="25"/>
      <c r="H210" s="71"/>
      <c r="I210" s="83"/>
      <c r="J210" s="50" t="str">
        <f t="shared" si="8"/>
        <v/>
      </c>
      <c r="K210" s="23" t="s">
        <v>7120</v>
      </c>
      <c r="L210" s="49" t="e">
        <f>VLOOKUP(E210&amp;F210,団体コード!$A$1:$C$1743,3,FALSE)</f>
        <v>#N/A</v>
      </c>
      <c r="M210" s="49" t="e">
        <f>VLOOKUP(E210&amp;F210,団体コード!$A$1:$C$1743,2,FALSE)</f>
        <v>#N/A</v>
      </c>
      <c r="N210" s="51" t="e">
        <f>VLOOKUP(E210,団体コード!$E$1:$F$48,2,FALSE)</f>
        <v>#N/A</v>
      </c>
      <c r="O210" s="51" t="e">
        <f t="shared" si="9"/>
        <v>#N/A</v>
      </c>
      <c r="P210" s="51">
        <v>1</v>
      </c>
      <c r="Q210" s="51" t="s">
        <v>5341</v>
      </c>
      <c r="R210" s="54" t="b">
        <v>1</v>
      </c>
      <c r="S210" s="52" t="s">
        <v>7126</v>
      </c>
      <c r="T210" s="67" t="s">
        <v>7127</v>
      </c>
      <c r="U210" s="75" t="s">
        <v>5331</v>
      </c>
      <c r="V210" s="47" t="s">
        <v>5331</v>
      </c>
      <c r="W210" s="47" t="s">
        <v>5331</v>
      </c>
      <c r="X210" s="47" t="s">
        <v>5331</v>
      </c>
      <c r="Y210" s="47" t="s">
        <v>5331</v>
      </c>
      <c r="Z210" s="28"/>
      <c r="AA210" s="27"/>
      <c r="AB210" s="27"/>
      <c r="AC210" s="27"/>
      <c r="AD210" s="30"/>
      <c r="AE210" s="1"/>
      <c r="AF210" s="23" t="s">
        <v>5331</v>
      </c>
      <c r="AG210" s="26"/>
      <c r="AH210" s="53"/>
    </row>
    <row r="211" spans="1:34" ht="51.6" customHeight="1" x14ac:dyDescent="0.45">
      <c r="A211" s="23">
        <v>205</v>
      </c>
      <c r="B211" s="25"/>
      <c r="C211" s="25"/>
      <c r="D211" s="29"/>
      <c r="E211" s="1"/>
      <c r="F211" s="1"/>
      <c r="G211" s="25"/>
      <c r="H211" s="71"/>
      <c r="I211" s="83"/>
      <c r="J211" s="50" t="str">
        <f t="shared" si="8"/>
        <v/>
      </c>
      <c r="K211" s="23" t="s">
        <v>7120</v>
      </c>
      <c r="L211" s="49" t="e">
        <f>VLOOKUP(E211&amp;F211,団体コード!$A$1:$C$1743,3,FALSE)</f>
        <v>#N/A</v>
      </c>
      <c r="M211" s="49" t="e">
        <f>VLOOKUP(E211&amp;F211,団体コード!$A$1:$C$1743,2,FALSE)</f>
        <v>#N/A</v>
      </c>
      <c r="N211" s="51" t="e">
        <f>VLOOKUP(E211,団体コード!$E$1:$F$48,2,FALSE)</f>
        <v>#N/A</v>
      </c>
      <c r="O211" s="51" t="e">
        <f t="shared" si="9"/>
        <v>#N/A</v>
      </c>
      <c r="P211" s="51">
        <v>1</v>
      </c>
      <c r="Q211" s="51" t="s">
        <v>5341</v>
      </c>
      <c r="R211" s="54" t="b">
        <v>1</v>
      </c>
      <c r="S211" s="52" t="s">
        <v>7126</v>
      </c>
      <c r="T211" s="67" t="s">
        <v>7127</v>
      </c>
      <c r="U211" s="75" t="s">
        <v>5331</v>
      </c>
      <c r="V211" s="47" t="s">
        <v>5331</v>
      </c>
      <c r="W211" s="47" t="s">
        <v>5331</v>
      </c>
      <c r="X211" s="47" t="s">
        <v>5331</v>
      </c>
      <c r="Y211" s="47" t="s">
        <v>5331</v>
      </c>
      <c r="Z211" s="28"/>
      <c r="AA211" s="27"/>
      <c r="AB211" s="27"/>
      <c r="AC211" s="27"/>
      <c r="AD211" s="30"/>
      <c r="AE211" s="1"/>
      <c r="AF211" s="23" t="s">
        <v>5331</v>
      </c>
      <c r="AG211" s="26"/>
      <c r="AH211" s="53"/>
    </row>
    <row r="212" spans="1:34" ht="51.6" customHeight="1" x14ac:dyDescent="0.45">
      <c r="A212" s="23">
        <v>206</v>
      </c>
      <c r="B212" s="25"/>
      <c r="C212" s="25"/>
      <c r="D212" s="29"/>
      <c r="E212" s="1"/>
      <c r="F212" s="1"/>
      <c r="G212" s="25"/>
      <c r="H212" s="71"/>
      <c r="I212" s="83"/>
      <c r="J212" s="50" t="str">
        <f t="shared" si="8"/>
        <v/>
      </c>
      <c r="K212" s="23" t="s">
        <v>7120</v>
      </c>
      <c r="L212" s="49" t="e">
        <f>VLOOKUP(E212&amp;F212,団体コード!$A$1:$C$1743,3,FALSE)</f>
        <v>#N/A</v>
      </c>
      <c r="M212" s="49" t="e">
        <f>VLOOKUP(E212&amp;F212,団体コード!$A$1:$C$1743,2,FALSE)</f>
        <v>#N/A</v>
      </c>
      <c r="N212" s="51" t="e">
        <f>VLOOKUP(E212,団体コード!$E$1:$F$48,2,FALSE)</f>
        <v>#N/A</v>
      </c>
      <c r="O212" s="51" t="e">
        <f t="shared" si="9"/>
        <v>#N/A</v>
      </c>
      <c r="P212" s="51">
        <v>1</v>
      </c>
      <c r="Q212" s="51" t="s">
        <v>5341</v>
      </c>
      <c r="R212" s="54" t="b">
        <v>1</v>
      </c>
      <c r="S212" s="52" t="s">
        <v>7126</v>
      </c>
      <c r="T212" s="67" t="s">
        <v>7127</v>
      </c>
      <c r="U212" s="75" t="s">
        <v>5331</v>
      </c>
      <c r="V212" s="47" t="s">
        <v>5331</v>
      </c>
      <c r="W212" s="47" t="s">
        <v>5331</v>
      </c>
      <c r="X212" s="47" t="s">
        <v>5331</v>
      </c>
      <c r="Y212" s="47" t="s">
        <v>5331</v>
      </c>
      <c r="Z212" s="28"/>
      <c r="AA212" s="27"/>
      <c r="AB212" s="27"/>
      <c r="AC212" s="27"/>
      <c r="AD212" s="30"/>
      <c r="AE212" s="1"/>
      <c r="AF212" s="23" t="s">
        <v>5331</v>
      </c>
      <c r="AG212" s="26"/>
      <c r="AH212" s="53"/>
    </row>
    <row r="213" spans="1:34" ht="51.6" customHeight="1" x14ac:dyDescent="0.45">
      <c r="A213" s="23">
        <v>207</v>
      </c>
      <c r="B213" s="25"/>
      <c r="C213" s="25"/>
      <c r="D213" s="29"/>
      <c r="E213" s="1"/>
      <c r="F213" s="1"/>
      <c r="G213" s="25"/>
      <c r="H213" s="71"/>
      <c r="I213" s="83"/>
      <c r="J213" s="50" t="str">
        <f t="shared" si="8"/>
        <v/>
      </c>
      <c r="K213" s="23" t="s">
        <v>7120</v>
      </c>
      <c r="L213" s="49" t="e">
        <f>VLOOKUP(E213&amp;F213,団体コード!$A$1:$C$1743,3,FALSE)</f>
        <v>#N/A</v>
      </c>
      <c r="M213" s="49" t="e">
        <f>VLOOKUP(E213&amp;F213,団体コード!$A$1:$C$1743,2,FALSE)</f>
        <v>#N/A</v>
      </c>
      <c r="N213" s="51" t="e">
        <f>VLOOKUP(E213,団体コード!$E$1:$F$48,2,FALSE)</f>
        <v>#N/A</v>
      </c>
      <c r="O213" s="51" t="e">
        <f t="shared" si="9"/>
        <v>#N/A</v>
      </c>
      <c r="P213" s="51">
        <v>1</v>
      </c>
      <c r="Q213" s="51" t="s">
        <v>5341</v>
      </c>
      <c r="R213" s="54" t="b">
        <v>1</v>
      </c>
      <c r="S213" s="52" t="s">
        <v>7126</v>
      </c>
      <c r="T213" s="67" t="s">
        <v>7127</v>
      </c>
      <c r="U213" s="75" t="s">
        <v>5331</v>
      </c>
      <c r="V213" s="47" t="s">
        <v>5331</v>
      </c>
      <c r="W213" s="47" t="s">
        <v>5331</v>
      </c>
      <c r="X213" s="47" t="s">
        <v>5331</v>
      </c>
      <c r="Y213" s="47" t="s">
        <v>5331</v>
      </c>
      <c r="Z213" s="28"/>
      <c r="AA213" s="27"/>
      <c r="AB213" s="27"/>
      <c r="AC213" s="27"/>
      <c r="AD213" s="30"/>
      <c r="AE213" s="1"/>
      <c r="AF213" s="23" t="s">
        <v>5331</v>
      </c>
      <c r="AG213" s="26"/>
      <c r="AH213" s="53"/>
    </row>
    <row r="214" spans="1:34" ht="51.6" customHeight="1" x14ac:dyDescent="0.45">
      <c r="A214" s="23">
        <v>208</v>
      </c>
      <c r="B214" s="25"/>
      <c r="C214" s="25"/>
      <c r="D214" s="29"/>
      <c r="E214" s="1"/>
      <c r="F214" s="1"/>
      <c r="G214" s="25"/>
      <c r="H214" s="71"/>
      <c r="I214" s="83"/>
      <c r="J214" s="50" t="str">
        <f t="shared" si="8"/>
        <v/>
      </c>
      <c r="K214" s="23" t="s">
        <v>7120</v>
      </c>
      <c r="L214" s="49" t="e">
        <f>VLOOKUP(E214&amp;F214,団体コード!$A$1:$C$1743,3,FALSE)</f>
        <v>#N/A</v>
      </c>
      <c r="M214" s="49" t="e">
        <f>VLOOKUP(E214&amp;F214,団体コード!$A$1:$C$1743,2,FALSE)</f>
        <v>#N/A</v>
      </c>
      <c r="N214" s="51" t="e">
        <f>VLOOKUP(E214,団体コード!$E$1:$F$48,2,FALSE)</f>
        <v>#N/A</v>
      </c>
      <c r="O214" s="51" t="e">
        <f t="shared" si="9"/>
        <v>#N/A</v>
      </c>
      <c r="P214" s="51">
        <v>1</v>
      </c>
      <c r="Q214" s="51" t="s">
        <v>5341</v>
      </c>
      <c r="R214" s="54" t="b">
        <v>1</v>
      </c>
      <c r="S214" s="52" t="s">
        <v>7126</v>
      </c>
      <c r="T214" s="67" t="s">
        <v>7127</v>
      </c>
      <c r="U214" s="75" t="s">
        <v>5331</v>
      </c>
      <c r="V214" s="47" t="s">
        <v>5331</v>
      </c>
      <c r="W214" s="47" t="s">
        <v>5331</v>
      </c>
      <c r="X214" s="47" t="s">
        <v>5331</v>
      </c>
      <c r="Y214" s="47" t="s">
        <v>5331</v>
      </c>
      <c r="Z214" s="28"/>
      <c r="AA214" s="27"/>
      <c r="AB214" s="27"/>
      <c r="AC214" s="27"/>
      <c r="AD214" s="30"/>
      <c r="AE214" s="1"/>
      <c r="AF214" s="23" t="s">
        <v>5331</v>
      </c>
      <c r="AG214" s="26"/>
      <c r="AH214" s="53"/>
    </row>
    <row r="215" spans="1:34" ht="51.6" customHeight="1" x14ac:dyDescent="0.45">
      <c r="A215" s="23">
        <v>209</v>
      </c>
      <c r="B215" s="25"/>
      <c r="C215" s="25"/>
      <c r="D215" s="29"/>
      <c r="E215" s="1"/>
      <c r="F215" s="1"/>
      <c r="G215" s="25"/>
      <c r="H215" s="71"/>
      <c r="I215" s="83"/>
      <c r="J215" s="50" t="str">
        <f t="shared" si="8"/>
        <v/>
      </c>
      <c r="K215" s="23" t="s">
        <v>7120</v>
      </c>
      <c r="L215" s="49" t="e">
        <f>VLOOKUP(E215&amp;F215,団体コード!$A$1:$C$1743,3,FALSE)</f>
        <v>#N/A</v>
      </c>
      <c r="M215" s="49" t="e">
        <f>VLOOKUP(E215&amp;F215,団体コード!$A$1:$C$1743,2,FALSE)</f>
        <v>#N/A</v>
      </c>
      <c r="N215" s="51" t="e">
        <f>VLOOKUP(E215,団体コード!$E$1:$F$48,2,FALSE)</f>
        <v>#N/A</v>
      </c>
      <c r="O215" s="51" t="e">
        <f t="shared" si="9"/>
        <v>#N/A</v>
      </c>
      <c r="P215" s="51">
        <v>1</v>
      </c>
      <c r="Q215" s="51" t="s">
        <v>5341</v>
      </c>
      <c r="R215" s="54" t="b">
        <v>1</v>
      </c>
      <c r="S215" s="52" t="s">
        <v>7126</v>
      </c>
      <c r="T215" s="67" t="s">
        <v>7127</v>
      </c>
      <c r="U215" s="75" t="s">
        <v>5331</v>
      </c>
      <c r="V215" s="47" t="s">
        <v>5331</v>
      </c>
      <c r="W215" s="47" t="s">
        <v>5331</v>
      </c>
      <c r="X215" s="47" t="s">
        <v>5331</v>
      </c>
      <c r="Y215" s="47" t="s">
        <v>5331</v>
      </c>
      <c r="Z215" s="28"/>
      <c r="AA215" s="27"/>
      <c r="AB215" s="27"/>
      <c r="AC215" s="27"/>
      <c r="AD215" s="30"/>
      <c r="AE215" s="1"/>
      <c r="AF215" s="23" t="s">
        <v>5331</v>
      </c>
      <c r="AG215" s="26"/>
      <c r="AH215" s="53"/>
    </row>
    <row r="216" spans="1:34" ht="51.6" customHeight="1" x14ac:dyDescent="0.45">
      <c r="A216" s="23">
        <v>210</v>
      </c>
      <c r="B216" s="25"/>
      <c r="C216" s="25"/>
      <c r="D216" s="29"/>
      <c r="E216" s="1"/>
      <c r="F216" s="1"/>
      <c r="G216" s="25"/>
      <c r="H216" s="71"/>
      <c r="I216" s="83"/>
      <c r="J216" s="50" t="str">
        <f t="shared" si="8"/>
        <v/>
      </c>
      <c r="K216" s="23" t="s">
        <v>7120</v>
      </c>
      <c r="L216" s="49" t="e">
        <f>VLOOKUP(E216&amp;F216,団体コード!$A$1:$C$1743,3,FALSE)</f>
        <v>#N/A</v>
      </c>
      <c r="M216" s="49" t="e">
        <f>VLOOKUP(E216&amp;F216,団体コード!$A$1:$C$1743,2,FALSE)</f>
        <v>#N/A</v>
      </c>
      <c r="N216" s="51" t="e">
        <f>VLOOKUP(E216,団体コード!$E$1:$F$48,2,FALSE)</f>
        <v>#N/A</v>
      </c>
      <c r="O216" s="51" t="e">
        <f t="shared" si="9"/>
        <v>#N/A</v>
      </c>
      <c r="P216" s="51">
        <v>1</v>
      </c>
      <c r="Q216" s="51" t="s">
        <v>5341</v>
      </c>
      <c r="R216" s="54" t="b">
        <v>1</v>
      </c>
      <c r="S216" s="52" t="s">
        <v>7126</v>
      </c>
      <c r="T216" s="67" t="s">
        <v>7127</v>
      </c>
      <c r="U216" s="75" t="s">
        <v>5331</v>
      </c>
      <c r="V216" s="47" t="s">
        <v>5331</v>
      </c>
      <c r="W216" s="47" t="s">
        <v>5331</v>
      </c>
      <c r="X216" s="47" t="s">
        <v>5331</v>
      </c>
      <c r="Y216" s="47" t="s">
        <v>5331</v>
      </c>
      <c r="Z216" s="28"/>
      <c r="AA216" s="27"/>
      <c r="AB216" s="27"/>
      <c r="AC216" s="27"/>
      <c r="AD216" s="30"/>
      <c r="AE216" s="1"/>
      <c r="AF216" s="23" t="s">
        <v>5331</v>
      </c>
      <c r="AG216" s="26"/>
      <c r="AH216" s="53"/>
    </row>
    <row r="217" spans="1:34" ht="51.6" customHeight="1" x14ac:dyDescent="0.45">
      <c r="A217" s="23">
        <v>211</v>
      </c>
      <c r="B217" s="25"/>
      <c r="C217" s="25"/>
      <c r="D217" s="29"/>
      <c r="E217" s="1"/>
      <c r="F217" s="1"/>
      <c r="G217" s="25"/>
      <c r="H217" s="71"/>
      <c r="I217" s="83"/>
      <c r="J217" s="50" t="str">
        <f t="shared" si="8"/>
        <v/>
      </c>
      <c r="K217" s="23" t="s">
        <v>7120</v>
      </c>
      <c r="L217" s="49" t="e">
        <f>VLOOKUP(E217&amp;F217,団体コード!$A$1:$C$1743,3,FALSE)</f>
        <v>#N/A</v>
      </c>
      <c r="M217" s="49" t="e">
        <f>VLOOKUP(E217&amp;F217,団体コード!$A$1:$C$1743,2,FALSE)</f>
        <v>#N/A</v>
      </c>
      <c r="N217" s="51" t="e">
        <f>VLOOKUP(E217,団体コード!$E$1:$F$48,2,FALSE)</f>
        <v>#N/A</v>
      </c>
      <c r="O217" s="51" t="e">
        <f t="shared" si="9"/>
        <v>#N/A</v>
      </c>
      <c r="P217" s="51">
        <v>1</v>
      </c>
      <c r="Q217" s="51" t="s">
        <v>5341</v>
      </c>
      <c r="R217" s="54" t="b">
        <v>1</v>
      </c>
      <c r="S217" s="52" t="s">
        <v>7126</v>
      </c>
      <c r="T217" s="67" t="s">
        <v>7127</v>
      </c>
      <c r="U217" s="75" t="s">
        <v>5331</v>
      </c>
      <c r="V217" s="47" t="s">
        <v>5331</v>
      </c>
      <c r="W217" s="47" t="s">
        <v>5331</v>
      </c>
      <c r="X217" s="47" t="s">
        <v>5331</v>
      </c>
      <c r="Y217" s="47" t="s">
        <v>5331</v>
      </c>
      <c r="Z217" s="28"/>
      <c r="AA217" s="27"/>
      <c r="AB217" s="27"/>
      <c r="AC217" s="27"/>
      <c r="AD217" s="30"/>
      <c r="AE217" s="1"/>
      <c r="AF217" s="23" t="s">
        <v>5331</v>
      </c>
      <c r="AG217" s="26"/>
      <c r="AH217" s="53"/>
    </row>
    <row r="218" spans="1:34" ht="51.6" customHeight="1" x14ac:dyDescent="0.45">
      <c r="A218" s="23">
        <v>212</v>
      </c>
      <c r="B218" s="25"/>
      <c r="C218" s="25"/>
      <c r="D218" s="29"/>
      <c r="E218" s="1"/>
      <c r="F218" s="1"/>
      <c r="G218" s="25"/>
      <c r="H218" s="71"/>
      <c r="I218" s="83"/>
      <c r="J218" s="50" t="str">
        <f t="shared" si="8"/>
        <v/>
      </c>
      <c r="K218" s="23" t="s">
        <v>7120</v>
      </c>
      <c r="L218" s="49" t="e">
        <f>VLOOKUP(E218&amp;F218,団体コード!$A$1:$C$1743,3,FALSE)</f>
        <v>#N/A</v>
      </c>
      <c r="M218" s="49" t="e">
        <f>VLOOKUP(E218&amp;F218,団体コード!$A$1:$C$1743,2,FALSE)</f>
        <v>#N/A</v>
      </c>
      <c r="N218" s="51" t="e">
        <f>VLOOKUP(E218,団体コード!$E$1:$F$48,2,FALSE)</f>
        <v>#N/A</v>
      </c>
      <c r="O218" s="51" t="e">
        <f t="shared" si="9"/>
        <v>#N/A</v>
      </c>
      <c r="P218" s="51">
        <v>1</v>
      </c>
      <c r="Q218" s="51" t="s">
        <v>5341</v>
      </c>
      <c r="R218" s="54" t="b">
        <v>1</v>
      </c>
      <c r="S218" s="52" t="s">
        <v>7126</v>
      </c>
      <c r="T218" s="67" t="s">
        <v>7127</v>
      </c>
      <c r="U218" s="75" t="s">
        <v>5331</v>
      </c>
      <c r="V218" s="47" t="s">
        <v>5331</v>
      </c>
      <c r="W218" s="47" t="s">
        <v>5331</v>
      </c>
      <c r="X218" s="47" t="s">
        <v>5331</v>
      </c>
      <c r="Y218" s="47" t="s">
        <v>5331</v>
      </c>
      <c r="Z218" s="28"/>
      <c r="AA218" s="27"/>
      <c r="AB218" s="27"/>
      <c r="AC218" s="27"/>
      <c r="AD218" s="30"/>
      <c r="AE218" s="1"/>
      <c r="AF218" s="23" t="s">
        <v>5331</v>
      </c>
      <c r="AG218" s="26"/>
      <c r="AH218" s="53"/>
    </row>
    <row r="219" spans="1:34" ht="51.6" customHeight="1" x14ac:dyDescent="0.45">
      <c r="A219" s="23">
        <v>213</v>
      </c>
      <c r="B219" s="25"/>
      <c r="C219" s="25"/>
      <c r="D219" s="29"/>
      <c r="E219" s="1"/>
      <c r="F219" s="1"/>
      <c r="G219" s="25"/>
      <c r="H219" s="71"/>
      <c r="I219" s="83"/>
      <c r="J219" s="50" t="str">
        <f t="shared" si="8"/>
        <v/>
      </c>
      <c r="K219" s="23" t="s">
        <v>7120</v>
      </c>
      <c r="L219" s="49" t="e">
        <f>VLOOKUP(E219&amp;F219,団体コード!$A$1:$C$1743,3,FALSE)</f>
        <v>#N/A</v>
      </c>
      <c r="M219" s="49" t="e">
        <f>VLOOKUP(E219&amp;F219,団体コード!$A$1:$C$1743,2,FALSE)</f>
        <v>#N/A</v>
      </c>
      <c r="N219" s="51" t="e">
        <f>VLOOKUP(E219,団体コード!$E$1:$F$48,2,FALSE)</f>
        <v>#N/A</v>
      </c>
      <c r="O219" s="51" t="e">
        <f t="shared" si="9"/>
        <v>#N/A</v>
      </c>
      <c r="P219" s="51">
        <v>1</v>
      </c>
      <c r="Q219" s="51" t="s">
        <v>5341</v>
      </c>
      <c r="R219" s="54" t="b">
        <v>1</v>
      </c>
      <c r="S219" s="52" t="s">
        <v>7126</v>
      </c>
      <c r="T219" s="67" t="s">
        <v>7127</v>
      </c>
      <c r="U219" s="75" t="s">
        <v>5331</v>
      </c>
      <c r="V219" s="47" t="s">
        <v>5331</v>
      </c>
      <c r="W219" s="47" t="s">
        <v>5331</v>
      </c>
      <c r="X219" s="47" t="s">
        <v>5331</v>
      </c>
      <c r="Y219" s="47" t="s">
        <v>5331</v>
      </c>
      <c r="Z219" s="28"/>
      <c r="AA219" s="27"/>
      <c r="AB219" s="27"/>
      <c r="AC219" s="27"/>
      <c r="AD219" s="30"/>
      <c r="AE219" s="1"/>
      <c r="AF219" s="23" t="s">
        <v>5331</v>
      </c>
      <c r="AG219" s="26"/>
      <c r="AH219" s="53"/>
    </row>
    <row r="220" spans="1:34" ht="51.6" customHeight="1" x14ac:dyDescent="0.45">
      <c r="A220" s="23">
        <v>214</v>
      </c>
      <c r="B220" s="25"/>
      <c r="C220" s="25"/>
      <c r="D220" s="29"/>
      <c r="E220" s="1"/>
      <c r="F220" s="1"/>
      <c r="G220" s="25"/>
      <c r="H220" s="71"/>
      <c r="I220" s="83"/>
      <c r="J220" s="50" t="str">
        <f t="shared" si="8"/>
        <v/>
      </c>
      <c r="K220" s="23" t="s">
        <v>7120</v>
      </c>
      <c r="L220" s="49" t="e">
        <f>VLOOKUP(E220&amp;F220,団体コード!$A$1:$C$1743,3,FALSE)</f>
        <v>#N/A</v>
      </c>
      <c r="M220" s="49" t="e">
        <f>VLOOKUP(E220&amp;F220,団体コード!$A$1:$C$1743,2,FALSE)</f>
        <v>#N/A</v>
      </c>
      <c r="N220" s="51" t="e">
        <f>VLOOKUP(E220,団体コード!$E$1:$F$48,2,FALSE)</f>
        <v>#N/A</v>
      </c>
      <c r="O220" s="51" t="e">
        <f t="shared" si="9"/>
        <v>#N/A</v>
      </c>
      <c r="P220" s="51">
        <v>1</v>
      </c>
      <c r="Q220" s="51" t="s">
        <v>5341</v>
      </c>
      <c r="R220" s="54" t="b">
        <v>1</v>
      </c>
      <c r="S220" s="52" t="s">
        <v>7126</v>
      </c>
      <c r="T220" s="67" t="s">
        <v>7127</v>
      </c>
      <c r="U220" s="75" t="s">
        <v>5331</v>
      </c>
      <c r="V220" s="47" t="s">
        <v>5331</v>
      </c>
      <c r="W220" s="47" t="s">
        <v>5331</v>
      </c>
      <c r="X220" s="47" t="s">
        <v>5331</v>
      </c>
      <c r="Y220" s="47" t="s">
        <v>5331</v>
      </c>
      <c r="Z220" s="28"/>
      <c r="AA220" s="27"/>
      <c r="AB220" s="27"/>
      <c r="AC220" s="27"/>
      <c r="AD220" s="30"/>
      <c r="AE220" s="1"/>
      <c r="AF220" s="23" t="s">
        <v>5331</v>
      </c>
      <c r="AG220" s="26"/>
      <c r="AH220" s="53"/>
    </row>
    <row r="221" spans="1:34" ht="51.6" customHeight="1" x14ac:dyDescent="0.45">
      <c r="A221" s="23">
        <v>215</v>
      </c>
      <c r="B221" s="25"/>
      <c r="C221" s="25"/>
      <c r="D221" s="29"/>
      <c r="E221" s="1"/>
      <c r="F221" s="1"/>
      <c r="G221" s="25"/>
      <c r="H221" s="71"/>
      <c r="I221" s="83"/>
      <c r="J221" s="50" t="str">
        <f t="shared" si="8"/>
        <v/>
      </c>
      <c r="K221" s="23" t="s">
        <v>7120</v>
      </c>
      <c r="L221" s="49" t="e">
        <f>VLOOKUP(E221&amp;F221,団体コード!$A$1:$C$1743,3,FALSE)</f>
        <v>#N/A</v>
      </c>
      <c r="M221" s="49" t="e">
        <f>VLOOKUP(E221&amp;F221,団体コード!$A$1:$C$1743,2,FALSE)</f>
        <v>#N/A</v>
      </c>
      <c r="N221" s="51" t="e">
        <f>VLOOKUP(E221,団体コード!$E$1:$F$48,2,FALSE)</f>
        <v>#N/A</v>
      </c>
      <c r="O221" s="51" t="e">
        <f t="shared" si="9"/>
        <v>#N/A</v>
      </c>
      <c r="P221" s="51">
        <v>1</v>
      </c>
      <c r="Q221" s="51" t="s">
        <v>5341</v>
      </c>
      <c r="R221" s="54" t="b">
        <v>1</v>
      </c>
      <c r="S221" s="52" t="s">
        <v>7126</v>
      </c>
      <c r="T221" s="67" t="s">
        <v>7127</v>
      </c>
      <c r="U221" s="75" t="s">
        <v>5331</v>
      </c>
      <c r="V221" s="47" t="s">
        <v>5331</v>
      </c>
      <c r="W221" s="47" t="s">
        <v>5331</v>
      </c>
      <c r="X221" s="47" t="s">
        <v>5331</v>
      </c>
      <c r="Y221" s="47" t="s">
        <v>5331</v>
      </c>
      <c r="Z221" s="28"/>
      <c r="AA221" s="27"/>
      <c r="AB221" s="27"/>
      <c r="AC221" s="27"/>
      <c r="AD221" s="30"/>
      <c r="AE221" s="1"/>
      <c r="AF221" s="23" t="s">
        <v>5331</v>
      </c>
      <c r="AG221" s="26"/>
      <c r="AH221" s="53"/>
    </row>
    <row r="222" spans="1:34" ht="51.6" customHeight="1" x14ac:dyDescent="0.45">
      <c r="A222" s="23">
        <v>216</v>
      </c>
      <c r="B222" s="25"/>
      <c r="C222" s="25"/>
      <c r="D222" s="29"/>
      <c r="E222" s="1"/>
      <c r="F222" s="1"/>
      <c r="G222" s="25"/>
      <c r="H222" s="71"/>
      <c r="I222" s="83"/>
      <c r="J222" s="50" t="str">
        <f t="shared" si="8"/>
        <v/>
      </c>
      <c r="K222" s="23" t="s">
        <v>7120</v>
      </c>
      <c r="L222" s="49" t="e">
        <f>VLOOKUP(E222&amp;F222,団体コード!$A$1:$C$1743,3,FALSE)</f>
        <v>#N/A</v>
      </c>
      <c r="M222" s="49" t="e">
        <f>VLOOKUP(E222&amp;F222,団体コード!$A$1:$C$1743,2,FALSE)</f>
        <v>#N/A</v>
      </c>
      <c r="N222" s="51" t="e">
        <f>VLOOKUP(E222,団体コード!$E$1:$F$48,2,FALSE)</f>
        <v>#N/A</v>
      </c>
      <c r="O222" s="51" t="e">
        <f t="shared" si="9"/>
        <v>#N/A</v>
      </c>
      <c r="P222" s="51">
        <v>1</v>
      </c>
      <c r="Q222" s="51" t="s">
        <v>5341</v>
      </c>
      <c r="R222" s="54" t="b">
        <v>1</v>
      </c>
      <c r="S222" s="52" t="s">
        <v>7126</v>
      </c>
      <c r="T222" s="67" t="s">
        <v>7127</v>
      </c>
      <c r="U222" s="75" t="s">
        <v>5331</v>
      </c>
      <c r="V222" s="47" t="s">
        <v>5331</v>
      </c>
      <c r="W222" s="47" t="s">
        <v>5331</v>
      </c>
      <c r="X222" s="47" t="s">
        <v>5331</v>
      </c>
      <c r="Y222" s="47" t="s">
        <v>5331</v>
      </c>
      <c r="Z222" s="28"/>
      <c r="AA222" s="27"/>
      <c r="AB222" s="27"/>
      <c r="AC222" s="27"/>
      <c r="AD222" s="30"/>
      <c r="AE222" s="1"/>
      <c r="AF222" s="23" t="s">
        <v>5331</v>
      </c>
      <c r="AG222" s="26"/>
      <c r="AH222" s="53"/>
    </row>
    <row r="223" spans="1:34" ht="51.6" customHeight="1" x14ac:dyDescent="0.45">
      <c r="A223" s="23">
        <v>217</v>
      </c>
      <c r="B223" s="25"/>
      <c r="C223" s="25"/>
      <c r="D223" s="29"/>
      <c r="E223" s="1"/>
      <c r="F223" s="1"/>
      <c r="G223" s="25"/>
      <c r="H223" s="71"/>
      <c r="I223" s="83"/>
      <c r="J223" s="50" t="str">
        <f t="shared" si="8"/>
        <v/>
      </c>
      <c r="K223" s="23" t="s">
        <v>7120</v>
      </c>
      <c r="L223" s="49" t="e">
        <f>VLOOKUP(E223&amp;F223,団体コード!$A$1:$C$1743,3,FALSE)</f>
        <v>#N/A</v>
      </c>
      <c r="M223" s="49" t="e">
        <f>VLOOKUP(E223&amp;F223,団体コード!$A$1:$C$1743,2,FALSE)</f>
        <v>#N/A</v>
      </c>
      <c r="N223" s="51" t="e">
        <f>VLOOKUP(E223,団体コード!$E$1:$F$48,2,FALSE)</f>
        <v>#N/A</v>
      </c>
      <c r="O223" s="51" t="e">
        <f t="shared" si="9"/>
        <v>#N/A</v>
      </c>
      <c r="P223" s="51">
        <v>1</v>
      </c>
      <c r="Q223" s="51" t="s">
        <v>5341</v>
      </c>
      <c r="R223" s="54" t="b">
        <v>1</v>
      </c>
      <c r="S223" s="52" t="s">
        <v>7126</v>
      </c>
      <c r="T223" s="67" t="s">
        <v>7127</v>
      </c>
      <c r="U223" s="75" t="s">
        <v>5331</v>
      </c>
      <c r="V223" s="47" t="s">
        <v>5331</v>
      </c>
      <c r="W223" s="47" t="s">
        <v>5331</v>
      </c>
      <c r="X223" s="47" t="s">
        <v>5331</v>
      </c>
      <c r="Y223" s="47" t="s">
        <v>5331</v>
      </c>
      <c r="Z223" s="28"/>
      <c r="AA223" s="27"/>
      <c r="AB223" s="27"/>
      <c r="AC223" s="27"/>
      <c r="AD223" s="30"/>
      <c r="AE223" s="1"/>
      <c r="AF223" s="23" t="s">
        <v>5331</v>
      </c>
      <c r="AG223" s="26"/>
      <c r="AH223" s="53"/>
    </row>
    <row r="224" spans="1:34" ht="51.6" customHeight="1" x14ac:dyDescent="0.45">
      <c r="A224" s="23">
        <v>218</v>
      </c>
      <c r="B224" s="25"/>
      <c r="C224" s="25"/>
      <c r="D224" s="29"/>
      <c r="E224" s="1"/>
      <c r="F224" s="1"/>
      <c r="G224" s="25"/>
      <c r="H224" s="71"/>
      <c r="I224" s="83"/>
      <c r="J224" s="50" t="str">
        <f t="shared" si="8"/>
        <v/>
      </c>
      <c r="K224" s="23" t="s">
        <v>7120</v>
      </c>
      <c r="L224" s="49" t="e">
        <f>VLOOKUP(E224&amp;F224,団体コード!$A$1:$C$1743,3,FALSE)</f>
        <v>#N/A</v>
      </c>
      <c r="M224" s="49" t="e">
        <f>VLOOKUP(E224&amp;F224,団体コード!$A$1:$C$1743,2,FALSE)</f>
        <v>#N/A</v>
      </c>
      <c r="N224" s="51" t="e">
        <f>VLOOKUP(E224,団体コード!$E$1:$F$48,2,FALSE)</f>
        <v>#N/A</v>
      </c>
      <c r="O224" s="51" t="e">
        <f t="shared" si="9"/>
        <v>#N/A</v>
      </c>
      <c r="P224" s="51">
        <v>1</v>
      </c>
      <c r="Q224" s="51" t="s">
        <v>5341</v>
      </c>
      <c r="R224" s="54" t="b">
        <v>1</v>
      </c>
      <c r="S224" s="52" t="s">
        <v>7126</v>
      </c>
      <c r="T224" s="67" t="s">
        <v>7127</v>
      </c>
      <c r="U224" s="75" t="s">
        <v>5331</v>
      </c>
      <c r="V224" s="47" t="s">
        <v>5331</v>
      </c>
      <c r="W224" s="47" t="s">
        <v>5331</v>
      </c>
      <c r="X224" s="47" t="s">
        <v>5331</v>
      </c>
      <c r="Y224" s="47" t="s">
        <v>5331</v>
      </c>
      <c r="Z224" s="28"/>
      <c r="AA224" s="27"/>
      <c r="AB224" s="27"/>
      <c r="AC224" s="27"/>
      <c r="AD224" s="30"/>
      <c r="AE224" s="1"/>
      <c r="AF224" s="23" t="s">
        <v>5331</v>
      </c>
      <c r="AG224" s="26"/>
      <c r="AH224" s="53"/>
    </row>
    <row r="225" spans="1:34" ht="51.6" customHeight="1" x14ac:dyDescent="0.45">
      <c r="A225" s="23">
        <v>219</v>
      </c>
      <c r="B225" s="25"/>
      <c r="C225" s="25"/>
      <c r="D225" s="29"/>
      <c r="E225" s="1"/>
      <c r="F225" s="1"/>
      <c r="G225" s="25"/>
      <c r="H225" s="71"/>
      <c r="I225" s="83"/>
      <c r="J225" s="50" t="str">
        <f t="shared" si="8"/>
        <v/>
      </c>
      <c r="K225" s="23" t="s">
        <v>7120</v>
      </c>
      <c r="L225" s="49" t="e">
        <f>VLOOKUP(E225&amp;F225,団体コード!$A$1:$C$1743,3,FALSE)</f>
        <v>#N/A</v>
      </c>
      <c r="M225" s="49" t="e">
        <f>VLOOKUP(E225&amp;F225,団体コード!$A$1:$C$1743,2,FALSE)</f>
        <v>#N/A</v>
      </c>
      <c r="N225" s="51" t="e">
        <f>VLOOKUP(E225,団体コード!$E$1:$F$48,2,FALSE)</f>
        <v>#N/A</v>
      </c>
      <c r="O225" s="51" t="e">
        <f t="shared" si="9"/>
        <v>#N/A</v>
      </c>
      <c r="P225" s="51">
        <v>1</v>
      </c>
      <c r="Q225" s="51" t="s">
        <v>5341</v>
      </c>
      <c r="R225" s="54" t="b">
        <v>1</v>
      </c>
      <c r="S225" s="52" t="s">
        <v>7126</v>
      </c>
      <c r="T225" s="67" t="s">
        <v>7127</v>
      </c>
      <c r="U225" s="75" t="s">
        <v>5331</v>
      </c>
      <c r="V225" s="47" t="s">
        <v>5331</v>
      </c>
      <c r="W225" s="47" t="s">
        <v>5331</v>
      </c>
      <c r="X225" s="47" t="s">
        <v>5331</v>
      </c>
      <c r="Y225" s="47" t="s">
        <v>5331</v>
      </c>
      <c r="Z225" s="28"/>
      <c r="AA225" s="27"/>
      <c r="AB225" s="27"/>
      <c r="AC225" s="27"/>
      <c r="AD225" s="30"/>
      <c r="AE225" s="1"/>
      <c r="AF225" s="23" t="s">
        <v>5331</v>
      </c>
      <c r="AG225" s="26"/>
      <c r="AH225" s="53"/>
    </row>
    <row r="226" spans="1:34" ht="51.6" customHeight="1" x14ac:dyDescent="0.45">
      <c r="A226" s="23">
        <v>220</v>
      </c>
      <c r="B226" s="25"/>
      <c r="C226" s="25"/>
      <c r="D226" s="29"/>
      <c r="E226" s="1"/>
      <c r="F226" s="1"/>
      <c r="G226" s="25"/>
      <c r="H226" s="71"/>
      <c r="I226" s="83"/>
      <c r="J226" s="50" t="str">
        <f t="shared" si="8"/>
        <v/>
      </c>
      <c r="K226" s="23" t="s">
        <v>7120</v>
      </c>
      <c r="L226" s="49" t="e">
        <f>VLOOKUP(E226&amp;F226,団体コード!$A$1:$C$1743,3,FALSE)</f>
        <v>#N/A</v>
      </c>
      <c r="M226" s="49" t="e">
        <f>VLOOKUP(E226&amp;F226,団体コード!$A$1:$C$1743,2,FALSE)</f>
        <v>#N/A</v>
      </c>
      <c r="N226" s="51" t="e">
        <f>VLOOKUP(E226,団体コード!$E$1:$F$48,2,FALSE)</f>
        <v>#N/A</v>
      </c>
      <c r="O226" s="51" t="e">
        <f t="shared" si="9"/>
        <v>#N/A</v>
      </c>
      <c r="P226" s="51">
        <v>1</v>
      </c>
      <c r="Q226" s="51" t="s">
        <v>5341</v>
      </c>
      <c r="R226" s="54" t="b">
        <v>1</v>
      </c>
      <c r="S226" s="52" t="s">
        <v>7126</v>
      </c>
      <c r="T226" s="67" t="s">
        <v>7127</v>
      </c>
      <c r="U226" s="75" t="s">
        <v>5331</v>
      </c>
      <c r="V226" s="47" t="s">
        <v>5331</v>
      </c>
      <c r="W226" s="47" t="s">
        <v>5331</v>
      </c>
      <c r="X226" s="47" t="s">
        <v>5331</v>
      </c>
      <c r="Y226" s="47" t="s">
        <v>5331</v>
      </c>
      <c r="Z226" s="28"/>
      <c r="AA226" s="27"/>
      <c r="AB226" s="27"/>
      <c r="AC226" s="27"/>
      <c r="AD226" s="30"/>
      <c r="AE226" s="1"/>
      <c r="AF226" s="23" t="s">
        <v>5331</v>
      </c>
      <c r="AG226" s="26"/>
      <c r="AH226" s="53"/>
    </row>
    <row r="227" spans="1:34" ht="51.6" customHeight="1" x14ac:dyDescent="0.45">
      <c r="A227" s="23">
        <v>221</v>
      </c>
      <c r="B227" s="25"/>
      <c r="C227" s="25"/>
      <c r="D227" s="29"/>
      <c r="E227" s="1"/>
      <c r="F227" s="1"/>
      <c r="G227" s="25"/>
      <c r="H227" s="71"/>
      <c r="I227" s="83"/>
      <c r="J227" s="50" t="str">
        <f t="shared" si="8"/>
        <v/>
      </c>
      <c r="K227" s="23" t="s">
        <v>7120</v>
      </c>
      <c r="L227" s="49" t="e">
        <f>VLOOKUP(E227&amp;F227,団体コード!$A$1:$C$1743,3,FALSE)</f>
        <v>#N/A</v>
      </c>
      <c r="M227" s="49" t="e">
        <f>VLOOKUP(E227&amp;F227,団体コード!$A$1:$C$1743,2,FALSE)</f>
        <v>#N/A</v>
      </c>
      <c r="N227" s="51" t="e">
        <f>VLOOKUP(E227,団体コード!$E$1:$F$48,2,FALSE)</f>
        <v>#N/A</v>
      </c>
      <c r="O227" s="51" t="e">
        <f t="shared" si="9"/>
        <v>#N/A</v>
      </c>
      <c r="P227" s="51">
        <v>1</v>
      </c>
      <c r="Q227" s="51" t="s">
        <v>5341</v>
      </c>
      <c r="R227" s="54" t="b">
        <v>1</v>
      </c>
      <c r="S227" s="52" t="s">
        <v>7126</v>
      </c>
      <c r="T227" s="67" t="s">
        <v>7127</v>
      </c>
      <c r="U227" s="75" t="s">
        <v>5331</v>
      </c>
      <c r="V227" s="47" t="s">
        <v>5331</v>
      </c>
      <c r="W227" s="47" t="s">
        <v>5331</v>
      </c>
      <c r="X227" s="47" t="s">
        <v>5331</v>
      </c>
      <c r="Y227" s="47" t="s">
        <v>5331</v>
      </c>
      <c r="Z227" s="28"/>
      <c r="AA227" s="27"/>
      <c r="AB227" s="27"/>
      <c r="AC227" s="27"/>
      <c r="AD227" s="30"/>
      <c r="AE227" s="1"/>
      <c r="AF227" s="23" t="s">
        <v>5331</v>
      </c>
      <c r="AG227" s="26"/>
      <c r="AH227" s="53"/>
    </row>
    <row r="228" spans="1:34" ht="51.6" customHeight="1" x14ac:dyDescent="0.45">
      <c r="A228" s="23">
        <v>222</v>
      </c>
      <c r="B228" s="25"/>
      <c r="C228" s="25"/>
      <c r="D228" s="29"/>
      <c r="E228" s="1"/>
      <c r="F228" s="1"/>
      <c r="G228" s="25"/>
      <c r="H228" s="71"/>
      <c r="I228" s="83"/>
      <c r="J228" s="50" t="str">
        <f t="shared" si="8"/>
        <v/>
      </c>
      <c r="K228" s="23" t="s">
        <v>7120</v>
      </c>
      <c r="L228" s="49" t="e">
        <f>VLOOKUP(E228&amp;F228,団体コード!$A$1:$C$1743,3,FALSE)</f>
        <v>#N/A</v>
      </c>
      <c r="M228" s="49" t="e">
        <f>VLOOKUP(E228&amp;F228,団体コード!$A$1:$C$1743,2,FALSE)</f>
        <v>#N/A</v>
      </c>
      <c r="N228" s="51" t="e">
        <f>VLOOKUP(E228,団体コード!$E$1:$F$48,2,FALSE)</f>
        <v>#N/A</v>
      </c>
      <c r="O228" s="51" t="e">
        <f t="shared" si="9"/>
        <v>#N/A</v>
      </c>
      <c r="P228" s="51">
        <v>1</v>
      </c>
      <c r="Q228" s="51" t="s">
        <v>5341</v>
      </c>
      <c r="R228" s="54" t="b">
        <v>1</v>
      </c>
      <c r="S228" s="52" t="s">
        <v>7126</v>
      </c>
      <c r="T228" s="67" t="s">
        <v>7127</v>
      </c>
      <c r="U228" s="75" t="s">
        <v>5331</v>
      </c>
      <c r="V228" s="47" t="s">
        <v>5331</v>
      </c>
      <c r="W228" s="47" t="s">
        <v>5331</v>
      </c>
      <c r="X228" s="47" t="s">
        <v>5331</v>
      </c>
      <c r="Y228" s="47" t="s">
        <v>5331</v>
      </c>
      <c r="Z228" s="28"/>
      <c r="AA228" s="27"/>
      <c r="AB228" s="27"/>
      <c r="AC228" s="27"/>
      <c r="AD228" s="30"/>
      <c r="AE228" s="1"/>
      <c r="AF228" s="23" t="s">
        <v>5331</v>
      </c>
      <c r="AG228" s="26"/>
      <c r="AH228" s="53"/>
    </row>
    <row r="229" spans="1:34" ht="51.6" customHeight="1" x14ac:dyDescent="0.45">
      <c r="A229" s="23">
        <v>223</v>
      </c>
      <c r="B229" s="25"/>
      <c r="C229" s="25"/>
      <c r="D229" s="29"/>
      <c r="E229" s="1"/>
      <c r="F229" s="1"/>
      <c r="G229" s="25"/>
      <c r="H229" s="71"/>
      <c r="I229" s="83"/>
      <c r="J229" s="50" t="str">
        <f t="shared" si="8"/>
        <v/>
      </c>
      <c r="K229" s="23" t="s">
        <v>7120</v>
      </c>
      <c r="L229" s="49" t="e">
        <f>VLOOKUP(E229&amp;F229,団体コード!$A$1:$C$1743,3,FALSE)</f>
        <v>#N/A</v>
      </c>
      <c r="M229" s="49" t="e">
        <f>VLOOKUP(E229&amp;F229,団体コード!$A$1:$C$1743,2,FALSE)</f>
        <v>#N/A</v>
      </c>
      <c r="N229" s="51" t="e">
        <f>VLOOKUP(E229,団体コード!$E$1:$F$48,2,FALSE)</f>
        <v>#N/A</v>
      </c>
      <c r="O229" s="51" t="e">
        <f t="shared" si="9"/>
        <v>#N/A</v>
      </c>
      <c r="P229" s="51">
        <v>1</v>
      </c>
      <c r="Q229" s="51" t="s">
        <v>5341</v>
      </c>
      <c r="R229" s="54" t="b">
        <v>1</v>
      </c>
      <c r="S229" s="52" t="s">
        <v>7126</v>
      </c>
      <c r="T229" s="67" t="s">
        <v>7127</v>
      </c>
      <c r="U229" s="75" t="s">
        <v>5331</v>
      </c>
      <c r="V229" s="47" t="s">
        <v>5331</v>
      </c>
      <c r="W229" s="47" t="s">
        <v>5331</v>
      </c>
      <c r="X229" s="47" t="s">
        <v>5331</v>
      </c>
      <c r="Y229" s="47" t="s">
        <v>5331</v>
      </c>
      <c r="Z229" s="28"/>
      <c r="AA229" s="27"/>
      <c r="AB229" s="27"/>
      <c r="AC229" s="27"/>
      <c r="AD229" s="30"/>
      <c r="AE229" s="1"/>
      <c r="AF229" s="23" t="s">
        <v>5331</v>
      </c>
      <c r="AG229" s="26"/>
      <c r="AH229" s="53"/>
    </row>
    <row r="230" spans="1:34" ht="51.6" customHeight="1" x14ac:dyDescent="0.45">
      <c r="A230" s="23">
        <v>224</v>
      </c>
      <c r="B230" s="25"/>
      <c r="C230" s="25"/>
      <c r="D230" s="29"/>
      <c r="E230" s="1"/>
      <c r="F230" s="1"/>
      <c r="G230" s="25"/>
      <c r="H230" s="71"/>
      <c r="I230" s="83"/>
      <c r="J230" s="50" t="str">
        <f t="shared" si="8"/>
        <v/>
      </c>
      <c r="K230" s="23" t="s">
        <v>7120</v>
      </c>
      <c r="L230" s="49" t="e">
        <f>VLOOKUP(E230&amp;F230,団体コード!$A$1:$C$1743,3,FALSE)</f>
        <v>#N/A</v>
      </c>
      <c r="M230" s="49" t="e">
        <f>VLOOKUP(E230&amp;F230,団体コード!$A$1:$C$1743,2,FALSE)</f>
        <v>#N/A</v>
      </c>
      <c r="N230" s="51" t="e">
        <f>VLOOKUP(E230,団体コード!$E$1:$F$48,2,FALSE)</f>
        <v>#N/A</v>
      </c>
      <c r="O230" s="51" t="e">
        <f t="shared" si="9"/>
        <v>#N/A</v>
      </c>
      <c r="P230" s="51">
        <v>1</v>
      </c>
      <c r="Q230" s="51" t="s">
        <v>5341</v>
      </c>
      <c r="R230" s="54" t="b">
        <v>1</v>
      </c>
      <c r="S230" s="52" t="s">
        <v>7126</v>
      </c>
      <c r="T230" s="67" t="s">
        <v>7127</v>
      </c>
      <c r="U230" s="75" t="s">
        <v>5331</v>
      </c>
      <c r="V230" s="47" t="s">
        <v>5331</v>
      </c>
      <c r="W230" s="47" t="s">
        <v>5331</v>
      </c>
      <c r="X230" s="47" t="s">
        <v>5331</v>
      </c>
      <c r="Y230" s="47" t="s">
        <v>5331</v>
      </c>
      <c r="Z230" s="28"/>
      <c r="AA230" s="27"/>
      <c r="AB230" s="27"/>
      <c r="AC230" s="27"/>
      <c r="AD230" s="30"/>
      <c r="AE230" s="1"/>
      <c r="AF230" s="23" t="s">
        <v>5331</v>
      </c>
      <c r="AG230" s="26"/>
      <c r="AH230" s="53"/>
    </row>
    <row r="231" spans="1:34" ht="51.6" customHeight="1" x14ac:dyDescent="0.45">
      <c r="A231" s="23">
        <v>225</v>
      </c>
      <c r="B231" s="25"/>
      <c r="C231" s="25"/>
      <c r="D231" s="29"/>
      <c r="E231" s="1"/>
      <c r="F231" s="1"/>
      <c r="G231" s="25"/>
      <c r="H231" s="71"/>
      <c r="I231" s="83"/>
      <c r="J231" s="50" t="str">
        <f t="shared" si="8"/>
        <v/>
      </c>
      <c r="K231" s="23" t="s">
        <v>7120</v>
      </c>
      <c r="L231" s="49" t="e">
        <f>VLOOKUP(E231&amp;F231,団体コード!$A$1:$C$1743,3,FALSE)</f>
        <v>#N/A</v>
      </c>
      <c r="M231" s="49" t="e">
        <f>VLOOKUP(E231&amp;F231,団体コード!$A$1:$C$1743,2,FALSE)</f>
        <v>#N/A</v>
      </c>
      <c r="N231" s="51" t="e">
        <f>VLOOKUP(E231,団体コード!$E$1:$F$48,2,FALSE)</f>
        <v>#N/A</v>
      </c>
      <c r="O231" s="51" t="e">
        <f t="shared" si="9"/>
        <v>#N/A</v>
      </c>
      <c r="P231" s="51">
        <v>1</v>
      </c>
      <c r="Q231" s="51" t="s">
        <v>5341</v>
      </c>
      <c r="R231" s="54" t="b">
        <v>1</v>
      </c>
      <c r="S231" s="52" t="s">
        <v>7126</v>
      </c>
      <c r="T231" s="67" t="s">
        <v>7127</v>
      </c>
      <c r="U231" s="75" t="s">
        <v>5331</v>
      </c>
      <c r="V231" s="47" t="s">
        <v>5331</v>
      </c>
      <c r="W231" s="47" t="s">
        <v>5331</v>
      </c>
      <c r="X231" s="47" t="s">
        <v>5331</v>
      </c>
      <c r="Y231" s="47" t="s">
        <v>5331</v>
      </c>
      <c r="Z231" s="28"/>
      <c r="AA231" s="27"/>
      <c r="AB231" s="27"/>
      <c r="AC231" s="27"/>
      <c r="AD231" s="30"/>
      <c r="AE231" s="1"/>
      <c r="AF231" s="23" t="s">
        <v>5331</v>
      </c>
      <c r="AG231" s="26"/>
      <c r="AH231" s="53"/>
    </row>
    <row r="232" spans="1:34" ht="51.6" customHeight="1" x14ac:dyDescent="0.45">
      <c r="A232" s="23">
        <v>226</v>
      </c>
      <c r="B232" s="25"/>
      <c r="C232" s="25"/>
      <c r="D232" s="29"/>
      <c r="E232" s="1"/>
      <c r="F232" s="1"/>
      <c r="G232" s="25"/>
      <c r="H232" s="71"/>
      <c r="I232" s="83"/>
      <c r="J232" s="50" t="str">
        <f t="shared" si="8"/>
        <v/>
      </c>
      <c r="K232" s="23" t="s">
        <v>7120</v>
      </c>
      <c r="L232" s="49" t="e">
        <f>VLOOKUP(E232&amp;F232,団体コード!$A$1:$C$1743,3,FALSE)</f>
        <v>#N/A</v>
      </c>
      <c r="M232" s="49" t="e">
        <f>VLOOKUP(E232&amp;F232,団体コード!$A$1:$C$1743,2,FALSE)</f>
        <v>#N/A</v>
      </c>
      <c r="N232" s="51" t="e">
        <f>VLOOKUP(E232,団体コード!$E$1:$F$48,2,FALSE)</f>
        <v>#N/A</v>
      </c>
      <c r="O232" s="51" t="e">
        <f t="shared" si="9"/>
        <v>#N/A</v>
      </c>
      <c r="P232" s="51">
        <v>1</v>
      </c>
      <c r="Q232" s="51" t="s">
        <v>5341</v>
      </c>
      <c r="R232" s="54" t="b">
        <v>1</v>
      </c>
      <c r="S232" s="52" t="s">
        <v>7126</v>
      </c>
      <c r="T232" s="67" t="s">
        <v>7127</v>
      </c>
      <c r="U232" s="75" t="s">
        <v>5331</v>
      </c>
      <c r="V232" s="47" t="s">
        <v>5331</v>
      </c>
      <c r="W232" s="47" t="s">
        <v>5331</v>
      </c>
      <c r="X232" s="47" t="s">
        <v>5331</v>
      </c>
      <c r="Y232" s="47" t="s">
        <v>5331</v>
      </c>
      <c r="Z232" s="28"/>
      <c r="AA232" s="27"/>
      <c r="AB232" s="27"/>
      <c r="AC232" s="27"/>
      <c r="AD232" s="30"/>
      <c r="AE232" s="1"/>
      <c r="AF232" s="23" t="s">
        <v>5331</v>
      </c>
      <c r="AG232" s="26"/>
      <c r="AH232" s="53"/>
    </row>
    <row r="233" spans="1:34" ht="51.6" customHeight="1" x14ac:dyDescent="0.45">
      <c r="A233" s="23">
        <v>227</v>
      </c>
      <c r="B233" s="25"/>
      <c r="C233" s="25"/>
      <c r="D233" s="29"/>
      <c r="E233" s="1"/>
      <c r="F233" s="1"/>
      <c r="G233" s="25"/>
      <c r="H233" s="71"/>
      <c r="I233" s="83"/>
      <c r="J233" s="50" t="str">
        <f t="shared" si="8"/>
        <v/>
      </c>
      <c r="K233" s="23" t="s">
        <v>7120</v>
      </c>
      <c r="L233" s="49" t="e">
        <f>VLOOKUP(E233&amp;F233,団体コード!$A$1:$C$1743,3,FALSE)</f>
        <v>#N/A</v>
      </c>
      <c r="M233" s="49" t="e">
        <f>VLOOKUP(E233&amp;F233,団体コード!$A$1:$C$1743,2,FALSE)</f>
        <v>#N/A</v>
      </c>
      <c r="N233" s="51" t="e">
        <f>VLOOKUP(E233,団体コード!$E$1:$F$48,2,FALSE)</f>
        <v>#N/A</v>
      </c>
      <c r="O233" s="51" t="e">
        <f t="shared" si="9"/>
        <v>#N/A</v>
      </c>
      <c r="P233" s="51">
        <v>1</v>
      </c>
      <c r="Q233" s="51" t="s">
        <v>5341</v>
      </c>
      <c r="R233" s="54" t="b">
        <v>1</v>
      </c>
      <c r="S233" s="52" t="s">
        <v>7126</v>
      </c>
      <c r="T233" s="67" t="s">
        <v>7127</v>
      </c>
      <c r="U233" s="75" t="s">
        <v>5331</v>
      </c>
      <c r="V233" s="47" t="s">
        <v>5331</v>
      </c>
      <c r="W233" s="47" t="s">
        <v>5331</v>
      </c>
      <c r="X233" s="47" t="s">
        <v>5331</v>
      </c>
      <c r="Y233" s="47" t="s">
        <v>5331</v>
      </c>
      <c r="Z233" s="28"/>
      <c r="AA233" s="27"/>
      <c r="AB233" s="27"/>
      <c r="AC233" s="27"/>
      <c r="AD233" s="30"/>
      <c r="AE233" s="1"/>
      <c r="AF233" s="23" t="s">
        <v>5331</v>
      </c>
      <c r="AG233" s="26"/>
      <c r="AH233" s="53"/>
    </row>
    <row r="234" spans="1:34" ht="51.6" customHeight="1" x14ac:dyDescent="0.45">
      <c r="A234" s="23">
        <v>228</v>
      </c>
      <c r="B234" s="25"/>
      <c r="C234" s="25"/>
      <c r="D234" s="29"/>
      <c r="E234" s="1"/>
      <c r="F234" s="1"/>
      <c r="G234" s="25"/>
      <c r="H234" s="71"/>
      <c r="I234" s="83"/>
      <c r="J234" s="50" t="str">
        <f t="shared" si="8"/>
        <v/>
      </c>
      <c r="K234" s="23" t="s">
        <v>7120</v>
      </c>
      <c r="L234" s="49" t="e">
        <f>VLOOKUP(E234&amp;F234,団体コード!$A$1:$C$1743,3,FALSE)</f>
        <v>#N/A</v>
      </c>
      <c r="M234" s="49" t="e">
        <f>VLOOKUP(E234&amp;F234,団体コード!$A$1:$C$1743,2,FALSE)</f>
        <v>#N/A</v>
      </c>
      <c r="N234" s="51" t="e">
        <f>VLOOKUP(E234,団体コード!$E$1:$F$48,2,FALSE)</f>
        <v>#N/A</v>
      </c>
      <c r="O234" s="51" t="e">
        <f t="shared" si="9"/>
        <v>#N/A</v>
      </c>
      <c r="P234" s="51">
        <v>1</v>
      </c>
      <c r="Q234" s="51" t="s">
        <v>5341</v>
      </c>
      <c r="R234" s="54" t="b">
        <v>1</v>
      </c>
      <c r="S234" s="52" t="s">
        <v>7126</v>
      </c>
      <c r="T234" s="67" t="s">
        <v>7127</v>
      </c>
      <c r="U234" s="75" t="s">
        <v>5331</v>
      </c>
      <c r="V234" s="47" t="s">
        <v>5331</v>
      </c>
      <c r="W234" s="47" t="s">
        <v>5331</v>
      </c>
      <c r="X234" s="47" t="s">
        <v>5331</v>
      </c>
      <c r="Y234" s="47" t="s">
        <v>5331</v>
      </c>
      <c r="Z234" s="28"/>
      <c r="AA234" s="27"/>
      <c r="AB234" s="27"/>
      <c r="AC234" s="27"/>
      <c r="AD234" s="30"/>
      <c r="AE234" s="1"/>
      <c r="AF234" s="23" t="s">
        <v>5331</v>
      </c>
      <c r="AG234" s="26"/>
      <c r="AH234" s="53"/>
    </row>
    <row r="235" spans="1:34" ht="51.6" customHeight="1" x14ac:dyDescent="0.45">
      <c r="A235" s="23">
        <v>229</v>
      </c>
      <c r="B235" s="25"/>
      <c r="C235" s="25"/>
      <c r="D235" s="29"/>
      <c r="E235" s="1"/>
      <c r="F235" s="1"/>
      <c r="G235" s="25"/>
      <c r="H235" s="71"/>
      <c r="I235" s="83"/>
      <c r="J235" s="50" t="str">
        <f t="shared" si="8"/>
        <v/>
      </c>
      <c r="K235" s="23" t="s">
        <v>7120</v>
      </c>
      <c r="L235" s="49" t="e">
        <f>VLOOKUP(E235&amp;F235,団体コード!$A$1:$C$1743,3,FALSE)</f>
        <v>#N/A</v>
      </c>
      <c r="M235" s="49" t="e">
        <f>VLOOKUP(E235&amp;F235,団体コード!$A$1:$C$1743,2,FALSE)</f>
        <v>#N/A</v>
      </c>
      <c r="N235" s="51" t="e">
        <f>VLOOKUP(E235,団体コード!$E$1:$F$48,2,FALSE)</f>
        <v>#N/A</v>
      </c>
      <c r="O235" s="51" t="e">
        <f t="shared" si="9"/>
        <v>#N/A</v>
      </c>
      <c r="P235" s="51">
        <v>1</v>
      </c>
      <c r="Q235" s="51" t="s">
        <v>5341</v>
      </c>
      <c r="R235" s="54" t="b">
        <v>1</v>
      </c>
      <c r="S235" s="52" t="s">
        <v>7126</v>
      </c>
      <c r="T235" s="67" t="s">
        <v>7127</v>
      </c>
      <c r="U235" s="75" t="s">
        <v>5331</v>
      </c>
      <c r="V235" s="47" t="s">
        <v>5331</v>
      </c>
      <c r="W235" s="47" t="s">
        <v>5331</v>
      </c>
      <c r="X235" s="47" t="s">
        <v>5331</v>
      </c>
      <c r="Y235" s="47" t="s">
        <v>5331</v>
      </c>
      <c r="Z235" s="28"/>
      <c r="AA235" s="27"/>
      <c r="AB235" s="27"/>
      <c r="AC235" s="27"/>
      <c r="AD235" s="30"/>
      <c r="AE235" s="1"/>
      <c r="AF235" s="23" t="s">
        <v>5331</v>
      </c>
      <c r="AG235" s="26"/>
      <c r="AH235" s="53"/>
    </row>
    <row r="236" spans="1:34" ht="51.6" customHeight="1" x14ac:dyDescent="0.45">
      <c r="A236" s="23">
        <v>230</v>
      </c>
      <c r="B236" s="25"/>
      <c r="C236" s="25"/>
      <c r="D236" s="29"/>
      <c r="E236" s="1"/>
      <c r="F236" s="1"/>
      <c r="G236" s="25"/>
      <c r="H236" s="71"/>
      <c r="I236" s="83"/>
      <c r="J236" s="50" t="str">
        <f t="shared" si="8"/>
        <v/>
      </c>
      <c r="K236" s="23" t="s">
        <v>7120</v>
      </c>
      <c r="L236" s="49" t="e">
        <f>VLOOKUP(E236&amp;F236,団体コード!$A$1:$C$1743,3,FALSE)</f>
        <v>#N/A</v>
      </c>
      <c r="M236" s="49" t="e">
        <f>VLOOKUP(E236&amp;F236,団体コード!$A$1:$C$1743,2,FALSE)</f>
        <v>#N/A</v>
      </c>
      <c r="N236" s="51" t="e">
        <f>VLOOKUP(E236,団体コード!$E$1:$F$48,2,FALSE)</f>
        <v>#N/A</v>
      </c>
      <c r="O236" s="51" t="e">
        <f t="shared" si="9"/>
        <v>#N/A</v>
      </c>
      <c r="P236" s="51">
        <v>1</v>
      </c>
      <c r="Q236" s="51" t="s">
        <v>5341</v>
      </c>
      <c r="R236" s="54" t="b">
        <v>1</v>
      </c>
      <c r="S236" s="52" t="s">
        <v>7126</v>
      </c>
      <c r="T236" s="67" t="s">
        <v>7127</v>
      </c>
      <c r="U236" s="75" t="s">
        <v>5331</v>
      </c>
      <c r="V236" s="47" t="s">
        <v>5331</v>
      </c>
      <c r="W236" s="47" t="s">
        <v>5331</v>
      </c>
      <c r="X236" s="47" t="s">
        <v>5331</v>
      </c>
      <c r="Y236" s="47" t="s">
        <v>5331</v>
      </c>
      <c r="Z236" s="28"/>
      <c r="AA236" s="27"/>
      <c r="AB236" s="27"/>
      <c r="AC236" s="27"/>
      <c r="AD236" s="30"/>
      <c r="AE236" s="1"/>
      <c r="AF236" s="23" t="s">
        <v>5331</v>
      </c>
      <c r="AG236" s="26"/>
      <c r="AH236" s="53"/>
    </row>
    <row r="237" spans="1:34" ht="51.6" customHeight="1" x14ac:dyDescent="0.45">
      <c r="A237" s="23">
        <v>231</v>
      </c>
      <c r="B237" s="25"/>
      <c r="C237" s="25"/>
      <c r="D237" s="29"/>
      <c r="E237" s="1"/>
      <c r="F237" s="1"/>
      <c r="G237" s="25"/>
      <c r="H237" s="71"/>
      <c r="I237" s="83"/>
      <c r="J237" s="50" t="str">
        <f t="shared" si="8"/>
        <v/>
      </c>
      <c r="K237" s="23" t="s">
        <v>7120</v>
      </c>
      <c r="L237" s="49" t="e">
        <f>VLOOKUP(E237&amp;F237,団体コード!$A$1:$C$1743,3,FALSE)</f>
        <v>#N/A</v>
      </c>
      <c r="M237" s="49" t="e">
        <f>VLOOKUP(E237&amp;F237,団体コード!$A$1:$C$1743,2,FALSE)</f>
        <v>#N/A</v>
      </c>
      <c r="N237" s="51" t="e">
        <f>VLOOKUP(E237,団体コード!$E$1:$F$48,2,FALSE)</f>
        <v>#N/A</v>
      </c>
      <c r="O237" s="51" t="e">
        <f t="shared" si="9"/>
        <v>#N/A</v>
      </c>
      <c r="P237" s="51">
        <v>1</v>
      </c>
      <c r="Q237" s="51" t="s">
        <v>5341</v>
      </c>
      <c r="R237" s="54" t="b">
        <v>1</v>
      </c>
      <c r="S237" s="52" t="s">
        <v>7126</v>
      </c>
      <c r="T237" s="67" t="s">
        <v>7127</v>
      </c>
      <c r="U237" s="75" t="s">
        <v>5331</v>
      </c>
      <c r="V237" s="47" t="s">
        <v>5331</v>
      </c>
      <c r="W237" s="47" t="s">
        <v>5331</v>
      </c>
      <c r="X237" s="47" t="s">
        <v>5331</v>
      </c>
      <c r="Y237" s="47" t="s">
        <v>5331</v>
      </c>
      <c r="Z237" s="28"/>
      <c r="AA237" s="27"/>
      <c r="AB237" s="27"/>
      <c r="AC237" s="27"/>
      <c r="AD237" s="30"/>
      <c r="AE237" s="1"/>
      <c r="AF237" s="23" t="s">
        <v>5331</v>
      </c>
      <c r="AG237" s="26"/>
      <c r="AH237" s="53"/>
    </row>
    <row r="238" spans="1:34" ht="51.6" customHeight="1" x14ac:dyDescent="0.45">
      <c r="A238" s="23">
        <v>232</v>
      </c>
      <c r="B238" s="25"/>
      <c r="C238" s="25"/>
      <c r="D238" s="29"/>
      <c r="E238" s="1"/>
      <c r="F238" s="1"/>
      <c r="G238" s="25"/>
      <c r="H238" s="71"/>
      <c r="I238" s="83"/>
      <c r="J238" s="50" t="str">
        <f t="shared" si="8"/>
        <v/>
      </c>
      <c r="K238" s="23" t="s">
        <v>7120</v>
      </c>
      <c r="L238" s="49" t="e">
        <f>VLOOKUP(E238&amp;F238,団体コード!$A$1:$C$1743,3,FALSE)</f>
        <v>#N/A</v>
      </c>
      <c r="M238" s="49" t="e">
        <f>VLOOKUP(E238&amp;F238,団体コード!$A$1:$C$1743,2,FALSE)</f>
        <v>#N/A</v>
      </c>
      <c r="N238" s="51" t="e">
        <f>VLOOKUP(E238,団体コード!$E$1:$F$48,2,FALSE)</f>
        <v>#N/A</v>
      </c>
      <c r="O238" s="51" t="e">
        <f t="shared" si="9"/>
        <v>#N/A</v>
      </c>
      <c r="P238" s="51">
        <v>1</v>
      </c>
      <c r="Q238" s="51" t="s">
        <v>5341</v>
      </c>
      <c r="R238" s="54" t="b">
        <v>1</v>
      </c>
      <c r="S238" s="52" t="s">
        <v>7126</v>
      </c>
      <c r="T238" s="67" t="s">
        <v>7127</v>
      </c>
      <c r="U238" s="75" t="s">
        <v>5331</v>
      </c>
      <c r="V238" s="47" t="s">
        <v>5331</v>
      </c>
      <c r="W238" s="47" t="s">
        <v>5331</v>
      </c>
      <c r="X238" s="47" t="s">
        <v>5331</v>
      </c>
      <c r="Y238" s="47" t="s">
        <v>5331</v>
      </c>
      <c r="Z238" s="28"/>
      <c r="AA238" s="27"/>
      <c r="AB238" s="27"/>
      <c r="AC238" s="27"/>
      <c r="AD238" s="30"/>
      <c r="AE238" s="1"/>
      <c r="AF238" s="23" t="s">
        <v>5331</v>
      </c>
      <c r="AG238" s="26"/>
      <c r="AH238" s="53"/>
    </row>
    <row r="239" spans="1:34" ht="51.6" customHeight="1" x14ac:dyDescent="0.45">
      <c r="A239" s="23">
        <v>233</v>
      </c>
      <c r="B239" s="25"/>
      <c r="C239" s="25"/>
      <c r="D239" s="29"/>
      <c r="E239" s="1"/>
      <c r="F239" s="1"/>
      <c r="G239" s="25"/>
      <c r="H239" s="71"/>
      <c r="I239" s="83"/>
      <c r="J239" s="50" t="str">
        <f t="shared" si="8"/>
        <v/>
      </c>
      <c r="K239" s="23" t="s">
        <v>7120</v>
      </c>
      <c r="L239" s="49" t="e">
        <f>VLOOKUP(E239&amp;F239,団体コード!$A$1:$C$1743,3,FALSE)</f>
        <v>#N/A</v>
      </c>
      <c r="M239" s="49" t="e">
        <f>VLOOKUP(E239&amp;F239,団体コード!$A$1:$C$1743,2,FALSE)</f>
        <v>#N/A</v>
      </c>
      <c r="N239" s="51" t="e">
        <f>VLOOKUP(E239,団体コード!$E$1:$F$48,2,FALSE)</f>
        <v>#N/A</v>
      </c>
      <c r="O239" s="51" t="e">
        <f t="shared" si="9"/>
        <v>#N/A</v>
      </c>
      <c r="P239" s="51">
        <v>1</v>
      </c>
      <c r="Q239" s="51" t="s">
        <v>5341</v>
      </c>
      <c r="R239" s="54" t="b">
        <v>1</v>
      </c>
      <c r="S239" s="52" t="s">
        <v>7126</v>
      </c>
      <c r="T239" s="67" t="s">
        <v>7127</v>
      </c>
      <c r="U239" s="75" t="s">
        <v>5331</v>
      </c>
      <c r="V239" s="47" t="s">
        <v>5331</v>
      </c>
      <c r="W239" s="47" t="s">
        <v>5331</v>
      </c>
      <c r="X239" s="47" t="s">
        <v>5331</v>
      </c>
      <c r="Y239" s="47" t="s">
        <v>5331</v>
      </c>
      <c r="Z239" s="28"/>
      <c r="AA239" s="27"/>
      <c r="AB239" s="27"/>
      <c r="AC239" s="27"/>
      <c r="AD239" s="30"/>
      <c r="AE239" s="1"/>
      <c r="AF239" s="23" t="s">
        <v>5331</v>
      </c>
      <c r="AG239" s="26"/>
      <c r="AH239" s="53"/>
    </row>
    <row r="240" spans="1:34" ht="51.6" customHeight="1" x14ac:dyDescent="0.45">
      <c r="A240" s="23">
        <v>234</v>
      </c>
      <c r="B240" s="25"/>
      <c r="C240" s="25"/>
      <c r="D240" s="29"/>
      <c r="E240" s="1"/>
      <c r="F240" s="1"/>
      <c r="G240" s="25"/>
      <c r="H240" s="71"/>
      <c r="I240" s="83"/>
      <c r="J240" s="50" t="str">
        <f t="shared" si="8"/>
        <v/>
      </c>
      <c r="K240" s="23" t="s">
        <v>7120</v>
      </c>
      <c r="L240" s="49" t="e">
        <f>VLOOKUP(E240&amp;F240,団体コード!$A$1:$C$1743,3,FALSE)</f>
        <v>#N/A</v>
      </c>
      <c r="M240" s="49" t="e">
        <f>VLOOKUP(E240&amp;F240,団体コード!$A$1:$C$1743,2,FALSE)</f>
        <v>#N/A</v>
      </c>
      <c r="N240" s="51" t="e">
        <f>VLOOKUP(E240,団体コード!$E$1:$F$48,2,FALSE)</f>
        <v>#N/A</v>
      </c>
      <c r="O240" s="51" t="e">
        <f t="shared" si="9"/>
        <v>#N/A</v>
      </c>
      <c r="P240" s="51">
        <v>1</v>
      </c>
      <c r="Q240" s="51" t="s">
        <v>5341</v>
      </c>
      <c r="R240" s="54" t="b">
        <v>1</v>
      </c>
      <c r="S240" s="52" t="s">
        <v>7126</v>
      </c>
      <c r="T240" s="67" t="s">
        <v>7127</v>
      </c>
      <c r="U240" s="75" t="s">
        <v>5331</v>
      </c>
      <c r="V240" s="47" t="s">
        <v>5331</v>
      </c>
      <c r="W240" s="47" t="s">
        <v>5331</v>
      </c>
      <c r="X240" s="47" t="s">
        <v>5331</v>
      </c>
      <c r="Y240" s="47" t="s">
        <v>5331</v>
      </c>
      <c r="Z240" s="28"/>
      <c r="AA240" s="27"/>
      <c r="AB240" s="27"/>
      <c r="AC240" s="27"/>
      <c r="AD240" s="30"/>
      <c r="AE240" s="1"/>
      <c r="AF240" s="23" t="s">
        <v>5331</v>
      </c>
      <c r="AG240" s="26"/>
      <c r="AH240" s="53"/>
    </row>
    <row r="241" spans="1:34" ht="51.6" customHeight="1" x14ac:dyDescent="0.45">
      <c r="A241" s="23">
        <v>235</v>
      </c>
      <c r="B241" s="25"/>
      <c r="C241" s="25"/>
      <c r="D241" s="29"/>
      <c r="E241" s="1"/>
      <c r="F241" s="1"/>
      <c r="G241" s="25"/>
      <c r="H241" s="71"/>
      <c r="I241" s="83"/>
      <c r="J241" s="50" t="str">
        <f t="shared" si="8"/>
        <v/>
      </c>
      <c r="K241" s="23" t="s">
        <v>7120</v>
      </c>
      <c r="L241" s="49" t="e">
        <f>VLOOKUP(E241&amp;F241,団体コード!$A$1:$C$1743,3,FALSE)</f>
        <v>#N/A</v>
      </c>
      <c r="M241" s="49" t="e">
        <f>VLOOKUP(E241&amp;F241,団体コード!$A$1:$C$1743,2,FALSE)</f>
        <v>#N/A</v>
      </c>
      <c r="N241" s="51" t="e">
        <f>VLOOKUP(E241,団体コード!$E$1:$F$48,2,FALSE)</f>
        <v>#N/A</v>
      </c>
      <c r="O241" s="51" t="e">
        <f t="shared" si="9"/>
        <v>#N/A</v>
      </c>
      <c r="P241" s="51">
        <v>1</v>
      </c>
      <c r="Q241" s="51" t="s">
        <v>5341</v>
      </c>
      <c r="R241" s="54" t="b">
        <v>1</v>
      </c>
      <c r="S241" s="52" t="s">
        <v>7126</v>
      </c>
      <c r="T241" s="67" t="s">
        <v>7127</v>
      </c>
      <c r="U241" s="75" t="s">
        <v>5331</v>
      </c>
      <c r="V241" s="47" t="s">
        <v>5331</v>
      </c>
      <c r="W241" s="47" t="s">
        <v>5331</v>
      </c>
      <c r="X241" s="47" t="s">
        <v>5331</v>
      </c>
      <c r="Y241" s="47" t="s">
        <v>5331</v>
      </c>
      <c r="Z241" s="28"/>
      <c r="AA241" s="27"/>
      <c r="AB241" s="27"/>
      <c r="AC241" s="27"/>
      <c r="AD241" s="30"/>
      <c r="AE241" s="1"/>
      <c r="AF241" s="23" t="s">
        <v>5331</v>
      </c>
      <c r="AG241" s="26"/>
      <c r="AH241" s="53"/>
    </row>
    <row r="242" spans="1:34" ht="51.6" customHeight="1" x14ac:dyDescent="0.45">
      <c r="A242" s="23">
        <v>236</v>
      </c>
      <c r="B242" s="25"/>
      <c r="C242" s="25"/>
      <c r="D242" s="29"/>
      <c r="E242" s="1"/>
      <c r="F242" s="1"/>
      <c r="G242" s="25"/>
      <c r="H242" s="71"/>
      <c r="I242" s="83"/>
      <c r="J242" s="50" t="str">
        <f t="shared" si="8"/>
        <v/>
      </c>
      <c r="K242" s="23" t="s">
        <v>7120</v>
      </c>
      <c r="L242" s="49" t="e">
        <f>VLOOKUP(E242&amp;F242,団体コード!$A$1:$C$1743,3,FALSE)</f>
        <v>#N/A</v>
      </c>
      <c r="M242" s="49" t="e">
        <f>VLOOKUP(E242&amp;F242,団体コード!$A$1:$C$1743,2,FALSE)</f>
        <v>#N/A</v>
      </c>
      <c r="N242" s="51" t="e">
        <f>VLOOKUP(E242,団体コード!$E$1:$F$48,2,FALSE)</f>
        <v>#N/A</v>
      </c>
      <c r="O242" s="51" t="e">
        <f t="shared" si="9"/>
        <v>#N/A</v>
      </c>
      <c r="P242" s="51">
        <v>1</v>
      </c>
      <c r="Q242" s="51" t="s">
        <v>5341</v>
      </c>
      <c r="R242" s="54" t="b">
        <v>1</v>
      </c>
      <c r="S242" s="52" t="s">
        <v>7126</v>
      </c>
      <c r="T242" s="67" t="s">
        <v>7127</v>
      </c>
      <c r="U242" s="75" t="s">
        <v>5331</v>
      </c>
      <c r="V242" s="47" t="s">
        <v>5331</v>
      </c>
      <c r="W242" s="47" t="s">
        <v>5331</v>
      </c>
      <c r="X242" s="47" t="s">
        <v>5331</v>
      </c>
      <c r="Y242" s="47" t="s">
        <v>5331</v>
      </c>
      <c r="Z242" s="28"/>
      <c r="AA242" s="27"/>
      <c r="AB242" s="27"/>
      <c r="AC242" s="27"/>
      <c r="AD242" s="30"/>
      <c r="AE242" s="1"/>
      <c r="AF242" s="23" t="s">
        <v>5331</v>
      </c>
      <c r="AG242" s="26"/>
      <c r="AH242" s="53"/>
    </row>
    <row r="243" spans="1:34" ht="51.6" customHeight="1" x14ac:dyDescent="0.45">
      <c r="A243" s="23">
        <v>237</v>
      </c>
      <c r="B243" s="25"/>
      <c r="C243" s="25"/>
      <c r="D243" s="29"/>
      <c r="E243" s="1"/>
      <c r="F243" s="1"/>
      <c r="G243" s="25"/>
      <c r="H243" s="71"/>
      <c r="I243" s="83"/>
      <c r="J243" s="50" t="str">
        <f t="shared" si="8"/>
        <v/>
      </c>
      <c r="K243" s="23" t="s">
        <v>7120</v>
      </c>
      <c r="L243" s="49" t="e">
        <f>VLOOKUP(E243&amp;F243,団体コード!$A$1:$C$1743,3,FALSE)</f>
        <v>#N/A</v>
      </c>
      <c r="M243" s="49" t="e">
        <f>VLOOKUP(E243&amp;F243,団体コード!$A$1:$C$1743,2,FALSE)</f>
        <v>#N/A</v>
      </c>
      <c r="N243" s="51" t="e">
        <f>VLOOKUP(E243,団体コード!$E$1:$F$48,2,FALSE)</f>
        <v>#N/A</v>
      </c>
      <c r="O243" s="51" t="e">
        <f t="shared" si="9"/>
        <v>#N/A</v>
      </c>
      <c r="P243" s="51">
        <v>1</v>
      </c>
      <c r="Q243" s="51" t="s">
        <v>5341</v>
      </c>
      <c r="R243" s="54" t="b">
        <v>1</v>
      </c>
      <c r="S243" s="52" t="s">
        <v>7126</v>
      </c>
      <c r="T243" s="67" t="s">
        <v>7127</v>
      </c>
      <c r="U243" s="75" t="s">
        <v>5331</v>
      </c>
      <c r="V243" s="47" t="s">
        <v>5331</v>
      </c>
      <c r="W243" s="47" t="s">
        <v>5331</v>
      </c>
      <c r="X243" s="47" t="s">
        <v>5331</v>
      </c>
      <c r="Y243" s="47" t="s">
        <v>5331</v>
      </c>
      <c r="Z243" s="28"/>
      <c r="AA243" s="27"/>
      <c r="AB243" s="27"/>
      <c r="AC243" s="27"/>
      <c r="AD243" s="30"/>
      <c r="AE243" s="1"/>
      <c r="AF243" s="23" t="s">
        <v>5331</v>
      </c>
      <c r="AG243" s="26"/>
      <c r="AH243" s="53"/>
    </row>
    <row r="244" spans="1:34" ht="51.6" customHeight="1" x14ac:dyDescent="0.45">
      <c r="A244" s="23">
        <v>238</v>
      </c>
      <c r="B244" s="25"/>
      <c r="C244" s="25"/>
      <c r="D244" s="29"/>
      <c r="E244" s="1"/>
      <c r="F244" s="1"/>
      <c r="G244" s="25"/>
      <c r="H244" s="71"/>
      <c r="I244" s="83"/>
      <c r="J244" s="50" t="str">
        <f t="shared" si="8"/>
        <v/>
      </c>
      <c r="K244" s="23" t="s">
        <v>7120</v>
      </c>
      <c r="L244" s="49" t="e">
        <f>VLOOKUP(E244&amp;F244,団体コード!$A$1:$C$1743,3,FALSE)</f>
        <v>#N/A</v>
      </c>
      <c r="M244" s="49" t="e">
        <f>VLOOKUP(E244&amp;F244,団体コード!$A$1:$C$1743,2,FALSE)</f>
        <v>#N/A</v>
      </c>
      <c r="N244" s="51" t="e">
        <f>VLOOKUP(E244,団体コード!$E$1:$F$48,2,FALSE)</f>
        <v>#N/A</v>
      </c>
      <c r="O244" s="51" t="e">
        <f t="shared" si="9"/>
        <v>#N/A</v>
      </c>
      <c r="P244" s="51">
        <v>1</v>
      </c>
      <c r="Q244" s="51" t="s">
        <v>5341</v>
      </c>
      <c r="R244" s="54" t="b">
        <v>1</v>
      </c>
      <c r="S244" s="52" t="s">
        <v>7126</v>
      </c>
      <c r="T244" s="67" t="s">
        <v>7127</v>
      </c>
      <c r="U244" s="75" t="s">
        <v>5331</v>
      </c>
      <c r="V244" s="47" t="s">
        <v>5331</v>
      </c>
      <c r="W244" s="47" t="s">
        <v>5331</v>
      </c>
      <c r="X244" s="47" t="s">
        <v>5331</v>
      </c>
      <c r="Y244" s="47" t="s">
        <v>5331</v>
      </c>
      <c r="Z244" s="28"/>
      <c r="AA244" s="27"/>
      <c r="AB244" s="27"/>
      <c r="AC244" s="27"/>
      <c r="AD244" s="30"/>
      <c r="AE244" s="1"/>
      <c r="AF244" s="23" t="s">
        <v>5331</v>
      </c>
      <c r="AG244" s="26"/>
      <c r="AH244" s="53"/>
    </row>
    <row r="245" spans="1:34" ht="51.6" customHeight="1" x14ac:dyDescent="0.45">
      <c r="A245" s="23">
        <v>239</v>
      </c>
      <c r="B245" s="25"/>
      <c r="C245" s="25"/>
      <c r="D245" s="29"/>
      <c r="E245" s="1"/>
      <c r="F245" s="1"/>
      <c r="G245" s="25"/>
      <c r="H245" s="71"/>
      <c r="I245" s="83"/>
      <c r="J245" s="50" t="str">
        <f t="shared" si="8"/>
        <v/>
      </c>
      <c r="K245" s="23" t="s">
        <v>7120</v>
      </c>
      <c r="L245" s="49" t="e">
        <f>VLOOKUP(E245&amp;F245,団体コード!$A$1:$C$1743,3,FALSE)</f>
        <v>#N/A</v>
      </c>
      <c r="M245" s="49" t="e">
        <f>VLOOKUP(E245&amp;F245,団体コード!$A$1:$C$1743,2,FALSE)</f>
        <v>#N/A</v>
      </c>
      <c r="N245" s="51" t="e">
        <f>VLOOKUP(E245,団体コード!$E$1:$F$48,2,FALSE)</f>
        <v>#N/A</v>
      </c>
      <c r="O245" s="51" t="e">
        <f t="shared" si="9"/>
        <v>#N/A</v>
      </c>
      <c r="P245" s="51">
        <v>1</v>
      </c>
      <c r="Q245" s="51" t="s">
        <v>5341</v>
      </c>
      <c r="R245" s="54" t="b">
        <v>1</v>
      </c>
      <c r="S245" s="52" t="s">
        <v>7126</v>
      </c>
      <c r="T245" s="67" t="s">
        <v>7127</v>
      </c>
      <c r="U245" s="75" t="s">
        <v>5331</v>
      </c>
      <c r="V245" s="47" t="s">
        <v>5331</v>
      </c>
      <c r="W245" s="47" t="s">
        <v>5331</v>
      </c>
      <c r="X245" s="47" t="s">
        <v>5331</v>
      </c>
      <c r="Y245" s="47" t="s">
        <v>5331</v>
      </c>
      <c r="Z245" s="28"/>
      <c r="AA245" s="27"/>
      <c r="AB245" s="27"/>
      <c r="AC245" s="27"/>
      <c r="AD245" s="30"/>
      <c r="AE245" s="1"/>
      <c r="AF245" s="23" t="s">
        <v>5331</v>
      </c>
      <c r="AG245" s="26"/>
      <c r="AH245" s="53"/>
    </row>
    <row r="246" spans="1:34" ht="51.6" customHeight="1" x14ac:dyDescent="0.45">
      <c r="A246" s="23">
        <v>240</v>
      </c>
      <c r="B246" s="25"/>
      <c r="C246" s="25"/>
      <c r="D246" s="29"/>
      <c r="E246" s="1"/>
      <c r="F246" s="1"/>
      <c r="G246" s="25"/>
      <c r="H246" s="71"/>
      <c r="I246" s="83"/>
      <c r="J246" s="50" t="str">
        <f t="shared" si="8"/>
        <v/>
      </c>
      <c r="K246" s="23" t="s">
        <v>7120</v>
      </c>
      <c r="L246" s="49" t="e">
        <f>VLOOKUP(E246&amp;F246,団体コード!$A$1:$C$1743,3,FALSE)</f>
        <v>#N/A</v>
      </c>
      <c r="M246" s="49" t="e">
        <f>VLOOKUP(E246&amp;F246,団体コード!$A$1:$C$1743,2,FALSE)</f>
        <v>#N/A</v>
      </c>
      <c r="N246" s="51" t="e">
        <f>VLOOKUP(E246,団体コード!$E$1:$F$48,2,FALSE)</f>
        <v>#N/A</v>
      </c>
      <c r="O246" s="51" t="e">
        <f t="shared" si="9"/>
        <v>#N/A</v>
      </c>
      <c r="P246" s="51">
        <v>1</v>
      </c>
      <c r="Q246" s="51" t="s">
        <v>5341</v>
      </c>
      <c r="R246" s="54" t="b">
        <v>1</v>
      </c>
      <c r="S246" s="52" t="s">
        <v>7126</v>
      </c>
      <c r="T246" s="67" t="s">
        <v>7127</v>
      </c>
      <c r="U246" s="75" t="s">
        <v>5331</v>
      </c>
      <c r="V246" s="47" t="s">
        <v>5331</v>
      </c>
      <c r="W246" s="47" t="s">
        <v>5331</v>
      </c>
      <c r="X246" s="47" t="s">
        <v>5331</v>
      </c>
      <c r="Y246" s="47" t="s">
        <v>5331</v>
      </c>
      <c r="Z246" s="28"/>
      <c r="AA246" s="27"/>
      <c r="AB246" s="27"/>
      <c r="AC246" s="27"/>
      <c r="AD246" s="30"/>
      <c r="AE246" s="1"/>
      <c r="AF246" s="23" t="s">
        <v>5331</v>
      </c>
      <c r="AG246" s="26"/>
      <c r="AH246" s="53"/>
    </row>
    <row r="247" spans="1:34" ht="51.6" customHeight="1" x14ac:dyDescent="0.45">
      <c r="A247" s="23">
        <v>241</v>
      </c>
      <c r="B247" s="25"/>
      <c r="C247" s="25"/>
      <c r="D247" s="29"/>
      <c r="E247" s="1"/>
      <c r="F247" s="1"/>
      <c r="G247" s="25"/>
      <c r="H247" s="71"/>
      <c r="I247" s="83"/>
      <c r="J247" s="50" t="str">
        <f t="shared" si="8"/>
        <v/>
      </c>
      <c r="K247" s="23" t="s">
        <v>7120</v>
      </c>
      <c r="L247" s="49" t="e">
        <f>VLOOKUP(E247&amp;F247,団体コード!$A$1:$C$1743,3,FALSE)</f>
        <v>#N/A</v>
      </c>
      <c r="M247" s="49" t="e">
        <f>VLOOKUP(E247&amp;F247,団体コード!$A$1:$C$1743,2,FALSE)</f>
        <v>#N/A</v>
      </c>
      <c r="N247" s="51" t="e">
        <f>VLOOKUP(E247,団体コード!$E$1:$F$48,2,FALSE)</f>
        <v>#N/A</v>
      </c>
      <c r="O247" s="51" t="e">
        <f t="shared" si="9"/>
        <v>#N/A</v>
      </c>
      <c r="P247" s="51">
        <v>1</v>
      </c>
      <c r="Q247" s="51" t="s">
        <v>5341</v>
      </c>
      <c r="R247" s="54" t="b">
        <v>1</v>
      </c>
      <c r="S247" s="52" t="s">
        <v>7126</v>
      </c>
      <c r="T247" s="67" t="s">
        <v>7127</v>
      </c>
      <c r="U247" s="75" t="s">
        <v>5331</v>
      </c>
      <c r="V247" s="47" t="s">
        <v>5331</v>
      </c>
      <c r="W247" s="47" t="s">
        <v>5331</v>
      </c>
      <c r="X247" s="47" t="s">
        <v>5331</v>
      </c>
      <c r="Y247" s="47" t="s">
        <v>5331</v>
      </c>
      <c r="Z247" s="28"/>
      <c r="AA247" s="27"/>
      <c r="AB247" s="27"/>
      <c r="AC247" s="27"/>
      <c r="AD247" s="30"/>
      <c r="AE247" s="1"/>
      <c r="AF247" s="23" t="s">
        <v>5331</v>
      </c>
      <c r="AG247" s="26"/>
      <c r="AH247" s="53"/>
    </row>
    <row r="248" spans="1:34" ht="51.6" customHeight="1" x14ac:dyDescent="0.45">
      <c r="A248" s="23">
        <v>242</v>
      </c>
      <c r="B248" s="25"/>
      <c r="C248" s="25"/>
      <c r="D248" s="29"/>
      <c r="E248" s="1"/>
      <c r="F248" s="1"/>
      <c r="G248" s="25"/>
      <c r="H248" s="71"/>
      <c r="I248" s="83"/>
      <c r="J248" s="50" t="str">
        <f t="shared" si="8"/>
        <v/>
      </c>
      <c r="K248" s="23" t="s">
        <v>7120</v>
      </c>
      <c r="L248" s="49" t="e">
        <f>VLOOKUP(E248&amp;F248,団体コード!$A$1:$C$1743,3,FALSE)</f>
        <v>#N/A</v>
      </c>
      <c r="M248" s="49" t="e">
        <f>VLOOKUP(E248&amp;F248,団体コード!$A$1:$C$1743,2,FALSE)</f>
        <v>#N/A</v>
      </c>
      <c r="N248" s="51" t="e">
        <f>VLOOKUP(E248,団体コード!$E$1:$F$48,2,FALSE)</f>
        <v>#N/A</v>
      </c>
      <c r="O248" s="51" t="e">
        <f t="shared" si="9"/>
        <v>#N/A</v>
      </c>
      <c r="P248" s="51">
        <v>1</v>
      </c>
      <c r="Q248" s="51" t="s">
        <v>5341</v>
      </c>
      <c r="R248" s="54" t="b">
        <v>1</v>
      </c>
      <c r="S248" s="52" t="s">
        <v>7126</v>
      </c>
      <c r="T248" s="67" t="s">
        <v>7127</v>
      </c>
      <c r="U248" s="75" t="s">
        <v>5331</v>
      </c>
      <c r="V248" s="47" t="s">
        <v>5331</v>
      </c>
      <c r="W248" s="47" t="s">
        <v>5331</v>
      </c>
      <c r="X248" s="47" t="s">
        <v>5331</v>
      </c>
      <c r="Y248" s="47" t="s">
        <v>5331</v>
      </c>
      <c r="Z248" s="28"/>
      <c r="AA248" s="27"/>
      <c r="AB248" s="27"/>
      <c r="AC248" s="27"/>
      <c r="AD248" s="30"/>
      <c r="AE248" s="1"/>
      <c r="AF248" s="23" t="s">
        <v>5331</v>
      </c>
      <c r="AG248" s="26"/>
      <c r="AH248" s="53"/>
    </row>
    <row r="249" spans="1:34" ht="51.6" customHeight="1" x14ac:dyDescent="0.45">
      <c r="A249" s="23">
        <v>243</v>
      </c>
      <c r="B249" s="25"/>
      <c r="C249" s="25"/>
      <c r="D249" s="29"/>
      <c r="E249" s="1"/>
      <c r="F249" s="1"/>
      <c r="G249" s="25"/>
      <c r="H249" s="71"/>
      <c r="I249" s="83"/>
      <c r="J249" s="50" t="str">
        <f t="shared" si="8"/>
        <v/>
      </c>
      <c r="K249" s="23" t="s">
        <v>7120</v>
      </c>
      <c r="L249" s="49" t="e">
        <f>VLOOKUP(E249&amp;F249,団体コード!$A$1:$C$1743,3,FALSE)</f>
        <v>#N/A</v>
      </c>
      <c r="M249" s="49" t="e">
        <f>VLOOKUP(E249&amp;F249,団体コード!$A$1:$C$1743,2,FALSE)</f>
        <v>#N/A</v>
      </c>
      <c r="N249" s="51" t="e">
        <f>VLOOKUP(E249,団体コード!$E$1:$F$48,2,FALSE)</f>
        <v>#N/A</v>
      </c>
      <c r="O249" s="51" t="e">
        <f t="shared" si="9"/>
        <v>#N/A</v>
      </c>
      <c r="P249" s="51">
        <v>1</v>
      </c>
      <c r="Q249" s="51" t="s">
        <v>5341</v>
      </c>
      <c r="R249" s="54" t="b">
        <v>1</v>
      </c>
      <c r="S249" s="52" t="s">
        <v>7126</v>
      </c>
      <c r="T249" s="67" t="s">
        <v>7127</v>
      </c>
      <c r="U249" s="75" t="s">
        <v>5331</v>
      </c>
      <c r="V249" s="47" t="s">
        <v>5331</v>
      </c>
      <c r="W249" s="47" t="s">
        <v>5331</v>
      </c>
      <c r="X249" s="47" t="s">
        <v>5331</v>
      </c>
      <c r="Y249" s="47" t="s">
        <v>5331</v>
      </c>
      <c r="Z249" s="28"/>
      <c r="AA249" s="27"/>
      <c r="AB249" s="27"/>
      <c r="AC249" s="27"/>
      <c r="AD249" s="30"/>
      <c r="AE249" s="1"/>
      <c r="AF249" s="23" t="s">
        <v>5331</v>
      </c>
      <c r="AG249" s="26"/>
      <c r="AH249" s="53"/>
    </row>
    <row r="250" spans="1:34" ht="51.6" customHeight="1" x14ac:dyDescent="0.45">
      <c r="A250" s="23">
        <v>244</v>
      </c>
      <c r="B250" s="25"/>
      <c r="C250" s="25"/>
      <c r="D250" s="29"/>
      <c r="E250" s="1"/>
      <c r="F250" s="1"/>
      <c r="G250" s="25"/>
      <c r="H250" s="71"/>
      <c r="I250" s="83"/>
      <c r="J250" s="50" t="str">
        <f t="shared" si="8"/>
        <v/>
      </c>
      <c r="K250" s="23" t="s">
        <v>7120</v>
      </c>
      <c r="L250" s="49" t="e">
        <f>VLOOKUP(E250&amp;F250,団体コード!$A$1:$C$1743,3,FALSE)</f>
        <v>#N/A</v>
      </c>
      <c r="M250" s="49" t="e">
        <f>VLOOKUP(E250&amp;F250,団体コード!$A$1:$C$1743,2,FALSE)</f>
        <v>#N/A</v>
      </c>
      <c r="N250" s="51" t="e">
        <f>VLOOKUP(E250,団体コード!$E$1:$F$48,2,FALSE)</f>
        <v>#N/A</v>
      </c>
      <c r="O250" s="51" t="e">
        <f t="shared" si="9"/>
        <v>#N/A</v>
      </c>
      <c r="P250" s="51">
        <v>1</v>
      </c>
      <c r="Q250" s="51" t="s">
        <v>5341</v>
      </c>
      <c r="R250" s="54" t="b">
        <v>1</v>
      </c>
      <c r="S250" s="52" t="s">
        <v>7126</v>
      </c>
      <c r="T250" s="67" t="s">
        <v>7127</v>
      </c>
      <c r="U250" s="75" t="s">
        <v>5331</v>
      </c>
      <c r="V250" s="47" t="s">
        <v>5331</v>
      </c>
      <c r="W250" s="47" t="s">
        <v>5331</v>
      </c>
      <c r="X250" s="47" t="s">
        <v>5331</v>
      </c>
      <c r="Y250" s="47" t="s">
        <v>5331</v>
      </c>
      <c r="Z250" s="28"/>
      <c r="AA250" s="27"/>
      <c r="AB250" s="27"/>
      <c r="AC250" s="27"/>
      <c r="AD250" s="30"/>
      <c r="AE250" s="1"/>
      <c r="AF250" s="23" t="s">
        <v>5331</v>
      </c>
      <c r="AG250" s="26"/>
      <c r="AH250" s="53"/>
    </row>
    <row r="251" spans="1:34" ht="51.6" customHeight="1" x14ac:dyDescent="0.45">
      <c r="A251" s="23">
        <v>245</v>
      </c>
      <c r="B251" s="25"/>
      <c r="C251" s="25"/>
      <c r="D251" s="29"/>
      <c r="E251" s="1"/>
      <c r="F251" s="1"/>
      <c r="G251" s="25"/>
      <c r="H251" s="71"/>
      <c r="I251" s="83"/>
      <c r="J251" s="50" t="str">
        <f t="shared" si="8"/>
        <v/>
      </c>
      <c r="K251" s="23" t="s">
        <v>7120</v>
      </c>
      <c r="L251" s="49" t="e">
        <f>VLOOKUP(E251&amp;F251,団体コード!$A$1:$C$1743,3,FALSE)</f>
        <v>#N/A</v>
      </c>
      <c r="M251" s="49" t="e">
        <f>VLOOKUP(E251&amp;F251,団体コード!$A$1:$C$1743,2,FALSE)</f>
        <v>#N/A</v>
      </c>
      <c r="N251" s="51" t="e">
        <f>VLOOKUP(E251,団体コード!$E$1:$F$48,2,FALSE)</f>
        <v>#N/A</v>
      </c>
      <c r="O251" s="51" t="e">
        <f t="shared" si="9"/>
        <v>#N/A</v>
      </c>
      <c r="P251" s="51">
        <v>1</v>
      </c>
      <c r="Q251" s="51" t="s">
        <v>5341</v>
      </c>
      <c r="R251" s="54" t="b">
        <v>1</v>
      </c>
      <c r="S251" s="52" t="s">
        <v>7126</v>
      </c>
      <c r="T251" s="67" t="s">
        <v>7127</v>
      </c>
      <c r="U251" s="75" t="s">
        <v>5331</v>
      </c>
      <c r="V251" s="47" t="s">
        <v>5331</v>
      </c>
      <c r="W251" s="47" t="s">
        <v>5331</v>
      </c>
      <c r="X251" s="47" t="s">
        <v>5331</v>
      </c>
      <c r="Y251" s="47" t="s">
        <v>5331</v>
      </c>
      <c r="Z251" s="28"/>
      <c r="AA251" s="27"/>
      <c r="AB251" s="27"/>
      <c r="AC251" s="27"/>
      <c r="AD251" s="30"/>
      <c r="AE251" s="1"/>
      <c r="AF251" s="23" t="s">
        <v>5331</v>
      </c>
      <c r="AG251" s="26"/>
      <c r="AH251" s="53"/>
    </row>
    <row r="252" spans="1:34" ht="51.6" customHeight="1" x14ac:dyDescent="0.45">
      <c r="A252" s="23">
        <v>246</v>
      </c>
      <c r="B252" s="25"/>
      <c r="C252" s="25"/>
      <c r="D252" s="29"/>
      <c r="E252" s="1"/>
      <c r="F252" s="1"/>
      <c r="G252" s="25"/>
      <c r="H252" s="71"/>
      <c r="I252" s="83"/>
      <c r="J252" s="50" t="str">
        <f t="shared" si="8"/>
        <v/>
      </c>
      <c r="K252" s="23" t="s">
        <v>7120</v>
      </c>
      <c r="L252" s="49" t="e">
        <f>VLOOKUP(E252&amp;F252,団体コード!$A$1:$C$1743,3,FALSE)</f>
        <v>#N/A</v>
      </c>
      <c r="M252" s="49" t="e">
        <f>VLOOKUP(E252&amp;F252,団体コード!$A$1:$C$1743,2,FALSE)</f>
        <v>#N/A</v>
      </c>
      <c r="N252" s="51" t="e">
        <f>VLOOKUP(E252,団体コード!$E$1:$F$48,2,FALSE)</f>
        <v>#N/A</v>
      </c>
      <c r="O252" s="51" t="e">
        <f t="shared" si="9"/>
        <v>#N/A</v>
      </c>
      <c r="P252" s="51">
        <v>1</v>
      </c>
      <c r="Q252" s="51" t="s">
        <v>5341</v>
      </c>
      <c r="R252" s="54" t="b">
        <v>1</v>
      </c>
      <c r="S252" s="52" t="s">
        <v>7126</v>
      </c>
      <c r="T252" s="67" t="s">
        <v>7127</v>
      </c>
      <c r="U252" s="75" t="s">
        <v>5331</v>
      </c>
      <c r="V252" s="47" t="s">
        <v>5331</v>
      </c>
      <c r="W252" s="47" t="s">
        <v>5331</v>
      </c>
      <c r="X252" s="47" t="s">
        <v>5331</v>
      </c>
      <c r="Y252" s="47" t="s">
        <v>5331</v>
      </c>
      <c r="Z252" s="28"/>
      <c r="AA252" s="27"/>
      <c r="AB252" s="27"/>
      <c r="AC252" s="27"/>
      <c r="AD252" s="30"/>
      <c r="AE252" s="1"/>
      <c r="AF252" s="23" t="s">
        <v>5331</v>
      </c>
      <c r="AG252" s="26"/>
      <c r="AH252" s="53"/>
    </row>
    <row r="253" spans="1:34" ht="51.6" customHeight="1" x14ac:dyDescent="0.45">
      <c r="A253" s="23">
        <v>247</v>
      </c>
      <c r="B253" s="25"/>
      <c r="C253" s="25"/>
      <c r="D253" s="29"/>
      <c r="E253" s="1"/>
      <c r="F253" s="1"/>
      <c r="G253" s="25"/>
      <c r="H253" s="71"/>
      <c r="I253" s="83"/>
      <c r="J253" s="50" t="str">
        <f t="shared" si="8"/>
        <v/>
      </c>
      <c r="K253" s="23" t="s">
        <v>7120</v>
      </c>
      <c r="L253" s="49" t="e">
        <f>VLOOKUP(E253&amp;F253,団体コード!$A$1:$C$1743,3,FALSE)</f>
        <v>#N/A</v>
      </c>
      <c r="M253" s="49" t="e">
        <f>VLOOKUP(E253&amp;F253,団体コード!$A$1:$C$1743,2,FALSE)</f>
        <v>#N/A</v>
      </c>
      <c r="N253" s="51" t="e">
        <f>VLOOKUP(E253,団体コード!$E$1:$F$48,2,FALSE)</f>
        <v>#N/A</v>
      </c>
      <c r="O253" s="51" t="e">
        <f t="shared" si="9"/>
        <v>#N/A</v>
      </c>
      <c r="P253" s="51">
        <v>1</v>
      </c>
      <c r="Q253" s="51" t="s">
        <v>5341</v>
      </c>
      <c r="R253" s="54" t="b">
        <v>1</v>
      </c>
      <c r="S253" s="52" t="s">
        <v>7126</v>
      </c>
      <c r="T253" s="67" t="s">
        <v>7127</v>
      </c>
      <c r="U253" s="75" t="s">
        <v>5331</v>
      </c>
      <c r="V253" s="47" t="s">
        <v>5331</v>
      </c>
      <c r="W253" s="47" t="s">
        <v>5331</v>
      </c>
      <c r="X253" s="47" t="s">
        <v>5331</v>
      </c>
      <c r="Y253" s="47" t="s">
        <v>5331</v>
      </c>
      <c r="Z253" s="28"/>
      <c r="AA253" s="27"/>
      <c r="AB253" s="27"/>
      <c r="AC253" s="27"/>
      <c r="AD253" s="30"/>
      <c r="AE253" s="1"/>
      <c r="AF253" s="23" t="s">
        <v>5331</v>
      </c>
      <c r="AG253" s="26"/>
      <c r="AH253" s="53"/>
    </row>
    <row r="254" spans="1:34" ht="51.6" customHeight="1" x14ac:dyDescent="0.45">
      <c r="A254" s="23">
        <v>248</v>
      </c>
      <c r="B254" s="25"/>
      <c r="C254" s="25"/>
      <c r="D254" s="29"/>
      <c r="E254" s="1"/>
      <c r="F254" s="1"/>
      <c r="G254" s="25"/>
      <c r="H254" s="71"/>
      <c r="I254" s="83"/>
      <c r="J254" s="50" t="str">
        <f t="shared" si="8"/>
        <v/>
      </c>
      <c r="K254" s="23" t="s">
        <v>7120</v>
      </c>
      <c r="L254" s="49" t="e">
        <f>VLOOKUP(E254&amp;F254,団体コード!$A$1:$C$1743,3,FALSE)</f>
        <v>#N/A</v>
      </c>
      <c r="M254" s="49" t="e">
        <f>VLOOKUP(E254&amp;F254,団体コード!$A$1:$C$1743,2,FALSE)</f>
        <v>#N/A</v>
      </c>
      <c r="N254" s="51" t="e">
        <f>VLOOKUP(E254,団体コード!$E$1:$F$48,2,FALSE)</f>
        <v>#N/A</v>
      </c>
      <c r="O254" s="51" t="e">
        <f t="shared" si="9"/>
        <v>#N/A</v>
      </c>
      <c r="P254" s="51">
        <v>1</v>
      </c>
      <c r="Q254" s="51" t="s">
        <v>5341</v>
      </c>
      <c r="R254" s="54" t="b">
        <v>1</v>
      </c>
      <c r="S254" s="52" t="s">
        <v>7126</v>
      </c>
      <c r="T254" s="67" t="s">
        <v>7127</v>
      </c>
      <c r="U254" s="75" t="s">
        <v>5331</v>
      </c>
      <c r="V254" s="47" t="s">
        <v>5331</v>
      </c>
      <c r="W254" s="47" t="s">
        <v>5331</v>
      </c>
      <c r="X254" s="47" t="s">
        <v>5331</v>
      </c>
      <c r="Y254" s="47" t="s">
        <v>5331</v>
      </c>
      <c r="Z254" s="28"/>
      <c r="AA254" s="27"/>
      <c r="AB254" s="27"/>
      <c r="AC254" s="27"/>
      <c r="AD254" s="30"/>
      <c r="AE254" s="1"/>
      <c r="AF254" s="23" t="s">
        <v>5331</v>
      </c>
      <c r="AG254" s="26"/>
      <c r="AH254" s="53"/>
    </row>
    <row r="255" spans="1:34" ht="51.6" customHeight="1" x14ac:dyDescent="0.45">
      <c r="A255" s="23">
        <v>249</v>
      </c>
      <c r="B255" s="25"/>
      <c r="C255" s="25"/>
      <c r="D255" s="29"/>
      <c r="E255" s="1"/>
      <c r="F255" s="1"/>
      <c r="G255" s="25"/>
      <c r="H255" s="71"/>
      <c r="I255" s="83"/>
      <c r="J255" s="50" t="str">
        <f t="shared" si="8"/>
        <v/>
      </c>
      <c r="K255" s="23" t="s">
        <v>7120</v>
      </c>
      <c r="L255" s="49" t="e">
        <f>VLOOKUP(E255&amp;F255,団体コード!$A$1:$C$1743,3,FALSE)</f>
        <v>#N/A</v>
      </c>
      <c r="M255" s="49" t="e">
        <f>VLOOKUP(E255&amp;F255,団体コード!$A$1:$C$1743,2,FALSE)</f>
        <v>#N/A</v>
      </c>
      <c r="N255" s="51" t="e">
        <f>VLOOKUP(E255,団体コード!$E$1:$F$48,2,FALSE)</f>
        <v>#N/A</v>
      </c>
      <c r="O255" s="51" t="e">
        <f t="shared" si="9"/>
        <v>#N/A</v>
      </c>
      <c r="P255" s="51">
        <v>1</v>
      </c>
      <c r="Q255" s="51" t="s">
        <v>5341</v>
      </c>
      <c r="R255" s="54" t="b">
        <v>1</v>
      </c>
      <c r="S255" s="52" t="s">
        <v>7126</v>
      </c>
      <c r="T255" s="67" t="s">
        <v>7127</v>
      </c>
      <c r="U255" s="75" t="s">
        <v>5331</v>
      </c>
      <c r="V255" s="47" t="s">
        <v>5331</v>
      </c>
      <c r="W255" s="47" t="s">
        <v>5331</v>
      </c>
      <c r="X255" s="47" t="s">
        <v>5331</v>
      </c>
      <c r="Y255" s="47" t="s">
        <v>5331</v>
      </c>
      <c r="Z255" s="28"/>
      <c r="AA255" s="27"/>
      <c r="AB255" s="27"/>
      <c r="AC255" s="27"/>
      <c r="AD255" s="30"/>
      <c r="AE255" s="1"/>
      <c r="AF255" s="23" t="s">
        <v>5331</v>
      </c>
      <c r="AG255" s="26"/>
      <c r="AH255" s="53"/>
    </row>
    <row r="256" spans="1:34" ht="51.6" customHeight="1" x14ac:dyDescent="0.45">
      <c r="A256" s="23">
        <v>250</v>
      </c>
      <c r="B256" s="25"/>
      <c r="C256" s="25"/>
      <c r="D256" s="29"/>
      <c r="E256" s="1"/>
      <c r="F256" s="1"/>
      <c r="G256" s="25"/>
      <c r="H256" s="71"/>
      <c r="I256" s="83"/>
      <c r="J256" s="50" t="str">
        <f t="shared" si="8"/>
        <v/>
      </c>
      <c r="K256" s="23" t="s">
        <v>7120</v>
      </c>
      <c r="L256" s="49" t="e">
        <f>VLOOKUP(E256&amp;F256,団体コード!$A$1:$C$1743,3,FALSE)</f>
        <v>#N/A</v>
      </c>
      <c r="M256" s="49" t="e">
        <f>VLOOKUP(E256&amp;F256,団体コード!$A$1:$C$1743,2,FALSE)</f>
        <v>#N/A</v>
      </c>
      <c r="N256" s="51" t="e">
        <f>VLOOKUP(E256,団体コード!$E$1:$F$48,2,FALSE)</f>
        <v>#N/A</v>
      </c>
      <c r="O256" s="51" t="e">
        <f t="shared" si="9"/>
        <v>#N/A</v>
      </c>
      <c r="P256" s="51">
        <v>1</v>
      </c>
      <c r="Q256" s="51" t="s">
        <v>5341</v>
      </c>
      <c r="R256" s="54" t="b">
        <v>1</v>
      </c>
      <c r="S256" s="52" t="s">
        <v>7126</v>
      </c>
      <c r="T256" s="67" t="s">
        <v>7127</v>
      </c>
      <c r="U256" s="75" t="s">
        <v>5331</v>
      </c>
      <c r="V256" s="47" t="s">
        <v>5331</v>
      </c>
      <c r="W256" s="47" t="s">
        <v>5331</v>
      </c>
      <c r="X256" s="47" t="s">
        <v>5331</v>
      </c>
      <c r="Y256" s="47" t="s">
        <v>5331</v>
      </c>
      <c r="Z256" s="28"/>
      <c r="AA256" s="27"/>
      <c r="AB256" s="27"/>
      <c r="AC256" s="27"/>
      <c r="AD256" s="30"/>
      <c r="AE256" s="1"/>
      <c r="AF256" s="23" t="s">
        <v>5331</v>
      </c>
      <c r="AG256" s="26"/>
      <c r="AH256" s="53"/>
    </row>
    <row r="257" spans="1:34" ht="51.6" customHeight="1" x14ac:dyDescent="0.45">
      <c r="A257" s="23">
        <v>251</v>
      </c>
      <c r="B257" s="25"/>
      <c r="C257" s="25"/>
      <c r="D257" s="29"/>
      <c r="E257" s="1"/>
      <c r="F257" s="1"/>
      <c r="G257" s="25"/>
      <c r="H257" s="71"/>
      <c r="I257" s="83"/>
      <c r="J257" s="50" t="str">
        <f t="shared" si="8"/>
        <v/>
      </c>
      <c r="K257" s="23" t="s">
        <v>7120</v>
      </c>
      <c r="L257" s="49" t="e">
        <f>VLOOKUP(E257&amp;F257,団体コード!$A$1:$C$1743,3,FALSE)</f>
        <v>#N/A</v>
      </c>
      <c r="M257" s="49" t="e">
        <f>VLOOKUP(E257&amp;F257,団体コード!$A$1:$C$1743,2,FALSE)</f>
        <v>#N/A</v>
      </c>
      <c r="N257" s="51" t="e">
        <f>VLOOKUP(E257,団体コード!$E$1:$F$48,2,FALSE)</f>
        <v>#N/A</v>
      </c>
      <c r="O257" s="51" t="e">
        <f t="shared" si="9"/>
        <v>#N/A</v>
      </c>
      <c r="P257" s="51">
        <v>1</v>
      </c>
      <c r="Q257" s="51" t="s">
        <v>5341</v>
      </c>
      <c r="R257" s="54" t="b">
        <v>1</v>
      </c>
      <c r="S257" s="52" t="s">
        <v>7126</v>
      </c>
      <c r="T257" s="67" t="s">
        <v>7127</v>
      </c>
      <c r="U257" s="75" t="s">
        <v>5331</v>
      </c>
      <c r="V257" s="47" t="s">
        <v>5331</v>
      </c>
      <c r="W257" s="47" t="s">
        <v>5331</v>
      </c>
      <c r="X257" s="47" t="s">
        <v>5331</v>
      </c>
      <c r="Y257" s="47" t="s">
        <v>5331</v>
      </c>
      <c r="Z257" s="28"/>
      <c r="AA257" s="27"/>
      <c r="AB257" s="27"/>
      <c r="AC257" s="27"/>
      <c r="AD257" s="30"/>
      <c r="AE257" s="1"/>
      <c r="AF257" s="23" t="s">
        <v>5331</v>
      </c>
      <c r="AG257" s="26"/>
      <c r="AH257" s="53"/>
    </row>
    <row r="258" spans="1:34" ht="51.6" customHeight="1" x14ac:dyDescent="0.45">
      <c r="A258" s="23">
        <v>252</v>
      </c>
      <c r="B258" s="25"/>
      <c r="C258" s="25"/>
      <c r="D258" s="29"/>
      <c r="E258" s="1"/>
      <c r="F258" s="1"/>
      <c r="G258" s="25"/>
      <c r="H258" s="71"/>
      <c r="I258" s="83"/>
      <c r="J258" s="50" t="str">
        <f t="shared" si="8"/>
        <v/>
      </c>
      <c r="K258" s="23" t="s">
        <v>7120</v>
      </c>
      <c r="L258" s="49" t="e">
        <f>VLOOKUP(E258&amp;F258,団体コード!$A$1:$C$1743,3,FALSE)</f>
        <v>#N/A</v>
      </c>
      <c r="M258" s="49" t="e">
        <f>VLOOKUP(E258&amp;F258,団体コード!$A$1:$C$1743,2,FALSE)</f>
        <v>#N/A</v>
      </c>
      <c r="N258" s="51" t="e">
        <f>VLOOKUP(E258,団体コード!$E$1:$F$48,2,FALSE)</f>
        <v>#N/A</v>
      </c>
      <c r="O258" s="51" t="e">
        <f t="shared" si="9"/>
        <v>#N/A</v>
      </c>
      <c r="P258" s="51">
        <v>1</v>
      </c>
      <c r="Q258" s="51" t="s">
        <v>5341</v>
      </c>
      <c r="R258" s="54" t="b">
        <v>1</v>
      </c>
      <c r="S258" s="52" t="s">
        <v>7126</v>
      </c>
      <c r="T258" s="67" t="s">
        <v>7127</v>
      </c>
      <c r="U258" s="75" t="s">
        <v>5331</v>
      </c>
      <c r="V258" s="47" t="s">
        <v>5331</v>
      </c>
      <c r="W258" s="47" t="s">
        <v>5331</v>
      </c>
      <c r="X258" s="47" t="s">
        <v>5331</v>
      </c>
      <c r="Y258" s="47" t="s">
        <v>5331</v>
      </c>
      <c r="Z258" s="28"/>
      <c r="AA258" s="27"/>
      <c r="AB258" s="27"/>
      <c r="AC258" s="27"/>
      <c r="AD258" s="30"/>
      <c r="AE258" s="1"/>
      <c r="AF258" s="23" t="s">
        <v>5331</v>
      </c>
      <c r="AG258" s="26"/>
      <c r="AH258" s="53"/>
    </row>
    <row r="259" spans="1:34" ht="51.6" customHeight="1" x14ac:dyDescent="0.45">
      <c r="A259" s="23">
        <v>253</v>
      </c>
      <c r="B259" s="25"/>
      <c r="C259" s="25"/>
      <c r="D259" s="29"/>
      <c r="E259" s="1"/>
      <c r="F259" s="1"/>
      <c r="G259" s="25"/>
      <c r="H259" s="71"/>
      <c r="I259" s="83"/>
      <c r="J259" s="50" t="str">
        <f t="shared" si="8"/>
        <v/>
      </c>
      <c r="K259" s="23" t="s">
        <v>7120</v>
      </c>
      <c r="L259" s="49" t="e">
        <f>VLOOKUP(E259&amp;F259,団体コード!$A$1:$C$1743,3,FALSE)</f>
        <v>#N/A</v>
      </c>
      <c r="M259" s="49" t="e">
        <f>VLOOKUP(E259&amp;F259,団体コード!$A$1:$C$1743,2,FALSE)</f>
        <v>#N/A</v>
      </c>
      <c r="N259" s="51" t="e">
        <f>VLOOKUP(E259,団体コード!$E$1:$F$48,2,FALSE)</f>
        <v>#N/A</v>
      </c>
      <c r="O259" s="51" t="e">
        <f t="shared" si="9"/>
        <v>#N/A</v>
      </c>
      <c r="P259" s="51">
        <v>1</v>
      </c>
      <c r="Q259" s="51" t="s">
        <v>5341</v>
      </c>
      <c r="R259" s="54" t="b">
        <v>1</v>
      </c>
      <c r="S259" s="52" t="s">
        <v>7126</v>
      </c>
      <c r="T259" s="67" t="s">
        <v>7127</v>
      </c>
      <c r="U259" s="75" t="s">
        <v>5331</v>
      </c>
      <c r="V259" s="47" t="s">
        <v>5331</v>
      </c>
      <c r="W259" s="47" t="s">
        <v>5331</v>
      </c>
      <c r="X259" s="47" t="s">
        <v>5331</v>
      </c>
      <c r="Y259" s="47" t="s">
        <v>5331</v>
      </c>
      <c r="Z259" s="28"/>
      <c r="AA259" s="27"/>
      <c r="AB259" s="27"/>
      <c r="AC259" s="27"/>
      <c r="AD259" s="30"/>
      <c r="AE259" s="1"/>
      <c r="AF259" s="23" t="s">
        <v>5331</v>
      </c>
      <c r="AG259" s="26"/>
      <c r="AH259" s="53"/>
    </row>
    <row r="260" spans="1:34" ht="51.6" customHeight="1" x14ac:dyDescent="0.45">
      <c r="A260" s="23">
        <v>254</v>
      </c>
      <c r="B260" s="25"/>
      <c r="C260" s="25"/>
      <c r="D260" s="29"/>
      <c r="E260" s="1"/>
      <c r="F260" s="1"/>
      <c r="G260" s="25"/>
      <c r="H260" s="71"/>
      <c r="I260" s="83"/>
      <c r="J260" s="50" t="str">
        <f t="shared" si="8"/>
        <v/>
      </c>
      <c r="K260" s="23" t="s">
        <v>7120</v>
      </c>
      <c r="L260" s="49" t="e">
        <f>VLOOKUP(E260&amp;F260,団体コード!$A$1:$C$1743,3,FALSE)</f>
        <v>#N/A</v>
      </c>
      <c r="M260" s="49" t="e">
        <f>VLOOKUP(E260&amp;F260,団体コード!$A$1:$C$1743,2,FALSE)</f>
        <v>#N/A</v>
      </c>
      <c r="N260" s="51" t="e">
        <f>VLOOKUP(E260,団体コード!$E$1:$F$48,2,FALSE)</f>
        <v>#N/A</v>
      </c>
      <c r="O260" s="51" t="e">
        <f t="shared" si="9"/>
        <v>#N/A</v>
      </c>
      <c r="P260" s="51">
        <v>1</v>
      </c>
      <c r="Q260" s="51" t="s">
        <v>5341</v>
      </c>
      <c r="R260" s="54" t="b">
        <v>1</v>
      </c>
      <c r="S260" s="52" t="s">
        <v>7126</v>
      </c>
      <c r="T260" s="67" t="s">
        <v>7127</v>
      </c>
      <c r="U260" s="75" t="s">
        <v>5331</v>
      </c>
      <c r="V260" s="47" t="s">
        <v>5331</v>
      </c>
      <c r="W260" s="47" t="s">
        <v>5331</v>
      </c>
      <c r="X260" s="47" t="s">
        <v>5331</v>
      </c>
      <c r="Y260" s="47" t="s">
        <v>5331</v>
      </c>
      <c r="Z260" s="28"/>
      <c r="AA260" s="27"/>
      <c r="AB260" s="27"/>
      <c r="AC260" s="27"/>
      <c r="AD260" s="30"/>
      <c r="AE260" s="1"/>
      <c r="AF260" s="23" t="s">
        <v>5331</v>
      </c>
      <c r="AG260" s="26"/>
      <c r="AH260" s="53"/>
    </row>
    <row r="261" spans="1:34" ht="51.6" customHeight="1" x14ac:dyDescent="0.45">
      <c r="A261" s="23">
        <v>255</v>
      </c>
      <c r="B261" s="25"/>
      <c r="C261" s="25"/>
      <c r="D261" s="29"/>
      <c r="E261" s="1"/>
      <c r="F261" s="1"/>
      <c r="G261" s="25"/>
      <c r="H261" s="71"/>
      <c r="I261" s="83"/>
      <c r="J261" s="50" t="str">
        <f t="shared" si="8"/>
        <v/>
      </c>
      <c r="K261" s="23" t="s">
        <v>7120</v>
      </c>
      <c r="L261" s="49" t="e">
        <f>VLOOKUP(E261&amp;F261,団体コード!$A$1:$C$1743,3,FALSE)</f>
        <v>#N/A</v>
      </c>
      <c r="M261" s="49" t="e">
        <f>VLOOKUP(E261&amp;F261,団体コード!$A$1:$C$1743,2,FALSE)</f>
        <v>#N/A</v>
      </c>
      <c r="N261" s="51" t="e">
        <f>VLOOKUP(E261,団体コード!$E$1:$F$48,2,FALSE)</f>
        <v>#N/A</v>
      </c>
      <c r="O261" s="51" t="e">
        <f t="shared" si="9"/>
        <v>#N/A</v>
      </c>
      <c r="P261" s="51">
        <v>1</v>
      </c>
      <c r="Q261" s="51" t="s">
        <v>5341</v>
      </c>
      <c r="R261" s="54" t="b">
        <v>1</v>
      </c>
      <c r="S261" s="52" t="s">
        <v>7126</v>
      </c>
      <c r="T261" s="67" t="s">
        <v>7127</v>
      </c>
      <c r="U261" s="75" t="s">
        <v>5331</v>
      </c>
      <c r="V261" s="47" t="s">
        <v>5331</v>
      </c>
      <c r="W261" s="47" t="s">
        <v>5331</v>
      </c>
      <c r="X261" s="47" t="s">
        <v>5331</v>
      </c>
      <c r="Y261" s="47" t="s">
        <v>5331</v>
      </c>
      <c r="Z261" s="28"/>
      <c r="AA261" s="27"/>
      <c r="AB261" s="27"/>
      <c r="AC261" s="27"/>
      <c r="AD261" s="30"/>
      <c r="AE261" s="1"/>
      <c r="AF261" s="23" t="s">
        <v>5331</v>
      </c>
      <c r="AG261" s="26"/>
      <c r="AH261" s="53"/>
    </row>
    <row r="262" spans="1:34" ht="51.6" customHeight="1" x14ac:dyDescent="0.45">
      <c r="A262" s="23">
        <v>256</v>
      </c>
      <c r="B262" s="25"/>
      <c r="C262" s="25"/>
      <c r="D262" s="29"/>
      <c r="E262" s="1"/>
      <c r="F262" s="1"/>
      <c r="G262" s="25"/>
      <c r="H262" s="71"/>
      <c r="I262" s="83"/>
      <c r="J262" s="50" t="str">
        <f t="shared" si="8"/>
        <v/>
      </c>
      <c r="K262" s="23" t="s">
        <v>7120</v>
      </c>
      <c r="L262" s="49" t="e">
        <f>VLOOKUP(E262&amp;F262,団体コード!$A$1:$C$1743,3,FALSE)</f>
        <v>#N/A</v>
      </c>
      <c r="M262" s="49" t="e">
        <f>VLOOKUP(E262&amp;F262,団体コード!$A$1:$C$1743,2,FALSE)</f>
        <v>#N/A</v>
      </c>
      <c r="N262" s="51" t="e">
        <f>VLOOKUP(E262,団体コード!$E$1:$F$48,2,FALSE)</f>
        <v>#N/A</v>
      </c>
      <c r="O262" s="51" t="e">
        <f t="shared" si="9"/>
        <v>#N/A</v>
      </c>
      <c r="P262" s="51">
        <v>1</v>
      </c>
      <c r="Q262" s="51" t="s">
        <v>5341</v>
      </c>
      <c r="R262" s="54" t="b">
        <v>1</v>
      </c>
      <c r="S262" s="52" t="s">
        <v>7126</v>
      </c>
      <c r="T262" s="67" t="s">
        <v>7127</v>
      </c>
      <c r="U262" s="75" t="s">
        <v>5331</v>
      </c>
      <c r="V262" s="47" t="s">
        <v>5331</v>
      </c>
      <c r="W262" s="47" t="s">
        <v>5331</v>
      </c>
      <c r="X262" s="47" t="s">
        <v>5331</v>
      </c>
      <c r="Y262" s="47" t="s">
        <v>5331</v>
      </c>
      <c r="Z262" s="28"/>
      <c r="AA262" s="27"/>
      <c r="AB262" s="27"/>
      <c r="AC262" s="27"/>
      <c r="AD262" s="30"/>
      <c r="AE262" s="1"/>
      <c r="AF262" s="23" t="s">
        <v>5331</v>
      </c>
      <c r="AG262" s="26"/>
      <c r="AH262" s="53"/>
    </row>
    <row r="263" spans="1:34" ht="51.6" customHeight="1" x14ac:dyDescent="0.45">
      <c r="A263" s="23">
        <v>257</v>
      </c>
      <c r="B263" s="25"/>
      <c r="C263" s="25"/>
      <c r="D263" s="29"/>
      <c r="E263" s="1"/>
      <c r="F263" s="1"/>
      <c r="G263" s="25"/>
      <c r="H263" s="71"/>
      <c r="I263" s="83"/>
      <c r="J263" s="50" t="str">
        <f t="shared" si="8"/>
        <v/>
      </c>
      <c r="K263" s="23" t="s">
        <v>7120</v>
      </c>
      <c r="L263" s="49" t="e">
        <f>VLOOKUP(E263&amp;F263,団体コード!$A$1:$C$1743,3,FALSE)</f>
        <v>#N/A</v>
      </c>
      <c r="M263" s="49" t="e">
        <f>VLOOKUP(E263&amp;F263,団体コード!$A$1:$C$1743,2,FALSE)</f>
        <v>#N/A</v>
      </c>
      <c r="N263" s="51" t="e">
        <f>VLOOKUP(E263,団体コード!$E$1:$F$48,2,FALSE)</f>
        <v>#N/A</v>
      </c>
      <c r="O263" s="51" t="e">
        <f t="shared" si="9"/>
        <v>#N/A</v>
      </c>
      <c r="P263" s="51">
        <v>1</v>
      </c>
      <c r="Q263" s="51" t="s">
        <v>5341</v>
      </c>
      <c r="R263" s="54" t="b">
        <v>1</v>
      </c>
      <c r="S263" s="52" t="s">
        <v>7126</v>
      </c>
      <c r="T263" s="67" t="s">
        <v>7127</v>
      </c>
      <c r="U263" s="75" t="s">
        <v>5331</v>
      </c>
      <c r="V263" s="47" t="s">
        <v>5331</v>
      </c>
      <c r="W263" s="47" t="s">
        <v>5331</v>
      </c>
      <c r="X263" s="47" t="s">
        <v>5331</v>
      </c>
      <c r="Y263" s="47" t="s">
        <v>5331</v>
      </c>
      <c r="Z263" s="28"/>
      <c r="AA263" s="27"/>
      <c r="AB263" s="27"/>
      <c r="AC263" s="27"/>
      <c r="AD263" s="30"/>
      <c r="AE263" s="1"/>
      <c r="AF263" s="23" t="s">
        <v>5331</v>
      </c>
      <c r="AG263" s="26"/>
      <c r="AH263" s="53"/>
    </row>
    <row r="264" spans="1:34" ht="51.6" customHeight="1" x14ac:dyDescent="0.45">
      <c r="A264" s="23">
        <v>258</v>
      </c>
      <c r="B264" s="25"/>
      <c r="C264" s="25"/>
      <c r="D264" s="29"/>
      <c r="E264" s="1"/>
      <c r="F264" s="1"/>
      <c r="G264" s="25"/>
      <c r="H264" s="71"/>
      <c r="I264" s="83"/>
      <c r="J264" s="50" t="str">
        <f t="shared" ref="J264:J327" si="10">E264&amp;F264&amp;G264</f>
        <v/>
      </c>
      <c r="K264" s="23" t="s">
        <v>7120</v>
      </c>
      <c r="L264" s="49" t="e">
        <f>VLOOKUP(E264&amp;F264,団体コード!$A$1:$C$1743,3,FALSE)</f>
        <v>#N/A</v>
      </c>
      <c r="M264" s="49" t="e">
        <f>VLOOKUP(E264&amp;F264,団体コード!$A$1:$C$1743,2,FALSE)</f>
        <v>#N/A</v>
      </c>
      <c r="N264" s="51" t="e">
        <f>VLOOKUP(E264,団体コード!$E$1:$F$48,2,FALSE)</f>
        <v>#N/A</v>
      </c>
      <c r="O264" s="51" t="e">
        <f t="shared" ref="O264:O327" si="11">N264</f>
        <v>#N/A</v>
      </c>
      <c r="P264" s="51">
        <v>1</v>
      </c>
      <c r="Q264" s="51" t="s">
        <v>5341</v>
      </c>
      <c r="R264" s="54" t="b">
        <v>1</v>
      </c>
      <c r="S264" s="52" t="s">
        <v>7126</v>
      </c>
      <c r="T264" s="67" t="s">
        <v>7127</v>
      </c>
      <c r="U264" s="75" t="s">
        <v>5331</v>
      </c>
      <c r="V264" s="47" t="s">
        <v>5331</v>
      </c>
      <c r="W264" s="47" t="s">
        <v>5331</v>
      </c>
      <c r="X264" s="47" t="s">
        <v>5331</v>
      </c>
      <c r="Y264" s="47" t="s">
        <v>5331</v>
      </c>
      <c r="Z264" s="28"/>
      <c r="AA264" s="27"/>
      <c r="AB264" s="27"/>
      <c r="AC264" s="27"/>
      <c r="AD264" s="30"/>
      <c r="AE264" s="1"/>
      <c r="AF264" s="23" t="s">
        <v>5331</v>
      </c>
      <c r="AG264" s="26"/>
      <c r="AH264" s="53"/>
    </row>
    <row r="265" spans="1:34" ht="51.6" customHeight="1" x14ac:dyDescent="0.45">
      <c r="A265" s="23">
        <v>259</v>
      </c>
      <c r="B265" s="25"/>
      <c r="C265" s="25"/>
      <c r="D265" s="29"/>
      <c r="E265" s="1"/>
      <c r="F265" s="1"/>
      <c r="G265" s="25"/>
      <c r="H265" s="71"/>
      <c r="I265" s="83"/>
      <c r="J265" s="50" t="str">
        <f t="shared" si="10"/>
        <v/>
      </c>
      <c r="K265" s="23" t="s">
        <v>7120</v>
      </c>
      <c r="L265" s="49" t="e">
        <f>VLOOKUP(E265&amp;F265,団体コード!$A$1:$C$1743,3,FALSE)</f>
        <v>#N/A</v>
      </c>
      <c r="M265" s="49" t="e">
        <f>VLOOKUP(E265&amp;F265,団体コード!$A$1:$C$1743,2,FALSE)</f>
        <v>#N/A</v>
      </c>
      <c r="N265" s="51" t="e">
        <f>VLOOKUP(E265,団体コード!$E$1:$F$48,2,FALSE)</f>
        <v>#N/A</v>
      </c>
      <c r="O265" s="51" t="e">
        <f t="shared" si="11"/>
        <v>#N/A</v>
      </c>
      <c r="P265" s="51">
        <v>1</v>
      </c>
      <c r="Q265" s="51" t="s">
        <v>5341</v>
      </c>
      <c r="R265" s="54" t="b">
        <v>1</v>
      </c>
      <c r="S265" s="52" t="s">
        <v>7126</v>
      </c>
      <c r="T265" s="67" t="s">
        <v>7127</v>
      </c>
      <c r="U265" s="75" t="s">
        <v>5331</v>
      </c>
      <c r="V265" s="47" t="s">
        <v>5331</v>
      </c>
      <c r="W265" s="47" t="s">
        <v>5331</v>
      </c>
      <c r="X265" s="47" t="s">
        <v>5331</v>
      </c>
      <c r="Y265" s="47" t="s">
        <v>5331</v>
      </c>
      <c r="Z265" s="28"/>
      <c r="AA265" s="27"/>
      <c r="AB265" s="27"/>
      <c r="AC265" s="27"/>
      <c r="AD265" s="30"/>
      <c r="AE265" s="1"/>
      <c r="AF265" s="23" t="s">
        <v>5331</v>
      </c>
      <c r="AG265" s="26"/>
      <c r="AH265" s="53"/>
    </row>
    <row r="266" spans="1:34" ht="51.6" customHeight="1" x14ac:dyDescent="0.45">
      <c r="A266" s="23">
        <v>260</v>
      </c>
      <c r="B266" s="25"/>
      <c r="C266" s="25"/>
      <c r="D266" s="29"/>
      <c r="E266" s="1"/>
      <c r="F266" s="1"/>
      <c r="G266" s="25"/>
      <c r="H266" s="71"/>
      <c r="I266" s="83"/>
      <c r="J266" s="50" t="str">
        <f t="shared" si="10"/>
        <v/>
      </c>
      <c r="K266" s="23" t="s">
        <v>7120</v>
      </c>
      <c r="L266" s="49" t="e">
        <f>VLOOKUP(E266&amp;F266,団体コード!$A$1:$C$1743,3,FALSE)</f>
        <v>#N/A</v>
      </c>
      <c r="M266" s="49" t="e">
        <f>VLOOKUP(E266&amp;F266,団体コード!$A$1:$C$1743,2,FALSE)</f>
        <v>#N/A</v>
      </c>
      <c r="N266" s="51" t="e">
        <f>VLOOKUP(E266,団体コード!$E$1:$F$48,2,FALSE)</f>
        <v>#N/A</v>
      </c>
      <c r="O266" s="51" t="e">
        <f t="shared" si="11"/>
        <v>#N/A</v>
      </c>
      <c r="P266" s="51">
        <v>1</v>
      </c>
      <c r="Q266" s="51" t="s">
        <v>5341</v>
      </c>
      <c r="R266" s="54" t="b">
        <v>1</v>
      </c>
      <c r="S266" s="52" t="s">
        <v>7126</v>
      </c>
      <c r="T266" s="67" t="s">
        <v>7127</v>
      </c>
      <c r="U266" s="75" t="s">
        <v>5331</v>
      </c>
      <c r="V266" s="47" t="s">
        <v>5331</v>
      </c>
      <c r="W266" s="47" t="s">
        <v>5331</v>
      </c>
      <c r="X266" s="47" t="s">
        <v>5331</v>
      </c>
      <c r="Y266" s="47" t="s">
        <v>5331</v>
      </c>
      <c r="Z266" s="28"/>
      <c r="AA266" s="27"/>
      <c r="AB266" s="27"/>
      <c r="AC266" s="27"/>
      <c r="AD266" s="30"/>
      <c r="AE266" s="1"/>
      <c r="AF266" s="23" t="s">
        <v>5331</v>
      </c>
      <c r="AG266" s="26"/>
      <c r="AH266" s="53"/>
    </row>
    <row r="267" spans="1:34" ht="51.6" customHeight="1" x14ac:dyDescent="0.45">
      <c r="A267" s="23">
        <v>261</v>
      </c>
      <c r="B267" s="25"/>
      <c r="C267" s="25"/>
      <c r="D267" s="29"/>
      <c r="E267" s="1"/>
      <c r="F267" s="1"/>
      <c r="G267" s="25"/>
      <c r="H267" s="71"/>
      <c r="I267" s="83"/>
      <c r="J267" s="50" t="str">
        <f t="shared" si="10"/>
        <v/>
      </c>
      <c r="K267" s="23" t="s">
        <v>7120</v>
      </c>
      <c r="L267" s="49" t="e">
        <f>VLOOKUP(E267&amp;F267,団体コード!$A$1:$C$1743,3,FALSE)</f>
        <v>#N/A</v>
      </c>
      <c r="M267" s="49" t="e">
        <f>VLOOKUP(E267&amp;F267,団体コード!$A$1:$C$1743,2,FALSE)</f>
        <v>#N/A</v>
      </c>
      <c r="N267" s="51" t="e">
        <f>VLOOKUP(E267,団体コード!$E$1:$F$48,2,FALSE)</f>
        <v>#N/A</v>
      </c>
      <c r="O267" s="51" t="e">
        <f t="shared" si="11"/>
        <v>#N/A</v>
      </c>
      <c r="P267" s="51">
        <v>1</v>
      </c>
      <c r="Q267" s="51" t="s">
        <v>5341</v>
      </c>
      <c r="R267" s="54" t="b">
        <v>1</v>
      </c>
      <c r="S267" s="52" t="s">
        <v>7126</v>
      </c>
      <c r="T267" s="67" t="s">
        <v>7127</v>
      </c>
      <c r="U267" s="75" t="s">
        <v>5331</v>
      </c>
      <c r="V267" s="47" t="s">
        <v>5331</v>
      </c>
      <c r="W267" s="47" t="s">
        <v>5331</v>
      </c>
      <c r="X267" s="47" t="s">
        <v>5331</v>
      </c>
      <c r="Y267" s="47" t="s">
        <v>5331</v>
      </c>
      <c r="Z267" s="28"/>
      <c r="AA267" s="27"/>
      <c r="AB267" s="27"/>
      <c r="AC267" s="27"/>
      <c r="AD267" s="30"/>
      <c r="AE267" s="1"/>
      <c r="AF267" s="23" t="s">
        <v>5331</v>
      </c>
      <c r="AG267" s="26"/>
      <c r="AH267" s="53"/>
    </row>
    <row r="268" spans="1:34" ht="51.6" customHeight="1" x14ac:dyDescent="0.45">
      <c r="A268" s="23">
        <v>262</v>
      </c>
      <c r="B268" s="25"/>
      <c r="C268" s="25"/>
      <c r="D268" s="29"/>
      <c r="E268" s="1"/>
      <c r="F268" s="1"/>
      <c r="G268" s="25"/>
      <c r="H268" s="71"/>
      <c r="I268" s="83"/>
      <c r="J268" s="50" t="str">
        <f t="shared" si="10"/>
        <v/>
      </c>
      <c r="K268" s="23" t="s">
        <v>7120</v>
      </c>
      <c r="L268" s="49" t="e">
        <f>VLOOKUP(E268&amp;F268,団体コード!$A$1:$C$1743,3,FALSE)</f>
        <v>#N/A</v>
      </c>
      <c r="M268" s="49" t="e">
        <f>VLOOKUP(E268&amp;F268,団体コード!$A$1:$C$1743,2,FALSE)</f>
        <v>#N/A</v>
      </c>
      <c r="N268" s="51" t="e">
        <f>VLOOKUP(E268,団体コード!$E$1:$F$48,2,FALSE)</f>
        <v>#N/A</v>
      </c>
      <c r="O268" s="51" t="e">
        <f t="shared" si="11"/>
        <v>#N/A</v>
      </c>
      <c r="P268" s="51">
        <v>1</v>
      </c>
      <c r="Q268" s="51" t="s">
        <v>5341</v>
      </c>
      <c r="R268" s="54" t="b">
        <v>1</v>
      </c>
      <c r="S268" s="52" t="s">
        <v>7126</v>
      </c>
      <c r="T268" s="67" t="s">
        <v>7127</v>
      </c>
      <c r="U268" s="75" t="s">
        <v>5331</v>
      </c>
      <c r="V268" s="47" t="s">
        <v>5331</v>
      </c>
      <c r="W268" s="47" t="s">
        <v>5331</v>
      </c>
      <c r="X268" s="47" t="s">
        <v>5331</v>
      </c>
      <c r="Y268" s="47" t="s">
        <v>5331</v>
      </c>
      <c r="Z268" s="28"/>
      <c r="AA268" s="27"/>
      <c r="AB268" s="27"/>
      <c r="AC268" s="27"/>
      <c r="AD268" s="30"/>
      <c r="AE268" s="1"/>
      <c r="AF268" s="23" t="s">
        <v>5331</v>
      </c>
      <c r="AG268" s="26"/>
      <c r="AH268" s="53"/>
    </row>
    <row r="269" spans="1:34" ht="51.6" customHeight="1" x14ac:dyDescent="0.45">
      <c r="A269" s="23">
        <v>263</v>
      </c>
      <c r="B269" s="25"/>
      <c r="C269" s="25"/>
      <c r="D269" s="29"/>
      <c r="E269" s="1"/>
      <c r="F269" s="1"/>
      <c r="G269" s="25"/>
      <c r="H269" s="71"/>
      <c r="I269" s="83"/>
      <c r="J269" s="50" t="str">
        <f t="shared" si="10"/>
        <v/>
      </c>
      <c r="K269" s="23" t="s">
        <v>7120</v>
      </c>
      <c r="L269" s="49" t="e">
        <f>VLOOKUP(E269&amp;F269,団体コード!$A$1:$C$1743,3,FALSE)</f>
        <v>#N/A</v>
      </c>
      <c r="M269" s="49" t="e">
        <f>VLOOKUP(E269&amp;F269,団体コード!$A$1:$C$1743,2,FALSE)</f>
        <v>#N/A</v>
      </c>
      <c r="N269" s="51" t="e">
        <f>VLOOKUP(E269,団体コード!$E$1:$F$48,2,FALSE)</f>
        <v>#N/A</v>
      </c>
      <c r="O269" s="51" t="e">
        <f t="shared" si="11"/>
        <v>#N/A</v>
      </c>
      <c r="P269" s="51">
        <v>1</v>
      </c>
      <c r="Q269" s="51" t="s">
        <v>5341</v>
      </c>
      <c r="R269" s="54" t="b">
        <v>1</v>
      </c>
      <c r="S269" s="52" t="s">
        <v>7126</v>
      </c>
      <c r="T269" s="67" t="s">
        <v>7127</v>
      </c>
      <c r="U269" s="75" t="s">
        <v>5331</v>
      </c>
      <c r="V269" s="47" t="s">
        <v>5331</v>
      </c>
      <c r="W269" s="47" t="s">
        <v>5331</v>
      </c>
      <c r="X269" s="47" t="s">
        <v>5331</v>
      </c>
      <c r="Y269" s="47" t="s">
        <v>5331</v>
      </c>
      <c r="Z269" s="28"/>
      <c r="AA269" s="27"/>
      <c r="AB269" s="27"/>
      <c r="AC269" s="27"/>
      <c r="AD269" s="30"/>
      <c r="AE269" s="1"/>
      <c r="AF269" s="23" t="s">
        <v>5331</v>
      </c>
      <c r="AG269" s="26"/>
      <c r="AH269" s="53"/>
    </row>
    <row r="270" spans="1:34" ht="51.6" customHeight="1" x14ac:dyDescent="0.45">
      <c r="A270" s="23">
        <v>264</v>
      </c>
      <c r="B270" s="25"/>
      <c r="C270" s="25"/>
      <c r="D270" s="29"/>
      <c r="E270" s="1"/>
      <c r="F270" s="1"/>
      <c r="G270" s="25"/>
      <c r="H270" s="71"/>
      <c r="I270" s="83"/>
      <c r="J270" s="50" t="str">
        <f t="shared" si="10"/>
        <v/>
      </c>
      <c r="K270" s="23" t="s">
        <v>7120</v>
      </c>
      <c r="L270" s="49" t="e">
        <f>VLOOKUP(E270&amp;F270,団体コード!$A$1:$C$1743,3,FALSE)</f>
        <v>#N/A</v>
      </c>
      <c r="M270" s="49" t="e">
        <f>VLOOKUP(E270&amp;F270,団体コード!$A$1:$C$1743,2,FALSE)</f>
        <v>#N/A</v>
      </c>
      <c r="N270" s="51" t="e">
        <f>VLOOKUP(E270,団体コード!$E$1:$F$48,2,FALSE)</f>
        <v>#N/A</v>
      </c>
      <c r="O270" s="51" t="e">
        <f t="shared" si="11"/>
        <v>#N/A</v>
      </c>
      <c r="P270" s="51">
        <v>1</v>
      </c>
      <c r="Q270" s="51" t="s">
        <v>5341</v>
      </c>
      <c r="R270" s="54" t="b">
        <v>1</v>
      </c>
      <c r="S270" s="52" t="s">
        <v>7126</v>
      </c>
      <c r="T270" s="67" t="s">
        <v>7127</v>
      </c>
      <c r="U270" s="75" t="s">
        <v>5331</v>
      </c>
      <c r="V270" s="47" t="s">
        <v>5331</v>
      </c>
      <c r="W270" s="47" t="s">
        <v>5331</v>
      </c>
      <c r="X270" s="47" t="s">
        <v>5331</v>
      </c>
      <c r="Y270" s="47" t="s">
        <v>5331</v>
      </c>
      <c r="Z270" s="28"/>
      <c r="AA270" s="27"/>
      <c r="AB270" s="27"/>
      <c r="AC270" s="27"/>
      <c r="AD270" s="30"/>
      <c r="AE270" s="1"/>
      <c r="AF270" s="23" t="s">
        <v>5331</v>
      </c>
      <c r="AG270" s="26"/>
      <c r="AH270" s="53"/>
    </row>
    <row r="271" spans="1:34" ht="51.6" customHeight="1" x14ac:dyDescent="0.45">
      <c r="A271" s="23">
        <v>265</v>
      </c>
      <c r="B271" s="25"/>
      <c r="C271" s="25"/>
      <c r="D271" s="29"/>
      <c r="E271" s="1"/>
      <c r="F271" s="1"/>
      <c r="G271" s="25"/>
      <c r="H271" s="71"/>
      <c r="I271" s="83"/>
      <c r="J271" s="50" t="str">
        <f t="shared" si="10"/>
        <v/>
      </c>
      <c r="K271" s="23" t="s">
        <v>7120</v>
      </c>
      <c r="L271" s="49" t="e">
        <f>VLOOKUP(E271&amp;F271,団体コード!$A$1:$C$1743,3,FALSE)</f>
        <v>#N/A</v>
      </c>
      <c r="M271" s="49" t="e">
        <f>VLOOKUP(E271&amp;F271,団体コード!$A$1:$C$1743,2,FALSE)</f>
        <v>#N/A</v>
      </c>
      <c r="N271" s="51" t="e">
        <f>VLOOKUP(E271,団体コード!$E$1:$F$48,2,FALSE)</f>
        <v>#N/A</v>
      </c>
      <c r="O271" s="51" t="e">
        <f t="shared" si="11"/>
        <v>#N/A</v>
      </c>
      <c r="P271" s="51">
        <v>1</v>
      </c>
      <c r="Q271" s="51" t="s">
        <v>5341</v>
      </c>
      <c r="R271" s="54" t="b">
        <v>1</v>
      </c>
      <c r="S271" s="52" t="s">
        <v>7126</v>
      </c>
      <c r="T271" s="67" t="s">
        <v>7127</v>
      </c>
      <c r="U271" s="75" t="s">
        <v>5331</v>
      </c>
      <c r="V271" s="47" t="s">
        <v>5331</v>
      </c>
      <c r="W271" s="47" t="s">
        <v>5331</v>
      </c>
      <c r="X271" s="47" t="s">
        <v>5331</v>
      </c>
      <c r="Y271" s="47" t="s">
        <v>5331</v>
      </c>
      <c r="Z271" s="28"/>
      <c r="AA271" s="27"/>
      <c r="AB271" s="27"/>
      <c r="AC271" s="27"/>
      <c r="AD271" s="30"/>
      <c r="AE271" s="1"/>
      <c r="AF271" s="23" t="s">
        <v>5331</v>
      </c>
      <c r="AG271" s="26"/>
      <c r="AH271" s="53"/>
    </row>
    <row r="272" spans="1:34" ht="51.6" customHeight="1" x14ac:dyDescent="0.45">
      <c r="A272" s="23">
        <v>266</v>
      </c>
      <c r="B272" s="25"/>
      <c r="C272" s="25"/>
      <c r="D272" s="29"/>
      <c r="E272" s="1"/>
      <c r="F272" s="1"/>
      <c r="G272" s="25"/>
      <c r="H272" s="71"/>
      <c r="I272" s="83"/>
      <c r="J272" s="50" t="str">
        <f t="shared" si="10"/>
        <v/>
      </c>
      <c r="K272" s="23" t="s">
        <v>7120</v>
      </c>
      <c r="L272" s="49" t="e">
        <f>VLOOKUP(E272&amp;F272,団体コード!$A$1:$C$1743,3,FALSE)</f>
        <v>#N/A</v>
      </c>
      <c r="M272" s="49" t="e">
        <f>VLOOKUP(E272&amp;F272,団体コード!$A$1:$C$1743,2,FALSE)</f>
        <v>#N/A</v>
      </c>
      <c r="N272" s="51" t="e">
        <f>VLOOKUP(E272,団体コード!$E$1:$F$48,2,FALSE)</f>
        <v>#N/A</v>
      </c>
      <c r="O272" s="51" t="e">
        <f t="shared" si="11"/>
        <v>#N/A</v>
      </c>
      <c r="P272" s="51">
        <v>1</v>
      </c>
      <c r="Q272" s="51" t="s">
        <v>5341</v>
      </c>
      <c r="R272" s="54" t="b">
        <v>1</v>
      </c>
      <c r="S272" s="52" t="s">
        <v>7126</v>
      </c>
      <c r="T272" s="67" t="s">
        <v>7127</v>
      </c>
      <c r="U272" s="75" t="s">
        <v>5331</v>
      </c>
      <c r="V272" s="47" t="s">
        <v>5331</v>
      </c>
      <c r="W272" s="47" t="s">
        <v>5331</v>
      </c>
      <c r="X272" s="47" t="s">
        <v>5331</v>
      </c>
      <c r="Y272" s="47" t="s">
        <v>5331</v>
      </c>
      <c r="Z272" s="28"/>
      <c r="AA272" s="27"/>
      <c r="AB272" s="27"/>
      <c r="AC272" s="27"/>
      <c r="AD272" s="30"/>
      <c r="AE272" s="1"/>
      <c r="AF272" s="23" t="s">
        <v>5331</v>
      </c>
      <c r="AG272" s="26"/>
      <c r="AH272" s="53"/>
    </row>
    <row r="273" spans="1:34" ht="51.6" customHeight="1" x14ac:dyDescent="0.45">
      <c r="A273" s="23">
        <v>267</v>
      </c>
      <c r="B273" s="25"/>
      <c r="C273" s="25"/>
      <c r="D273" s="29"/>
      <c r="E273" s="1"/>
      <c r="F273" s="1"/>
      <c r="G273" s="25"/>
      <c r="H273" s="71"/>
      <c r="I273" s="83"/>
      <c r="J273" s="50" t="str">
        <f t="shared" si="10"/>
        <v/>
      </c>
      <c r="K273" s="23" t="s">
        <v>7120</v>
      </c>
      <c r="L273" s="49" t="e">
        <f>VLOOKUP(E273&amp;F273,団体コード!$A$1:$C$1743,3,FALSE)</f>
        <v>#N/A</v>
      </c>
      <c r="M273" s="49" t="e">
        <f>VLOOKUP(E273&amp;F273,団体コード!$A$1:$C$1743,2,FALSE)</f>
        <v>#N/A</v>
      </c>
      <c r="N273" s="51" t="e">
        <f>VLOOKUP(E273,団体コード!$E$1:$F$48,2,FALSE)</f>
        <v>#N/A</v>
      </c>
      <c r="O273" s="51" t="e">
        <f t="shared" si="11"/>
        <v>#N/A</v>
      </c>
      <c r="P273" s="51">
        <v>1</v>
      </c>
      <c r="Q273" s="51" t="s">
        <v>5341</v>
      </c>
      <c r="R273" s="54" t="b">
        <v>1</v>
      </c>
      <c r="S273" s="52" t="s">
        <v>7126</v>
      </c>
      <c r="T273" s="67" t="s">
        <v>7127</v>
      </c>
      <c r="U273" s="75" t="s">
        <v>5331</v>
      </c>
      <c r="V273" s="47" t="s">
        <v>5331</v>
      </c>
      <c r="W273" s="47" t="s">
        <v>5331</v>
      </c>
      <c r="X273" s="47" t="s">
        <v>5331</v>
      </c>
      <c r="Y273" s="47" t="s">
        <v>5331</v>
      </c>
      <c r="Z273" s="28"/>
      <c r="AA273" s="27"/>
      <c r="AB273" s="27"/>
      <c r="AC273" s="27"/>
      <c r="AD273" s="30"/>
      <c r="AE273" s="1"/>
      <c r="AF273" s="23" t="s">
        <v>5331</v>
      </c>
      <c r="AG273" s="26"/>
      <c r="AH273" s="53"/>
    </row>
    <row r="274" spans="1:34" ht="51.6" customHeight="1" x14ac:dyDescent="0.45">
      <c r="A274" s="23">
        <v>268</v>
      </c>
      <c r="B274" s="25"/>
      <c r="C274" s="25"/>
      <c r="D274" s="29"/>
      <c r="E274" s="1"/>
      <c r="F274" s="1"/>
      <c r="G274" s="25"/>
      <c r="H274" s="71"/>
      <c r="I274" s="83"/>
      <c r="J274" s="50" t="str">
        <f t="shared" si="10"/>
        <v/>
      </c>
      <c r="K274" s="23" t="s">
        <v>7120</v>
      </c>
      <c r="L274" s="49" t="e">
        <f>VLOOKUP(E274&amp;F274,団体コード!$A$1:$C$1743,3,FALSE)</f>
        <v>#N/A</v>
      </c>
      <c r="M274" s="49" t="e">
        <f>VLOOKUP(E274&amp;F274,団体コード!$A$1:$C$1743,2,FALSE)</f>
        <v>#N/A</v>
      </c>
      <c r="N274" s="51" t="e">
        <f>VLOOKUP(E274,団体コード!$E$1:$F$48,2,FALSE)</f>
        <v>#N/A</v>
      </c>
      <c r="O274" s="51" t="e">
        <f t="shared" si="11"/>
        <v>#N/A</v>
      </c>
      <c r="P274" s="51">
        <v>1</v>
      </c>
      <c r="Q274" s="51" t="s">
        <v>5341</v>
      </c>
      <c r="R274" s="54" t="b">
        <v>1</v>
      </c>
      <c r="S274" s="52" t="s">
        <v>7126</v>
      </c>
      <c r="T274" s="67" t="s">
        <v>7127</v>
      </c>
      <c r="U274" s="75" t="s">
        <v>5331</v>
      </c>
      <c r="V274" s="47" t="s">
        <v>5331</v>
      </c>
      <c r="W274" s="47" t="s">
        <v>5331</v>
      </c>
      <c r="X274" s="47" t="s">
        <v>5331</v>
      </c>
      <c r="Y274" s="47" t="s">
        <v>5331</v>
      </c>
      <c r="Z274" s="28"/>
      <c r="AA274" s="27"/>
      <c r="AB274" s="27"/>
      <c r="AC274" s="27"/>
      <c r="AD274" s="30"/>
      <c r="AE274" s="1"/>
      <c r="AF274" s="23" t="s">
        <v>5331</v>
      </c>
      <c r="AG274" s="26"/>
      <c r="AH274" s="53"/>
    </row>
    <row r="275" spans="1:34" ht="51.6" customHeight="1" x14ac:dyDescent="0.45">
      <c r="A275" s="23">
        <v>269</v>
      </c>
      <c r="B275" s="25"/>
      <c r="C275" s="25"/>
      <c r="D275" s="29"/>
      <c r="E275" s="1"/>
      <c r="F275" s="1"/>
      <c r="G275" s="25"/>
      <c r="H275" s="71"/>
      <c r="I275" s="83"/>
      <c r="J275" s="50" t="str">
        <f t="shared" si="10"/>
        <v/>
      </c>
      <c r="K275" s="23" t="s">
        <v>7120</v>
      </c>
      <c r="L275" s="49" t="e">
        <f>VLOOKUP(E275&amp;F275,団体コード!$A$1:$C$1743,3,FALSE)</f>
        <v>#N/A</v>
      </c>
      <c r="M275" s="49" t="e">
        <f>VLOOKUP(E275&amp;F275,団体コード!$A$1:$C$1743,2,FALSE)</f>
        <v>#N/A</v>
      </c>
      <c r="N275" s="51" t="e">
        <f>VLOOKUP(E275,団体コード!$E$1:$F$48,2,FALSE)</f>
        <v>#N/A</v>
      </c>
      <c r="O275" s="51" t="e">
        <f t="shared" si="11"/>
        <v>#N/A</v>
      </c>
      <c r="P275" s="51">
        <v>1</v>
      </c>
      <c r="Q275" s="51" t="s">
        <v>5341</v>
      </c>
      <c r="R275" s="54" t="b">
        <v>1</v>
      </c>
      <c r="S275" s="52" t="s">
        <v>7126</v>
      </c>
      <c r="T275" s="67" t="s">
        <v>7127</v>
      </c>
      <c r="U275" s="75" t="s">
        <v>5331</v>
      </c>
      <c r="V275" s="47" t="s">
        <v>5331</v>
      </c>
      <c r="W275" s="47" t="s">
        <v>5331</v>
      </c>
      <c r="X275" s="47" t="s">
        <v>5331</v>
      </c>
      <c r="Y275" s="47" t="s">
        <v>5331</v>
      </c>
      <c r="Z275" s="28"/>
      <c r="AA275" s="27"/>
      <c r="AB275" s="27"/>
      <c r="AC275" s="27"/>
      <c r="AD275" s="30"/>
      <c r="AE275" s="1"/>
      <c r="AF275" s="23" t="s">
        <v>5331</v>
      </c>
      <c r="AG275" s="26"/>
      <c r="AH275" s="53"/>
    </row>
    <row r="276" spans="1:34" ht="51.6" customHeight="1" x14ac:dyDescent="0.45">
      <c r="A276" s="23">
        <v>270</v>
      </c>
      <c r="B276" s="25"/>
      <c r="C276" s="25"/>
      <c r="D276" s="29"/>
      <c r="E276" s="1"/>
      <c r="F276" s="1"/>
      <c r="G276" s="25"/>
      <c r="H276" s="71"/>
      <c r="I276" s="83"/>
      <c r="J276" s="50" t="str">
        <f t="shared" si="10"/>
        <v/>
      </c>
      <c r="K276" s="23" t="s">
        <v>7120</v>
      </c>
      <c r="L276" s="49" t="e">
        <f>VLOOKUP(E276&amp;F276,団体コード!$A$1:$C$1743,3,FALSE)</f>
        <v>#N/A</v>
      </c>
      <c r="M276" s="49" t="e">
        <f>VLOOKUP(E276&amp;F276,団体コード!$A$1:$C$1743,2,FALSE)</f>
        <v>#N/A</v>
      </c>
      <c r="N276" s="51" t="e">
        <f>VLOOKUP(E276,団体コード!$E$1:$F$48,2,FALSE)</f>
        <v>#N/A</v>
      </c>
      <c r="O276" s="51" t="e">
        <f t="shared" si="11"/>
        <v>#N/A</v>
      </c>
      <c r="P276" s="51">
        <v>1</v>
      </c>
      <c r="Q276" s="51" t="s">
        <v>5341</v>
      </c>
      <c r="R276" s="54" t="b">
        <v>1</v>
      </c>
      <c r="S276" s="52" t="s">
        <v>7126</v>
      </c>
      <c r="T276" s="67" t="s">
        <v>7127</v>
      </c>
      <c r="U276" s="75" t="s">
        <v>5331</v>
      </c>
      <c r="V276" s="47" t="s">
        <v>5331</v>
      </c>
      <c r="W276" s="47" t="s">
        <v>5331</v>
      </c>
      <c r="X276" s="47" t="s">
        <v>5331</v>
      </c>
      <c r="Y276" s="47" t="s">
        <v>5331</v>
      </c>
      <c r="Z276" s="28"/>
      <c r="AA276" s="27"/>
      <c r="AB276" s="27"/>
      <c r="AC276" s="27"/>
      <c r="AD276" s="30"/>
      <c r="AE276" s="1"/>
      <c r="AF276" s="23" t="s">
        <v>5331</v>
      </c>
      <c r="AG276" s="26"/>
      <c r="AH276" s="53"/>
    </row>
    <row r="277" spans="1:34" ht="51.6" customHeight="1" x14ac:dyDescent="0.45">
      <c r="A277" s="23">
        <v>271</v>
      </c>
      <c r="B277" s="25"/>
      <c r="C277" s="25"/>
      <c r="D277" s="29"/>
      <c r="E277" s="1"/>
      <c r="F277" s="1"/>
      <c r="G277" s="25"/>
      <c r="H277" s="71"/>
      <c r="I277" s="83"/>
      <c r="J277" s="50" t="str">
        <f t="shared" si="10"/>
        <v/>
      </c>
      <c r="K277" s="23" t="s">
        <v>7120</v>
      </c>
      <c r="L277" s="49" t="e">
        <f>VLOOKUP(E277&amp;F277,団体コード!$A$1:$C$1743,3,FALSE)</f>
        <v>#N/A</v>
      </c>
      <c r="M277" s="49" t="e">
        <f>VLOOKUP(E277&amp;F277,団体コード!$A$1:$C$1743,2,FALSE)</f>
        <v>#N/A</v>
      </c>
      <c r="N277" s="51" t="e">
        <f>VLOOKUP(E277,団体コード!$E$1:$F$48,2,FALSE)</f>
        <v>#N/A</v>
      </c>
      <c r="O277" s="51" t="e">
        <f t="shared" si="11"/>
        <v>#N/A</v>
      </c>
      <c r="P277" s="51">
        <v>1</v>
      </c>
      <c r="Q277" s="51" t="s">
        <v>5341</v>
      </c>
      <c r="R277" s="54" t="b">
        <v>1</v>
      </c>
      <c r="S277" s="52" t="s">
        <v>7126</v>
      </c>
      <c r="T277" s="67" t="s">
        <v>7127</v>
      </c>
      <c r="U277" s="75" t="s">
        <v>5331</v>
      </c>
      <c r="V277" s="47" t="s">
        <v>5331</v>
      </c>
      <c r="W277" s="47" t="s">
        <v>5331</v>
      </c>
      <c r="X277" s="47" t="s">
        <v>5331</v>
      </c>
      <c r="Y277" s="47" t="s">
        <v>5331</v>
      </c>
      <c r="Z277" s="28"/>
      <c r="AA277" s="27"/>
      <c r="AB277" s="27"/>
      <c r="AC277" s="27"/>
      <c r="AD277" s="30"/>
      <c r="AE277" s="1"/>
      <c r="AF277" s="23" t="s">
        <v>5331</v>
      </c>
      <c r="AG277" s="26"/>
      <c r="AH277" s="53"/>
    </row>
    <row r="278" spans="1:34" ht="51.6" customHeight="1" x14ac:dyDescent="0.45">
      <c r="A278" s="23">
        <v>272</v>
      </c>
      <c r="B278" s="25"/>
      <c r="C278" s="25"/>
      <c r="D278" s="29"/>
      <c r="E278" s="1"/>
      <c r="F278" s="1"/>
      <c r="G278" s="25"/>
      <c r="H278" s="71"/>
      <c r="I278" s="83"/>
      <c r="J278" s="50" t="str">
        <f t="shared" si="10"/>
        <v/>
      </c>
      <c r="K278" s="23" t="s">
        <v>7120</v>
      </c>
      <c r="L278" s="49" t="e">
        <f>VLOOKUP(E278&amp;F278,団体コード!$A$1:$C$1743,3,FALSE)</f>
        <v>#N/A</v>
      </c>
      <c r="M278" s="49" t="e">
        <f>VLOOKUP(E278&amp;F278,団体コード!$A$1:$C$1743,2,FALSE)</f>
        <v>#N/A</v>
      </c>
      <c r="N278" s="51" t="e">
        <f>VLOOKUP(E278,団体コード!$E$1:$F$48,2,FALSE)</f>
        <v>#N/A</v>
      </c>
      <c r="O278" s="51" t="e">
        <f t="shared" si="11"/>
        <v>#N/A</v>
      </c>
      <c r="P278" s="51">
        <v>1</v>
      </c>
      <c r="Q278" s="51" t="s">
        <v>5341</v>
      </c>
      <c r="R278" s="54" t="b">
        <v>1</v>
      </c>
      <c r="S278" s="52" t="s">
        <v>7126</v>
      </c>
      <c r="T278" s="67" t="s">
        <v>7127</v>
      </c>
      <c r="U278" s="75" t="s">
        <v>5331</v>
      </c>
      <c r="V278" s="47" t="s">
        <v>5331</v>
      </c>
      <c r="W278" s="47" t="s">
        <v>5331</v>
      </c>
      <c r="X278" s="47" t="s">
        <v>5331</v>
      </c>
      <c r="Y278" s="47" t="s">
        <v>5331</v>
      </c>
      <c r="Z278" s="28"/>
      <c r="AA278" s="27"/>
      <c r="AB278" s="27"/>
      <c r="AC278" s="27"/>
      <c r="AD278" s="30"/>
      <c r="AE278" s="1"/>
      <c r="AF278" s="23" t="s">
        <v>5331</v>
      </c>
      <c r="AG278" s="26"/>
      <c r="AH278" s="53"/>
    </row>
    <row r="279" spans="1:34" ht="51.6" customHeight="1" x14ac:dyDescent="0.45">
      <c r="A279" s="23">
        <v>273</v>
      </c>
      <c r="B279" s="25"/>
      <c r="C279" s="25"/>
      <c r="D279" s="29"/>
      <c r="E279" s="1"/>
      <c r="F279" s="1"/>
      <c r="G279" s="25"/>
      <c r="H279" s="71"/>
      <c r="I279" s="83"/>
      <c r="J279" s="50" t="str">
        <f t="shared" si="10"/>
        <v/>
      </c>
      <c r="K279" s="23" t="s">
        <v>7120</v>
      </c>
      <c r="L279" s="49" t="e">
        <f>VLOOKUP(E279&amp;F279,団体コード!$A$1:$C$1743,3,FALSE)</f>
        <v>#N/A</v>
      </c>
      <c r="M279" s="49" t="e">
        <f>VLOOKUP(E279&amp;F279,団体コード!$A$1:$C$1743,2,FALSE)</f>
        <v>#N/A</v>
      </c>
      <c r="N279" s="51" t="e">
        <f>VLOOKUP(E279,団体コード!$E$1:$F$48,2,FALSE)</f>
        <v>#N/A</v>
      </c>
      <c r="O279" s="51" t="e">
        <f t="shared" si="11"/>
        <v>#N/A</v>
      </c>
      <c r="P279" s="51">
        <v>1</v>
      </c>
      <c r="Q279" s="51" t="s">
        <v>5341</v>
      </c>
      <c r="R279" s="54" t="b">
        <v>1</v>
      </c>
      <c r="S279" s="52" t="s">
        <v>7126</v>
      </c>
      <c r="T279" s="67" t="s">
        <v>7127</v>
      </c>
      <c r="U279" s="75" t="s">
        <v>5331</v>
      </c>
      <c r="V279" s="47" t="s">
        <v>5331</v>
      </c>
      <c r="W279" s="47" t="s">
        <v>5331</v>
      </c>
      <c r="X279" s="47" t="s">
        <v>5331</v>
      </c>
      <c r="Y279" s="47" t="s">
        <v>5331</v>
      </c>
      <c r="Z279" s="28"/>
      <c r="AA279" s="27"/>
      <c r="AB279" s="27"/>
      <c r="AC279" s="27"/>
      <c r="AD279" s="30"/>
      <c r="AE279" s="1"/>
      <c r="AF279" s="23" t="s">
        <v>5331</v>
      </c>
      <c r="AG279" s="26"/>
      <c r="AH279" s="53"/>
    </row>
    <row r="280" spans="1:34" ht="51.6" customHeight="1" x14ac:dyDescent="0.45">
      <c r="A280" s="23">
        <v>274</v>
      </c>
      <c r="B280" s="25"/>
      <c r="C280" s="25"/>
      <c r="D280" s="29"/>
      <c r="E280" s="1"/>
      <c r="F280" s="1"/>
      <c r="G280" s="25"/>
      <c r="H280" s="71"/>
      <c r="I280" s="83"/>
      <c r="J280" s="50" t="str">
        <f t="shared" si="10"/>
        <v/>
      </c>
      <c r="K280" s="23" t="s">
        <v>7120</v>
      </c>
      <c r="L280" s="49" t="e">
        <f>VLOOKUP(E280&amp;F280,団体コード!$A$1:$C$1743,3,FALSE)</f>
        <v>#N/A</v>
      </c>
      <c r="M280" s="49" t="e">
        <f>VLOOKUP(E280&amp;F280,団体コード!$A$1:$C$1743,2,FALSE)</f>
        <v>#N/A</v>
      </c>
      <c r="N280" s="51" t="e">
        <f>VLOOKUP(E280,団体コード!$E$1:$F$48,2,FALSE)</f>
        <v>#N/A</v>
      </c>
      <c r="O280" s="51" t="e">
        <f t="shared" si="11"/>
        <v>#N/A</v>
      </c>
      <c r="P280" s="51">
        <v>1</v>
      </c>
      <c r="Q280" s="51" t="s">
        <v>5341</v>
      </c>
      <c r="R280" s="54" t="b">
        <v>1</v>
      </c>
      <c r="S280" s="52" t="s">
        <v>7126</v>
      </c>
      <c r="T280" s="67" t="s">
        <v>7127</v>
      </c>
      <c r="U280" s="75" t="s">
        <v>5331</v>
      </c>
      <c r="V280" s="47" t="s">
        <v>5331</v>
      </c>
      <c r="W280" s="47" t="s">
        <v>5331</v>
      </c>
      <c r="X280" s="47" t="s">
        <v>5331</v>
      </c>
      <c r="Y280" s="47" t="s">
        <v>5331</v>
      </c>
      <c r="Z280" s="28"/>
      <c r="AA280" s="27"/>
      <c r="AB280" s="27"/>
      <c r="AC280" s="27"/>
      <c r="AD280" s="30"/>
      <c r="AE280" s="1"/>
      <c r="AF280" s="23" t="s">
        <v>5331</v>
      </c>
      <c r="AG280" s="26"/>
      <c r="AH280" s="53"/>
    </row>
    <row r="281" spans="1:34" ht="51.6" customHeight="1" x14ac:dyDescent="0.45">
      <c r="A281" s="23">
        <v>275</v>
      </c>
      <c r="B281" s="25"/>
      <c r="C281" s="25"/>
      <c r="D281" s="29"/>
      <c r="E281" s="1"/>
      <c r="F281" s="1"/>
      <c r="G281" s="25"/>
      <c r="H281" s="71"/>
      <c r="I281" s="83"/>
      <c r="J281" s="50" t="str">
        <f t="shared" si="10"/>
        <v/>
      </c>
      <c r="K281" s="23" t="s">
        <v>7120</v>
      </c>
      <c r="L281" s="49" t="e">
        <f>VLOOKUP(E281&amp;F281,団体コード!$A$1:$C$1743,3,FALSE)</f>
        <v>#N/A</v>
      </c>
      <c r="M281" s="49" t="e">
        <f>VLOOKUP(E281&amp;F281,団体コード!$A$1:$C$1743,2,FALSE)</f>
        <v>#N/A</v>
      </c>
      <c r="N281" s="51" t="e">
        <f>VLOOKUP(E281,団体コード!$E$1:$F$48,2,FALSE)</f>
        <v>#N/A</v>
      </c>
      <c r="O281" s="51" t="e">
        <f t="shared" si="11"/>
        <v>#N/A</v>
      </c>
      <c r="P281" s="51">
        <v>1</v>
      </c>
      <c r="Q281" s="51" t="s">
        <v>5341</v>
      </c>
      <c r="R281" s="54" t="b">
        <v>1</v>
      </c>
      <c r="S281" s="52" t="s">
        <v>7126</v>
      </c>
      <c r="T281" s="67" t="s">
        <v>7127</v>
      </c>
      <c r="U281" s="75" t="s">
        <v>5331</v>
      </c>
      <c r="V281" s="47" t="s">
        <v>5331</v>
      </c>
      <c r="W281" s="47" t="s">
        <v>5331</v>
      </c>
      <c r="X281" s="47" t="s">
        <v>5331</v>
      </c>
      <c r="Y281" s="47" t="s">
        <v>5331</v>
      </c>
      <c r="Z281" s="28"/>
      <c r="AA281" s="27"/>
      <c r="AB281" s="27"/>
      <c r="AC281" s="27"/>
      <c r="AD281" s="30"/>
      <c r="AE281" s="1"/>
      <c r="AF281" s="23" t="s">
        <v>5331</v>
      </c>
      <c r="AG281" s="26"/>
      <c r="AH281" s="53"/>
    </row>
    <row r="282" spans="1:34" ht="51.6" customHeight="1" x14ac:dyDescent="0.45">
      <c r="A282" s="23">
        <v>276</v>
      </c>
      <c r="B282" s="25"/>
      <c r="C282" s="25"/>
      <c r="D282" s="29"/>
      <c r="E282" s="1"/>
      <c r="F282" s="1"/>
      <c r="G282" s="25"/>
      <c r="H282" s="71"/>
      <c r="I282" s="83"/>
      <c r="J282" s="50" t="str">
        <f t="shared" si="10"/>
        <v/>
      </c>
      <c r="K282" s="23" t="s">
        <v>7120</v>
      </c>
      <c r="L282" s="49" t="e">
        <f>VLOOKUP(E282&amp;F282,団体コード!$A$1:$C$1743,3,FALSE)</f>
        <v>#N/A</v>
      </c>
      <c r="M282" s="49" t="e">
        <f>VLOOKUP(E282&amp;F282,団体コード!$A$1:$C$1743,2,FALSE)</f>
        <v>#N/A</v>
      </c>
      <c r="N282" s="51" t="e">
        <f>VLOOKUP(E282,団体コード!$E$1:$F$48,2,FALSE)</f>
        <v>#N/A</v>
      </c>
      <c r="O282" s="51" t="e">
        <f t="shared" si="11"/>
        <v>#N/A</v>
      </c>
      <c r="P282" s="51">
        <v>1</v>
      </c>
      <c r="Q282" s="51" t="s">
        <v>5341</v>
      </c>
      <c r="R282" s="54" t="b">
        <v>1</v>
      </c>
      <c r="S282" s="52" t="s">
        <v>7126</v>
      </c>
      <c r="T282" s="67" t="s">
        <v>7127</v>
      </c>
      <c r="U282" s="75" t="s">
        <v>5331</v>
      </c>
      <c r="V282" s="47" t="s">
        <v>5331</v>
      </c>
      <c r="W282" s="47" t="s">
        <v>5331</v>
      </c>
      <c r="X282" s="47" t="s">
        <v>5331</v>
      </c>
      <c r="Y282" s="47" t="s">
        <v>5331</v>
      </c>
      <c r="Z282" s="28"/>
      <c r="AA282" s="27"/>
      <c r="AB282" s="27"/>
      <c r="AC282" s="27"/>
      <c r="AD282" s="30"/>
      <c r="AE282" s="1"/>
      <c r="AF282" s="23" t="s">
        <v>5331</v>
      </c>
      <c r="AG282" s="26"/>
      <c r="AH282" s="53"/>
    </row>
    <row r="283" spans="1:34" ht="51.6" customHeight="1" x14ac:dyDescent="0.45">
      <c r="A283" s="23">
        <v>277</v>
      </c>
      <c r="B283" s="25"/>
      <c r="C283" s="25"/>
      <c r="D283" s="29"/>
      <c r="E283" s="1"/>
      <c r="F283" s="1"/>
      <c r="G283" s="25"/>
      <c r="H283" s="71"/>
      <c r="I283" s="83"/>
      <c r="J283" s="50" t="str">
        <f t="shared" si="10"/>
        <v/>
      </c>
      <c r="K283" s="23" t="s">
        <v>7120</v>
      </c>
      <c r="L283" s="49" t="e">
        <f>VLOOKUP(E283&amp;F283,団体コード!$A$1:$C$1743,3,FALSE)</f>
        <v>#N/A</v>
      </c>
      <c r="M283" s="49" t="e">
        <f>VLOOKUP(E283&amp;F283,団体コード!$A$1:$C$1743,2,FALSE)</f>
        <v>#N/A</v>
      </c>
      <c r="N283" s="51" t="e">
        <f>VLOOKUP(E283,団体コード!$E$1:$F$48,2,FALSE)</f>
        <v>#N/A</v>
      </c>
      <c r="O283" s="51" t="e">
        <f t="shared" si="11"/>
        <v>#N/A</v>
      </c>
      <c r="P283" s="51">
        <v>1</v>
      </c>
      <c r="Q283" s="51" t="s">
        <v>5341</v>
      </c>
      <c r="R283" s="54" t="b">
        <v>1</v>
      </c>
      <c r="S283" s="52" t="s">
        <v>7126</v>
      </c>
      <c r="T283" s="67" t="s">
        <v>7127</v>
      </c>
      <c r="U283" s="75" t="s">
        <v>5331</v>
      </c>
      <c r="V283" s="47" t="s">
        <v>5331</v>
      </c>
      <c r="W283" s="47" t="s">
        <v>5331</v>
      </c>
      <c r="X283" s="47" t="s">
        <v>5331</v>
      </c>
      <c r="Y283" s="47" t="s">
        <v>5331</v>
      </c>
      <c r="Z283" s="28"/>
      <c r="AA283" s="27"/>
      <c r="AB283" s="27"/>
      <c r="AC283" s="27"/>
      <c r="AD283" s="30"/>
      <c r="AE283" s="1"/>
      <c r="AF283" s="23" t="s">
        <v>5331</v>
      </c>
      <c r="AG283" s="26"/>
      <c r="AH283" s="53"/>
    </row>
    <row r="284" spans="1:34" ht="51.6" customHeight="1" x14ac:dyDescent="0.45">
      <c r="A284" s="23">
        <v>278</v>
      </c>
      <c r="B284" s="25"/>
      <c r="C284" s="25"/>
      <c r="D284" s="29"/>
      <c r="E284" s="1"/>
      <c r="F284" s="1"/>
      <c r="G284" s="25"/>
      <c r="H284" s="71"/>
      <c r="I284" s="83"/>
      <c r="J284" s="50" t="str">
        <f t="shared" si="10"/>
        <v/>
      </c>
      <c r="K284" s="23" t="s">
        <v>7120</v>
      </c>
      <c r="L284" s="49" t="e">
        <f>VLOOKUP(E284&amp;F284,団体コード!$A$1:$C$1743,3,FALSE)</f>
        <v>#N/A</v>
      </c>
      <c r="M284" s="49" t="e">
        <f>VLOOKUP(E284&amp;F284,団体コード!$A$1:$C$1743,2,FALSE)</f>
        <v>#N/A</v>
      </c>
      <c r="N284" s="51" t="e">
        <f>VLOOKUP(E284,団体コード!$E$1:$F$48,2,FALSE)</f>
        <v>#N/A</v>
      </c>
      <c r="O284" s="51" t="e">
        <f t="shared" si="11"/>
        <v>#N/A</v>
      </c>
      <c r="P284" s="51">
        <v>1</v>
      </c>
      <c r="Q284" s="51" t="s">
        <v>5341</v>
      </c>
      <c r="R284" s="54" t="b">
        <v>1</v>
      </c>
      <c r="S284" s="52" t="s">
        <v>7126</v>
      </c>
      <c r="T284" s="67" t="s">
        <v>7127</v>
      </c>
      <c r="U284" s="75" t="s">
        <v>5331</v>
      </c>
      <c r="V284" s="47" t="s">
        <v>5331</v>
      </c>
      <c r="W284" s="47" t="s">
        <v>5331</v>
      </c>
      <c r="X284" s="47" t="s">
        <v>5331</v>
      </c>
      <c r="Y284" s="47" t="s">
        <v>5331</v>
      </c>
      <c r="Z284" s="28"/>
      <c r="AA284" s="27"/>
      <c r="AB284" s="27"/>
      <c r="AC284" s="27"/>
      <c r="AD284" s="30"/>
      <c r="AE284" s="1"/>
      <c r="AF284" s="23" t="s">
        <v>5331</v>
      </c>
      <c r="AG284" s="26"/>
      <c r="AH284" s="53"/>
    </row>
    <row r="285" spans="1:34" ht="51.6" customHeight="1" x14ac:dyDescent="0.45">
      <c r="A285" s="23">
        <v>279</v>
      </c>
      <c r="B285" s="25"/>
      <c r="C285" s="25"/>
      <c r="D285" s="29"/>
      <c r="E285" s="1"/>
      <c r="F285" s="1"/>
      <c r="G285" s="25"/>
      <c r="H285" s="71"/>
      <c r="I285" s="83"/>
      <c r="J285" s="50" t="str">
        <f t="shared" si="10"/>
        <v/>
      </c>
      <c r="K285" s="23" t="s">
        <v>7120</v>
      </c>
      <c r="L285" s="49" t="e">
        <f>VLOOKUP(E285&amp;F285,団体コード!$A$1:$C$1743,3,FALSE)</f>
        <v>#N/A</v>
      </c>
      <c r="M285" s="49" t="e">
        <f>VLOOKUP(E285&amp;F285,団体コード!$A$1:$C$1743,2,FALSE)</f>
        <v>#N/A</v>
      </c>
      <c r="N285" s="51" t="e">
        <f>VLOOKUP(E285,団体コード!$E$1:$F$48,2,FALSE)</f>
        <v>#N/A</v>
      </c>
      <c r="O285" s="51" t="e">
        <f t="shared" si="11"/>
        <v>#N/A</v>
      </c>
      <c r="P285" s="51">
        <v>1</v>
      </c>
      <c r="Q285" s="51" t="s">
        <v>5341</v>
      </c>
      <c r="R285" s="54" t="b">
        <v>1</v>
      </c>
      <c r="S285" s="52" t="s">
        <v>7126</v>
      </c>
      <c r="T285" s="67" t="s">
        <v>7127</v>
      </c>
      <c r="U285" s="75" t="s">
        <v>5331</v>
      </c>
      <c r="V285" s="47" t="s">
        <v>5331</v>
      </c>
      <c r="W285" s="47" t="s">
        <v>5331</v>
      </c>
      <c r="X285" s="47" t="s">
        <v>5331</v>
      </c>
      <c r="Y285" s="47" t="s">
        <v>5331</v>
      </c>
      <c r="Z285" s="28"/>
      <c r="AA285" s="27"/>
      <c r="AB285" s="27"/>
      <c r="AC285" s="27"/>
      <c r="AD285" s="30"/>
      <c r="AE285" s="1"/>
      <c r="AF285" s="23" t="s">
        <v>5331</v>
      </c>
      <c r="AG285" s="26"/>
      <c r="AH285" s="53"/>
    </row>
    <row r="286" spans="1:34" ht="51.6" customHeight="1" x14ac:dyDescent="0.45">
      <c r="A286" s="23">
        <v>280</v>
      </c>
      <c r="B286" s="25"/>
      <c r="C286" s="25"/>
      <c r="D286" s="29"/>
      <c r="E286" s="1"/>
      <c r="F286" s="1"/>
      <c r="G286" s="25"/>
      <c r="H286" s="71"/>
      <c r="I286" s="83"/>
      <c r="J286" s="50" t="str">
        <f t="shared" si="10"/>
        <v/>
      </c>
      <c r="K286" s="23" t="s">
        <v>7120</v>
      </c>
      <c r="L286" s="49" t="e">
        <f>VLOOKUP(E286&amp;F286,団体コード!$A$1:$C$1743,3,FALSE)</f>
        <v>#N/A</v>
      </c>
      <c r="M286" s="49" t="e">
        <f>VLOOKUP(E286&amp;F286,団体コード!$A$1:$C$1743,2,FALSE)</f>
        <v>#N/A</v>
      </c>
      <c r="N286" s="51" t="e">
        <f>VLOOKUP(E286,団体コード!$E$1:$F$48,2,FALSE)</f>
        <v>#N/A</v>
      </c>
      <c r="O286" s="51" t="e">
        <f t="shared" si="11"/>
        <v>#N/A</v>
      </c>
      <c r="P286" s="51">
        <v>1</v>
      </c>
      <c r="Q286" s="51" t="s">
        <v>5341</v>
      </c>
      <c r="R286" s="54" t="b">
        <v>1</v>
      </c>
      <c r="S286" s="52" t="s">
        <v>7126</v>
      </c>
      <c r="T286" s="67" t="s">
        <v>7127</v>
      </c>
      <c r="U286" s="75" t="s">
        <v>5331</v>
      </c>
      <c r="V286" s="47" t="s">
        <v>5331</v>
      </c>
      <c r="W286" s="47" t="s">
        <v>5331</v>
      </c>
      <c r="X286" s="47" t="s">
        <v>5331</v>
      </c>
      <c r="Y286" s="47" t="s">
        <v>5331</v>
      </c>
      <c r="Z286" s="28"/>
      <c r="AA286" s="27"/>
      <c r="AB286" s="27"/>
      <c r="AC286" s="27"/>
      <c r="AD286" s="30"/>
      <c r="AE286" s="1"/>
      <c r="AF286" s="23" t="s">
        <v>5331</v>
      </c>
      <c r="AG286" s="26"/>
      <c r="AH286" s="53"/>
    </row>
    <row r="287" spans="1:34" ht="51.6" customHeight="1" x14ac:dyDescent="0.45">
      <c r="A287" s="23">
        <v>281</v>
      </c>
      <c r="B287" s="25"/>
      <c r="C287" s="25"/>
      <c r="D287" s="29"/>
      <c r="E287" s="1"/>
      <c r="F287" s="1"/>
      <c r="G287" s="25"/>
      <c r="H287" s="71"/>
      <c r="I287" s="83"/>
      <c r="J287" s="50" t="str">
        <f t="shared" si="10"/>
        <v/>
      </c>
      <c r="K287" s="23" t="s">
        <v>7120</v>
      </c>
      <c r="L287" s="49" t="e">
        <f>VLOOKUP(E287&amp;F287,団体コード!$A$1:$C$1743,3,FALSE)</f>
        <v>#N/A</v>
      </c>
      <c r="M287" s="49" t="e">
        <f>VLOOKUP(E287&amp;F287,団体コード!$A$1:$C$1743,2,FALSE)</f>
        <v>#N/A</v>
      </c>
      <c r="N287" s="51" t="e">
        <f>VLOOKUP(E287,団体コード!$E$1:$F$48,2,FALSE)</f>
        <v>#N/A</v>
      </c>
      <c r="O287" s="51" t="e">
        <f t="shared" si="11"/>
        <v>#N/A</v>
      </c>
      <c r="P287" s="51">
        <v>1</v>
      </c>
      <c r="Q287" s="51" t="s">
        <v>5341</v>
      </c>
      <c r="R287" s="54" t="b">
        <v>1</v>
      </c>
      <c r="S287" s="52" t="s">
        <v>7126</v>
      </c>
      <c r="T287" s="67" t="s">
        <v>7127</v>
      </c>
      <c r="U287" s="75" t="s">
        <v>5331</v>
      </c>
      <c r="V287" s="47" t="s">
        <v>5331</v>
      </c>
      <c r="W287" s="47" t="s">
        <v>5331</v>
      </c>
      <c r="X287" s="47" t="s">
        <v>5331</v>
      </c>
      <c r="Y287" s="47" t="s">
        <v>5331</v>
      </c>
      <c r="Z287" s="28"/>
      <c r="AA287" s="27"/>
      <c r="AB287" s="27"/>
      <c r="AC287" s="27"/>
      <c r="AD287" s="30"/>
      <c r="AE287" s="1"/>
      <c r="AF287" s="23" t="s">
        <v>5331</v>
      </c>
      <c r="AG287" s="26"/>
      <c r="AH287" s="53"/>
    </row>
    <row r="288" spans="1:34" ht="51.6" customHeight="1" x14ac:dyDescent="0.45">
      <c r="A288" s="23">
        <v>282</v>
      </c>
      <c r="B288" s="25"/>
      <c r="C288" s="25"/>
      <c r="D288" s="29"/>
      <c r="E288" s="1"/>
      <c r="F288" s="1"/>
      <c r="G288" s="25"/>
      <c r="H288" s="71"/>
      <c r="I288" s="83"/>
      <c r="J288" s="50" t="str">
        <f t="shared" si="10"/>
        <v/>
      </c>
      <c r="K288" s="23" t="s">
        <v>7120</v>
      </c>
      <c r="L288" s="49" t="e">
        <f>VLOOKUP(E288&amp;F288,団体コード!$A$1:$C$1743,3,FALSE)</f>
        <v>#N/A</v>
      </c>
      <c r="M288" s="49" t="e">
        <f>VLOOKUP(E288&amp;F288,団体コード!$A$1:$C$1743,2,FALSE)</f>
        <v>#N/A</v>
      </c>
      <c r="N288" s="51" t="e">
        <f>VLOOKUP(E288,団体コード!$E$1:$F$48,2,FALSE)</f>
        <v>#N/A</v>
      </c>
      <c r="O288" s="51" t="e">
        <f t="shared" si="11"/>
        <v>#N/A</v>
      </c>
      <c r="P288" s="51">
        <v>1</v>
      </c>
      <c r="Q288" s="51" t="s">
        <v>5341</v>
      </c>
      <c r="R288" s="54" t="b">
        <v>1</v>
      </c>
      <c r="S288" s="52" t="s">
        <v>7126</v>
      </c>
      <c r="T288" s="67" t="s">
        <v>7127</v>
      </c>
      <c r="U288" s="75" t="s">
        <v>5331</v>
      </c>
      <c r="V288" s="47" t="s">
        <v>5331</v>
      </c>
      <c r="W288" s="47" t="s">
        <v>5331</v>
      </c>
      <c r="X288" s="47" t="s">
        <v>5331</v>
      </c>
      <c r="Y288" s="47" t="s">
        <v>5331</v>
      </c>
      <c r="Z288" s="28"/>
      <c r="AA288" s="27"/>
      <c r="AB288" s="27"/>
      <c r="AC288" s="27"/>
      <c r="AD288" s="30"/>
      <c r="AE288" s="1"/>
      <c r="AF288" s="23" t="s">
        <v>5331</v>
      </c>
      <c r="AG288" s="26"/>
      <c r="AH288" s="53"/>
    </row>
    <row r="289" spans="1:34" ht="51.6" customHeight="1" x14ac:dyDescent="0.45">
      <c r="A289" s="23">
        <v>283</v>
      </c>
      <c r="B289" s="25"/>
      <c r="C289" s="25"/>
      <c r="D289" s="29"/>
      <c r="E289" s="1"/>
      <c r="F289" s="1"/>
      <c r="G289" s="25"/>
      <c r="H289" s="71"/>
      <c r="I289" s="83"/>
      <c r="J289" s="50" t="str">
        <f t="shared" si="10"/>
        <v/>
      </c>
      <c r="K289" s="23" t="s">
        <v>7120</v>
      </c>
      <c r="L289" s="49" t="e">
        <f>VLOOKUP(E289&amp;F289,団体コード!$A$1:$C$1743,3,FALSE)</f>
        <v>#N/A</v>
      </c>
      <c r="M289" s="49" t="e">
        <f>VLOOKUP(E289&amp;F289,団体コード!$A$1:$C$1743,2,FALSE)</f>
        <v>#N/A</v>
      </c>
      <c r="N289" s="51" t="e">
        <f>VLOOKUP(E289,団体コード!$E$1:$F$48,2,FALSE)</f>
        <v>#N/A</v>
      </c>
      <c r="O289" s="51" t="e">
        <f t="shared" si="11"/>
        <v>#N/A</v>
      </c>
      <c r="P289" s="51">
        <v>1</v>
      </c>
      <c r="Q289" s="51" t="s">
        <v>5341</v>
      </c>
      <c r="R289" s="54" t="b">
        <v>1</v>
      </c>
      <c r="S289" s="52" t="s">
        <v>7126</v>
      </c>
      <c r="T289" s="67" t="s">
        <v>7127</v>
      </c>
      <c r="U289" s="75" t="s">
        <v>5331</v>
      </c>
      <c r="V289" s="47" t="s">
        <v>5331</v>
      </c>
      <c r="W289" s="47" t="s">
        <v>5331</v>
      </c>
      <c r="X289" s="47" t="s">
        <v>5331</v>
      </c>
      <c r="Y289" s="47" t="s">
        <v>5331</v>
      </c>
      <c r="Z289" s="28"/>
      <c r="AA289" s="27"/>
      <c r="AB289" s="27"/>
      <c r="AC289" s="27"/>
      <c r="AD289" s="30"/>
      <c r="AE289" s="1"/>
      <c r="AF289" s="23" t="s">
        <v>5331</v>
      </c>
      <c r="AG289" s="26"/>
      <c r="AH289" s="53"/>
    </row>
    <row r="290" spans="1:34" ht="51.6" customHeight="1" x14ac:dyDescent="0.45">
      <c r="A290" s="23">
        <v>284</v>
      </c>
      <c r="B290" s="25"/>
      <c r="C290" s="25"/>
      <c r="D290" s="29"/>
      <c r="E290" s="1"/>
      <c r="F290" s="1"/>
      <c r="G290" s="25"/>
      <c r="H290" s="71"/>
      <c r="I290" s="83"/>
      <c r="J290" s="50" t="str">
        <f t="shared" si="10"/>
        <v/>
      </c>
      <c r="K290" s="23" t="s">
        <v>7120</v>
      </c>
      <c r="L290" s="49" t="e">
        <f>VLOOKUP(E290&amp;F290,団体コード!$A$1:$C$1743,3,FALSE)</f>
        <v>#N/A</v>
      </c>
      <c r="M290" s="49" t="e">
        <f>VLOOKUP(E290&amp;F290,団体コード!$A$1:$C$1743,2,FALSE)</f>
        <v>#N/A</v>
      </c>
      <c r="N290" s="51" t="e">
        <f>VLOOKUP(E290,団体コード!$E$1:$F$48,2,FALSE)</f>
        <v>#N/A</v>
      </c>
      <c r="O290" s="51" t="e">
        <f t="shared" si="11"/>
        <v>#N/A</v>
      </c>
      <c r="P290" s="51">
        <v>1</v>
      </c>
      <c r="Q290" s="51" t="s">
        <v>5341</v>
      </c>
      <c r="R290" s="54" t="b">
        <v>1</v>
      </c>
      <c r="S290" s="52" t="s">
        <v>7126</v>
      </c>
      <c r="T290" s="67" t="s">
        <v>7127</v>
      </c>
      <c r="U290" s="75" t="s">
        <v>5331</v>
      </c>
      <c r="V290" s="47" t="s">
        <v>5331</v>
      </c>
      <c r="W290" s="47" t="s">
        <v>5331</v>
      </c>
      <c r="X290" s="47" t="s">
        <v>5331</v>
      </c>
      <c r="Y290" s="47" t="s">
        <v>5331</v>
      </c>
      <c r="Z290" s="28"/>
      <c r="AA290" s="27"/>
      <c r="AB290" s="27"/>
      <c r="AC290" s="27"/>
      <c r="AD290" s="30"/>
      <c r="AE290" s="1"/>
      <c r="AF290" s="23" t="s">
        <v>5331</v>
      </c>
      <c r="AG290" s="26"/>
      <c r="AH290" s="53"/>
    </row>
    <row r="291" spans="1:34" ht="51.6" customHeight="1" x14ac:dyDescent="0.45">
      <c r="A291" s="23">
        <v>285</v>
      </c>
      <c r="B291" s="25"/>
      <c r="C291" s="25"/>
      <c r="D291" s="29"/>
      <c r="E291" s="1"/>
      <c r="F291" s="1"/>
      <c r="G291" s="25"/>
      <c r="H291" s="71"/>
      <c r="I291" s="83"/>
      <c r="J291" s="50" t="str">
        <f t="shared" si="10"/>
        <v/>
      </c>
      <c r="K291" s="23" t="s">
        <v>7120</v>
      </c>
      <c r="L291" s="49" t="e">
        <f>VLOOKUP(E291&amp;F291,団体コード!$A$1:$C$1743,3,FALSE)</f>
        <v>#N/A</v>
      </c>
      <c r="M291" s="49" t="e">
        <f>VLOOKUP(E291&amp;F291,団体コード!$A$1:$C$1743,2,FALSE)</f>
        <v>#N/A</v>
      </c>
      <c r="N291" s="51" t="e">
        <f>VLOOKUP(E291,団体コード!$E$1:$F$48,2,FALSE)</f>
        <v>#N/A</v>
      </c>
      <c r="O291" s="51" t="e">
        <f t="shared" si="11"/>
        <v>#N/A</v>
      </c>
      <c r="P291" s="51">
        <v>1</v>
      </c>
      <c r="Q291" s="51" t="s">
        <v>5341</v>
      </c>
      <c r="R291" s="54" t="b">
        <v>1</v>
      </c>
      <c r="S291" s="52" t="s">
        <v>7126</v>
      </c>
      <c r="T291" s="67" t="s">
        <v>7127</v>
      </c>
      <c r="U291" s="75" t="s">
        <v>5331</v>
      </c>
      <c r="V291" s="47" t="s">
        <v>5331</v>
      </c>
      <c r="W291" s="47" t="s">
        <v>5331</v>
      </c>
      <c r="X291" s="47" t="s">
        <v>5331</v>
      </c>
      <c r="Y291" s="47" t="s">
        <v>5331</v>
      </c>
      <c r="Z291" s="28"/>
      <c r="AA291" s="27"/>
      <c r="AB291" s="27"/>
      <c r="AC291" s="27"/>
      <c r="AD291" s="30"/>
      <c r="AE291" s="1"/>
      <c r="AF291" s="23" t="s">
        <v>5331</v>
      </c>
      <c r="AG291" s="26"/>
      <c r="AH291" s="53"/>
    </row>
    <row r="292" spans="1:34" ht="51.6" customHeight="1" x14ac:dyDescent="0.45">
      <c r="A292" s="23">
        <v>286</v>
      </c>
      <c r="B292" s="25"/>
      <c r="C292" s="25"/>
      <c r="D292" s="29"/>
      <c r="E292" s="1"/>
      <c r="F292" s="1"/>
      <c r="G292" s="25"/>
      <c r="H292" s="71"/>
      <c r="I292" s="83"/>
      <c r="J292" s="50" t="str">
        <f t="shared" si="10"/>
        <v/>
      </c>
      <c r="K292" s="23" t="s">
        <v>7120</v>
      </c>
      <c r="L292" s="49" t="e">
        <f>VLOOKUP(E292&amp;F292,団体コード!$A$1:$C$1743,3,FALSE)</f>
        <v>#N/A</v>
      </c>
      <c r="M292" s="49" t="e">
        <f>VLOOKUP(E292&amp;F292,団体コード!$A$1:$C$1743,2,FALSE)</f>
        <v>#N/A</v>
      </c>
      <c r="N292" s="51" t="e">
        <f>VLOOKUP(E292,団体コード!$E$1:$F$48,2,FALSE)</f>
        <v>#N/A</v>
      </c>
      <c r="O292" s="51" t="e">
        <f t="shared" si="11"/>
        <v>#N/A</v>
      </c>
      <c r="P292" s="51">
        <v>1</v>
      </c>
      <c r="Q292" s="51" t="s">
        <v>5341</v>
      </c>
      <c r="R292" s="54" t="b">
        <v>1</v>
      </c>
      <c r="S292" s="52" t="s">
        <v>7126</v>
      </c>
      <c r="T292" s="67" t="s">
        <v>7127</v>
      </c>
      <c r="U292" s="75" t="s">
        <v>5331</v>
      </c>
      <c r="V292" s="47" t="s">
        <v>5331</v>
      </c>
      <c r="W292" s="47" t="s">
        <v>5331</v>
      </c>
      <c r="X292" s="47" t="s">
        <v>5331</v>
      </c>
      <c r="Y292" s="47" t="s">
        <v>5331</v>
      </c>
      <c r="Z292" s="28"/>
      <c r="AA292" s="27"/>
      <c r="AB292" s="27"/>
      <c r="AC292" s="27"/>
      <c r="AD292" s="30"/>
      <c r="AE292" s="1"/>
      <c r="AF292" s="23" t="s">
        <v>5331</v>
      </c>
      <c r="AG292" s="26"/>
      <c r="AH292" s="53"/>
    </row>
    <row r="293" spans="1:34" ht="51.6" customHeight="1" x14ac:dyDescent="0.45">
      <c r="A293" s="23">
        <v>287</v>
      </c>
      <c r="B293" s="25"/>
      <c r="C293" s="25"/>
      <c r="D293" s="29"/>
      <c r="E293" s="1"/>
      <c r="F293" s="1"/>
      <c r="G293" s="25"/>
      <c r="H293" s="71"/>
      <c r="I293" s="83"/>
      <c r="J293" s="50" t="str">
        <f t="shared" si="10"/>
        <v/>
      </c>
      <c r="K293" s="23" t="s">
        <v>7120</v>
      </c>
      <c r="L293" s="49" t="e">
        <f>VLOOKUP(E293&amp;F293,団体コード!$A$1:$C$1743,3,FALSE)</f>
        <v>#N/A</v>
      </c>
      <c r="M293" s="49" t="e">
        <f>VLOOKUP(E293&amp;F293,団体コード!$A$1:$C$1743,2,FALSE)</f>
        <v>#N/A</v>
      </c>
      <c r="N293" s="51" t="e">
        <f>VLOOKUP(E293,団体コード!$E$1:$F$48,2,FALSE)</f>
        <v>#N/A</v>
      </c>
      <c r="O293" s="51" t="e">
        <f t="shared" si="11"/>
        <v>#N/A</v>
      </c>
      <c r="P293" s="51">
        <v>1</v>
      </c>
      <c r="Q293" s="51" t="s">
        <v>5341</v>
      </c>
      <c r="R293" s="54" t="b">
        <v>1</v>
      </c>
      <c r="S293" s="52" t="s">
        <v>7126</v>
      </c>
      <c r="T293" s="67" t="s">
        <v>7127</v>
      </c>
      <c r="U293" s="75" t="s">
        <v>5331</v>
      </c>
      <c r="V293" s="47" t="s">
        <v>5331</v>
      </c>
      <c r="W293" s="47" t="s">
        <v>5331</v>
      </c>
      <c r="X293" s="47" t="s">
        <v>5331</v>
      </c>
      <c r="Y293" s="47" t="s">
        <v>5331</v>
      </c>
      <c r="Z293" s="28"/>
      <c r="AA293" s="27"/>
      <c r="AB293" s="27"/>
      <c r="AC293" s="27"/>
      <c r="AD293" s="30"/>
      <c r="AE293" s="1"/>
      <c r="AF293" s="23" t="s">
        <v>5331</v>
      </c>
      <c r="AG293" s="26"/>
      <c r="AH293" s="53"/>
    </row>
    <row r="294" spans="1:34" ht="51.6" customHeight="1" x14ac:dyDescent="0.45">
      <c r="A294" s="23">
        <v>288</v>
      </c>
      <c r="B294" s="25"/>
      <c r="C294" s="25"/>
      <c r="D294" s="29"/>
      <c r="E294" s="1"/>
      <c r="F294" s="1"/>
      <c r="G294" s="25"/>
      <c r="H294" s="71"/>
      <c r="I294" s="83"/>
      <c r="J294" s="50" t="str">
        <f t="shared" si="10"/>
        <v/>
      </c>
      <c r="K294" s="23" t="s">
        <v>7120</v>
      </c>
      <c r="L294" s="49" t="e">
        <f>VLOOKUP(E294&amp;F294,団体コード!$A$1:$C$1743,3,FALSE)</f>
        <v>#N/A</v>
      </c>
      <c r="M294" s="49" t="e">
        <f>VLOOKUP(E294&amp;F294,団体コード!$A$1:$C$1743,2,FALSE)</f>
        <v>#N/A</v>
      </c>
      <c r="N294" s="51" t="e">
        <f>VLOOKUP(E294,団体コード!$E$1:$F$48,2,FALSE)</f>
        <v>#N/A</v>
      </c>
      <c r="O294" s="51" t="e">
        <f t="shared" si="11"/>
        <v>#N/A</v>
      </c>
      <c r="P294" s="51">
        <v>1</v>
      </c>
      <c r="Q294" s="51" t="s">
        <v>5341</v>
      </c>
      <c r="R294" s="54" t="b">
        <v>1</v>
      </c>
      <c r="S294" s="52" t="s">
        <v>7126</v>
      </c>
      <c r="T294" s="67" t="s">
        <v>7127</v>
      </c>
      <c r="U294" s="75" t="s">
        <v>5331</v>
      </c>
      <c r="V294" s="47" t="s">
        <v>5331</v>
      </c>
      <c r="W294" s="47" t="s">
        <v>5331</v>
      </c>
      <c r="X294" s="47" t="s">
        <v>5331</v>
      </c>
      <c r="Y294" s="47" t="s">
        <v>5331</v>
      </c>
      <c r="Z294" s="28"/>
      <c r="AA294" s="27"/>
      <c r="AB294" s="27"/>
      <c r="AC294" s="27"/>
      <c r="AD294" s="30"/>
      <c r="AE294" s="1"/>
      <c r="AF294" s="23" t="s">
        <v>5331</v>
      </c>
      <c r="AG294" s="26"/>
      <c r="AH294" s="53"/>
    </row>
    <row r="295" spans="1:34" ht="51.6" customHeight="1" x14ac:dyDescent="0.45">
      <c r="A295" s="23">
        <v>289</v>
      </c>
      <c r="B295" s="25"/>
      <c r="C295" s="25"/>
      <c r="D295" s="29"/>
      <c r="E295" s="1"/>
      <c r="F295" s="1"/>
      <c r="G295" s="25"/>
      <c r="H295" s="71"/>
      <c r="I295" s="83"/>
      <c r="J295" s="50" t="str">
        <f t="shared" si="10"/>
        <v/>
      </c>
      <c r="K295" s="23" t="s">
        <v>7120</v>
      </c>
      <c r="L295" s="49" t="e">
        <f>VLOOKUP(E295&amp;F295,団体コード!$A$1:$C$1743,3,FALSE)</f>
        <v>#N/A</v>
      </c>
      <c r="M295" s="49" t="e">
        <f>VLOOKUP(E295&amp;F295,団体コード!$A$1:$C$1743,2,FALSE)</f>
        <v>#N/A</v>
      </c>
      <c r="N295" s="51" t="e">
        <f>VLOOKUP(E295,団体コード!$E$1:$F$48,2,FALSE)</f>
        <v>#N/A</v>
      </c>
      <c r="O295" s="51" t="e">
        <f t="shared" si="11"/>
        <v>#N/A</v>
      </c>
      <c r="P295" s="51">
        <v>1</v>
      </c>
      <c r="Q295" s="51" t="s">
        <v>5341</v>
      </c>
      <c r="R295" s="54" t="b">
        <v>1</v>
      </c>
      <c r="S295" s="52" t="s">
        <v>7126</v>
      </c>
      <c r="T295" s="67" t="s">
        <v>7127</v>
      </c>
      <c r="U295" s="75" t="s">
        <v>5331</v>
      </c>
      <c r="V295" s="47" t="s">
        <v>5331</v>
      </c>
      <c r="W295" s="47" t="s">
        <v>5331</v>
      </c>
      <c r="X295" s="47" t="s">
        <v>5331</v>
      </c>
      <c r="Y295" s="47" t="s">
        <v>5331</v>
      </c>
      <c r="Z295" s="28"/>
      <c r="AA295" s="27"/>
      <c r="AB295" s="27"/>
      <c r="AC295" s="27"/>
      <c r="AD295" s="30"/>
      <c r="AE295" s="1"/>
      <c r="AF295" s="23" t="s">
        <v>5331</v>
      </c>
      <c r="AG295" s="26"/>
      <c r="AH295" s="53"/>
    </row>
    <row r="296" spans="1:34" ht="51.6" customHeight="1" x14ac:dyDescent="0.45">
      <c r="A296" s="23">
        <v>290</v>
      </c>
      <c r="B296" s="25"/>
      <c r="C296" s="25"/>
      <c r="D296" s="29"/>
      <c r="E296" s="1"/>
      <c r="F296" s="1"/>
      <c r="G296" s="25"/>
      <c r="H296" s="71"/>
      <c r="I296" s="83"/>
      <c r="J296" s="50" t="str">
        <f t="shared" si="10"/>
        <v/>
      </c>
      <c r="K296" s="23" t="s">
        <v>7120</v>
      </c>
      <c r="L296" s="49" t="e">
        <f>VLOOKUP(E296&amp;F296,団体コード!$A$1:$C$1743,3,FALSE)</f>
        <v>#N/A</v>
      </c>
      <c r="M296" s="49" t="e">
        <f>VLOOKUP(E296&amp;F296,団体コード!$A$1:$C$1743,2,FALSE)</f>
        <v>#N/A</v>
      </c>
      <c r="N296" s="51" t="e">
        <f>VLOOKUP(E296,団体コード!$E$1:$F$48,2,FALSE)</f>
        <v>#N/A</v>
      </c>
      <c r="O296" s="51" t="e">
        <f t="shared" si="11"/>
        <v>#N/A</v>
      </c>
      <c r="P296" s="51">
        <v>1</v>
      </c>
      <c r="Q296" s="51" t="s">
        <v>5341</v>
      </c>
      <c r="R296" s="54" t="b">
        <v>1</v>
      </c>
      <c r="S296" s="52" t="s">
        <v>7126</v>
      </c>
      <c r="T296" s="67" t="s">
        <v>7127</v>
      </c>
      <c r="U296" s="75" t="s">
        <v>5331</v>
      </c>
      <c r="V296" s="47" t="s">
        <v>5331</v>
      </c>
      <c r="W296" s="47" t="s">
        <v>5331</v>
      </c>
      <c r="X296" s="47" t="s">
        <v>5331</v>
      </c>
      <c r="Y296" s="47" t="s">
        <v>5331</v>
      </c>
      <c r="Z296" s="28"/>
      <c r="AA296" s="27"/>
      <c r="AB296" s="27"/>
      <c r="AC296" s="27"/>
      <c r="AD296" s="30"/>
      <c r="AE296" s="1"/>
      <c r="AF296" s="23" t="s">
        <v>5331</v>
      </c>
      <c r="AG296" s="26"/>
      <c r="AH296" s="53"/>
    </row>
    <row r="297" spans="1:34" ht="51.6" customHeight="1" x14ac:dyDescent="0.45">
      <c r="A297" s="23">
        <v>291</v>
      </c>
      <c r="B297" s="25"/>
      <c r="C297" s="25"/>
      <c r="D297" s="29"/>
      <c r="E297" s="1"/>
      <c r="F297" s="1"/>
      <c r="G297" s="25"/>
      <c r="H297" s="71"/>
      <c r="I297" s="83"/>
      <c r="J297" s="50" t="str">
        <f t="shared" si="10"/>
        <v/>
      </c>
      <c r="K297" s="23" t="s">
        <v>7120</v>
      </c>
      <c r="L297" s="49" t="e">
        <f>VLOOKUP(E297&amp;F297,団体コード!$A$1:$C$1743,3,FALSE)</f>
        <v>#N/A</v>
      </c>
      <c r="M297" s="49" t="e">
        <f>VLOOKUP(E297&amp;F297,団体コード!$A$1:$C$1743,2,FALSE)</f>
        <v>#N/A</v>
      </c>
      <c r="N297" s="51" t="e">
        <f>VLOOKUP(E297,団体コード!$E$1:$F$48,2,FALSE)</f>
        <v>#N/A</v>
      </c>
      <c r="O297" s="51" t="e">
        <f t="shared" si="11"/>
        <v>#N/A</v>
      </c>
      <c r="P297" s="51">
        <v>1</v>
      </c>
      <c r="Q297" s="51" t="s">
        <v>5341</v>
      </c>
      <c r="R297" s="54" t="b">
        <v>1</v>
      </c>
      <c r="S297" s="52" t="s">
        <v>7126</v>
      </c>
      <c r="T297" s="67" t="s">
        <v>7127</v>
      </c>
      <c r="U297" s="75" t="s">
        <v>5331</v>
      </c>
      <c r="V297" s="47" t="s">
        <v>5331</v>
      </c>
      <c r="W297" s="47" t="s">
        <v>5331</v>
      </c>
      <c r="X297" s="47" t="s">
        <v>5331</v>
      </c>
      <c r="Y297" s="47" t="s">
        <v>5331</v>
      </c>
      <c r="Z297" s="28"/>
      <c r="AA297" s="27"/>
      <c r="AB297" s="27"/>
      <c r="AC297" s="27"/>
      <c r="AD297" s="30"/>
      <c r="AE297" s="1"/>
      <c r="AF297" s="23" t="s">
        <v>5331</v>
      </c>
      <c r="AG297" s="26"/>
      <c r="AH297" s="53"/>
    </row>
    <row r="298" spans="1:34" ht="51.6" customHeight="1" x14ac:dyDescent="0.45">
      <c r="A298" s="23">
        <v>292</v>
      </c>
      <c r="B298" s="25"/>
      <c r="C298" s="25"/>
      <c r="D298" s="29"/>
      <c r="E298" s="1"/>
      <c r="F298" s="1"/>
      <c r="G298" s="25"/>
      <c r="H298" s="71"/>
      <c r="I298" s="83"/>
      <c r="J298" s="50" t="str">
        <f t="shared" si="10"/>
        <v/>
      </c>
      <c r="K298" s="23" t="s">
        <v>7120</v>
      </c>
      <c r="L298" s="49" t="e">
        <f>VLOOKUP(E298&amp;F298,団体コード!$A$1:$C$1743,3,FALSE)</f>
        <v>#N/A</v>
      </c>
      <c r="M298" s="49" t="e">
        <f>VLOOKUP(E298&amp;F298,団体コード!$A$1:$C$1743,2,FALSE)</f>
        <v>#N/A</v>
      </c>
      <c r="N298" s="51" t="e">
        <f>VLOOKUP(E298,団体コード!$E$1:$F$48,2,FALSE)</f>
        <v>#N/A</v>
      </c>
      <c r="O298" s="51" t="e">
        <f t="shared" si="11"/>
        <v>#N/A</v>
      </c>
      <c r="P298" s="51">
        <v>1</v>
      </c>
      <c r="Q298" s="51" t="s">
        <v>5341</v>
      </c>
      <c r="R298" s="54" t="b">
        <v>1</v>
      </c>
      <c r="S298" s="52" t="s">
        <v>7126</v>
      </c>
      <c r="T298" s="67" t="s">
        <v>7127</v>
      </c>
      <c r="U298" s="75" t="s">
        <v>5331</v>
      </c>
      <c r="V298" s="47" t="s">
        <v>5331</v>
      </c>
      <c r="W298" s="47" t="s">
        <v>5331</v>
      </c>
      <c r="X298" s="47" t="s">
        <v>5331</v>
      </c>
      <c r="Y298" s="47" t="s">
        <v>5331</v>
      </c>
      <c r="Z298" s="28"/>
      <c r="AA298" s="27"/>
      <c r="AB298" s="27"/>
      <c r="AC298" s="27"/>
      <c r="AD298" s="30"/>
      <c r="AE298" s="1"/>
      <c r="AF298" s="23" t="s">
        <v>5331</v>
      </c>
      <c r="AG298" s="26"/>
      <c r="AH298" s="53"/>
    </row>
    <row r="299" spans="1:34" ht="51.6" customHeight="1" x14ac:dyDescent="0.45">
      <c r="A299" s="23">
        <v>293</v>
      </c>
      <c r="B299" s="25"/>
      <c r="C299" s="25"/>
      <c r="D299" s="29"/>
      <c r="E299" s="1"/>
      <c r="F299" s="1"/>
      <c r="G299" s="25"/>
      <c r="H299" s="71"/>
      <c r="I299" s="83"/>
      <c r="J299" s="50" t="str">
        <f t="shared" si="10"/>
        <v/>
      </c>
      <c r="K299" s="23" t="s">
        <v>7120</v>
      </c>
      <c r="L299" s="49" t="e">
        <f>VLOOKUP(E299&amp;F299,団体コード!$A$1:$C$1743,3,FALSE)</f>
        <v>#N/A</v>
      </c>
      <c r="M299" s="49" t="e">
        <f>VLOOKUP(E299&amp;F299,団体コード!$A$1:$C$1743,2,FALSE)</f>
        <v>#N/A</v>
      </c>
      <c r="N299" s="51" t="e">
        <f>VLOOKUP(E299,団体コード!$E$1:$F$48,2,FALSE)</f>
        <v>#N/A</v>
      </c>
      <c r="O299" s="51" t="e">
        <f t="shared" si="11"/>
        <v>#N/A</v>
      </c>
      <c r="P299" s="51">
        <v>1</v>
      </c>
      <c r="Q299" s="51" t="s">
        <v>5341</v>
      </c>
      <c r="R299" s="54" t="b">
        <v>1</v>
      </c>
      <c r="S299" s="52" t="s">
        <v>7126</v>
      </c>
      <c r="T299" s="67" t="s">
        <v>7127</v>
      </c>
      <c r="U299" s="75" t="s">
        <v>5331</v>
      </c>
      <c r="V299" s="47" t="s">
        <v>5331</v>
      </c>
      <c r="W299" s="47" t="s">
        <v>5331</v>
      </c>
      <c r="X299" s="47" t="s">
        <v>5331</v>
      </c>
      <c r="Y299" s="47" t="s">
        <v>5331</v>
      </c>
      <c r="Z299" s="28"/>
      <c r="AA299" s="27"/>
      <c r="AB299" s="27"/>
      <c r="AC299" s="27"/>
      <c r="AD299" s="30"/>
      <c r="AE299" s="1"/>
      <c r="AF299" s="23" t="s">
        <v>5331</v>
      </c>
      <c r="AG299" s="26"/>
      <c r="AH299" s="53"/>
    </row>
    <row r="300" spans="1:34" ht="51.6" customHeight="1" x14ac:dyDescent="0.45">
      <c r="A300" s="23">
        <v>294</v>
      </c>
      <c r="B300" s="25"/>
      <c r="C300" s="25"/>
      <c r="D300" s="29"/>
      <c r="E300" s="1"/>
      <c r="F300" s="1"/>
      <c r="G300" s="25"/>
      <c r="H300" s="71"/>
      <c r="I300" s="83"/>
      <c r="J300" s="50" t="str">
        <f t="shared" si="10"/>
        <v/>
      </c>
      <c r="K300" s="23" t="s">
        <v>7120</v>
      </c>
      <c r="L300" s="49" t="e">
        <f>VLOOKUP(E300&amp;F300,団体コード!$A$1:$C$1743,3,FALSE)</f>
        <v>#N/A</v>
      </c>
      <c r="M300" s="49" t="e">
        <f>VLOOKUP(E300&amp;F300,団体コード!$A$1:$C$1743,2,FALSE)</f>
        <v>#N/A</v>
      </c>
      <c r="N300" s="51" t="e">
        <f>VLOOKUP(E300,団体コード!$E$1:$F$48,2,FALSE)</f>
        <v>#N/A</v>
      </c>
      <c r="O300" s="51" t="e">
        <f t="shared" si="11"/>
        <v>#N/A</v>
      </c>
      <c r="P300" s="51">
        <v>1</v>
      </c>
      <c r="Q300" s="51" t="s">
        <v>5341</v>
      </c>
      <c r="R300" s="54" t="b">
        <v>1</v>
      </c>
      <c r="S300" s="52" t="s">
        <v>7126</v>
      </c>
      <c r="T300" s="67" t="s">
        <v>7127</v>
      </c>
      <c r="U300" s="75" t="s">
        <v>5331</v>
      </c>
      <c r="V300" s="47" t="s">
        <v>5331</v>
      </c>
      <c r="W300" s="47" t="s">
        <v>5331</v>
      </c>
      <c r="X300" s="47" t="s">
        <v>5331</v>
      </c>
      <c r="Y300" s="47" t="s">
        <v>5331</v>
      </c>
      <c r="Z300" s="28"/>
      <c r="AA300" s="27"/>
      <c r="AB300" s="27"/>
      <c r="AC300" s="27"/>
      <c r="AD300" s="30"/>
      <c r="AE300" s="1"/>
      <c r="AF300" s="23" t="s">
        <v>5331</v>
      </c>
      <c r="AG300" s="26"/>
      <c r="AH300" s="53"/>
    </row>
    <row r="301" spans="1:34" ht="51.6" customHeight="1" x14ac:dyDescent="0.45">
      <c r="A301" s="23">
        <v>295</v>
      </c>
      <c r="B301" s="25"/>
      <c r="C301" s="25"/>
      <c r="D301" s="29"/>
      <c r="E301" s="1"/>
      <c r="F301" s="1"/>
      <c r="G301" s="25"/>
      <c r="H301" s="71"/>
      <c r="I301" s="83"/>
      <c r="J301" s="50" t="str">
        <f t="shared" si="10"/>
        <v/>
      </c>
      <c r="K301" s="23" t="s">
        <v>7120</v>
      </c>
      <c r="L301" s="49" t="e">
        <f>VLOOKUP(E301&amp;F301,団体コード!$A$1:$C$1743,3,FALSE)</f>
        <v>#N/A</v>
      </c>
      <c r="M301" s="49" t="e">
        <f>VLOOKUP(E301&amp;F301,団体コード!$A$1:$C$1743,2,FALSE)</f>
        <v>#N/A</v>
      </c>
      <c r="N301" s="51" t="e">
        <f>VLOOKUP(E301,団体コード!$E$1:$F$48,2,FALSE)</f>
        <v>#N/A</v>
      </c>
      <c r="O301" s="51" t="e">
        <f t="shared" si="11"/>
        <v>#N/A</v>
      </c>
      <c r="P301" s="51">
        <v>1</v>
      </c>
      <c r="Q301" s="51" t="s">
        <v>5341</v>
      </c>
      <c r="R301" s="54" t="b">
        <v>1</v>
      </c>
      <c r="S301" s="52" t="s">
        <v>7126</v>
      </c>
      <c r="T301" s="67" t="s">
        <v>7127</v>
      </c>
      <c r="U301" s="75" t="s">
        <v>5331</v>
      </c>
      <c r="V301" s="47" t="s">
        <v>5331</v>
      </c>
      <c r="W301" s="47" t="s">
        <v>5331</v>
      </c>
      <c r="X301" s="47" t="s">
        <v>5331</v>
      </c>
      <c r="Y301" s="47" t="s">
        <v>5331</v>
      </c>
      <c r="Z301" s="28"/>
      <c r="AA301" s="27"/>
      <c r="AB301" s="27"/>
      <c r="AC301" s="27"/>
      <c r="AD301" s="30"/>
      <c r="AE301" s="1"/>
      <c r="AF301" s="23" t="s">
        <v>5331</v>
      </c>
      <c r="AG301" s="26"/>
      <c r="AH301" s="53"/>
    </row>
    <row r="302" spans="1:34" ht="51.6" customHeight="1" x14ac:dyDescent="0.45">
      <c r="A302" s="23">
        <v>296</v>
      </c>
      <c r="B302" s="25"/>
      <c r="C302" s="25"/>
      <c r="D302" s="29"/>
      <c r="E302" s="1"/>
      <c r="F302" s="1"/>
      <c r="G302" s="25"/>
      <c r="H302" s="71"/>
      <c r="I302" s="83"/>
      <c r="J302" s="50" t="str">
        <f t="shared" si="10"/>
        <v/>
      </c>
      <c r="K302" s="23" t="s">
        <v>7120</v>
      </c>
      <c r="L302" s="49" t="e">
        <f>VLOOKUP(E302&amp;F302,団体コード!$A$1:$C$1743,3,FALSE)</f>
        <v>#N/A</v>
      </c>
      <c r="M302" s="49" t="e">
        <f>VLOOKUP(E302&amp;F302,団体コード!$A$1:$C$1743,2,FALSE)</f>
        <v>#N/A</v>
      </c>
      <c r="N302" s="51" t="e">
        <f>VLOOKUP(E302,団体コード!$E$1:$F$48,2,FALSE)</f>
        <v>#N/A</v>
      </c>
      <c r="O302" s="51" t="e">
        <f t="shared" si="11"/>
        <v>#N/A</v>
      </c>
      <c r="P302" s="51">
        <v>1</v>
      </c>
      <c r="Q302" s="51" t="s">
        <v>5341</v>
      </c>
      <c r="R302" s="54" t="b">
        <v>1</v>
      </c>
      <c r="S302" s="52" t="s">
        <v>7126</v>
      </c>
      <c r="T302" s="67" t="s">
        <v>7127</v>
      </c>
      <c r="U302" s="75" t="s">
        <v>5331</v>
      </c>
      <c r="V302" s="47" t="s">
        <v>5331</v>
      </c>
      <c r="W302" s="47" t="s">
        <v>5331</v>
      </c>
      <c r="X302" s="47" t="s">
        <v>5331</v>
      </c>
      <c r="Y302" s="47" t="s">
        <v>5331</v>
      </c>
      <c r="Z302" s="28"/>
      <c r="AA302" s="27"/>
      <c r="AB302" s="27"/>
      <c r="AC302" s="27"/>
      <c r="AD302" s="30"/>
      <c r="AE302" s="1"/>
      <c r="AF302" s="23" t="s">
        <v>5331</v>
      </c>
      <c r="AG302" s="26"/>
      <c r="AH302" s="53"/>
    </row>
    <row r="303" spans="1:34" ht="51.6" customHeight="1" x14ac:dyDescent="0.45">
      <c r="A303" s="23">
        <v>297</v>
      </c>
      <c r="B303" s="25"/>
      <c r="C303" s="25"/>
      <c r="D303" s="29"/>
      <c r="E303" s="1"/>
      <c r="F303" s="1"/>
      <c r="G303" s="25"/>
      <c r="H303" s="71"/>
      <c r="I303" s="83"/>
      <c r="J303" s="50" t="str">
        <f t="shared" si="10"/>
        <v/>
      </c>
      <c r="K303" s="23" t="s">
        <v>7120</v>
      </c>
      <c r="L303" s="49" t="e">
        <f>VLOOKUP(E303&amp;F303,団体コード!$A$1:$C$1743,3,FALSE)</f>
        <v>#N/A</v>
      </c>
      <c r="M303" s="49" t="e">
        <f>VLOOKUP(E303&amp;F303,団体コード!$A$1:$C$1743,2,FALSE)</f>
        <v>#N/A</v>
      </c>
      <c r="N303" s="51" t="e">
        <f>VLOOKUP(E303,団体コード!$E$1:$F$48,2,FALSE)</f>
        <v>#N/A</v>
      </c>
      <c r="O303" s="51" t="e">
        <f t="shared" si="11"/>
        <v>#N/A</v>
      </c>
      <c r="P303" s="51">
        <v>1</v>
      </c>
      <c r="Q303" s="51" t="s">
        <v>5341</v>
      </c>
      <c r="R303" s="54" t="b">
        <v>1</v>
      </c>
      <c r="S303" s="52" t="s">
        <v>7126</v>
      </c>
      <c r="T303" s="67" t="s">
        <v>7127</v>
      </c>
      <c r="U303" s="75" t="s">
        <v>5331</v>
      </c>
      <c r="V303" s="47" t="s">
        <v>5331</v>
      </c>
      <c r="W303" s="47" t="s">
        <v>5331</v>
      </c>
      <c r="X303" s="47" t="s">
        <v>5331</v>
      </c>
      <c r="Y303" s="47" t="s">
        <v>5331</v>
      </c>
      <c r="Z303" s="28"/>
      <c r="AA303" s="27"/>
      <c r="AB303" s="27"/>
      <c r="AC303" s="27"/>
      <c r="AD303" s="30"/>
      <c r="AE303" s="1"/>
      <c r="AF303" s="23" t="s">
        <v>5331</v>
      </c>
      <c r="AG303" s="26"/>
      <c r="AH303" s="53"/>
    </row>
    <row r="304" spans="1:34" ht="51.6" customHeight="1" x14ac:dyDescent="0.45">
      <c r="A304" s="23">
        <v>298</v>
      </c>
      <c r="B304" s="25"/>
      <c r="C304" s="25"/>
      <c r="D304" s="29"/>
      <c r="E304" s="1"/>
      <c r="F304" s="1"/>
      <c r="G304" s="25"/>
      <c r="H304" s="71"/>
      <c r="I304" s="83"/>
      <c r="J304" s="50" t="str">
        <f t="shared" si="10"/>
        <v/>
      </c>
      <c r="K304" s="23" t="s">
        <v>7120</v>
      </c>
      <c r="L304" s="49" t="e">
        <f>VLOOKUP(E304&amp;F304,団体コード!$A$1:$C$1743,3,FALSE)</f>
        <v>#N/A</v>
      </c>
      <c r="M304" s="49" t="e">
        <f>VLOOKUP(E304&amp;F304,団体コード!$A$1:$C$1743,2,FALSE)</f>
        <v>#N/A</v>
      </c>
      <c r="N304" s="51" t="e">
        <f>VLOOKUP(E304,団体コード!$E$1:$F$48,2,FALSE)</f>
        <v>#N/A</v>
      </c>
      <c r="O304" s="51" t="e">
        <f t="shared" si="11"/>
        <v>#N/A</v>
      </c>
      <c r="P304" s="51">
        <v>1</v>
      </c>
      <c r="Q304" s="51" t="s">
        <v>5341</v>
      </c>
      <c r="R304" s="54" t="b">
        <v>1</v>
      </c>
      <c r="S304" s="52" t="s">
        <v>7126</v>
      </c>
      <c r="T304" s="67" t="s">
        <v>7127</v>
      </c>
      <c r="U304" s="75" t="s">
        <v>5331</v>
      </c>
      <c r="V304" s="47" t="s">
        <v>5331</v>
      </c>
      <c r="W304" s="47" t="s">
        <v>5331</v>
      </c>
      <c r="X304" s="47" t="s">
        <v>5331</v>
      </c>
      <c r="Y304" s="47" t="s">
        <v>5331</v>
      </c>
      <c r="Z304" s="28"/>
      <c r="AA304" s="27"/>
      <c r="AB304" s="27"/>
      <c r="AC304" s="27"/>
      <c r="AD304" s="30"/>
      <c r="AE304" s="1"/>
      <c r="AF304" s="23" t="s">
        <v>5331</v>
      </c>
      <c r="AG304" s="26"/>
      <c r="AH304" s="53"/>
    </row>
    <row r="305" spans="1:34" ht="51.6" customHeight="1" x14ac:dyDescent="0.45">
      <c r="A305" s="23">
        <v>299</v>
      </c>
      <c r="B305" s="25"/>
      <c r="C305" s="25"/>
      <c r="D305" s="29"/>
      <c r="E305" s="1"/>
      <c r="F305" s="1"/>
      <c r="G305" s="25"/>
      <c r="H305" s="71"/>
      <c r="I305" s="83"/>
      <c r="J305" s="50" t="str">
        <f t="shared" si="10"/>
        <v/>
      </c>
      <c r="K305" s="23" t="s">
        <v>7120</v>
      </c>
      <c r="L305" s="49" t="e">
        <f>VLOOKUP(E305&amp;F305,団体コード!$A$1:$C$1743,3,FALSE)</f>
        <v>#N/A</v>
      </c>
      <c r="M305" s="49" t="e">
        <f>VLOOKUP(E305&amp;F305,団体コード!$A$1:$C$1743,2,FALSE)</f>
        <v>#N/A</v>
      </c>
      <c r="N305" s="51" t="e">
        <f>VLOOKUP(E305,団体コード!$E$1:$F$48,2,FALSE)</f>
        <v>#N/A</v>
      </c>
      <c r="O305" s="51" t="e">
        <f t="shared" si="11"/>
        <v>#N/A</v>
      </c>
      <c r="P305" s="51">
        <v>1</v>
      </c>
      <c r="Q305" s="51" t="s">
        <v>5341</v>
      </c>
      <c r="R305" s="54" t="b">
        <v>1</v>
      </c>
      <c r="S305" s="52" t="s">
        <v>7126</v>
      </c>
      <c r="T305" s="67" t="s">
        <v>7127</v>
      </c>
      <c r="U305" s="75" t="s">
        <v>5331</v>
      </c>
      <c r="V305" s="47" t="s">
        <v>5331</v>
      </c>
      <c r="W305" s="47" t="s">
        <v>5331</v>
      </c>
      <c r="X305" s="47" t="s">
        <v>5331</v>
      </c>
      <c r="Y305" s="47" t="s">
        <v>5331</v>
      </c>
      <c r="Z305" s="28"/>
      <c r="AA305" s="27"/>
      <c r="AB305" s="27"/>
      <c r="AC305" s="27"/>
      <c r="AD305" s="30"/>
      <c r="AE305" s="1"/>
      <c r="AF305" s="23" t="s">
        <v>5331</v>
      </c>
      <c r="AG305" s="26"/>
      <c r="AH305" s="53"/>
    </row>
    <row r="306" spans="1:34" ht="51.6" customHeight="1" x14ac:dyDescent="0.45">
      <c r="A306" s="23">
        <v>300</v>
      </c>
      <c r="B306" s="25"/>
      <c r="C306" s="25"/>
      <c r="D306" s="29"/>
      <c r="E306" s="1"/>
      <c r="F306" s="1"/>
      <c r="G306" s="25"/>
      <c r="H306" s="71"/>
      <c r="I306" s="83"/>
      <c r="J306" s="50" t="str">
        <f t="shared" si="10"/>
        <v/>
      </c>
      <c r="K306" s="23" t="s">
        <v>7120</v>
      </c>
      <c r="L306" s="49" t="e">
        <f>VLOOKUP(E306&amp;F306,団体コード!$A$1:$C$1743,3,FALSE)</f>
        <v>#N/A</v>
      </c>
      <c r="M306" s="49" t="e">
        <f>VLOOKUP(E306&amp;F306,団体コード!$A$1:$C$1743,2,FALSE)</f>
        <v>#N/A</v>
      </c>
      <c r="N306" s="51" t="e">
        <f>VLOOKUP(E306,団体コード!$E$1:$F$48,2,FALSE)</f>
        <v>#N/A</v>
      </c>
      <c r="O306" s="51" t="e">
        <f t="shared" si="11"/>
        <v>#N/A</v>
      </c>
      <c r="P306" s="51">
        <v>1</v>
      </c>
      <c r="Q306" s="51" t="s">
        <v>5341</v>
      </c>
      <c r="R306" s="54" t="b">
        <v>1</v>
      </c>
      <c r="S306" s="52" t="s">
        <v>7126</v>
      </c>
      <c r="T306" s="67" t="s">
        <v>7127</v>
      </c>
      <c r="U306" s="75" t="s">
        <v>5331</v>
      </c>
      <c r="V306" s="47" t="s">
        <v>5331</v>
      </c>
      <c r="W306" s="47" t="s">
        <v>5331</v>
      </c>
      <c r="X306" s="47" t="s">
        <v>5331</v>
      </c>
      <c r="Y306" s="47" t="s">
        <v>5331</v>
      </c>
      <c r="Z306" s="28"/>
      <c r="AA306" s="27"/>
      <c r="AB306" s="27"/>
      <c r="AC306" s="27"/>
      <c r="AD306" s="30"/>
      <c r="AE306" s="1"/>
      <c r="AF306" s="23" t="s">
        <v>5331</v>
      </c>
      <c r="AG306" s="26"/>
      <c r="AH306" s="53"/>
    </row>
    <row r="307" spans="1:34" ht="51.6" customHeight="1" x14ac:dyDescent="0.45">
      <c r="A307" s="23">
        <v>301</v>
      </c>
      <c r="B307" s="25"/>
      <c r="C307" s="25"/>
      <c r="D307" s="29"/>
      <c r="E307" s="1"/>
      <c r="F307" s="1"/>
      <c r="G307" s="25"/>
      <c r="H307" s="71"/>
      <c r="I307" s="83"/>
      <c r="J307" s="50" t="str">
        <f t="shared" si="10"/>
        <v/>
      </c>
      <c r="K307" s="23" t="s">
        <v>7120</v>
      </c>
      <c r="L307" s="49" t="e">
        <f>VLOOKUP(E307&amp;F307,団体コード!$A$1:$C$1743,3,FALSE)</f>
        <v>#N/A</v>
      </c>
      <c r="M307" s="49" t="e">
        <f>VLOOKUP(E307&amp;F307,団体コード!$A$1:$C$1743,2,FALSE)</f>
        <v>#N/A</v>
      </c>
      <c r="N307" s="51" t="e">
        <f>VLOOKUP(E307,団体コード!$E$1:$F$48,2,FALSE)</f>
        <v>#N/A</v>
      </c>
      <c r="O307" s="51" t="e">
        <f t="shared" si="11"/>
        <v>#N/A</v>
      </c>
      <c r="P307" s="51">
        <v>1</v>
      </c>
      <c r="Q307" s="51" t="s">
        <v>5341</v>
      </c>
      <c r="R307" s="54" t="b">
        <v>1</v>
      </c>
      <c r="S307" s="52" t="s">
        <v>7126</v>
      </c>
      <c r="T307" s="67" t="s">
        <v>7127</v>
      </c>
      <c r="U307" s="75" t="s">
        <v>5331</v>
      </c>
      <c r="V307" s="47" t="s">
        <v>5331</v>
      </c>
      <c r="W307" s="47" t="s">
        <v>5331</v>
      </c>
      <c r="X307" s="47" t="s">
        <v>5331</v>
      </c>
      <c r="Y307" s="47" t="s">
        <v>5331</v>
      </c>
      <c r="Z307" s="28"/>
      <c r="AA307" s="27"/>
      <c r="AB307" s="27"/>
      <c r="AC307" s="27"/>
      <c r="AD307" s="30"/>
      <c r="AE307" s="1"/>
      <c r="AF307" s="23" t="s">
        <v>5331</v>
      </c>
      <c r="AG307" s="26"/>
      <c r="AH307" s="53"/>
    </row>
    <row r="308" spans="1:34" ht="51.6" customHeight="1" x14ac:dyDescent="0.45">
      <c r="A308" s="23">
        <v>302</v>
      </c>
      <c r="B308" s="25"/>
      <c r="C308" s="25"/>
      <c r="D308" s="29"/>
      <c r="E308" s="1"/>
      <c r="F308" s="1"/>
      <c r="G308" s="25"/>
      <c r="H308" s="71"/>
      <c r="I308" s="83"/>
      <c r="J308" s="50" t="str">
        <f t="shared" si="10"/>
        <v/>
      </c>
      <c r="K308" s="23" t="s">
        <v>7120</v>
      </c>
      <c r="L308" s="49" t="e">
        <f>VLOOKUP(E308&amp;F308,団体コード!$A$1:$C$1743,3,FALSE)</f>
        <v>#N/A</v>
      </c>
      <c r="M308" s="49" t="e">
        <f>VLOOKUP(E308&amp;F308,団体コード!$A$1:$C$1743,2,FALSE)</f>
        <v>#N/A</v>
      </c>
      <c r="N308" s="51" t="e">
        <f>VLOOKUP(E308,団体コード!$E$1:$F$48,2,FALSE)</f>
        <v>#N/A</v>
      </c>
      <c r="O308" s="51" t="e">
        <f t="shared" si="11"/>
        <v>#N/A</v>
      </c>
      <c r="P308" s="51">
        <v>1</v>
      </c>
      <c r="Q308" s="51" t="s">
        <v>5341</v>
      </c>
      <c r="R308" s="54" t="b">
        <v>1</v>
      </c>
      <c r="S308" s="52" t="s">
        <v>7126</v>
      </c>
      <c r="T308" s="67" t="s">
        <v>7127</v>
      </c>
      <c r="U308" s="75" t="s">
        <v>5331</v>
      </c>
      <c r="V308" s="47" t="s">
        <v>5331</v>
      </c>
      <c r="W308" s="47" t="s">
        <v>5331</v>
      </c>
      <c r="X308" s="47" t="s">
        <v>5331</v>
      </c>
      <c r="Y308" s="47" t="s">
        <v>5331</v>
      </c>
      <c r="Z308" s="28"/>
      <c r="AA308" s="27"/>
      <c r="AB308" s="27"/>
      <c r="AC308" s="27"/>
      <c r="AD308" s="30"/>
      <c r="AE308" s="1"/>
      <c r="AF308" s="23" t="s">
        <v>5331</v>
      </c>
      <c r="AG308" s="26"/>
      <c r="AH308" s="53"/>
    </row>
    <row r="309" spans="1:34" ht="51.6" customHeight="1" x14ac:dyDescent="0.45">
      <c r="A309" s="23">
        <v>303</v>
      </c>
      <c r="B309" s="25"/>
      <c r="C309" s="25"/>
      <c r="D309" s="29"/>
      <c r="E309" s="1"/>
      <c r="F309" s="1"/>
      <c r="G309" s="25"/>
      <c r="H309" s="71"/>
      <c r="I309" s="83"/>
      <c r="J309" s="50" t="str">
        <f t="shared" si="10"/>
        <v/>
      </c>
      <c r="K309" s="23" t="s">
        <v>7120</v>
      </c>
      <c r="L309" s="49" t="e">
        <f>VLOOKUP(E309&amp;F309,団体コード!$A$1:$C$1743,3,FALSE)</f>
        <v>#N/A</v>
      </c>
      <c r="M309" s="49" t="e">
        <f>VLOOKUP(E309&amp;F309,団体コード!$A$1:$C$1743,2,FALSE)</f>
        <v>#N/A</v>
      </c>
      <c r="N309" s="51" t="e">
        <f>VLOOKUP(E309,団体コード!$E$1:$F$48,2,FALSE)</f>
        <v>#N/A</v>
      </c>
      <c r="O309" s="51" t="e">
        <f t="shared" si="11"/>
        <v>#N/A</v>
      </c>
      <c r="P309" s="51">
        <v>1</v>
      </c>
      <c r="Q309" s="51" t="s">
        <v>5341</v>
      </c>
      <c r="R309" s="54" t="b">
        <v>1</v>
      </c>
      <c r="S309" s="52" t="s">
        <v>7126</v>
      </c>
      <c r="T309" s="67" t="s">
        <v>7127</v>
      </c>
      <c r="U309" s="75" t="s">
        <v>5331</v>
      </c>
      <c r="V309" s="47" t="s">
        <v>5331</v>
      </c>
      <c r="W309" s="47" t="s">
        <v>5331</v>
      </c>
      <c r="X309" s="47" t="s">
        <v>5331</v>
      </c>
      <c r="Y309" s="47" t="s">
        <v>5331</v>
      </c>
      <c r="Z309" s="28"/>
      <c r="AA309" s="27"/>
      <c r="AB309" s="27"/>
      <c r="AC309" s="27"/>
      <c r="AD309" s="30"/>
      <c r="AE309" s="1"/>
      <c r="AF309" s="23" t="s">
        <v>5331</v>
      </c>
      <c r="AG309" s="26"/>
      <c r="AH309" s="53"/>
    </row>
    <row r="310" spans="1:34" ht="51.6" customHeight="1" x14ac:dyDescent="0.45">
      <c r="A310" s="23">
        <v>304</v>
      </c>
      <c r="B310" s="25"/>
      <c r="C310" s="25"/>
      <c r="D310" s="29"/>
      <c r="E310" s="1"/>
      <c r="F310" s="1"/>
      <c r="G310" s="25"/>
      <c r="H310" s="71"/>
      <c r="I310" s="83"/>
      <c r="J310" s="50" t="str">
        <f t="shared" si="10"/>
        <v/>
      </c>
      <c r="K310" s="23" t="s">
        <v>7120</v>
      </c>
      <c r="L310" s="49" t="e">
        <f>VLOOKUP(E310&amp;F310,団体コード!$A$1:$C$1743,3,FALSE)</f>
        <v>#N/A</v>
      </c>
      <c r="M310" s="49" t="e">
        <f>VLOOKUP(E310&amp;F310,団体コード!$A$1:$C$1743,2,FALSE)</f>
        <v>#N/A</v>
      </c>
      <c r="N310" s="51" t="e">
        <f>VLOOKUP(E310,団体コード!$E$1:$F$48,2,FALSE)</f>
        <v>#N/A</v>
      </c>
      <c r="O310" s="51" t="e">
        <f t="shared" si="11"/>
        <v>#N/A</v>
      </c>
      <c r="P310" s="51">
        <v>1</v>
      </c>
      <c r="Q310" s="51" t="s">
        <v>5341</v>
      </c>
      <c r="R310" s="54" t="b">
        <v>1</v>
      </c>
      <c r="S310" s="52" t="s">
        <v>7126</v>
      </c>
      <c r="T310" s="67" t="s">
        <v>7127</v>
      </c>
      <c r="U310" s="75" t="s">
        <v>5331</v>
      </c>
      <c r="V310" s="47" t="s">
        <v>5331</v>
      </c>
      <c r="W310" s="47" t="s">
        <v>5331</v>
      </c>
      <c r="X310" s="47" t="s">
        <v>5331</v>
      </c>
      <c r="Y310" s="47" t="s">
        <v>5331</v>
      </c>
      <c r="Z310" s="28"/>
      <c r="AA310" s="27"/>
      <c r="AB310" s="27"/>
      <c r="AC310" s="27"/>
      <c r="AD310" s="30"/>
      <c r="AE310" s="1"/>
      <c r="AF310" s="23" t="s">
        <v>5331</v>
      </c>
      <c r="AG310" s="26"/>
      <c r="AH310" s="53"/>
    </row>
    <row r="311" spans="1:34" ht="51.6" customHeight="1" x14ac:dyDescent="0.45">
      <c r="A311" s="23">
        <v>305</v>
      </c>
      <c r="B311" s="25"/>
      <c r="C311" s="25"/>
      <c r="D311" s="29"/>
      <c r="E311" s="1"/>
      <c r="F311" s="1"/>
      <c r="G311" s="25"/>
      <c r="H311" s="71"/>
      <c r="I311" s="83"/>
      <c r="J311" s="50" t="str">
        <f t="shared" si="10"/>
        <v/>
      </c>
      <c r="K311" s="23" t="s">
        <v>7120</v>
      </c>
      <c r="L311" s="49" t="e">
        <f>VLOOKUP(E311&amp;F311,団体コード!$A$1:$C$1743,3,FALSE)</f>
        <v>#N/A</v>
      </c>
      <c r="M311" s="49" t="e">
        <f>VLOOKUP(E311&amp;F311,団体コード!$A$1:$C$1743,2,FALSE)</f>
        <v>#N/A</v>
      </c>
      <c r="N311" s="51" t="e">
        <f>VLOOKUP(E311,団体コード!$E$1:$F$48,2,FALSE)</f>
        <v>#N/A</v>
      </c>
      <c r="O311" s="51" t="e">
        <f t="shared" si="11"/>
        <v>#N/A</v>
      </c>
      <c r="P311" s="51">
        <v>1</v>
      </c>
      <c r="Q311" s="51" t="s">
        <v>5341</v>
      </c>
      <c r="R311" s="54" t="b">
        <v>1</v>
      </c>
      <c r="S311" s="52" t="s">
        <v>7126</v>
      </c>
      <c r="T311" s="67" t="s">
        <v>7127</v>
      </c>
      <c r="U311" s="75" t="s">
        <v>5331</v>
      </c>
      <c r="V311" s="47" t="s">
        <v>5331</v>
      </c>
      <c r="W311" s="47" t="s">
        <v>5331</v>
      </c>
      <c r="X311" s="47" t="s">
        <v>5331</v>
      </c>
      <c r="Y311" s="47" t="s">
        <v>5331</v>
      </c>
      <c r="Z311" s="28"/>
      <c r="AA311" s="27"/>
      <c r="AB311" s="27"/>
      <c r="AC311" s="27"/>
      <c r="AD311" s="30"/>
      <c r="AE311" s="1"/>
      <c r="AF311" s="23" t="s">
        <v>5331</v>
      </c>
      <c r="AG311" s="26"/>
      <c r="AH311" s="53"/>
    </row>
    <row r="312" spans="1:34" ht="51.6" customHeight="1" x14ac:dyDescent="0.45">
      <c r="A312" s="23">
        <v>306</v>
      </c>
      <c r="B312" s="25"/>
      <c r="C312" s="25"/>
      <c r="D312" s="29"/>
      <c r="E312" s="1"/>
      <c r="F312" s="1"/>
      <c r="G312" s="25"/>
      <c r="H312" s="71"/>
      <c r="I312" s="83"/>
      <c r="J312" s="50" t="str">
        <f t="shared" si="10"/>
        <v/>
      </c>
      <c r="K312" s="23" t="s">
        <v>7120</v>
      </c>
      <c r="L312" s="49" t="e">
        <f>VLOOKUP(E312&amp;F312,団体コード!$A$1:$C$1743,3,FALSE)</f>
        <v>#N/A</v>
      </c>
      <c r="M312" s="49" t="e">
        <f>VLOOKUP(E312&amp;F312,団体コード!$A$1:$C$1743,2,FALSE)</f>
        <v>#N/A</v>
      </c>
      <c r="N312" s="51" t="e">
        <f>VLOOKUP(E312,団体コード!$E$1:$F$48,2,FALSE)</f>
        <v>#N/A</v>
      </c>
      <c r="O312" s="51" t="e">
        <f t="shared" si="11"/>
        <v>#N/A</v>
      </c>
      <c r="P312" s="51">
        <v>1</v>
      </c>
      <c r="Q312" s="51" t="s">
        <v>5341</v>
      </c>
      <c r="R312" s="54" t="b">
        <v>1</v>
      </c>
      <c r="S312" s="52" t="s">
        <v>7126</v>
      </c>
      <c r="T312" s="67" t="s">
        <v>7127</v>
      </c>
      <c r="U312" s="75" t="s">
        <v>5331</v>
      </c>
      <c r="V312" s="47" t="s">
        <v>5331</v>
      </c>
      <c r="W312" s="47" t="s">
        <v>5331</v>
      </c>
      <c r="X312" s="47" t="s">
        <v>5331</v>
      </c>
      <c r="Y312" s="47" t="s">
        <v>5331</v>
      </c>
      <c r="Z312" s="28"/>
      <c r="AA312" s="27"/>
      <c r="AB312" s="27"/>
      <c r="AC312" s="27"/>
      <c r="AD312" s="30"/>
      <c r="AE312" s="1"/>
      <c r="AF312" s="23" t="s">
        <v>5331</v>
      </c>
      <c r="AG312" s="26"/>
      <c r="AH312" s="53"/>
    </row>
    <row r="313" spans="1:34" ht="51.6" customHeight="1" x14ac:dyDescent="0.45">
      <c r="A313" s="23">
        <v>307</v>
      </c>
      <c r="B313" s="25"/>
      <c r="C313" s="25"/>
      <c r="D313" s="29"/>
      <c r="E313" s="1"/>
      <c r="F313" s="1"/>
      <c r="G313" s="25"/>
      <c r="H313" s="71"/>
      <c r="I313" s="83"/>
      <c r="J313" s="50" t="str">
        <f t="shared" si="10"/>
        <v/>
      </c>
      <c r="K313" s="23" t="s">
        <v>7120</v>
      </c>
      <c r="L313" s="49" t="e">
        <f>VLOOKUP(E313&amp;F313,団体コード!$A$1:$C$1743,3,FALSE)</f>
        <v>#N/A</v>
      </c>
      <c r="M313" s="49" t="e">
        <f>VLOOKUP(E313&amp;F313,団体コード!$A$1:$C$1743,2,FALSE)</f>
        <v>#N/A</v>
      </c>
      <c r="N313" s="51" t="e">
        <f>VLOOKUP(E313,団体コード!$E$1:$F$48,2,FALSE)</f>
        <v>#N/A</v>
      </c>
      <c r="O313" s="51" t="e">
        <f t="shared" si="11"/>
        <v>#N/A</v>
      </c>
      <c r="P313" s="51">
        <v>1</v>
      </c>
      <c r="Q313" s="51" t="s">
        <v>5341</v>
      </c>
      <c r="R313" s="54" t="b">
        <v>1</v>
      </c>
      <c r="S313" s="52" t="s">
        <v>7126</v>
      </c>
      <c r="T313" s="67" t="s">
        <v>7127</v>
      </c>
      <c r="U313" s="75" t="s">
        <v>5331</v>
      </c>
      <c r="V313" s="47" t="s">
        <v>5331</v>
      </c>
      <c r="W313" s="47" t="s">
        <v>5331</v>
      </c>
      <c r="X313" s="47" t="s">
        <v>5331</v>
      </c>
      <c r="Y313" s="47" t="s">
        <v>5331</v>
      </c>
      <c r="Z313" s="28"/>
      <c r="AA313" s="27"/>
      <c r="AB313" s="27"/>
      <c r="AC313" s="27"/>
      <c r="AD313" s="30"/>
      <c r="AE313" s="1"/>
      <c r="AF313" s="23" t="s">
        <v>5331</v>
      </c>
      <c r="AG313" s="26"/>
      <c r="AH313" s="53"/>
    </row>
    <row r="314" spans="1:34" ht="51.6" customHeight="1" x14ac:dyDescent="0.45">
      <c r="A314" s="23">
        <v>308</v>
      </c>
      <c r="B314" s="25"/>
      <c r="C314" s="25"/>
      <c r="D314" s="29"/>
      <c r="E314" s="1"/>
      <c r="F314" s="1"/>
      <c r="G314" s="25"/>
      <c r="H314" s="71"/>
      <c r="I314" s="83"/>
      <c r="J314" s="50" t="str">
        <f t="shared" si="10"/>
        <v/>
      </c>
      <c r="K314" s="23" t="s">
        <v>7120</v>
      </c>
      <c r="L314" s="49" t="e">
        <f>VLOOKUP(E314&amp;F314,団体コード!$A$1:$C$1743,3,FALSE)</f>
        <v>#N/A</v>
      </c>
      <c r="M314" s="49" t="e">
        <f>VLOOKUP(E314&amp;F314,団体コード!$A$1:$C$1743,2,FALSE)</f>
        <v>#N/A</v>
      </c>
      <c r="N314" s="51" t="e">
        <f>VLOOKUP(E314,団体コード!$E$1:$F$48,2,FALSE)</f>
        <v>#N/A</v>
      </c>
      <c r="O314" s="51" t="e">
        <f t="shared" si="11"/>
        <v>#N/A</v>
      </c>
      <c r="P314" s="51">
        <v>1</v>
      </c>
      <c r="Q314" s="51" t="s">
        <v>5341</v>
      </c>
      <c r="R314" s="54" t="b">
        <v>1</v>
      </c>
      <c r="S314" s="52" t="s">
        <v>7126</v>
      </c>
      <c r="T314" s="67" t="s">
        <v>7127</v>
      </c>
      <c r="U314" s="75" t="s">
        <v>5331</v>
      </c>
      <c r="V314" s="47" t="s">
        <v>5331</v>
      </c>
      <c r="W314" s="47" t="s">
        <v>5331</v>
      </c>
      <c r="X314" s="47" t="s">
        <v>5331</v>
      </c>
      <c r="Y314" s="47" t="s">
        <v>5331</v>
      </c>
      <c r="Z314" s="28"/>
      <c r="AA314" s="27"/>
      <c r="AB314" s="27"/>
      <c r="AC314" s="27"/>
      <c r="AD314" s="30"/>
      <c r="AE314" s="1"/>
      <c r="AF314" s="23" t="s">
        <v>5331</v>
      </c>
      <c r="AG314" s="26"/>
      <c r="AH314" s="53"/>
    </row>
    <row r="315" spans="1:34" ht="51.6" customHeight="1" x14ac:dyDescent="0.45">
      <c r="A315" s="23">
        <v>309</v>
      </c>
      <c r="B315" s="25"/>
      <c r="C315" s="25"/>
      <c r="D315" s="29"/>
      <c r="E315" s="1"/>
      <c r="F315" s="1"/>
      <c r="G315" s="25"/>
      <c r="H315" s="71"/>
      <c r="I315" s="83"/>
      <c r="J315" s="50" t="str">
        <f t="shared" si="10"/>
        <v/>
      </c>
      <c r="K315" s="23" t="s">
        <v>7120</v>
      </c>
      <c r="L315" s="49" t="e">
        <f>VLOOKUP(E315&amp;F315,団体コード!$A$1:$C$1743,3,FALSE)</f>
        <v>#N/A</v>
      </c>
      <c r="M315" s="49" t="e">
        <f>VLOOKUP(E315&amp;F315,団体コード!$A$1:$C$1743,2,FALSE)</f>
        <v>#N/A</v>
      </c>
      <c r="N315" s="51" t="e">
        <f>VLOOKUP(E315,団体コード!$E$1:$F$48,2,FALSE)</f>
        <v>#N/A</v>
      </c>
      <c r="O315" s="51" t="e">
        <f t="shared" si="11"/>
        <v>#N/A</v>
      </c>
      <c r="P315" s="51">
        <v>1</v>
      </c>
      <c r="Q315" s="51" t="s">
        <v>5341</v>
      </c>
      <c r="R315" s="54" t="b">
        <v>1</v>
      </c>
      <c r="S315" s="52" t="s">
        <v>7126</v>
      </c>
      <c r="T315" s="67" t="s">
        <v>7127</v>
      </c>
      <c r="U315" s="75" t="s">
        <v>5331</v>
      </c>
      <c r="V315" s="47" t="s">
        <v>5331</v>
      </c>
      <c r="W315" s="47" t="s">
        <v>5331</v>
      </c>
      <c r="X315" s="47" t="s">
        <v>5331</v>
      </c>
      <c r="Y315" s="47" t="s">
        <v>5331</v>
      </c>
      <c r="Z315" s="28"/>
      <c r="AA315" s="27"/>
      <c r="AB315" s="27"/>
      <c r="AC315" s="27"/>
      <c r="AD315" s="30"/>
      <c r="AE315" s="1"/>
      <c r="AF315" s="23" t="s">
        <v>5331</v>
      </c>
      <c r="AG315" s="26"/>
      <c r="AH315" s="53"/>
    </row>
    <row r="316" spans="1:34" ht="51.6" customHeight="1" x14ac:dyDescent="0.45">
      <c r="A316" s="23">
        <v>310</v>
      </c>
      <c r="B316" s="25"/>
      <c r="C316" s="25"/>
      <c r="D316" s="29"/>
      <c r="E316" s="1"/>
      <c r="F316" s="1"/>
      <c r="G316" s="25"/>
      <c r="H316" s="71"/>
      <c r="I316" s="83"/>
      <c r="J316" s="50" t="str">
        <f t="shared" si="10"/>
        <v/>
      </c>
      <c r="K316" s="23" t="s">
        <v>7120</v>
      </c>
      <c r="L316" s="49" t="e">
        <f>VLOOKUP(E316&amp;F316,団体コード!$A$1:$C$1743,3,FALSE)</f>
        <v>#N/A</v>
      </c>
      <c r="M316" s="49" t="e">
        <f>VLOOKUP(E316&amp;F316,団体コード!$A$1:$C$1743,2,FALSE)</f>
        <v>#N/A</v>
      </c>
      <c r="N316" s="51" t="e">
        <f>VLOOKUP(E316,団体コード!$E$1:$F$48,2,FALSE)</f>
        <v>#N/A</v>
      </c>
      <c r="O316" s="51" t="e">
        <f t="shared" si="11"/>
        <v>#N/A</v>
      </c>
      <c r="P316" s="51">
        <v>1</v>
      </c>
      <c r="Q316" s="51" t="s">
        <v>5341</v>
      </c>
      <c r="R316" s="54" t="b">
        <v>1</v>
      </c>
      <c r="S316" s="52" t="s">
        <v>7126</v>
      </c>
      <c r="T316" s="67" t="s">
        <v>7127</v>
      </c>
      <c r="U316" s="75" t="s">
        <v>5331</v>
      </c>
      <c r="V316" s="47" t="s">
        <v>5331</v>
      </c>
      <c r="W316" s="47" t="s">
        <v>5331</v>
      </c>
      <c r="X316" s="47" t="s">
        <v>5331</v>
      </c>
      <c r="Y316" s="47" t="s">
        <v>5331</v>
      </c>
      <c r="Z316" s="28"/>
      <c r="AA316" s="27"/>
      <c r="AB316" s="27"/>
      <c r="AC316" s="27"/>
      <c r="AD316" s="30"/>
      <c r="AE316" s="1"/>
      <c r="AF316" s="23" t="s">
        <v>5331</v>
      </c>
      <c r="AG316" s="26"/>
      <c r="AH316" s="53"/>
    </row>
    <row r="317" spans="1:34" ht="51.6" customHeight="1" x14ac:dyDescent="0.45">
      <c r="A317" s="23">
        <v>311</v>
      </c>
      <c r="B317" s="25"/>
      <c r="C317" s="25"/>
      <c r="D317" s="29"/>
      <c r="E317" s="1"/>
      <c r="F317" s="1"/>
      <c r="G317" s="25"/>
      <c r="H317" s="71"/>
      <c r="I317" s="83"/>
      <c r="J317" s="50" t="str">
        <f t="shared" si="10"/>
        <v/>
      </c>
      <c r="K317" s="23" t="s">
        <v>7120</v>
      </c>
      <c r="L317" s="49" t="e">
        <f>VLOOKUP(E317&amp;F317,団体コード!$A$1:$C$1743,3,FALSE)</f>
        <v>#N/A</v>
      </c>
      <c r="M317" s="49" t="e">
        <f>VLOOKUP(E317&amp;F317,団体コード!$A$1:$C$1743,2,FALSE)</f>
        <v>#N/A</v>
      </c>
      <c r="N317" s="51" t="e">
        <f>VLOOKUP(E317,団体コード!$E$1:$F$48,2,FALSE)</f>
        <v>#N/A</v>
      </c>
      <c r="O317" s="51" t="e">
        <f t="shared" si="11"/>
        <v>#N/A</v>
      </c>
      <c r="P317" s="51">
        <v>1</v>
      </c>
      <c r="Q317" s="51" t="s">
        <v>5341</v>
      </c>
      <c r="R317" s="54" t="b">
        <v>1</v>
      </c>
      <c r="S317" s="52" t="s">
        <v>7126</v>
      </c>
      <c r="T317" s="67" t="s">
        <v>7127</v>
      </c>
      <c r="U317" s="75" t="s">
        <v>5331</v>
      </c>
      <c r="V317" s="47" t="s">
        <v>5331</v>
      </c>
      <c r="W317" s="47" t="s">
        <v>5331</v>
      </c>
      <c r="X317" s="47" t="s">
        <v>5331</v>
      </c>
      <c r="Y317" s="47" t="s">
        <v>5331</v>
      </c>
      <c r="Z317" s="28"/>
      <c r="AA317" s="27"/>
      <c r="AB317" s="27"/>
      <c r="AC317" s="27"/>
      <c r="AD317" s="30"/>
      <c r="AE317" s="1"/>
      <c r="AF317" s="23" t="s">
        <v>5331</v>
      </c>
      <c r="AG317" s="26"/>
      <c r="AH317" s="53"/>
    </row>
    <row r="318" spans="1:34" ht="51.6" customHeight="1" x14ac:dyDescent="0.45">
      <c r="A318" s="23">
        <v>312</v>
      </c>
      <c r="B318" s="25"/>
      <c r="C318" s="25"/>
      <c r="D318" s="29"/>
      <c r="E318" s="1"/>
      <c r="F318" s="1"/>
      <c r="G318" s="25"/>
      <c r="H318" s="71"/>
      <c r="I318" s="83"/>
      <c r="J318" s="50" t="str">
        <f t="shared" si="10"/>
        <v/>
      </c>
      <c r="K318" s="23" t="s">
        <v>7120</v>
      </c>
      <c r="L318" s="49" t="e">
        <f>VLOOKUP(E318&amp;F318,団体コード!$A$1:$C$1743,3,FALSE)</f>
        <v>#N/A</v>
      </c>
      <c r="M318" s="49" t="e">
        <f>VLOOKUP(E318&amp;F318,団体コード!$A$1:$C$1743,2,FALSE)</f>
        <v>#N/A</v>
      </c>
      <c r="N318" s="51" t="e">
        <f>VLOOKUP(E318,団体コード!$E$1:$F$48,2,FALSE)</f>
        <v>#N/A</v>
      </c>
      <c r="O318" s="51" t="e">
        <f t="shared" si="11"/>
        <v>#N/A</v>
      </c>
      <c r="P318" s="51">
        <v>1</v>
      </c>
      <c r="Q318" s="51" t="s">
        <v>5341</v>
      </c>
      <c r="R318" s="54" t="b">
        <v>1</v>
      </c>
      <c r="S318" s="52" t="s">
        <v>7126</v>
      </c>
      <c r="T318" s="67" t="s">
        <v>7127</v>
      </c>
      <c r="U318" s="75" t="s">
        <v>5331</v>
      </c>
      <c r="V318" s="47" t="s">
        <v>5331</v>
      </c>
      <c r="W318" s="47" t="s">
        <v>5331</v>
      </c>
      <c r="X318" s="47" t="s">
        <v>5331</v>
      </c>
      <c r="Y318" s="47" t="s">
        <v>5331</v>
      </c>
      <c r="Z318" s="28"/>
      <c r="AA318" s="27"/>
      <c r="AB318" s="27"/>
      <c r="AC318" s="27"/>
      <c r="AD318" s="30"/>
      <c r="AE318" s="1"/>
      <c r="AF318" s="23" t="s">
        <v>5331</v>
      </c>
      <c r="AG318" s="26"/>
      <c r="AH318" s="53"/>
    </row>
    <row r="319" spans="1:34" ht="51.6" customHeight="1" x14ac:dyDescent="0.45">
      <c r="A319" s="23">
        <v>313</v>
      </c>
      <c r="B319" s="25"/>
      <c r="C319" s="25"/>
      <c r="D319" s="29"/>
      <c r="E319" s="1"/>
      <c r="F319" s="1"/>
      <c r="G319" s="25"/>
      <c r="H319" s="71"/>
      <c r="I319" s="83"/>
      <c r="J319" s="50" t="str">
        <f t="shared" si="10"/>
        <v/>
      </c>
      <c r="K319" s="23" t="s">
        <v>7120</v>
      </c>
      <c r="L319" s="49" t="e">
        <f>VLOOKUP(E319&amp;F319,団体コード!$A$1:$C$1743,3,FALSE)</f>
        <v>#N/A</v>
      </c>
      <c r="M319" s="49" t="e">
        <f>VLOOKUP(E319&amp;F319,団体コード!$A$1:$C$1743,2,FALSE)</f>
        <v>#N/A</v>
      </c>
      <c r="N319" s="51" t="e">
        <f>VLOOKUP(E319,団体コード!$E$1:$F$48,2,FALSE)</f>
        <v>#N/A</v>
      </c>
      <c r="O319" s="51" t="e">
        <f t="shared" si="11"/>
        <v>#N/A</v>
      </c>
      <c r="P319" s="51">
        <v>1</v>
      </c>
      <c r="Q319" s="51" t="s">
        <v>5341</v>
      </c>
      <c r="R319" s="54" t="b">
        <v>1</v>
      </c>
      <c r="S319" s="52" t="s">
        <v>7126</v>
      </c>
      <c r="T319" s="67" t="s">
        <v>7127</v>
      </c>
      <c r="U319" s="75" t="s">
        <v>5331</v>
      </c>
      <c r="V319" s="47" t="s">
        <v>5331</v>
      </c>
      <c r="W319" s="47" t="s">
        <v>5331</v>
      </c>
      <c r="X319" s="47" t="s">
        <v>5331</v>
      </c>
      <c r="Y319" s="47" t="s">
        <v>5331</v>
      </c>
      <c r="Z319" s="28"/>
      <c r="AA319" s="27"/>
      <c r="AB319" s="27"/>
      <c r="AC319" s="27"/>
      <c r="AD319" s="30"/>
      <c r="AE319" s="1"/>
      <c r="AF319" s="23" t="s">
        <v>5331</v>
      </c>
      <c r="AG319" s="26"/>
      <c r="AH319" s="53"/>
    </row>
    <row r="320" spans="1:34" ht="51.6" customHeight="1" x14ac:dyDescent="0.45">
      <c r="A320" s="23">
        <v>314</v>
      </c>
      <c r="B320" s="25"/>
      <c r="C320" s="25"/>
      <c r="D320" s="29"/>
      <c r="E320" s="1"/>
      <c r="F320" s="1"/>
      <c r="G320" s="25"/>
      <c r="H320" s="71"/>
      <c r="I320" s="83"/>
      <c r="J320" s="50" t="str">
        <f t="shared" si="10"/>
        <v/>
      </c>
      <c r="K320" s="23" t="s">
        <v>7120</v>
      </c>
      <c r="L320" s="49" t="e">
        <f>VLOOKUP(E320&amp;F320,団体コード!$A$1:$C$1743,3,FALSE)</f>
        <v>#N/A</v>
      </c>
      <c r="M320" s="49" t="e">
        <f>VLOOKUP(E320&amp;F320,団体コード!$A$1:$C$1743,2,FALSE)</f>
        <v>#N/A</v>
      </c>
      <c r="N320" s="51" t="e">
        <f>VLOOKUP(E320,団体コード!$E$1:$F$48,2,FALSE)</f>
        <v>#N/A</v>
      </c>
      <c r="O320" s="51" t="e">
        <f t="shared" si="11"/>
        <v>#N/A</v>
      </c>
      <c r="P320" s="51">
        <v>1</v>
      </c>
      <c r="Q320" s="51" t="s">
        <v>5341</v>
      </c>
      <c r="R320" s="54" t="b">
        <v>1</v>
      </c>
      <c r="S320" s="52" t="s">
        <v>7126</v>
      </c>
      <c r="T320" s="67" t="s">
        <v>7127</v>
      </c>
      <c r="U320" s="75" t="s">
        <v>5331</v>
      </c>
      <c r="V320" s="47" t="s">
        <v>5331</v>
      </c>
      <c r="W320" s="47" t="s">
        <v>5331</v>
      </c>
      <c r="X320" s="47" t="s">
        <v>5331</v>
      </c>
      <c r="Y320" s="47" t="s">
        <v>5331</v>
      </c>
      <c r="Z320" s="28"/>
      <c r="AA320" s="27"/>
      <c r="AB320" s="27"/>
      <c r="AC320" s="27"/>
      <c r="AD320" s="30"/>
      <c r="AE320" s="1"/>
      <c r="AF320" s="23" t="s">
        <v>5331</v>
      </c>
      <c r="AG320" s="26"/>
      <c r="AH320" s="53"/>
    </row>
    <row r="321" spans="1:34" ht="51.6" customHeight="1" x14ac:dyDescent="0.45">
      <c r="A321" s="23">
        <v>315</v>
      </c>
      <c r="B321" s="25"/>
      <c r="C321" s="25"/>
      <c r="D321" s="29"/>
      <c r="E321" s="1"/>
      <c r="F321" s="1"/>
      <c r="G321" s="25"/>
      <c r="H321" s="71"/>
      <c r="I321" s="83"/>
      <c r="J321" s="50" t="str">
        <f t="shared" si="10"/>
        <v/>
      </c>
      <c r="K321" s="23" t="s">
        <v>7120</v>
      </c>
      <c r="L321" s="49" t="e">
        <f>VLOOKUP(E321&amp;F321,団体コード!$A$1:$C$1743,3,FALSE)</f>
        <v>#N/A</v>
      </c>
      <c r="M321" s="49" t="e">
        <f>VLOOKUP(E321&amp;F321,団体コード!$A$1:$C$1743,2,FALSE)</f>
        <v>#N/A</v>
      </c>
      <c r="N321" s="51" t="e">
        <f>VLOOKUP(E321,団体コード!$E$1:$F$48,2,FALSE)</f>
        <v>#N/A</v>
      </c>
      <c r="O321" s="51" t="e">
        <f t="shared" si="11"/>
        <v>#N/A</v>
      </c>
      <c r="P321" s="51">
        <v>1</v>
      </c>
      <c r="Q321" s="51" t="s">
        <v>5341</v>
      </c>
      <c r="R321" s="54" t="b">
        <v>1</v>
      </c>
      <c r="S321" s="52" t="s">
        <v>7126</v>
      </c>
      <c r="T321" s="67" t="s">
        <v>7127</v>
      </c>
      <c r="U321" s="75" t="s">
        <v>5331</v>
      </c>
      <c r="V321" s="47" t="s">
        <v>5331</v>
      </c>
      <c r="W321" s="47" t="s">
        <v>5331</v>
      </c>
      <c r="X321" s="47" t="s">
        <v>5331</v>
      </c>
      <c r="Y321" s="47" t="s">
        <v>5331</v>
      </c>
      <c r="Z321" s="28"/>
      <c r="AA321" s="27"/>
      <c r="AB321" s="27"/>
      <c r="AC321" s="27"/>
      <c r="AD321" s="30"/>
      <c r="AE321" s="1"/>
      <c r="AF321" s="23" t="s">
        <v>5331</v>
      </c>
      <c r="AG321" s="26"/>
      <c r="AH321" s="53"/>
    </row>
    <row r="322" spans="1:34" ht="51.6" customHeight="1" x14ac:dyDescent="0.45">
      <c r="A322" s="23">
        <v>316</v>
      </c>
      <c r="B322" s="25"/>
      <c r="C322" s="25"/>
      <c r="D322" s="29"/>
      <c r="E322" s="1"/>
      <c r="F322" s="1"/>
      <c r="G322" s="25"/>
      <c r="H322" s="71"/>
      <c r="I322" s="83"/>
      <c r="J322" s="50" t="str">
        <f t="shared" si="10"/>
        <v/>
      </c>
      <c r="K322" s="23" t="s">
        <v>7120</v>
      </c>
      <c r="L322" s="49" t="e">
        <f>VLOOKUP(E322&amp;F322,団体コード!$A$1:$C$1743,3,FALSE)</f>
        <v>#N/A</v>
      </c>
      <c r="M322" s="49" t="e">
        <f>VLOOKUP(E322&amp;F322,団体コード!$A$1:$C$1743,2,FALSE)</f>
        <v>#N/A</v>
      </c>
      <c r="N322" s="51" t="e">
        <f>VLOOKUP(E322,団体コード!$E$1:$F$48,2,FALSE)</f>
        <v>#N/A</v>
      </c>
      <c r="O322" s="51" t="e">
        <f t="shared" si="11"/>
        <v>#N/A</v>
      </c>
      <c r="P322" s="51">
        <v>1</v>
      </c>
      <c r="Q322" s="51" t="s">
        <v>5341</v>
      </c>
      <c r="R322" s="54" t="b">
        <v>1</v>
      </c>
      <c r="S322" s="52" t="s">
        <v>7126</v>
      </c>
      <c r="T322" s="67" t="s">
        <v>7127</v>
      </c>
      <c r="U322" s="75" t="s">
        <v>5331</v>
      </c>
      <c r="V322" s="47" t="s">
        <v>5331</v>
      </c>
      <c r="W322" s="47" t="s">
        <v>5331</v>
      </c>
      <c r="X322" s="47" t="s">
        <v>5331</v>
      </c>
      <c r="Y322" s="47" t="s">
        <v>5331</v>
      </c>
      <c r="Z322" s="28"/>
      <c r="AA322" s="27"/>
      <c r="AB322" s="27"/>
      <c r="AC322" s="27"/>
      <c r="AD322" s="30"/>
      <c r="AE322" s="1"/>
      <c r="AF322" s="23" t="s">
        <v>5331</v>
      </c>
      <c r="AG322" s="26"/>
      <c r="AH322" s="53"/>
    </row>
    <row r="323" spans="1:34" ht="51.6" customHeight="1" x14ac:dyDescent="0.45">
      <c r="A323" s="23">
        <v>317</v>
      </c>
      <c r="B323" s="25"/>
      <c r="C323" s="25"/>
      <c r="D323" s="29"/>
      <c r="E323" s="1"/>
      <c r="F323" s="1"/>
      <c r="G323" s="25"/>
      <c r="H323" s="71"/>
      <c r="I323" s="83"/>
      <c r="J323" s="50" t="str">
        <f t="shared" si="10"/>
        <v/>
      </c>
      <c r="K323" s="23" t="s">
        <v>7120</v>
      </c>
      <c r="L323" s="49" t="e">
        <f>VLOOKUP(E323&amp;F323,団体コード!$A$1:$C$1743,3,FALSE)</f>
        <v>#N/A</v>
      </c>
      <c r="M323" s="49" t="e">
        <f>VLOOKUP(E323&amp;F323,団体コード!$A$1:$C$1743,2,FALSE)</f>
        <v>#N/A</v>
      </c>
      <c r="N323" s="51" t="e">
        <f>VLOOKUP(E323,団体コード!$E$1:$F$48,2,FALSE)</f>
        <v>#N/A</v>
      </c>
      <c r="O323" s="51" t="e">
        <f t="shared" si="11"/>
        <v>#N/A</v>
      </c>
      <c r="P323" s="51">
        <v>1</v>
      </c>
      <c r="Q323" s="51" t="s">
        <v>5341</v>
      </c>
      <c r="R323" s="54" t="b">
        <v>1</v>
      </c>
      <c r="S323" s="52" t="s">
        <v>7126</v>
      </c>
      <c r="T323" s="67" t="s">
        <v>7127</v>
      </c>
      <c r="U323" s="75" t="s">
        <v>5331</v>
      </c>
      <c r="V323" s="47" t="s">
        <v>5331</v>
      </c>
      <c r="W323" s="47" t="s">
        <v>5331</v>
      </c>
      <c r="X323" s="47" t="s">
        <v>5331</v>
      </c>
      <c r="Y323" s="47" t="s">
        <v>5331</v>
      </c>
      <c r="Z323" s="28"/>
      <c r="AA323" s="27"/>
      <c r="AB323" s="27"/>
      <c r="AC323" s="27"/>
      <c r="AD323" s="30"/>
      <c r="AE323" s="1"/>
      <c r="AF323" s="23" t="s">
        <v>5331</v>
      </c>
      <c r="AG323" s="26"/>
      <c r="AH323" s="53"/>
    </row>
    <row r="324" spans="1:34" ht="51.6" customHeight="1" x14ac:dyDescent="0.45">
      <c r="A324" s="23">
        <v>318</v>
      </c>
      <c r="B324" s="25"/>
      <c r="C324" s="25"/>
      <c r="D324" s="29"/>
      <c r="E324" s="1"/>
      <c r="F324" s="1"/>
      <c r="G324" s="25"/>
      <c r="H324" s="71"/>
      <c r="I324" s="83"/>
      <c r="J324" s="50" t="str">
        <f t="shared" si="10"/>
        <v/>
      </c>
      <c r="K324" s="23" t="s">
        <v>7120</v>
      </c>
      <c r="L324" s="49" t="e">
        <f>VLOOKUP(E324&amp;F324,団体コード!$A$1:$C$1743,3,FALSE)</f>
        <v>#N/A</v>
      </c>
      <c r="M324" s="49" t="e">
        <f>VLOOKUP(E324&amp;F324,団体コード!$A$1:$C$1743,2,FALSE)</f>
        <v>#N/A</v>
      </c>
      <c r="N324" s="51" t="e">
        <f>VLOOKUP(E324,団体コード!$E$1:$F$48,2,FALSE)</f>
        <v>#N/A</v>
      </c>
      <c r="O324" s="51" t="e">
        <f t="shared" si="11"/>
        <v>#N/A</v>
      </c>
      <c r="P324" s="51">
        <v>1</v>
      </c>
      <c r="Q324" s="51" t="s">
        <v>5341</v>
      </c>
      <c r="R324" s="54" t="b">
        <v>1</v>
      </c>
      <c r="S324" s="52" t="s">
        <v>7126</v>
      </c>
      <c r="T324" s="67" t="s">
        <v>7127</v>
      </c>
      <c r="U324" s="75" t="s">
        <v>5331</v>
      </c>
      <c r="V324" s="47" t="s">
        <v>5331</v>
      </c>
      <c r="W324" s="47" t="s">
        <v>5331</v>
      </c>
      <c r="X324" s="47" t="s">
        <v>5331</v>
      </c>
      <c r="Y324" s="47" t="s">
        <v>5331</v>
      </c>
      <c r="Z324" s="28"/>
      <c r="AA324" s="27"/>
      <c r="AB324" s="27"/>
      <c r="AC324" s="27"/>
      <c r="AD324" s="30"/>
      <c r="AE324" s="1"/>
      <c r="AF324" s="23" t="s">
        <v>5331</v>
      </c>
      <c r="AG324" s="26"/>
      <c r="AH324" s="53"/>
    </row>
    <row r="325" spans="1:34" ht="51.6" customHeight="1" x14ac:dyDescent="0.45">
      <c r="A325" s="23">
        <v>319</v>
      </c>
      <c r="B325" s="25"/>
      <c r="C325" s="25"/>
      <c r="D325" s="29"/>
      <c r="E325" s="1"/>
      <c r="F325" s="1"/>
      <c r="G325" s="25"/>
      <c r="H325" s="71"/>
      <c r="I325" s="83"/>
      <c r="J325" s="50" t="str">
        <f t="shared" si="10"/>
        <v/>
      </c>
      <c r="K325" s="23" t="s">
        <v>7120</v>
      </c>
      <c r="L325" s="49" t="e">
        <f>VLOOKUP(E325&amp;F325,団体コード!$A$1:$C$1743,3,FALSE)</f>
        <v>#N/A</v>
      </c>
      <c r="M325" s="49" t="e">
        <f>VLOOKUP(E325&amp;F325,団体コード!$A$1:$C$1743,2,FALSE)</f>
        <v>#N/A</v>
      </c>
      <c r="N325" s="51" t="e">
        <f>VLOOKUP(E325,団体コード!$E$1:$F$48,2,FALSE)</f>
        <v>#N/A</v>
      </c>
      <c r="O325" s="51" t="e">
        <f t="shared" si="11"/>
        <v>#N/A</v>
      </c>
      <c r="P325" s="51">
        <v>1</v>
      </c>
      <c r="Q325" s="51" t="s">
        <v>5341</v>
      </c>
      <c r="R325" s="54" t="b">
        <v>1</v>
      </c>
      <c r="S325" s="52" t="s">
        <v>7126</v>
      </c>
      <c r="T325" s="67" t="s">
        <v>7127</v>
      </c>
      <c r="U325" s="75" t="s">
        <v>5331</v>
      </c>
      <c r="V325" s="47" t="s">
        <v>5331</v>
      </c>
      <c r="W325" s="47" t="s">
        <v>5331</v>
      </c>
      <c r="X325" s="47" t="s">
        <v>5331</v>
      </c>
      <c r="Y325" s="47" t="s">
        <v>5331</v>
      </c>
      <c r="Z325" s="28"/>
      <c r="AA325" s="27"/>
      <c r="AB325" s="27"/>
      <c r="AC325" s="27"/>
      <c r="AD325" s="30"/>
      <c r="AE325" s="1"/>
      <c r="AF325" s="23" t="s">
        <v>5331</v>
      </c>
      <c r="AG325" s="26"/>
      <c r="AH325" s="53"/>
    </row>
    <row r="326" spans="1:34" ht="51.6" customHeight="1" x14ac:dyDescent="0.45">
      <c r="A326" s="23">
        <v>320</v>
      </c>
      <c r="B326" s="25"/>
      <c r="C326" s="25"/>
      <c r="D326" s="29"/>
      <c r="E326" s="1"/>
      <c r="F326" s="1"/>
      <c r="G326" s="25"/>
      <c r="H326" s="71"/>
      <c r="I326" s="83"/>
      <c r="J326" s="50" t="str">
        <f t="shared" si="10"/>
        <v/>
      </c>
      <c r="K326" s="23" t="s">
        <v>7120</v>
      </c>
      <c r="L326" s="49" t="e">
        <f>VLOOKUP(E326&amp;F326,団体コード!$A$1:$C$1743,3,FALSE)</f>
        <v>#N/A</v>
      </c>
      <c r="M326" s="49" t="e">
        <f>VLOOKUP(E326&amp;F326,団体コード!$A$1:$C$1743,2,FALSE)</f>
        <v>#N/A</v>
      </c>
      <c r="N326" s="51" t="e">
        <f>VLOOKUP(E326,団体コード!$E$1:$F$48,2,FALSE)</f>
        <v>#N/A</v>
      </c>
      <c r="O326" s="51" t="e">
        <f t="shared" si="11"/>
        <v>#N/A</v>
      </c>
      <c r="P326" s="51">
        <v>1</v>
      </c>
      <c r="Q326" s="51" t="s">
        <v>5341</v>
      </c>
      <c r="R326" s="54" t="b">
        <v>1</v>
      </c>
      <c r="S326" s="52" t="s">
        <v>7126</v>
      </c>
      <c r="T326" s="67" t="s">
        <v>7127</v>
      </c>
      <c r="U326" s="75" t="s">
        <v>5331</v>
      </c>
      <c r="V326" s="47" t="s">
        <v>5331</v>
      </c>
      <c r="W326" s="47" t="s">
        <v>5331</v>
      </c>
      <c r="X326" s="47" t="s">
        <v>5331</v>
      </c>
      <c r="Y326" s="47" t="s">
        <v>5331</v>
      </c>
      <c r="Z326" s="28"/>
      <c r="AA326" s="27"/>
      <c r="AB326" s="27"/>
      <c r="AC326" s="27"/>
      <c r="AD326" s="30"/>
      <c r="AE326" s="1"/>
      <c r="AF326" s="23" t="s">
        <v>5331</v>
      </c>
      <c r="AG326" s="26"/>
      <c r="AH326" s="53"/>
    </row>
    <row r="327" spans="1:34" ht="51.6" customHeight="1" x14ac:dyDescent="0.45">
      <c r="A327" s="23">
        <v>321</v>
      </c>
      <c r="B327" s="25"/>
      <c r="C327" s="25"/>
      <c r="D327" s="29"/>
      <c r="E327" s="1"/>
      <c r="F327" s="1"/>
      <c r="G327" s="25"/>
      <c r="H327" s="71"/>
      <c r="I327" s="83"/>
      <c r="J327" s="50" t="str">
        <f t="shared" si="10"/>
        <v/>
      </c>
      <c r="K327" s="23" t="s">
        <v>7120</v>
      </c>
      <c r="L327" s="49" t="e">
        <f>VLOOKUP(E327&amp;F327,団体コード!$A$1:$C$1743,3,FALSE)</f>
        <v>#N/A</v>
      </c>
      <c r="M327" s="49" t="e">
        <f>VLOOKUP(E327&amp;F327,団体コード!$A$1:$C$1743,2,FALSE)</f>
        <v>#N/A</v>
      </c>
      <c r="N327" s="51" t="e">
        <f>VLOOKUP(E327,団体コード!$E$1:$F$48,2,FALSE)</f>
        <v>#N/A</v>
      </c>
      <c r="O327" s="51" t="e">
        <f t="shared" si="11"/>
        <v>#N/A</v>
      </c>
      <c r="P327" s="51">
        <v>1</v>
      </c>
      <c r="Q327" s="51" t="s">
        <v>5341</v>
      </c>
      <c r="R327" s="54" t="b">
        <v>1</v>
      </c>
      <c r="S327" s="52" t="s">
        <v>7126</v>
      </c>
      <c r="T327" s="67" t="s">
        <v>7127</v>
      </c>
      <c r="U327" s="75" t="s">
        <v>5331</v>
      </c>
      <c r="V327" s="47" t="s">
        <v>5331</v>
      </c>
      <c r="W327" s="47" t="s">
        <v>5331</v>
      </c>
      <c r="X327" s="47" t="s">
        <v>5331</v>
      </c>
      <c r="Y327" s="47" t="s">
        <v>5331</v>
      </c>
      <c r="Z327" s="28"/>
      <c r="AA327" s="27"/>
      <c r="AB327" s="27"/>
      <c r="AC327" s="27"/>
      <c r="AD327" s="30"/>
      <c r="AE327" s="1"/>
      <c r="AF327" s="23" t="s">
        <v>5331</v>
      </c>
      <c r="AG327" s="26"/>
      <c r="AH327" s="53"/>
    </row>
    <row r="328" spans="1:34" ht="51.6" customHeight="1" x14ac:dyDescent="0.45">
      <c r="A328" s="23">
        <v>322</v>
      </c>
      <c r="B328" s="25"/>
      <c r="C328" s="25"/>
      <c r="D328" s="29"/>
      <c r="E328" s="1"/>
      <c r="F328" s="1"/>
      <c r="G328" s="25"/>
      <c r="H328" s="71"/>
      <c r="I328" s="83"/>
      <c r="J328" s="50" t="str">
        <f t="shared" ref="J328:J391" si="12">E328&amp;F328&amp;G328</f>
        <v/>
      </c>
      <c r="K328" s="23" t="s">
        <v>7120</v>
      </c>
      <c r="L328" s="49" t="e">
        <f>VLOOKUP(E328&amp;F328,団体コード!$A$1:$C$1743,3,FALSE)</f>
        <v>#N/A</v>
      </c>
      <c r="M328" s="49" t="e">
        <f>VLOOKUP(E328&amp;F328,団体コード!$A$1:$C$1743,2,FALSE)</f>
        <v>#N/A</v>
      </c>
      <c r="N328" s="51" t="e">
        <f>VLOOKUP(E328,団体コード!$E$1:$F$48,2,FALSE)</f>
        <v>#N/A</v>
      </c>
      <c r="O328" s="51" t="e">
        <f t="shared" ref="O328:O391" si="13">N328</f>
        <v>#N/A</v>
      </c>
      <c r="P328" s="51">
        <v>1</v>
      </c>
      <c r="Q328" s="51" t="s">
        <v>5341</v>
      </c>
      <c r="R328" s="54" t="b">
        <v>1</v>
      </c>
      <c r="S328" s="52" t="s">
        <v>7126</v>
      </c>
      <c r="T328" s="67" t="s">
        <v>7127</v>
      </c>
      <c r="U328" s="75" t="s">
        <v>5331</v>
      </c>
      <c r="V328" s="47" t="s">
        <v>5331</v>
      </c>
      <c r="W328" s="47" t="s">
        <v>5331</v>
      </c>
      <c r="X328" s="47" t="s">
        <v>5331</v>
      </c>
      <c r="Y328" s="47" t="s">
        <v>5331</v>
      </c>
      <c r="Z328" s="28"/>
      <c r="AA328" s="27"/>
      <c r="AB328" s="27"/>
      <c r="AC328" s="27"/>
      <c r="AD328" s="30"/>
      <c r="AE328" s="1"/>
      <c r="AF328" s="23" t="s">
        <v>5331</v>
      </c>
      <c r="AG328" s="26"/>
      <c r="AH328" s="53"/>
    </row>
    <row r="329" spans="1:34" ht="51.6" customHeight="1" x14ac:dyDescent="0.45">
      <c r="A329" s="23">
        <v>323</v>
      </c>
      <c r="B329" s="25"/>
      <c r="C329" s="25"/>
      <c r="D329" s="29"/>
      <c r="E329" s="1"/>
      <c r="F329" s="1"/>
      <c r="G329" s="25"/>
      <c r="H329" s="71"/>
      <c r="I329" s="83"/>
      <c r="J329" s="50" t="str">
        <f t="shared" si="12"/>
        <v/>
      </c>
      <c r="K329" s="23" t="s">
        <v>7120</v>
      </c>
      <c r="L329" s="49" t="e">
        <f>VLOOKUP(E329&amp;F329,団体コード!$A$1:$C$1743,3,FALSE)</f>
        <v>#N/A</v>
      </c>
      <c r="M329" s="49" t="e">
        <f>VLOOKUP(E329&amp;F329,団体コード!$A$1:$C$1743,2,FALSE)</f>
        <v>#N/A</v>
      </c>
      <c r="N329" s="51" t="e">
        <f>VLOOKUP(E329,団体コード!$E$1:$F$48,2,FALSE)</f>
        <v>#N/A</v>
      </c>
      <c r="O329" s="51" t="e">
        <f t="shared" si="13"/>
        <v>#N/A</v>
      </c>
      <c r="P329" s="51">
        <v>1</v>
      </c>
      <c r="Q329" s="51" t="s">
        <v>5341</v>
      </c>
      <c r="R329" s="54" t="b">
        <v>1</v>
      </c>
      <c r="S329" s="52" t="s">
        <v>7126</v>
      </c>
      <c r="T329" s="67" t="s">
        <v>7127</v>
      </c>
      <c r="U329" s="75" t="s">
        <v>5331</v>
      </c>
      <c r="V329" s="47" t="s">
        <v>5331</v>
      </c>
      <c r="W329" s="47" t="s">
        <v>5331</v>
      </c>
      <c r="X329" s="47" t="s">
        <v>5331</v>
      </c>
      <c r="Y329" s="47" t="s">
        <v>5331</v>
      </c>
      <c r="Z329" s="28"/>
      <c r="AA329" s="27"/>
      <c r="AB329" s="27"/>
      <c r="AC329" s="27"/>
      <c r="AD329" s="30"/>
      <c r="AE329" s="1"/>
      <c r="AF329" s="23" t="s">
        <v>5331</v>
      </c>
      <c r="AG329" s="26"/>
      <c r="AH329" s="53"/>
    </row>
    <row r="330" spans="1:34" ht="51.6" customHeight="1" x14ac:dyDescent="0.45">
      <c r="A330" s="23">
        <v>324</v>
      </c>
      <c r="B330" s="25"/>
      <c r="C330" s="25"/>
      <c r="D330" s="29"/>
      <c r="E330" s="1"/>
      <c r="F330" s="1"/>
      <c r="G330" s="25"/>
      <c r="H330" s="71"/>
      <c r="I330" s="83"/>
      <c r="J330" s="50" t="str">
        <f t="shared" si="12"/>
        <v/>
      </c>
      <c r="K330" s="23" t="s">
        <v>7120</v>
      </c>
      <c r="L330" s="49" t="e">
        <f>VLOOKUP(E330&amp;F330,団体コード!$A$1:$C$1743,3,FALSE)</f>
        <v>#N/A</v>
      </c>
      <c r="M330" s="49" t="e">
        <f>VLOOKUP(E330&amp;F330,団体コード!$A$1:$C$1743,2,FALSE)</f>
        <v>#N/A</v>
      </c>
      <c r="N330" s="51" t="e">
        <f>VLOOKUP(E330,団体コード!$E$1:$F$48,2,FALSE)</f>
        <v>#N/A</v>
      </c>
      <c r="O330" s="51" t="e">
        <f t="shared" si="13"/>
        <v>#N/A</v>
      </c>
      <c r="P330" s="51">
        <v>1</v>
      </c>
      <c r="Q330" s="51" t="s">
        <v>5341</v>
      </c>
      <c r="R330" s="54" t="b">
        <v>1</v>
      </c>
      <c r="S330" s="52" t="s">
        <v>7126</v>
      </c>
      <c r="T330" s="67" t="s">
        <v>7127</v>
      </c>
      <c r="U330" s="75" t="s">
        <v>5331</v>
      </c>
      <c r="V330" s="47" t="s">
        <v>5331</v>
      </c>
      <c r="W330" s="47" t="s">
        <v>5331</v>
      </c>
      <c r="X330" s="47" t="s">
        <v>5331</v>
      </c>
      <c r="Y330" s="47" t="s">
        <v>5331</v>
      </c>
      <c r="Z330" s="28"/>
      <c r="AA330" s="27"/>
      <c r="AB330" s="27"/>
      <c r="AC330" s="27"/>
      <c r="AD330" s="30"/>
      <c r="AE330" s="1"/>
      <c r="AF330" s="23" t="s">
        <v>5331</v>
      </c>
      <c r="AG330" s="26"/>
      <c r="AH330" s="53"/>
    </row>
    <row r="331" spans="1:34" ht="51.6" customHeight="1" x14ac:dyDescent="0.45">
      <c r="A331" s="23">
        <v>325</v>
      </c>
      <c r="B331" s="25"/>
      <c r="C331" s="25"/>
      <c r="D331" s="29"/>
      <c r="E331" s="1"/>
      <c r="F331" s="1"/>
      <c r="G331" s="25"/>
      <c r="H331" s="71"/>
      <c r="I331" s="83"/>
      <c r="J331" s="50" t="str">
        <f t="shared" si="12"/>
        <v/>
      </c>
      <c r="K331" s="23" t="s">
        <v>7120</v>
      </c>
      <c r="L331" s="49" t="e">
        <f>VLOOKUP(E331&amp;F331,団体コード!$A$1:$C$1743,3,FALSE)</f>
        <v>#N/A</v>
      </c>
      <c r="M331" s="49" t="e">
        <f>VLOOKUP(E331&amp;F331,団体コード!$A$1:$C$1743,2,FALSE)</f>
        <v>#N/A</v>
      </c>
      <c r="N331" s="51" t="e">
        <f>VLOOKUP(E331,団体コード!$E$1:$F$48,2,FALSE)</f>
        <v>#N/A</v>
      </c>
      <c r="O331" s="51" t="e">
        <f t="shared" si="13"/>
        <v>#N/A</v>
      </c>
      <c r="P331" s="51">
        <v>1</v>
      </c>
      <c r="Q331" s="51" t="s">
        <v>5341</v>
      </c>
      <c r="R331" s="54" t="b">
        <v>1</v>
      </c>
      <c r="S331" s="52" t="s">
        <v>7126</v>
      </c>
      <c r="T331" s="67" t="s">
        <v>7127</v>
      </c>
      <c r="U331" s="75" t="s">
        <v>5331</v>
      </c>
      <c r="V331" s="47" t="s">
        <v>5331</v>
      </c>
      <c r="W331" s="47" t="s">
        <v>5331</v>
      </c>
      <c r="X331" s="47" t="s">
        <v>5331</v>
      </c>
      <c r="Y331" s="47" t="s">
        <v>5331</v>
      </c>
      <c r="Z331" s="28"/>
      <c r="AA331" s="27"/>
      <c r="AB331" s="27"/>
      <c r="AC331" s="27"/>
      <c r="AD331" s="30"/>
      <c r="AE331" s="1"/>
      <c r="AF331" s="23" t="s">
        <v>5331</v>
      </c>
      <c r="AG331" s="26"/>
      <c r="AH331" s="53"/>
    </row>
    <row r="332" spans="1:34" ht="51.6" customHeight="1" x14ac:dyDescent="0.45">
      <c r="A332" s="23">
        <v>326</v>
      </c>
      <c r="B332" s="25"/>
      <c r="C332" s="25"/>
      <c r="D332" s="29"/>
      <c r="E332" s="1"/>
      <c r="F332" s="1"/>
      <c r="G332" s="25"/>
      <c r="H332" s="71"/>
      <c r="I332" s="83"/>
      <c r="J332" s="50" t="str">
        <f t="shared" si="12"/>
        <v/>
      </c>
      <c r="K332" s="23" t="s">
        <v>7120</v>
      </c>
      <c r="L332" s="49" t="e">
        <f>VLOOKUP(E332&amp;F332,団体コード!$A$1:$C$1743,3,FALSE)</f>
        <v>#N/A</v>
      </c>
      <c r="M332" s="49" t="e">
        <f>VLOOKUP(E332&amp;F332,団体コード!$A$1:$C$1743,2,FALSE)</f>
        <v>#N/A</v>
      </c>
      <c r="N332" s="51" t="e">
        <f>VLOOKUP(E332,団体コード!$E$1:$F$48,2,FALSE)</f>
        <v>#N/A</v>
      </c>
      <c r="O332" s="51" t="e">
        <f t="shared" si="13"/>
        <v>#N/A</v>
      </c>
      <c r="P332" s="51">
        <v>1</v>
      </c>
      <c r="Q332" s="51" t="s">
        <v>5341</v>
      </c>
      <c r="R332" s="54" t="b">
        <v>1</v>
      </c>
      <c r="S332" s="52" t="s">
        <v>7126</v>
      </c>
      <c r="T332" s="67" t="s">
        <v>7127</v>
      </c>
      <c r="U332" s="75" t="s">
        <v>5331</v>
      </c>
      <c r="V332" s="47" t="s">
        <v>5331</v>
      </c>
      <c r="W332" s="47" t="s">
        <v>5331</v>
      </c>
      <c r="X332" s="47" t="s">
        <v>5331</v>
      </c>
      <c r="Y332" s="47" t="s">
        <v>5331</v>
      </c>
      <c r="Z332" s="28"/>
      <c r="AA332" s="27"/>
      <c r="AB332" s="27"/>
      <c r="AC332" s="27"/>
      <c r="AD332" s="30"/>
      <c r="AE332" s="1"/>
      <c r="AF332" s="23" t="s">
        <v>5331</v>
      </c>
      <c r="AG332" s="26"/>
      <c r="AH332" s="53"/>
    </row>
    <row r="333" spans="1:34" ht="51.6" customHeight="1" x14ac:dyDescent="0.45">
      <c r="A333" s="23">
        <v>327</v>
      </c>
      <c r="B333" s="25"/>
      <c r="C333" s="25"/>
      <c r="D333" s="29"/>
      <c r="E333" s="1"/>
      <c r="F333" s="1"/>
      <c r="G333" s="25"/>
      <c r="H333" s="71"/>
      <c r="I333" s="83"/>
      <c r="J333" s="50" t="str">
        <f t="shared" si="12"/>
        <v/>
      </c>
      <c r="K333" s="23" t="s">
        <v>7120</v>
      </c>
      <c r="L333" s="49" t="e">
        <f>VLOOKUP(E333&amp;F333,団体コード!$A$1:$C$1743,3,FALSE)</f>
        <v>#N/A</v>
      </c>
      <c r="M333" s="49" t="e">
        <f>VLOOKUP(E333&amp;F333,団体コード!$A$1:$C$1743,2,FALSE)</f>
        <v>#N/A</v>
      </c>
      <c r="N333" s="51" t="e">
        <f>VLOOKUP(E333,団体コード!$E$1:$F$48,2,FALSE)</f>
        <v>#N/A</v>
      </c>
      <c r="O333" s="51" t="e">
        <f t="shared" si="13"/>
        <v>#N/A</v>
      </c>
      <c r="P333" s="51">
        <v>1</v>
      </c>
      <c r="Q333" s="51" t="s">
        <v>5341</v>
      </c>
      <c r="R333" s="54" t="b">
        <v>1</v>
      </c>
      <c r="S333" s="52" t="s">
        <v>7126</v>
      </c>
      <c r="T333" s="67" t="s">
        <v>7127</v>
      </c>
      <c r="U333" s="75" t="s">
        <v>5331</v>
      </c>
      <c r="V333" s="47" t="s">
        <v>5331</v>
      </c>
      <c r="W333" s="47" t="s">
        <v>5331</v>
      </c>
      <c r="X333" s="47" t="s">
        <v>5331</v>
      </c>
      <c r="Y333" s="47" t="s">
        <v>5331</v>
      </c>
      <c r="Z333" s="28"/>
      <c r="AA333" s="27"/>
      <c r="AB333" s="27"/>
      <c r="AC333" s="27"/>
      <c r="AD333" s="30"/>
      <c r="AE333" s="1"/>
      <c r="AF333" s="23" t="s">
        <v>5331</v>
      </c>
      <c r="AG333" s="26"/>
      <c r="AH333" s="53"/>
    </row>
    <row r="334" spans="1:34" ht="51.6" customHeight="1" x14ac:dyDescent="0.45">
      <c r="A334" s="23">
        <v>328</v>
      </c>
      <c r="B334" s="25"/>
      <c r="C334" s="25"/>
      <c r="D334" s="29"/>
      <c r="E334" s="1"/>
      <c r="F334" s="1"/>
      <c r="G334" s="25"/>
      <c r="H334" s="71"/>
      <c r="I334" s="83"/>
      <c r="J334" s="50" t="str">
        <f t="shared" si="12"/>
        <v/>
      </c>
      <c r="K334" s="23" t="s">
        <v>7120</v>
      </c>
      <c r="L334" s="49" t="e">
        <f>VLOOKUP(E334&amp;F334,団体コード!$A$1:$C$1743,3,FALSE)</f>
        <v>#N/A</v>
      </c>
      <c r="M334" s="49" t="e">
        <f>VLOOKUP(E334&amp;F334,団体コード!$A$1:$C$1743,2,FALSE)</f>
        <v>#N/A</v>
      </c>
      <c r="N334" s="51" t="e">
        <f>VLOOKUP(E334,団体コード!$E$1:$F$48,2,FALSE)</f>
        <v>#N/A</v>
      </c>
      <c r="O334" s="51" t="e">
        <f t="shared" si="13"/>
        <v>#N/A</v>
      </c>
      <c r="P334" s="51">
        <v>1</v>
      </c>
      <c r="Q334" s="51" t="s">
        <v>5341</v>
      </c>
      <c r="R334" s="54" t="b">
        <v>1</v>
      </c>
      <c r="S334" s="52" t="s">
        <v>7126</v>
      </c>
      <c r="T334" s="67" t="s">
        <v>7127</v>
      </c>
      <c r="U334" s="75" t="s">
        <v>5331</v>
      </c>
      <c r="V334" s="47" t="s">
        <v>5331</v>
      </c>
      <c r="W334" s="47" t="s">
        <v>5331</v>
      </c>
      <c r="X334" s="47" t="s">
        <v>5331</v>
      </c>
      <c r="Y334" s="47" t="s">
        <v>5331</v>
      </c>
      <c r="Z334" s="28"/>
      <c r="AA334" s="27"/>
      <c r="AB334" s="27"/>
      <c r="AC334" s="27"/>
      <c r="AD334" s="30"/>
      <c r="AE334" s="1"/>
      <c r="AF334" s="23" t="s">
        <v>5331</v>
      </c>
      <c r="AG334" s="26"/>
      <c r="AH334" s="53"/>
    </row>
    <row r="335" spans="1:34" ht="51.6" customHeight="1" x14ac:dyDescent="0.45">
      <c r="A335" s="23">
        <v>329</v>
      </c>
      <c r="B335" s="25"/>
      <c r="C335" s="25"/>
      <c r="D335" s="29"/>
      <c r="E335" s="1"/>
      <c r="F335" s="1"/>
      <c r="G335" s="25"/>
      <c r="H335" s="71"/>
      <c r="I335" s="83"/>
      <c r="J335" s="50" t="str">
        <f t="shared" si="12"/>
        <v/>
      </c>
      <c r="K335" s="23" t="s">
        <v>7120</v>
      </c>
      <c r="L335" s="49" t="e">
        <f>VLOOKUP(E335&amp;F335,団体コード!$A$1:$C$1743,3,FALSE)</f>
        <v>#N/A</v>
      </c>
      <c r="M335" s="49" t="e">
        <f>VLOOKUP(E335&amp;F335,団体コード!$A$1:$C$1743,2,FALSE)</f>
        <v>#N/A</v>
      </c>
      <c r="N335" s="51" t="e">
        <f>VLOOKUP(E335,団体コード!$E$1:$F$48,2,FALSE)</f>
        <v>#N/A</v>
      </c>
      <c r="O335" s="51" t="e">
        <f t="shared" si="13"/>
        <v>#N/A</v>
      </c>
      <c r="P335" s="51">
        <v>1</v>
      </c>
      <c r="Q335" s="51" t="s">
        <v>5341</v>
      </c>
      <c r="R335" s="54" t="b">
        <v>1</v>
      </c>
      <c r="S335" s="52" t="s">
        <v>7126</v>
      </c>
      <c r="T335" s="67" t="s">
        <v>7127</v>
      </c>
      <c r="U335" s="75" t="s">
        <v>5331</v>
      </c>
      <c r="V335" s="47" t="s">
        <v>5331</v>
      </c>
      <c r="W335" s="47" t="s">
        <v>5331</v>
      </c>
      <c r="X335" s="47" t="s">
        <v>5331</v>
      </c>
      <c r="Y335" s="47" t="s">
        <v>5331</v>
      </c>
      <c r="Z335" s="28"/>
      <c r="AA335" s="27"/>
      <c r="AB335" s="27"/>
      <c r="AC335" s="27"/>
      <c r="AD335" s="30"/>
      <c r="AE335" s="1"/>
      <c r="AF335" s="23" t="s">
        <v>5331</v>
      </c>
      <c r="AG335" s="26"/>
      <c r="AH335" s="53"/>
    </row>
    <row r="336" spans="1:34" ht="51.6" customHeight="1" x14ac:dyDescent="0.45">
      <c r="A336" s="23">
        <v>330</v>
      </c>
      <c r="B336" s="25"/>
      <c r="C336" s="25"/>
      <c r="D336" s="29"/>
      <c r="E336" s="1"/>
      <c r="F336" s="1"/>
      <c r="G336" s="25"/>
      <c r="H336" s="71"/>
      <c r="I336" s="83"/>
      <c r="J336" s="50" t="str">
        <f t="shared" si="12"/>
        <v/>
      </c>
      <c r="K336" s="23" t="s">
        <v>7120</v>
      </c>
      <c r="L336" s="49" t="e">
        <f>VLOOKUP(E336&amp;F336,団体コード!$A$1:$C$1743,3,FALSE)</f>
        <v>#N/A</v>
      </c>
      <c r="M336" s="49" t="e">
        <f>VLOOKUP(E336&amp;F336,団体コード!$A$1:$C$1743,2,FALSE)</f>
        <v>#N/A</v>
      </c>
      <c r="N336" s="51" t="e">
        <f>VLOOKUP(E336,団体コード!$E$1:$F$48,2,FALSE)</f>
        <v>#N/A</v>
      </c>
      <c r="O336" s="51" t="e">
        <f t="shared" si="13"/>
        <v>#N/A</v>
      </c>
      <c r="P336" s="51">
        <v>1</v>
      </c>
      <c r="Q336" s="51" t="s">
        <v>5341</v>
      </c>
      <c r="R336" s="54" t="b">
        <v>1</v>
      </c>
      <c r="S336" s="52" t="s">
        <v>7126</v>
      </c>
      <c r="T336" s="67" t="s">
        <v>7127</v>
      </c>
      <c r="U336" s="75" t="s">
        <v>5331</v>
      </c>
      <c r="V336" s="47" t="s">
        <v>5331</v>
      </c>
      <c r="W336" s="47" t="s">
        <v>5331</v>
      </c>
      <c r="X336" s="47" t="s">
        <v>5331</v>
      </c>
      <c r="Y336" s="47" t="s">
        <v>5331</v>
      </c>
      <c r="Z336" s="28"/>
      <c r="AA336" s="27"/>
      <c r="AB336" s="27"/>
      <c r="AC336" s="27"/>
      <c r="AD336" s="30"/>
      <c r="AE336" s="1"/>
      <c r="AF336" s="23" t="s">
        <v>5331</v>
      </c>
      <c r="AG336" s="26"/>
      <c r="AH336" s="53"/>
    </row>
    <row r="337" spans="1:34" ht="51.6" customHeight="1" x14ac:dyDescent="0.45">
      <c r="A337" s="23">
        <v>331</v>
      </c>
      <c r="B337" s="25"/>
      <c r="C337" s="25"/>
      <c r="D337" s="29"/>
      <c r="E337" s="1"/>
      <c r="F337" s="1"/>
      <c r="G337" s="25"/>
      <c r="H337" s="71"/>
      <c r="I337" s="83"/>
      <c r="J337" s="50" t="str">
        <f t="shared" si="12"/>
        <v/>
      </c>
      <c r="K337" s="23" t="s">
        <v>7120</v>
      </c>
      <c r="L337" s="49" t="e">
        <f>VLOOKUP(E337&amp;F337,団体コード!$A$1:$C$1743,3,FALSE)</f>
        <v>#N/A</v>
      </c>
      <c r="M337" s="49" t="e">
        <f>VLOOKUP(E337&amp;F337,団体コード!$A$1:$C$1743,2,FALSE)</f>
        <v>#N/A</v>
      </c>
      <c r="N337" s="51" t="e">
        <f>VLOOKUP(E337,団体コード!$E$1:$F$48,2,FALSE)</f>
        <v>#N/A</v>
      </c>
      <c r="O337" s="51" t="e">
        <f t="shared" si="13"/>
        <v>#N/A</v>
      </c>
      <c r="P337" s="51">
        <v>1</v>
      </c>
      <c r="Q337" s="51" t="s">
        <v>5341</v>
      </c>
      <c r="R337" s="54" t="b">
        <v>1</v>
      </c>
      <c r="S337" s="52" t="s">
        <v>7126</v>
      </c>
      <c r="T337" s="67" t="s">
        <v>7127</v>
      </c>
      <c r="U337" s="75" t="s">
        <v>5331</v>
      </c>
      <c r="V337" s="47" t="s">
        <v>5331</v>
      </c>
      <c r="W337" s="47" t="s">
        <v>5331</v>
      </c>
      <c r="X337" s="47" t="s">
        <v>5331</v>
      </c>
      <c r="Y337" s="47" t="s">
        <v>5331</v>
      </c>
      <c r="Z337" s="28"/>
      <c r="AA337" s="27"/>
      <c r="AB337" s="27"/>
      <c r="AC337" s="27"/>
      <c r="AD337" s="30"/>
      <c r="AE337" s="1"/>
      <c r="AF337" s="23" t="s">
        <v>5331</v>
      </c>
      <c r="AG337" s="26"/>
      <c r="AH337" s="53"/>
    </row>
    <row r="338" spans="1:34" ht="51.6" customHeight="1" x14ac:dyDescent="0.45">
      <c r="A338" s="23">
        <v>332</v>
      </c>
      <c r="B338" s="25"/>
      <c r="C338" s="25"/>
      <c r="D338" s="29"/>
      <c r="E338" s="1"/>
      <c r="F338" s="1"/>
      <c r="G338" s="25"/>
      <c r="H338" s="71"/>
      <c r="I338" s="83"/>
      <c r="J338" s="50" t="str">
        <f t="shared" si="12"/>
        <v/>
      </c>
      <c r="K338" s="23" t="s">
        <v>7120</v>
      </c>
      <c r="L338" s="49" t="e">
        <f>VLOOKUP(E338&amp;F338,団体コード!$A$1:$C$1743,3,FALSE)</f>
        <v>#N/A</v>
      </c>
      <c r="M338" s="49" t="e">
        <f>VLOOKUP(E338&amp;F338,団体コード!$A$1:$C$1743,2,FALSE)</f>
        <v>#N/A</v>
      </c>
      <c r="N338" s="51" t="e">
        <f>VLOOKUP(E338,団体コード!$E$1:$F$48,2,FALSE)</f>
        <v>#N/A</v>
      </c>
      <c r="O338" s="51" t="e">
        <f t="shared" si="13"/>
        <v>#N/A</v>
      </c>
      <c r="P338" s="51">
        <v>1</v>
      </c>
      <c r="Q338" s="51" t="s">
        <v>5341</v>
      </c>
      <c r="R338" s="54" t="b">
        <v>1</v>
      </c>
      <c r="S338" s="52" t="s">
        <v>7126</v>
      </c>
      <c r="T338" s="67" t="s">
        <v>7127</v>
      </c>
      <c r="U338" s="75" t="s">
        <v>5331</v>
      </c>
      <c r="V338" s="47" t="s">
        <v>5331</v>
      </c>
      <c r="W338" s="47" t="s">
        <v>5331</v>
      </c>
      <c r="X338" s="47" t="s">
        <v>5331</v>
      </c>
      <c r="Y338" s="47" t="s">
        <v>5331</v>
      </c>
      <c r="Z338" s="28"/>
      <c r="AA338" s="27"/>
      <c r="AB338" s="27"/>
      <c r="AC338" s="27"/>
      <c r="AD338" s="30"/>
      <c r="AE338" s="1"/>
      <c r="AF338" s="23" t="s">
        <v>5331</v>
      </c>
      <c r="AG338" s="26"/>
      <c r="AH338" s="53"/>
    </row>
    <row r="339" spans="1:34" ht="51.6" customHeight="1" x14ac:dyDescent="0.45">
      <c r="A339" s="23">
        <v>333</v>
      </c>
      <c r="B339" s="25"/>
      <c r="C339" s="25"/>
      <c r="D339" s="29"/>
      <c r="E339" s="1"/>
      <c r="F339" s="1"/>
      <c r="G339" s="25"/>
      <c r="H339" s="71"/>
      <c r="I339" s="83"/>
      <c r="J339" s="50" t="str">
        <f t="shared" si="12"/>
        <v/>
      </c>
      <c r="K339" s="23" t="s">
        <v>7120</v>
      </c>
      <c r="L339" s="49" t="e">
        <f>VLOOKUP(E339&amp;F339,団体コード!$A$1:$C$1743,3,FALSE)</f>
        <v>#N/A</v>
      </c>
      <c r="M339" s="49" t="e">
        <f>VLOOKUP(E339&amp;F339,団体コード!$A$1:$C$1743,2,FALSE)</f>
        <v>#N/A</v>
      </c>
      <c r="N339" s="51" t="e">
        <f>VLOOKUP(E339,団体コード!$E$1:$F$48,2,FALSE)</f>
        <v>#N/A</v>
      </c>
      <c r="O339" s="51" t="e">
        <f t="shared" si="13"/>
        <v>#N/A</v>
      </c>
      <c r="P339" s="51">
        <v>1</v>
      </c>
      <c r="Q339" s="51" t="s">
        <v>5341</v>
      </c>
      <c r="R339" s="54" t="b">
        <v>1</v>
      </c>
      <c r="S339" s="52" t="s">
        <v>7126</v>
      </c>
      <c r="T339" s="67" t="s">
        <v>7127</v>
      </c>
      <c r="U339" s="75" t="s">
        <v>5331</v>
      </c>
      <c r="V339" s="47" t="s">
        <v>5331</v>
      </c>
      <c r="W339" s="47" t="s">
        <v>5331</v>
      </c>
      <c r="X339" s="47" t="s">
        <v>5331</v>
      </c>
      <c r="Y339" s="47" t="s">
        <v>5331</v>
      </c>
      <c r="Z339" s="28"/>
      <c r="AA339" s="27"/>
      <c r="AB339" s="27"/>
      <c r="AC339" s="27"/>
      <c r="AD339" s="30"/>
      <c r="AE339" s="1"/>
      <c r="AF339" s="23" t="s">
        <v>5331</v>
      </c>
      <c r="AG339" s="26"/>
      <c r="AH339" s="53"/>
    </row>
    <row r="340" spans="1:34" ht="51.6" customHeight="1" x14ac:dyDescent="0.45">
      <c r="A340" s="23">
        <v>334</v>
      </c>
      <c r="B340" s="25"/>
      <c r="C340" s="25"/>
      <c r="D340" s="29"/>
      <c r="E340" s="1"/>
      <c r="F340" s="1"/>
      <c r="G340" s="25"/>
      <c r="H340" s="71"/>
      <c r="I340" s="83"/>
      <c r="J340" s="50" t="str">
        <f t="shared" si="12"/>
        <v/>
      </c>
      <c r="K340" s="23" t="s">
        <v>7120</v>
      </c>
      <c r="L340" s="49" t="e">
        <f>VLOOKUP(E340&amp;F340,団体コード!$A$1:$C$1743,3,FALSE)</f>
        <v>#N/A</v>
      </c>
      <c r="M340" s="49" t="e">
        <f>VLOOKUP(E340&amp;F340,団体コード!$A$1:$C$1743,2,FALSE)</f>
        <v>#N/A</v>
      </c>
      <c r="N340" s="51" t="e">
        <f>VLOOKUP(E340,団体コード!$E$1:$F$48,2,FALSE)</f>
        <v>#N/A</v>
      </c>
      <c r="O340" s="51" t="e">
        <f t="shared" si="13"/>
        <v>#N/A</v>
      </c>
      <c r="P340" s="51">
        <v>1</v>
      </c>
      <c r="Q340" s="51" t="s">
        <v>5341</v>
      </c>
      <c r="R340" s="54" t="b">
        <v>1</v>
      </c>
      <c r="S340" s="52" t="s">
        <v>7126</v>
      </c>
      <c r="T340" s="67" t="s">
        <v>7127</v>
      </c>
      <c r="U340" s="75" t="s">
        <v>5331</v>
      </c>
      <c r="V340" s="47" t="s">
        <v>5331</v>
      </c>
      <c r="W340" s="47" t="s">
        <v>5331</v>
      </c>
      <c r="X340" s="47" t="s">
        <v>5331</v>
      </c>
      <c r="Y340" s="47" t="s">
        <v>5331</v>
      </c>
      <c r="Z340" s="28"/>
      <c r="AA340" s="27"/>
      <c r="AB340" s="27"/>
      <c r="AC340" s="27"/>
      <c r="AD340" s="30"/>
      <c r="AE340" s="1"/>
      <c r="AF340" s="23" t="s">
        <v>5331</v>
      </c>
      <c r="AG340" s="26"/>
      <c r="AH340" s="53"/>
    </row>
    <row r="341" spans="1:34" ht="51.6" customHeight="1" x14ac:dyDescent="0.45">
      <c r="A341" s="23">
        <v>335</v>
      </c>
      <c r="B341" s="25"/>
      <c r="C341" s="25"/>
      <c r="D341" s="29"/>
      <c r="E341" s="1"/>
      <c r="F341" s="1"/>
      <c r="G341" s="25"/>
      <c r="H341" s="71"/>
      <c r="I341" s="83"/>
      <c r="J341" s="50" t="str">
        <f t="shared" si="12"/>
        <v/>
      </c>
      <c r="K341" s="23" t="s">
        <v>7120</v>
      </c>
      <c r="L341" s="49" t="e">
        <f>VLOOKUP(E341&amp;F341,団体コード!$A$1:$C$1743,3,FALSE)</f>
        <v>#N/A</v>
      </c>
      <c r="M341" s="49" t="e">
        <f>VLOOKUP(E341&amp;F341,団体コード!$A$1:$C$1743,2,FALSE)</f>
        <v>#N/A</v>
      </c>
      <c r="N341" s="51" t="e">
        <f>VLOOKUP(E341,団体コード!$E$1:$F$48,2,FALSE)</f>
        <v>#N/A</v>
      </c>
      <c r="O341" s="51" t="e">
        <f t="shared" si="13"/>
        <v>#N/A</v>
      </c>
      <c r="P341" s="51">
        <v>1</v>
      </c>
      <c r="Q341" s="51" t="s">
        <v>5341</v>
      </c>
      <c r="R341" s="54" t="b">
        <v>1</v>
      </c>
      <c r="S341" s="52" t="s">
        <v>7126</v>
      </c>
      <c r="T341" s="67" t="s">
        <v>7127</v>
      </c>
      <c r="U341" s="75" t="s">
        <v>5331</v>
      </c>
      <c r="V341" s="47" t="s">
        <v>5331</v>
      </c>
      <c r="W341" s="47" t="s">
        <v>5331</v>
      </c>
      <c r="X341" s="47" t="s">
        <v>5331</v>
      </c>
      <c r="Y341" s="47" t="s">
        <v>5331</v>
      </c>
      <c r="Z341" s="28"/>
      <c r="AA341" s="27"/>
      <c r="AB341" s="27"/>
      <c r="AC341" s="27"/>
      <c r="AD341" s="30"/>
      <c r="AE341" s="1"/>
      <c r="AF341" s="23" t="s">
        <v>5331</v>
      </c>
      <c r="AG341" s="26"/>
      <c r="AH341" s="53"/>
    </row>
    <row r="342" spans="1:34" ht="51.6" customHeight="1" x14ac:dyDescent="0.45">
      <c r="A342" s="23">
        <v>336</v>
      </c>
      <c r="B342" s="25"/>
      <c r="C342" s="25"/>
      <c r="D342" s="29"/>
      <c r="E342" s="1"/>
      <c r="F342" s="1"/>
      <c r="G342" s="25"/>
      <c r="H342" s="71"/>
      <c r="I342" s="83"/>
      <c r="J342" s="50" t="str">
        <f t="shared" si="12"/>
        <v/>
      </c>
      <c r="K342" s="23" t="s">
        <v>7120</v>
      </c>
      <c r="L342" s="49" t="e">
        <f>VLOOKUP(E342&amp;F342,団体コード!$A$1:$C$1743,3,FALSE)</f>
        <v>#N/A</v>
      </c>
      <c r="M342" s="49" t="e">
        <f>VLOOKUP(E342&amp;F342,団体コード!$A$1:$C$1743,2,FALSE)</f>
        <v>#N/A</v>
      </c>
      <c r="N342" s="51" t="e">
        <f>VLOOKUP(E342,団体コード!$E$1:$F$48,2,FALSE)</f>
        <v>#N/A</v>
      </c>
      <c r="O342" s="51" t="e">
        <f t="shared" si="13"/>
        <v>#N/A</v>
      </c>
      <c r="P342" s="51">
        <v>1</v>
      </c>
      <c r="Q342" s="51" t="s">
        <v>5341</v>
      </c>
      <c r="R342" s="54" t="b">
        <v>1</v>
      </c>
      <c r="S342" s="52" t="s">
        <v>7126</v>
      </c>
      <c r="T342" s="67" t="s">
        <v>7127</v>
      </c>
      <c r="U342" s="75" t="s">
        <v>5331</v>
      </c>
      <c r="V342" s="47" t="s">
        <v>5331</v>
      </c>
      <c r="W342" s="47" t="s">
        <v>5331</v>
      </c>
      <c r="X342" s="47" t="s">
        <v>5331</v>
      </c>
      <c r="Y342" s="47" t="s">
        <v>5331</v>
      </c>
      <c r="Z342" s="28"/>
      <c r="AA342" s="27"/>
      <c r="AB342" s="27"/>
      <c r="AC342" s="27"/>
      <c r="AD342" s="30"/>
      <c r="AE342" s="1"/>
      <c r="AF342" s="23" t="s">
        <v>5331</v>
      </c>
      <c r="AG342" s="26"/>
      <c r="AH342" s="53"/>
    </row>
    <row r="343" spans="1:34" ht="51.6" customHeight="1" x14ac:dyDescent="0.45">
      <c r="A343" s="23">
        <v>337</v>
      </c>
      <c r="B343" s="25"/>
      <c r="C343" s="25"/>
      <c r="D343" s="29"/>
      <c r="E343" s="1"/>
      <c r="F343" s="1"/>
      <c r="G343" s="25"/>
      <c r="H343" s="71"/>
      <c r="I343" s="83"/>
      <c r="J343" s="50" t="str">
        <f t="shared" si="12"/>
        <v/>
      </c>
      <c r="K343" s="23" t="s">
        <v>7120</v>
      </c>
      <c r="L343" s="49" t="e">
        <f>VLOOKUP(E343&amp;F343,団体コード!$A$1:$C$1743,3,FALSE)</f>
        <v>#N/A</v>
      </c>
      <c r="M343" s="49" t="e">
        <f>VLOOKUP(E343&amp;F343,団体コード!$A$1:$C$1743,2,FALSE)</f>
        <v>#N/A</v>
      </c>
      <c r="N343" s="51" t="e">
        <f>VLOOKUP(E343,団体コード!$E$1:$F$48,2,FALSE)</f>
        <v>#N/A</v>
      </c>
      <c r="O343" s="51" t="e">
        <f t="shared" si="13"/>
        <v>#N/A</v>
      </c>
      <c r="P343" s="51">
        <v>1</v>
      </c>
      <c r="Q343" s="51" t="s">
        <v>5341</v>
      </c>
      <c r="R343" s="54" t="b">
        <v>1</v>
      </c>
      <c r="S343" s="52" t="s">
        <v>7126</v>
      </c>
      <c r="T343" s="67" t="s">
        <v>7127</v>
      </c>
      <c r="U343" s="75" t="s">
        <v>5331</v>
      </c>
      <c r="V343" s="47" t="s">
        <v>5331</v>
      </c>
      <c r="W343" s="47" t="s">
        <v>5331</v>
      </c>
      <c r="X343" s="47" t="s">
        <v>5331</v>
      </c>
      <c r="Y343" s="47" t="s">
        <v>5331</v>
      </c>
      <c r="Z343" s="28"/>
      <c r="AA343" s="27"/>
      <c r="AB343" s="27"/>
      <c r="AC343" s="27"/>
      <c r="AD343" s="30"/>
      <c r="AE343" s="1"/>
      <c r="AF343" s="23" t="s">
        <v>5331</v>
      </c>
      <c r="AG343" s="26"/>
      <c r="AH343" s="53"/>
    </row>
    <row r="344" spans="1:34" ht="51.6" customHeight="1" x14ac:dyDescent="0.45">
      <c r="A344" s="23">
        <v>338</v>
      </c>
      <c r="B344" s="25"/>
      <c r="C344" s="25"/>
      <c r="D344" s="29"/>
      <c r="E344" s="1"/>
      <c r="F344" s="1"/>
      <c r="G344" s="25"/>
      <c r="H344" s="71"/>
      <c r="I344" s="83"/>
      <c r="J344" s="50" t="str">
        <f t="shared" si="12"/>
        <v/>
      </c>
      <c r="K344" s="23" t="s">
        <v>7120</v>
      </c>
      <c r="L344" s="49" t="e">
        <f>VLOOKUP(E344&amp;F344,団体コード!$A$1:$C$1743,3,FALSE)</f>
        <v>#N/A</v>
      </c>
      <c r="M344" s="49" t="e">
        <f>VLOOKUP(E344&amp;F344,団体コード!$A$1:$C$1743,2,FALSE)</f>
        <v>#N/A</v>
      </c>
      <c r="N344" s="51" t="e">
        <f>VLOOKUP(E344,団体コード!$E$1:$F$48,2,FALSE)</f>
        <v>#N/A</v>
      </c>
      <c r="O344" s="51" t="e">
        <f t="shared" si="13"/>
        <v>#N/A</v>
      </c>
      <c r="P344" s="51">
        <v>1</v>
      </c>
      <c r="Q344" s="51" t="s">
        <v>5341</v>
      </c>
      <c r="R344" s="54" t="b">
        <v>1</v>
      </c>
      <c r="S344" s="52" t="s">
        <v>7126</v>
      </c>
      <c r="T344" s="67" t="s">
        <v>7127</v>
      </c>
      <c r="U344" s="75" t="s">
        <v>5331</v>
      </c>
      <c r="V344" s="47" t="s">
        <v>5331</v>
      </c>
      <c r="W344" s="47" t="s">
        <v>5331</v>
      </c>
      <c r="X344" s="47" t="s">
        <v>5331</v>
      </c>
      <c r="Y344" s="47" t="s">
        <v>5331</v>
      </c>
      <c r="Z344" s="28"/>
      <c r="AA344" s="27"/>
      <c r="AB344" s="27"/>
      <c r="AC344" s="27"/>
      <c r="AD344" s="30"/>
      <c r="AE344" s="1"/>
      <c r="AF344" s="23" t="s">
        <v>5331</v>
      </c>
      <c r="AG344" s="26"/>
      <c r="AH344" s="53"/>
    </row>
    <row r="345" spans="1:34" ht="51.6" customHeight="1" x14ac:dyDescent="0.45">
      <c r="A345" s="23">
        <v>339</v>
      </c>
      <c r="B345" s="25"/>
      <c r="C345" s="25"/>
      <c r="D345" s="29"/>
      <c r="E345" s="1"/>
      <c r="F345" s="1"/>
      <c r="G345" s="25"/>
      <c r="H345" s="71"/>
      <c r="I345" s="83"/>
      <c r="J345" s="50" t="str">
        <f t="shared" si="12"/>
        <v/>
      </c>
      <c r="K345" s="23" t="s">
        <v>7120</v>
      </c>
      <c r="L345" s="49" t="e">
        <f>VLOOKUP(E345&amp;F345,団体コード!$A$1:$C$1743,3,FALSE)</f>
        <v>#N/A</v>
      </c>
      <c r="M345" s="49" t="e">
        <f>VLOOKUP(E345&amp;F345,団体コード!$A$1:$C$1743,2,FALSE)</f>
        <v>#N/A</v>
      </c>
      <c r="N345" s="51" t="e">
        <f>VLOOKUP(E345,団体コード!$E$1:$F$48,2,FALSE)</f>
        <v>#N/A</v>
      </c>
      <c r="O345" s="51" t="e">
        <f t="shared" si="13"/>
        <v>#N/A</v>
      </c>
      <c r="P345" s="51">
        <v>1</v>
      </c>
      <c r="Q345" s="51" t="s">
        <v>5341</v>
      </c>
      <c r="R345" s="54" t="b">
        <v>1</v>
      </c>
      <c r="S345" s="52" t="s">
        <v>7126</v>
      </c>
      <c r="T345" s="67" t="s">
        <v>7127</v>
      </c>
      <c r="U345" s="75" t="s">
        <v>5331</v>
      </c>
      <c r="V345" s="47" t="s">
        <v>5331</v>
      </c>
      <c r="W345" s="47" t="s">
        <v>5331</v>
      </c>
      <c r="X345" s="47" t="s">
        <v>5331</v>
      </c>
      <c r="Y345" s="47" t="s">
        <v>5331</v>
      </c>
      <c r="Z345" s="28"/>
      <c r="AA345" s="27"/>
      <c r="AB345" s="27"/>
      <c r="AC345" s="27"/>
      <c r="AD345" s="30"/>
      <c r="AE345" s="1"/>
      <c r="AF345" s="23" t="s">
        <v>5331</v>
      </c>
      <c r="AG345" s="26"/>
      <c r="AH345" s="53"/>
    </row>
    <row r="346" spans="1:34" ht="51.6" customHeight="1" x14ac:dyDescent="0.45">
      <c r="A346" s="23">
        <v>340</v>
      </c>
      <c r="B346" s="25"/>
      <c r="C346" s="25"/>
      <c r="D346" s="29"/>
      <c r="E346" s="1"/>
      <c r="F346" s="1"/>
      <c r="G346" s="25"/>
      <c r="H346" s="71"/>
      <c r="I346" s="83"/>
      <c r="J346" s="50" t="str">
        <f t="shared" si="12"/>
        <v/>
      </c>
      <c r="K346" s="23" t="s">
        <v>7120</v>
      </c>
      <c r="L346" s="49" t="e">
        <f>VLOOKUP(E346&amp;F346,団体コード!$A$1:$C$1743,3,FALSE)</f>
        <v>#N/A</v>
      </c>
      <c r="M346" s="49" t="e">
        <f>VLOOKUP(E346&amp;F346,団体コード!$A$1:$C$1743,2,FALSE)</f>
        <v>#N/A</v>
      </c>
      <c r="N346" s="51" t="e">
        <f>VLOOKUP(E346,団体コード!$E$1:$F$48,2,FALSE)</f>
        <v>#N/A</v>
      </c>
      <c r="O346" s="51" t="e">
        <f t="shared" si="13"/>
        <v>#N/A</v>
      </c>
      <c r="P346" s="51">
        <v>1</v>
      </c>
      <c r="Q346" s="51" t="s">
        <v>5341</v>
      </c>
      <c r="R346" s="54" t="b">
        <v>1</v>
      </c>
      <c r="S346" s="52" t="s">
        <v>7126</v>
      </c>
      <c r="T346" s="67" t="s">
        <v>7127</v>
      </c>
      <c r="U346" s="75" t="s">
        <v>5331</v>
      </c>
      <c r="V346" s="47" t="s">
        <v>5331</v>
      </c>
      <c r="W346" s="47" t="s">
        <v>5331</v>
      </c>
      <c r="X346" s="47" t="s">
        <v>5331</v>
      </c>
      <c r="Y346" s="47" t="s">
        <v>5331</v>
      </c>
      <c r="Z346" s="28"/>
      <c r="AA346" s="27"/>
      <c r="AB346" s="27"/>
      <c r="AC346" s="27"/>
      <c r="AD346" s="30"/>
      <c r="AE346" s="1"/>
      <c r="AF346" s="23" t="s">
        <v>5331</v>
      </c>
      <c r="AG346" s="26"/>
      <c r="AH346" s="53"/>
    </row>
    <row r="347" spans="1:34" ht="51.6" customHeight="1" x14ac:dyDescent="0.45">
      <c r="A347" s="23">
        <v>341</v>
      </c>
      <c r="B347" s="25"/>
      <c r="C347" s="25"/>
      <c r="D347" s="29"/>
      <c r="E347" s="1"/>
      <c r="F347" s="1"/>
      <c r="G347" s="25"/>
      <c r="H347" s="71"/>
      <c r="I347" s="83"/>
      <c r="J347" s="50" t="str">
        <f t="shared" si="12"/>
        <v/>
      </c>
      <c r="K347" s="23" t="s">
        <v>7120</v>
      </c>
      <c r="L347" s="49" t="e">
        <f>VLOOKUP(E347&amp;F347,団体コード!$A$1:$C$1743,3,FALSE)</f>
        <v>#N/A</v>
      </c>
      <c r="M347" s="49" t="e">
        <f>VLOOKUP(E347&amp;F347,団体コード!$A$1:$C$1743,2,FALSE)</f>
        <v>#N/A</v>
      </c>
      <c r="N347" s="51" t="e">
        <f>VLOOKUP(E347,団体コード!$E$1:$F$48,2,FALSE)</f>
        <v>#N/A</v>
      </c>
      <c r="O347" s="51" t="e">
        <f t="shared" si="13"/>
        <v>#N/A</v>
      </c>
      <c r="P347" s="51">
        <v>1</v>
      </c>
      <c r="Q347" s="51" t="s">
        <v>5341</v>
      </c>
      <c r="R347" s="54" t="b">
        <v>1</v>
      </c>
      <c r="S347" s="52" t="s">
        <v>7126</v>
      </c>
      <c r="T347" s="67" t="s">
        <v>7127</v>
      </c>
      <c r="U347" s="75" t="s">
        <v>5331</v>
      </c>
      <c r="V347" s="47" t="s">
        <v>5331</v>
      </c>
      <c r="W347" s="47" t="s">
        <v>5331</v>
      </c>
      <c r="X347" s="47" t="s">
        <v>5331</v>
      </c>
      <c r="Y347" s="47" t="s">
        <v>5331</v>
      </c>
      <c r="Z347" s="28"/>
      <c r="AA347" s="27"/>
      <c r="AB347" s="27"/>
      <c r="AC347" s="27"/>
      <c r="AD347" s="30"/>
      <c r="AE347" s="1"/>
      <c r="AF347" s="23" t="s">
        <v>5331</v>
      </c>
      <c r="AG347" s="26"/>
      <c r="AH347" s="53"/>
    </row>
    <row r="348" spans="1:34" ht="51.6" customHeight="1" x14ac:dyDescent="0.45">
      <c r="A348" s="23">
        <v>342</v>
      </c>
      <c r="B348" s="25"/>
      <c r="C348" s="25"/>
      <c r="D348" s="29"/>
      <c r="E348" s="1"/>
      <c r="F348" s="1"/>
      <c r="G348" s="25"/>
      <c r="H348" s="71"/>
      <c r="I348" s="83"/>
      <c r="J348" s="50" t="str">
        <f t="shared" si="12"/>
        <v/>
      </c>
      <c r="K348" s="23" t="s">
        <v>7120</v>
      </c>
      <c r="L348" s="49" t="e">
        <f>VLOOKUP(E348&amp;F348,団体コード!$A$1:$C$1743,3,FALSE)</f>
        <v>#N/A</v>
      </c>
      <c r="M348" s="49" t="e">
        <f>VLOOKUP(E348&amp;F348,団体コード!$A$1:$C$1743,2,FALSE)</f>
        <v>#N/A</v>
      </c>
      <c r="N348" s="51" t="e">
        <f>VLOOKUP(E348,団体コード!$E$1:$F$48,2,FALSE)</f>
        <v>#N/A</v>
      </c>
      <c r="O348" s="51" t="e">
        <f t="shared" si="13"/>
        <v>#N/A</v>
      </c>
      <c r="P348" s="51">
        <v>1</v>
      </c>
      <c r="Q348" s="51" t="s">
        <v>5341</v>
      </c>
      <c r="R348" s="54" t="b">
        <v>1</v>
      </c>
      <c r="S348" s="52" t="s">
        <v>7126</v>
      </c>
      <c r="T348" s="67" t="s">
        <v>7127</v>
      </c>
      <c r="U348" s="75" t="s">
        <v>5331</v>
      </c>
      <c r="V348" s="47" t="s">
        <v>5331</v>
      </c>
      <c r="W348" s="47" t="s">
        <v>5331</v>
      </c>
      <c r="X348" s="47" t="s">
        <v>5331</v>
      </c>
      <c r="Y348" s="47" t="s">
        <v>5331</v>
      </c>
      <c r="Z348" s="28"/>
      <c r="AA348" s="27"/>
      <c r="AB348" s="27"/>
      <c r="AC348" s="27"/>
      <c r="AD348" s="30"/>
      <c r="AE348" s="1"/>
      <c r="AF348" s="23" t="s">
        <v>5331</v>
      </c>
      <c r="AG348" s="26"/>
      <c r="AH348" s="53"/>
    </row>
    <row r="349" spans="1:34" ht="51.6" customHeight="1" x14ac:dyDescent="0.45">
      <c r="A349" s="23">
        <v>343</v>
      </c>
      <c r="B349" s="25"/>
      <c r="C349" s="25"/>
      <c r="D349" s="29"/>
      <c r="E349" s="1"/>
      <c r="F349" s="1"/>
      <c r="G349" s="25"/>
      <c r="H349" s="71"/>
      <c r="I349" s="83"/>
      <c r="J349" s="50" t="str">
        <f t="shared" si="12"/>
        <v/>
      </c>
      <c r="K349" s="23" t="s">
        <v>7120</v>
      </c>
      <c r="L349" s="49" t="e">
        <f>VLOOKUP(E349&amp;F349,団体コード!$A$1:$C$1743,3,FALSE)</f>
        <v>#N/A</v>
      </c>
      <c r="M349" s="49" t="e">
        <f>VLOOKUP(E349&amp;F349,団体コード!$A$1:$C$1743,2,FALSE)</f>
        <v>#N/A</v>
      </c>
      <c r="N349" s="51" t="e">
        <f>VLOOKUP(E349,団体コード!$E$1:$F$48,2,FALSE)</f>
        <v>#N/A</v>
      </c>
      <c r="O349" s="51" t="e">
        <f t="shared" si="13"/>
        <v>#N/A</v>
      </c>
      <c r="P349" s="51">
        <v>1</v>
      </c>
      <c r="Q349" s="51" t="s">
        <v>5341</v>
      </c>
      <c r="R349" s="54" t="b">
        <v>1</v>
      </c>
      <c r="S349" s="52" t="s">
        <v>7126</v>
      </c>
      <c r="T349" s="67" t="s">
        <v>7127</v>
      </c>
      <c r="U349" s="75" t="s">
        <v>5331</v>
      </c>
      <c r="V349" s="47" t="s">
        <v>5331</v>
      </c>
      <c r="W349" s="47" t="s">
        <v>5331</v>
      </c>
      <c r="X349" s="47" t="s">
        <v>5331</v>
      </c>
      <c r="Y349" s="47" t="s">
        <v>5331</v>
      </c>
      <c r="Z349" s="28"/>
      <c r="AA349" s="27"/>
      <c r="AB349" s="27"/>
      <c r="AC349" s="27"/>
      <c r="AD349" s="30"/>
      <c r="AE349" s="1"/>
      <c r="AF349" s="23" t="s">
        <v>5331</v>
      </c>
      <c r="AG349" s="26"/>
      <c r="AH349" s="53"/>
    </row>
    <row r="350" spans="1:34" ht="51.6" customHeight="1" x14ac:dyDescent="0.45">
      <c r="A350" s="23">
        <v>344</v>
      </c>
      <c r="B350" s="25"/>
      <c r="C350" s="25"/>
      <c r="D350" s="29"/>
      <c r="E350" s="1"/>
      <c r="F350" s="1"/>
      <c r="G350" s="25"/>
      <c r="H350" s="71"/>
      <c r="I350" s="83"/>
      <c r="J350" s="50" t="str">
        <f t="shared" si="12"/>
        <v/>
      </c>
      <c r="K350" s="23" t="s">
        <v>7120</v>
      </c>
      <c r="L350" s="49" t="e">
        <f>VLOOKUP(E350&amp;F350,団体コード!$A$1:$C$1743,3,FALSE)</f>
        <v>#N/A</v>
      </c>
      <c r="M350" s="49" t="e">
        <f>VLOOKUP(E350&amp;F350,団体コード!$A$1:$C$1743,2,FALSE)</f>
        <v>#N/A</v>
      </c>
      <c r="N350" s="51" t="e">
        <f>VLOOKUP(E350,団体コード!$E$1:$F$48,2,FALSE)</f>
        <v>#N/A</v>
      </c>
      <c r="O350" s="51" t="e">
        <f t="shared" si="13"/>
        <v>#N/A</v>
      </c>
      <c r="P350" s="51">
        <v>1</v>
      </c>
      <c r="Q350" s="51" t="s">
        <v>5341</v>
      </c>
      <c r="R350" s="54" t="b">
        <v>1</v>
      </c>
      <c r="S350" s="52" t="s">
        <v>7126</v>
      </c>
      <c r="T350" s="67" t="s">
        <v>7127</v>
      </c>
      <c r="U350" s="75" t="s">
        <v>5331</v>
      </c>
      <c r="V350" s="47" t="s">
        <v>5331</v>
      </c>
      <c r="W350" s="47" t="s">
        <v>5331</v>
      </c>
      <c r="X350" s="47" t="s">
        <v>5331</v>
      </c>
      <c r="Y350" s="47" t="s">
        <v>5331</v>
      </c>
      <c r="Z350" s="28"/>
      <c r="AA350" s="27"/>
      <c r="AB350" s="27"/>
      <c r="AC350" s="27"/>
      <c r="AD350" s="30"/>
      <c r="AE350" s="1"/>
      <c r="AF350" s="23" t="s">
        <v>5331</v>
      </c>
      <c r="AG350" s="26"/>
      <c r="AH350" s="53"/>
    </row>
    <row r="351" spans="1:34" ht="51.6" customHeight="1" x14ac:dyDescent="0.45">
      <c r="A351" s="23">
        <v>345</v>
      </c>
      <c r="B351" s="25"/>
      <c r="C351" s="25"/>
      <c r="D351" s="29"/>
      <c r="E351" s="1"/>
      <c r="F351" s="1"/>
      <c r="G351" s="25"/>
      <c r="H351" s="71"/>
      <c r="I351" s="83"/>
      <c r="J351" s="50" t="str">
        <f t="shared" si="12"/>
        <v/>
      </c>
      <c r="K351" s="23" t="s">
        <v>7120</v>
      </c>
      <c r="L351" s="49" t="e">
        <f>VLOOKUP(E351&amp;F351,団体コード!$A$1:$C$1743,3,FALSE)</f>
        <v>#N/A</v>
      </c>
      <c r="M351" s="49" t="e">
        <f>VLOOKUP(E351&amp;F351,団体コード!$A$1:$C$1743,2,FALSE)</f>
        <v>#N/A</v>
      </c>
      <c r="N351" s="51" t="e">
        <f>VLOOKUP(E351,団体コード!$E$1:$F$48,2,FALSE)</f>
        <v>#N/A</v>
      </c>
      <c r="O351" s="51" t="e">
        <f t="shared" si="13"/>
        <v>#N/A</v>
      </c>
      <c r="P351" s="51">
        <v>1</v>
      </c>
      <c r="Q351" s="51" t="s">
        <v>5341</v>
      </c>
      <c r="R351" s="54" t="b">
        <v>1</v>
      </c>
      <c r="S351" s="52" t="s">
        <v>7126</v>
      </c>
      <c r="T351" s="67" t="s">
        <v>7127</v>
      </c>
      <c r="U351" s="75" t="s">
        <v>5331</v>
      </c>
      <c r="V351" s="47" t="s">
        <v>5331</v>
      </c>
      <c r="W351" s="47" t="s">
        <v>5331</v>
      </c>
      <c r="X351" s="47" t="s">
        <v>5331</v>
      </c>
      <c r="Y351" s="47" t="s">
        <v>5331</v>
      </c>
      <c r="Z351" s="28"/>
      <c r="AA351" s="27"/>
      <c r="AB351" s="27"/>
      <c r="AC351" s="27"/>
      <c r="AD351" s="30"/>
      <c r="AE351" s="1"/>
      <c r="AF351" s="23" t="s">
        <v>5331</v>
      </c>
      <c r="AG351" s="26"/>
      <c r="AH351" s="53"/>
    </row>
    <row r="352" spans="1:34" ht="51.6" customHeight="1" x14ac:dyDescent="0.45">
      <c r="A352" s="23">
        <v>346</v>
      </c>
      <c r="B352" s="25"/>
      <c r="C352" s="25"/>
      <c r="D352" s="29"/>
      <c r="E352" s="1"/>
      <c r="F352" s="1"/>
      <c r="G352" s="25"/>
      <c r="H352" s="71"/>
      <c r="I352" s="83"/>
      <c r="J352" s="50" t="str">
        <f t="shared" si="12"/>
        <v/>
      </c>
      <c r="K352" s="23" t="s">
        <v>7120</v>
      </c>
      <c r="L352" s="49" t="e">
        <f>VLOOKUP(E352&amp;F352,団体コード!$A$1:$C$1743,3,FALSE)</f>
        <v>#N/A</v>
      </c>
      <c r="M352" s="49" t="e">
        <f>VLOOKUP(E352&amp;F352,団体コード!$A$1:$C$1743,2,FALSE)</f>
        <v>#N/A</v>
      </c>
      <c r="N352" s="51" t="e">
        <f>VLOOKUP(E352,団体コード!$E$1:$F$48,2,FALSE)</f>
        <v>#N/A</v>
      </c>
      <c r="O352" s="51" t="e">
        <f t="shared" si="13"/>
        <v>#N/A</v>
      </c>
      <c r="P352" s="51">
        <v>1</v>
      </c>
      <c r="Q352" s="51" t="s">
        <v>5341</v>
      </c>
      <c r="R352" s="54" t="b">
        <v>1</v>
      </c>
      <c r="S352" s="52" t="s">
        <v>7126</v>
      </c>
      <c r="T352" s="67" t="s">
        <v>7127</v>
      </c>
      <c r="U352" s="75" t="s">
        <v>5331</v>
      </c>
      <c r="V352" s="47" t="s">
        <v>5331</v>
      </c>
      <c r="W352" s="47" t="s">
        <v>5331</v>
      </c>
      <c r="X352" s="47" t="s">
        <v>5331</v>
      </c>
      <c r="Y352" s="47" t="s">
        <v>5331</v>
      </c>
      <c r="Z352" s="28"/>
      <c r="AA352" s="27"/>
      <c r="AB352" s="27"/>
      <c r="AC352" s="27"/>
      <c r="AD352" s="30"/>
      <c r="AE352" s="1"/>
      <c r="AF352" s="23" t="s">
        <v>5331</v>
      </c>
      <c r="AG352" s="26"/>
      <c r="AH352" s="53"/>
    </row>
    <row r="353" spans="1:34" ht="51.6" customHeight="1" x14ac:dyDescent="0.45">
      <c r="A353" s="23">
        <v>347</v>
      </c>
      <c r="B353" s="25"/>
      <c r="C353" s="25"/>
      <c r="D353" s="29"/>
      <c r="E353" s="1"/>
      <c r="F353" s="1"/>
      <c r="G353" s="25"/>
      <c r="H353" s="71"/>
      <c r="I353" s="83"/>
      <c r="J353" s="50" t="str">
        <f t="shared" si="12"/>
        <v/>
      </c>
      <c r="K353" s="23" t="s">
        <v>7120</v>
      </c>
      <c r="L353" s="49" t="e">
        <f>VLOOKUP(E353&amp;F353,団体コード!$A$1:$C$1743,3,FALSE)</f>
        <v>#N/A</v>
      </c>
      <c r="M353" s="49" t="e">
        <f>VLOOKUP(E353&amp;F353,団体コード!$A$1:$C$1743,2,FALSE)</f>
        <v>#N/A</v>
      </c>
      <c r="N353" s="51" t="e">
        <f>VLOOKUP(E353,団体コード!$E$1:$F$48,2,FALSE)</f>
        <v>#N/A</v>
      </c>
      <c r="O353" s="51" t="e">
        <f t="shared" si="13"/>
        <v>#N/A</v>
      </c>
      <c r="P353" s="51">
        <v>1</v>
      </c>
      <c r="Q353" s="51" t="s">
        <v>5341</v>
      </c>
      <c r="R353" s="54" t="b">
        <v>1</v>
      </c>
      <c r="S353" s="52" t="s">
        <v>7126</v>
      </c>
      <c r="T353" s="67" t="s">
        <v>7127</v>
      </c>
      <c r="U353" s="75" t="s">
        <v>5331</v>
      </c>
      <c r="V353" s="47" t="s">
        <v>5331</v>
      </c>
      <c r="W353" s="47" t="s">
        <v>5331</v>
      </c>
      <c r="X353" s="47" t="s">
        <v>5331</v>
      </c>
      <c r="Y353" s="47" t="s">
        <v>5331</v>
      </c>
      <c r="Z353" s="28"/>
      <c r="AA353" s="27"/>
      <c r="AB353" s="27"/>
      <c r="AC353" s="27"/>
      <c r="AD353" s="30"/>
      <c r="AE353" s="1"/>
      <c r="AF353" s="23" t="s">
        <v>5331</v>
      </c>
      <c r="AG353" s="26"/>
      <c r="AH353" s="53"/>
    </row>
    <row r="354" spans="1:34" ht="51.6" customHeight="1" x14ac:dyDescent="0.45">
      <c r="A354" s="23">
        <v>348</v>
      </c>
      <c r="B354" s="25"/>
      <c r="C354" s="25"/>
      <c r="D354" s="29"/>
      <c r="E354" s="1"/>
      <c r="F354" s="1"/>
      <c r="G354" s="25"/>
      <c r="H354" s="71"/>
      <c r="I354" s="83"/>
      <c r="J354" s="50" t="str">
        <f t="shared" si="12"/>
        <v/>
      </c>
      <c r="K354" s="23" t="s">
        <v>7120</v>
      </c>
      <c r="L354" s="49" t="e">
        <f>VLOOKUP(E354&amp;F354,団体コード!$A$1:$C$1743,3,FALSE)</f>
        <v>#N/A</v>
      </c>
      <c r="M354" s="49" t="e">
        <f>VLOOKUP(E354&amp;F354,団体コード!$A$1:$C$1743,2,FALSE)</f>
        <v>#N/A</v>
      </c>
      <c r="N354" s="51" t="e">
        <f>VLOOKUP(E354,団体コード!$E$1:$F$48,2,FALSE)</f>
        <v>#N/A</v>
      </c>
      <c r="O354" s="51" t="e">
        <f t="shared" si="13"/>
        <v>#N/A</v>
      </c>
      <c r="P354" s="51">
        <v>1</v>
      </c>
      <c r="Q354" s="51" t="s">
        <v>5341</v>
      </c>
      <c r="R354" s="54" t="b">
        <v>1</v>
      </c>
      <c r="S354" s="52" t="s">
        <v>7126</v>
      </c>
      <c r="T354" s="67" t="s">
        <v>7127</v>
      </c>
      <c r="U354" s="75" t="s">
        <v>5331</v>
      </c>
      <c r="V354" s="47" t="s">
        <v>5331</v>
      </c>
      <c r="W354" s="47" t="s">
        <v>5331</v>
      </c>
      <c r="X354" s="47" t="s">
        <v>5331</v>
      </c>
      <c r="Y354" s="47" t="s">
        <v>5331</v>
      </c>
      <c r="Z354" s="28"/>
      <c r="AA354" s="27"/>
      <c r="AB354" s="27"/>
      <c r="AC354" s="27"/>
      <c r="AD354" s="30"/>
      <c r="AE354" s="1"/>
      <c r="AF354" s="23" t="s">
        <v>5331</v>
      </c>
      <c r="AG354" s="26"/>
      <c r="AH354" s="53"/>
    </row>
    <row r="355" spans="1:34" ht="51.6" customHeight="1" x14ac:dyDescent="0.45">
      <c r="A355" s="23">
        <v>349</v>
      </c>
      <c r="B355" s="25"/>
      <c r="C355" s="25"/>
      <c r="D355" s="29"/>
      <c r="E355" s="1"/>
      <c r="F355" s="1"/>
      <c r="G355" s="25"/>
      <c r="H355" s="71"/>
      <c r="I355" s="83"/>
      <c r="J355" s="50" t="str">
        <f t="shared" si="12"/>
        <v/>
      </c>
      <c r="K355" s="23" t="s">
        <v>7120</v>
      </c>
      <c r="L355" s="49" t="e">
        <f>VLOOKUP(E355&amp;F355,団体コード!$A$1:$C$1743,3,FALSE)</f>
        <v>#N/A</v>
      </c>
      <c r="M355" s="49" t="e">
        <f>VLOOKUP(E355&amp;F355,団体コード!$A$1:$C$1743,2,FALSE)</f>
        <v>#N/A</v>
      </c>
      <c r="N355" s="51" t="e">
        <f>VLOOKUP(E355,団体コード!$E$1:$F$48,2,FALSE)</f>
        <v>#N/A</v>
      </c>
      <c r="O355" s="51" t="e">
        <f t="shared" si="13"/>
        <v>#N/A</v>
      </c>
      <c r="P355" s="51">
        <v>1</v>
      </c>
      <c r="Q355" s="51" t="s">
        <v>5341</v>
      </c>
      <c r="R355" s="54" t="b">
        <v>1</v>
      </c>
      <c r="S355" s="52" t="s">
        <v>7126</v>
      </c>
      <c r="T355" s="67" t="s">
        <v>7127</v>
      </c>
      <c r="U355" s="75" t="s">
        <v>5331</v>
      </c>
      <c r="V355" s="47" t="s">
        <v>5331</v>
      </c>
      <c r="W355" s="47" t="s">
        <v>5331</v>
      </c>
      <c r="X355" s="47" t="s">
        <v>5331</v>
      </c>
      <c r="Y355" s="47" t="s">
        <v>5331</v>
      </c>
      <c r="Z355" s="28"/>
      <c r="AA355" s="27"/>
      <c r="AB355" s="27"/>
      <c r="AC355" s="27"/>
      <c r="AD355" s="30"/>
      <c r="AE355" s="1"/>
      <c r="AF355" s="23" t="s">
        <v>5331</v>
      </c>
      <c r="AG355" s="26"/>
      <c r="AH355" s="53"/>
    </row>
    <row r="356" spans="1:34" ht="51.6" customHeight="1" x14ac:dyDescent="0.45">
      <c r="A356" s="23">
        <v>350</v>
      </c>
      <c r="B356" s="25"/>
      <c r="C356" s="25"/>
      <c r="D356" s="29"/>
      <c r="E356" s="1"/>
      <c r="F356" s="1"/>
      <c r="G356" s="25"/>
      <c r="H356" s="71"/>
      <c r="I356" s="83"/>
      <c r="J356" s="50" t="str">
        <f t="shared" si="12"/>
        <v/>
      </c>
      <c r="K356" s="23" t="s">
        <v>7120</v>
      </c>
      <c r="L356" s="49" t="e">
        <f>VLOOKUP(E356&amp;F356,団体コード!$A$1:$C$1743,3,FALSE)</f>
        <v>#N/A</v>
      </c>
      <c r="M356" s="49" t="e">
        <f>VLOOKUP(E356&amp;F356,団体コード!$A$1:$C$1743,2,FALSE)</f>
        <v>#N/A</v>
      </c>
      <c r="N356" s="51" t="e">
        <f>VLOOKUP(E356,団体コード!$E$1:$F$48,2,FALSE)</f>
        <v>#N/A</v>
      </c>
      <c r="O356" s="51" t="e">
        <f t="shared" si="13"/>
        <v>#N/A</v>
      </c>
      <c r="P356" s="51">
        <v>1</v>
      </c>
      <c r="Q356" s="51" t="s">
        <v>5341</v>
      </c>
      <c r="R356" s="54" t="b">
        <v>1</v>
      </c>
      <c r="S356" s="52" t="s">
        <v>7126</v>
      </c>
      <c r="T356" s="67" t="s">
        <v>7127</v>
      </c>
      <c r="U356" s="75" t="s">
        <v>5331</v>
      </c>
      <c r="V356" s="47" t="s">
        <v>5331</v>
      </c>
      <c r="W356" s="47" t="s">
        <v>5331</v>
      </c>
      <c r="X356" s="47" t="s">
        <v>5331</v>
      </c>
      <c r="Y356" s="47" t="s">
        <v>5331</v>
      </c>
      <c r="Z356" s="28"/>
      <c r="AA356" s="27"/>
      <c r="AB356" s="27"/>
      <c r="AC356" s="27"/>
      <c r="AD356" s="30"/>
      <c r="AE356" s="1"/>
      <c r="AF356" s="23" t="s">
        <v>5331</v>
      </c>
      <c r="AG356" s="26"/>
      <c r="AH356" s="53"/>
    </row>
    <row r="357" spans="1:34" ht="51.6" customHeight="1" x14ac:dyDescent="0.45">
      <c r="A357" s="23">
        <v>351</v>
      </c>
      <c r="B357" s="25"/>
      <c r="C357" s="25"/>
      <c r="D357" s="29"/>
      <c r="E357" s="1"/>
      <c r="F357" s="1"/>
      <c r="G357" s="25"/>
      <c r="H357" s="71"/>
      <c r="I357" s="83"/>
      <c r="J357" s="50" t="str">
        <f t="shared" si="12"/>
        <v/>
      </c>
      <c r="K357" s="23" t="s">
        <v>7120</v>
      </c>
      <c r="L357" s="49" t="e">
        <f>VLOOKUP(E357&amp;F357,団体コード!$A$1:$C$1743,3,FALSE)</f>
        <v>#N/A</v>
      </c>
      <c r="M357" s="49" t="e">
        <f>VLOOKUP(E357&amp;F357,団体コード!$A$1:$C$1743,2,FALSE)</f>
        <v>#N/A</v>
      </c>
      <c r="N357" s="51" t="e">
        <f>VLOOKUP(E357,団体コード!$E$1:$F$48,2,FALSE)</f>
        <v>#N/A</v>
      </c>
      <c r="O357" s="51" t="e">
        <f t="shared" si="13"/>
        <v>#N/A</v>
      </c>
      <c r="P357" s="51">
        <v>1</v>
      </c>
      <c r="Q357" s="51" t="s">
        <v>5341</v>
      </c>
      <c r="R357" s="54" t="b">
        <v>1</v>
      </c>
      <c r="S357" s="52" t="s">
        <v>7126</v>
      </c>
      <c r="T357" s="67" t="s">
        <v>7127</v>
      </c>
      <c r="U357" s="75" t="s">
        <v>5331</v>
      </c>
      <c r="V357" s="47" t="s">
        <v>5331</v>
      </c>
      <c r="W357" s="47" t="s">
        <v>5331</v>
      </c>
      <c r="X357" s="47" t="s">
        <v>5331</v>
      </c>
      <c r="Y357" s="47" t="s">
        <v>5331</v>
      </c>
      <c r="Z357" s="28"/>
      <c r="AA357" s="27"/>
      <c r="AB357" s="27"/>
      <c r="AC357" s="27"/>
      <c r="AD357" s="30"/>
      <c r="AE357" s="1"/>
      <c r="AF357" s="23" t="s">
        <v>5331</v>
      </c>
      <c r="AG357" s="26"/>
      <c r="AH357" s="53"/>
    </row>
    <row r="358" spans="1:34" ht="51.6" customHeight="1" x14ac:dyDescent="0.45">
      <c r="A358" s="23">
        <v>352</v>
      </c>
      <c r="B358" s="25"/>
      <c r="C358" s="25"/>
      <c r="D358" s="29"/>
      <c r="E358" s="1"/>
      <c r="F358" s="1"/>
      <c r="G358" s="25"/>
      <c r="H358" s="71"/>
      <c r="I358" s="83"/>
      <c r="J358" s="50" t="str">
        <f t="shared" si="12"/>
        <v/>
      </c>
      <c r="K358" s="23" t="s">
        <v>7120</v>
      </c>
      <c r="L358" s="49" t="e">
        <f>VLOOKUP(E358&amp;F358,団体コード!$A$1:$C$1743,3,FALSE)</f>
        <v>#N/A</v>
      </c>
      <c r="M358" s="49" t="e">
        <f>VLOOKUP(E358&amp;F358,団体コード!$A$1:$C$1743,2,FALSE)</f>
        <v>#N/A</v>
      </c>
      <c r="N358" s="51" t="e">
        <f>VLOOKUP(E358,団体コード!$E$1:$F$48,2,FALSE)</f>
        <v>#N/A</v>
      </c>
      <c r="O358" s="51" t="e">
        <f t="shared" si="13"/>
        <v>#N/A</v>
      </c>
      <c r="P358" s="51">
        <v>1</v>
      </c>
      <c r="Q358" s="51" t="s">
        <v>5341</v>
      </c>
      <c r="R358" s="54" t="b">
        <v>1</v>
      </c>
      <c r="S358" s="52" t="s">
        <v>7126</v>
      </c>
      <c r="T358" s="67" t="s">
        <v>7127</v>
      </c>
      <c r="U358" s="75" t="s">
        <v>5331</v>
      </c>
      <c r="V358" s="47" t="s">
        <v>5331</v>
      </c>
      <c r="W358" s="47" t="s">
        <v>5331</v>
      </c>
      <c r="X358" s="47" t="s">
        <v>5331</v>
      </c>
      <c r="Y358" s="47" t="s">
        <v>5331</v>
      </c>
      <c r="Z358" s="28"/>
      <c r="AA358" s="27"/>
      <c r="AB358" s="27"/>
      <c r="AC358" s="27"/>
      <c r="AD358" s="30"/>
      <c r="AE358" s="1"/>
      <c r="AF358" s="23" t="s">
        <v>5331</v>
      </c>
      <c r="AG358" s="26"/>
      <c r="AH358" s="53"/>
    </row>
    <row r="359" spans="1:34" ht="51.6" customHeight="1" x14ac:dyDescent="0.45">
      <c r="A359" s="23">
        <v>353</v>
      </c>
      <c r="B359" s="25"/>
      <c r="C359" s="25"/>
      <c r="D359" s="29"/>
      <c r="E359" s="1"/>
      <c r="F359" s="1"/>
      <c r="G359" s="25"/>
      <c r="H359" s="71"/>
      <c r="I359" s="83"/>
      <c r="J359" s="50" t="str">
        <f t="shared" si="12"/>
        <v/>
      </c>
      <c r="K359" s="23" t="s">
        <v>7120</v>
      </c>
      <c r="L359" s="49" t="e">
        <f>VLOOKUP(E359&amp;F359,団体コード!$A$1:$C$1743,3,FALSE)</f>
        <v>#N/A</v>
      </c>
      <c r="M359" s="49" t="e">
        <f>VLOOKUP(E359&amp;F359,団体コード!$A$1:$C$1743,2,FALSE)</f>
        <v>#N/A</v>
      </c>
      <c r="N359" s="51" t="e">
        <f>VLOOKUP(E359,団体コード!$E$1:$F$48,2,FALSE)</f>
        <v>#N/A</v>
      </c>
      <c r="O359" s="51" t="e">
        <f t="shared" si="13"/>
        <v>#N/A</v>
      </c>
      <c r="P359" s="51">
        <v>1</v>
      </c>
      <c r="Q359" s="51" t="s">
        <v>5341</v>
      </c>
      <c r="R359" s="54" t="b">
        <v>1</v>
      </c>
      <c r="S359" s="52" t="s">
        <v>7126</v>
      </c>
      <c r="T359" s="67" t="s">
        <v>7127</v>
      </c>
      <c r="U359" s="75" t="s">
        <v>5331</v>
      </c>
      <c r="V359" s="47" t="s">
        <v>5331</v>
      </c>
      <c r="W359" s="47" t="s">
        <v>5331</v>
      </c>
      <c r="X359" s="47" t="s">
        <v>5331</v>
      </c>
      <c r="Y359" s="47" t="s">
        <v>5331</v>
      </c>
      <c r="Z359" s="28"/>
      <c r="AA359" s="27"/>
      <c r="AB359" s="27"/>
      <c r="AC359" s="27"/>
      <c r="AD359" s="30"/>
      <c r="AE359" s="1"/>
      <c r="AF359" s="23" t="s">
        <v>5331</v>
      </c>
      <c r="AG359" s="26"/>
      <c r="AH359" s="53"/>
    </row>
    <row r="360" spans="1:34" ht="51.6" customHeight="1" x14ac:dyDescent="0.45">
      <c r="A360" s="23">
        <v>354</v>
      </c>
      <c r="B360" s="25"/>
      <c r="C360" s="25"/>
      <c r="D360" s="29"/>
      <c r="E360" s="1"/>
      <c r="F360" s="1"/>
      <c r="G360" s="25"/>
      <c r="H360" s="71"/>
      <c r="I360" s="83"/>
      <c r="J360" s="50" t="str">
        <f t="shared" si="12"/>
        <v/>
      </c>
      <c r="K360" s="23" t="s">
        <v>7120</v>
      </c>
      <c r="L360" s="49" t="e">
        <f>VLOOKUP(E360&amp;F360,団体コード!$A$1:$C$1743,3,FALSE)</f>
        <v>#N/A</v>
      </c>
      <c r="M360" s="49" t="e">
        <f>VLOOKUP(E360&amp;F360,団体コード!$A$1:$C$1743,2,FALSE)</f>
        <v>#N/A</v>
      </c>
      <c r="N360" s="51" t="e">
        <f>VLOOKUP(E360,団体コード!$E$1:$F$48,2,FALSE)</f>
        <v>#N/A</v>
      </c>
      <c r="O360" s="51" t="e">
        <f t="shared" si="13"/>
        <v>#N/A</v>
      </c>
      <c r="P360" s="51">
        <v>1</v>
      </c>
      <c r="Q360" s="51" t="s">
        <v>5341</v>
      </c>
      <c r="R360" s="54" t="b">
        <v>1</v>
      </c>
      <c r="S360" s="52" t="s">
        <v>7126</v>
      </c>
      <c r="T360" s="67" t="s">
        <v>7127</v>
      </c>
      <c r="U360" s="75" t="s">
        <v>5331</v>
      </c>
      <c r="V360" s="47" t="s">
        <v>5331</v>
      </c>
      <c r="W360" s="47" t="s">
        <v>5331</v>
      </c>
      <c r="X360" s="47" t="s">
        <v>5331</v>
      </c>
      <c r="Y360" s="47" t="s">
        <v>5331</v>
      </c>
      <c r="Z360" s="28"/>
      <c r="AA360" s="27"/>
      <c r="AB360" s="27"/>
      <c r="AC360" s="27"/>
      <c r="AD360" s="30"/>
      <c r="AE360" s="1"/>
      <c r="AF360" s="23" t="s">
        <v>5331</v>
      </c>
      <c r="AG360" s="26"/>
      <c r="AH360" s="53"/>
    </row>
    <row r="361" spans="1:34" ht="51.6" customHeight="1" x14ac:dyDescent="0.45">
      <c r="A361" s="23">
        <v>355</v>
      </c>
      <c r="B361" s="25"/>
      <c r="C361" s="25"/>
      <c r="D361" s="29"/>
      <c r="E361" s="1"/>
      <c r="F361" s="1"/>
      <c r="G361" s="25"/>
      <c r="H361" s="71"/>
      <c r="I361" s="83"/>
      <c r="J361" s="50" t="str">
        <f t="shared" si="12"/>
        <v/>
      </c>
      <c r="K361" s="23" t="s">
        <v>7120</v>
      </c>
      <c r="L361" s="49" t="e">
        <f>VLOOKUP(E361&amp;F361,団体コード!$A$1:$C$1743,3,FALSE)</f>
        <v>#N/A</v>
      </c>
      <c r="M361" s="49" t="e">
        <f>VLOOKUP(E361&amp;F361,団体コード!$A$1:$C$1743,2,FALSE)</f>
        <v>#N/A</v>
      </c>
      <c r="N361" s="51" t="e">
        <f>VLOOKUP(E361,団体コード!$E$1:$F$48,2,FALSE)</f>
        <v>#N/A</v>
      </c>
      <c r="O361" s="51" t="e">
        <f t="shared" si="13"/>
        <v>#N/A</v>
      </c>
      <c r="P361" s="51">
        <v>1</v>
      </c>
      <c r="Q361" s="51" t="s">
        <v>5341</v>
      </c>
      <c r="R361" s="54" t="b">
        <v>1</v>
      </c>
      <c r="S361" s="52" t="s">
        <v>7126</v>
      </c>
      <c r="T361" s="67" t="s">
        <v>7127</v>
      </c>
      <c r="U361" s="75" t="s">
        <v>5331</v>
      </c>
      <c r="V361" s="47" t="s">
        <v>5331</v>
      </c>
      <c r="W361" s="47" t="s">
        <v>5331</v>
      </c>
      <c r="X361" s="47" t="s">
        <v>5331</v>
      </c>
      <c r="Y361" s="47" t="s">
        <v>5331</v>
      </c>
      <c r="Z361" s="28"/>
      <c r="AA361" s="27"/>
      <c r="AB361" s="27"/>
      <c r="AC361" s="27"/>
      <c r="AD361" s="30"/>
      <c r="AE361" s="1"/>
      <c r="AF361" s="23" t="s">
        <v>5331</v>
      </c>
      <c r="AG361" s="26"/>
      <c r="AH361" s="53"/>
    </row>
    <row r="362" spans="1:34" ht="51.6" customHeight="1" x14ac:dyDescent="0.45">
      <c r="A362" s="23">
        <v>356</v>
      </c>
      <c r="B362" s="25"/>
      <c r="C362" s="25"/>
      <c r="D362" s="29"/>
      <c r="E362" s="1"/>
      <c r="F362" s="1"/>
      <c r="G362" s="25"/>
      <c r="H362" s="71"/>
      <c r="I362" s="83"/>
      <c r="J362" s="50" t="str">
        <f t="shared" si="12"/>
        <v/>
      </c>
      <c r="K362" s="23" t="s">
        <v>7120</v>
      </c>
      <c r="L362" s="49" t="e">
        <f>VLOOKUP(E362&amp;F362,団体コード!$A$1:$C$1743,3,FALSE)</f>
        <v>#N/A</v>
      </c>
      <c r="M362" s="49" t="e">
        <f>VLOOKUP(E362&amp;F362,団体コード!$A$1:$C$1743,2,FALSE)</f>
        <v>#N/A</v>
      </c>
      <c r="N362" s="51" t="e">
        <f>VLOOKUP(E362,団体コード!$E$1:$F$48,2,FALSE)</f>
        <v>#N/A</v>
      </c>
      <c r="O362" s="51" t="e">
        <f t="shared" si="13"/>
        <v>#N/A</v>
      </c>
      <c r="P362" s="51">
        <v>1</v>
      </c>
      <c r="Q362" s="51" t="s">
        <v>5341</v>
      </c>
      <c r="R362" s="54" t="b">
        <v>1</v>
      </c>
      <c r="S362" s="52" t="s">
        <v>7126</v>
      </c>
      <c r="T362" s="67" t="s">
        <v>7127</v>
      </c>
      <c r="U362" s="75" t="s">
        <v>5331</v>
      </c>
      <c r="V362" s="47" t="s">
        <v>5331</v>
      </c>
      <c r="W362" s="47" t="s">
        <v>5331</v>
      </c>
      <c r="X362" s="47" t="s">
        <v>5331</v>
      </c>
      <c r="Y362" s="47" t="s">
        <v>5331</v>
      </c>
      <c r="Z362" s="28"/>
      <c r="AA362" s="27"/>
      <c r="AB362" s="27"/>
      <c r="AC362" s="27"/>
      <c r="AD362" s="30"/>
      <c r="AE362" s="1"/>
      <c r="AF362" s="23" t="s">
        <v>5331</v>
      </c>
      <c r="AG362" s="26"/>
      <c r="AH362" s="53"/>
    </row>
    <row r="363" spans="1:34" ht="51.6" customHeight="1" x14ac:dyDescent="0.45">
      <c r="A363" s="23">
        <v>357</v>
      </c>
      <c r="B363" s="25"/>
      <c r="C363" s="25"/>
      <c r="D363" s="29"/>
      <c r="E363" s="1"/>
      <c r="F363" s="1"/>
      <c r="G363" s="25"/>
      <c r="H363" s="71"/>
      <c r="I363" s="83"/>
      <c r="J363" s="50" t="str">
        <f t="shared" si="12"/>
        <v/>
      </c>
      <c r="K363" s="23" t="s">
        <v>7120</v>
      </c>
      <c r="L363" s="49" t="e">
        <f>VLOOKUP(E363&amp;F363,団体コード!$A$1:$C$1743,3,FALSE)</f>
        <v>#N/A</v>
      </c>
      <c r="M363" s="49" t="e">
        <f>VLOOKUP(E363&amp;F363,団体コード!$A$1:$C$1743,2,FALSE)</f>
        <v>#N/A</v>
      </c>
      <c r="N363" s="51" t="e">
        <f>VLOOKUP(E363,団体コード!$E$1:$F$48,2,FALSE)</f>
        <v>#N/A</v>
      </c>
      <c r="O363" s="51" t="e">
        <f t="shared" si="13"/>
        <v>#N/A</v>
      </c>
      <c r="P363" s="51">
        <v>1</v>
      </c>
      <c r="Q363" s="51" t="s">
        <v>5341</v>
      </c>
      <c r="R363" s="54" t="b">
        <v>1</v>
      </c>
      <c r="S363" s="52" t="s">
        <v>7126</v>
      </c>
      <c r="T363" s="67" t="s">
        <v>7127</v>
      </c>
      <c r="U363" s="75" t="s">
        <v>5331</v>
      </c>
      <c r="V363" s="47" t="s">
        <v>5331</v>
      </c>
      <c r="W363" s="47" t="s">
        <v>5331</v>
      </c>
      <c r="X363" s="47" t="s">
        <v>5331</v>
      </c>
      <c r="Y363" s="47" t="s">
        <v>5331</v>
      </c>
      <c r="Z363" s="28"/>
      <c r="AA363" s="27"/>
      <c r="AB363" s="27"/>
      <c r="AC363" s="27"/>
      <c r="AD363" s="30"/>
      <c r="AE363" s="1"/>
      <c r="AF363" s="23" t="s">
        <v>5331</v>
      </c>
      <c r="AG363" s="26"/>
      <c r="AH363" s="53"/>
    </row>
    <row r="364" spans="1:34" ht="51.6" customHeight="1" x14ac:dyDescent="0.45">
      <c r="A364" s="23">
        <v>358</v>
      </c>
      <c r="B364" s="25"/>
      <c r="C364" s="25"/>
      <c r="D364" s="29"/>
      <c r="E364" s="1"/>
      <c r="F364" s="1"/>
      <c r="G364" s="25"/>
      <c r="H364" s="71"/>
      <c r="I364" s="83"/>
      <c r="J364" s="50" t="str">
        <f t="shared" si="12"/>
        <v/>
      </c>
      <c r="K364" s="23" t="s">
        <v>7120</v>
      </c>
      <c r="L364" s="49" t="e">
        <f>VLOOKUP(E364&amp;F364,団体コード!$A$1:$C$1743,3,FALSE)</f>
        <v>#N/A</v>
      </c>
      <c r="M364" s="49" t="e">
        <f>VLOOKUP(E364&amp;F364,団体コード!$A$1:$C$1743,2,FALSE)</f>
        <v>#N/A</v>
      </c>
      <c r="N364" s="51" t="e">
        <f>VLOOKUP(E364,団体コード!$E$1:$F$48,2,FALSE)</f>
        <v>#N/A</v>
      </c>
      <c r="O364" s="51" t="e">
        <f t="shared" si="13"/>
        <v>#N/A</v>
      </c>
      <c r="P364" s="51">
        <v>1</v>
      </c>
      <c r="Q364" s="51" t="s">
        <v>5341</v>
      </c>
      <c r="R364" s="54" t="b">
        <v>1</v>
      </c>
      <c r="S364" s="52" t="s">
        <v>7126</v>
      </c>
      <c r="T364" s="67" t="s">
        <v>7127</v>
      </c>
      <c r="U364" s="75" t="s">
        <v>5331</v>
      </c>
      <c r="V364" s="47" t="s">
        <v>5331</v>
      </c>
      <c r="W364" s="47" t="s">
        <v>5331</v>
      </c>
      <c r="X364" s="47" t="s">
        <v>5331</v>
      </c>
      <c r="Y364" s="47" t="s">
        <v>5331</v>
      </c>
      <c r="Z364" s="28"/>
      <c r="AA364" s="27"/>
      <c r="AB364" s="27"/>
      <c r="AC364" s="27"/>
      <c r="AD364" s="30"/>
      <c r="AE364" s="1"/>
      <c r="AF364" s="23" t="s">
        <v>5331</v>
      </c>
      <c r="AG364" s="26"/>
      <c r="AH364" s="53"/>
    </row>
    <row r="365" spans="1:34" ht="51.6" customHeight="1" x14ac:dyDescent="0.45">
      <c r="A365" s="23">
        <v>359</v>
      </c>
      <c r="B365" s="25"/>
      <c r="C365" s="25"/>
      <c r="D365" s="29"/>
      <c r="E365" s="1"/>
      <c r="F365" s="1"/>
      <c r="G365" s="25"/>
      <c r="H365" s="71"/>
      <c r="I365" s="83"/>
      <c r="J365" s="50" t="str">
        <f t="shared" si="12"/>
        <v/>
      </c>
      <c r="K365" s="23" t="s">
        <v>7120</v>
      </c>
      <c r="L365" s="49" t="e">
        <f>VLOOKUP(E365&amp;F365,団体コード!$A$1:$C$1743,3,FALSE)</f>
        <v>#N/A</v>
      </c>
      <c r="M365" s="49" t="e">
        <f>VLOOKUP(E365&amp;F365,団体コード!$A$1:$C$1743,2,FALSE)</f>
        <v>#N/A</v>
      </c>
      <c r="N365" s="51" t="e">
        <f>VLOOKUP(E365,団体コード!$E$1:$F$48,2,FALSE)</f>
        <v>#N/A</v>
      </c>
      <c r="O365" s="51" t="e">
        <f t="shared" si="13"/>
        <v>#N/A</v>
      </c>
      <c r="P365" s="51">
        <v>1</v>
      </c>
      <c r="Q365" s="51" t="s">
        <v>5341</v>
      </c>
      <c r="R365" s="54" t="b">
        <v>1</v>
      </c>
      <c r="S365" s="52" t="s">
        <v>7126</v>
      </c>
      <c r="T365" s="67" t="s">
        <v>7127</v>
      </c>
      <c r="U365" s="75" t="s">
        <v>5331</v>
      </c>
      <c r="V365" s="47" t="s">
        <v>5331</v>
      </c>
      <c r="W365" s="47" t="s">
        <v>5331</v>
      </c>
      <c r="X365" s="47" t="s">
        <v>5331</v>
      </c>
      <c r="Y365" s="47" t="s">
        <v>5331</v>
      </c>
      <c r="Z365" s="28"/>
      <c r="AA365" s="27"/>
      <c r="AB365" s="27"/>
      <c r="AC365" s="27"/>
      <c r="AD365" s="30"/>
      <c r="AE365" s="1"/>
      <c r="AF365" s="23" t="s">
        <v>5331</v>
      </c>
      <c r="AG365" s="26"/>
      <c r="AH365" s="53"/>
    </row>
    <row r="366" spans="1:34" ht="51.6" customHeight="1" x14ac:dyDescent="0.45">
      <c r="A366" s="23">
        <v>360</v>
      </c>
      <c r="B366" s="25"/>
      <c r="C366" s="25"/>
      <c r="D366" s="29"/>
      <c r="E366" s="1"/>
      <c r="F366" s="1"/>
      <c r="G366" s="25"/>
      <c r="H366" s="71"/>
      <c r="I366" s="83"/>
      <c r="J366" s="50" t="str">
        <f t="shared" si="12"/>
        <v/>
      </c>
      <c r="K366" s="23" t="s">
        <v>7120</v>
      </c>
      <c r="L366" s="49" t="e">
        <f>VLOOKUP(E366&amp;F366,団体コード!$A$1:$C$1743,3,FALSE)</f>
        <v>#N/A</v>
      </c>
      <c r="M366" s="49" t="e">
        <f>VLOOKUP(E366&amp;F366,団体コード!$A$1:$C$1743,2,FALSE)</f>
        <v>#N/A</v>
      </c>
      <c r="N366" s="51" t="e">
        <f>VLOOKUP(E366,団体コード!$E$1:$F$48,2,FALSE)</f>
        <v>#N/A</v>
      </c>
      <c r="O366" s="51" t="e">
        <f t="shared" si="13"/>
        <v>#N/A</v>
      </c>
      <c r="P366" s="51">
        <v>1</v>
      </c>
      <c r="Q366" s="51" t="s">
        <v>5341</v>
      </c>
      <c r="R366" s="54" t="b">
        <v>1</v>
      </c>
      <c r="S366" s="52" t="s">
        <v>7126</v>
      </c>
      <c r="T366" s="67" t="s">
        <v>7127</v>
      </c>
      <c r="U366" s="75" t="s">
        <v>5331</v>
      </c>
      <c r="V366" s="47" t="s">
        <v>5331</v>
      </c>
      <c r="W366" s="47" t="s">
        <v>5331</v>
      </c>
      <c r="X366" s="47" t="s">
        <v>5331</v>
      </c>
      <c r="Y366" s="47" t="s">
        <v>5331</v>
      </c>
      <c r="Z366" s="28"/>
      <c r="AA366" s="27"/>
      <c r="AB366" s="27"/>
      <c r="AC366" s="27"/>
      <c r="AD366" s="30"/>
      <c r="AE366" s="1"/>
      <c r="AF366" s="23" t="s">
        <v>5331</v>
      </c>
      <c r="AG366" s="26"/>
      <c r="AH366" s="53"/>
    </row>
    <row r="367" spans="1:34" ht="51.6" customHeight="1" x14ac:dyDescent="0.45">
      <c r="A367" s="23">
        <v>361</v>
      </c>
      <c r="B367" s="25"/>
      <c r="C367" s="25"/>
      <c r="D367" s="29"/>
      <c r="E367" s="1"/>
      <c r="F367" s="1"/>
      <c r="G367" s="25"/>
      <c r="H367" s="71"/>
      <c r="I367" s="83"/>
      <c r="J367" s="50" t="str">
        <f t="shared" si="12"/>
        <v/>
      </c>
      <c r="K367" s="23" t="s">
        <v>7120</v>
      </c>
      <c r="L367" s="49" t="e">
        <f>VLOOKUP(E367&amp;F367,団体コード!$A$1:$C$1743,3,FALSE)</f>
        <v>#N/A</v>
      </c>
      <c r="M367" s="49" t="e">
        <f>VLOOKUP(E367&amp;F367,団体コード!$A$1:$C$1743,2,FALSE)</f>
        <v>#N/A</v>
      </c>
      <c r="N367" s="51" t="e">
        <f>VLOOKUP(E367,団体コード!$E$1:$F$48,2,FALSE)</f>
        <v>#N/A</v>
      </c>
      <c r="O367" s="51" t="e">
        <f t="shared" si="13"/>
        <v>#N/A</v>
      </c>
      <c r="P367" s="51">
        <v>1</v>
      </c>
      <c r="Q367" s="51" t="s">
        <v>5341</v>
      </c>
      <c r="R367" s="54" t="b">
        <v>1</v>
      </c>
      <c r="S367" s="52" t="s">
        <v>7126</v>
      </c>
      <c r="T367" s="67" t="s">
        <v>7127</v>
      </c>
      <c r="U367" s="75" t="s">
        <v>5331</v>
      </c>
      <c r="V367" s="47" t="s">
        <v>5331</v>
      </c>
      <c r="W367" s="47" t="s">
        <v>5331</v>
      </c>
      <c r="X367" s="47" t="s">
        <v>5331</v>
      </c>
      <c r="Y367" s="47" t="s">
        <v>5331</v>
      </c>
      <c r="Z367" s="28"/>
      <c r="AA367" s="27"/>
      <c r="AB367" s="27"/>
      <c r="AC367" s="27"/>
      <c r="AD367" s="30"/>
      <c r="AE367" s="1"/>
      <c r="AF367" s="23" t="s">
        <v>5331</v>
      </c>
      <c r="AG367" s="26"/>
      <c r="AH367" s="53"/>
    </row>
    <row r="368" spans="1:34" ht="51.6" customHeight="1" x14ac:dyDescent="0.45">
      <c r="A368" s="23">
        <v>362</v>
      </c>
      <c r="B368" s="25"/>
      <c r="C368" s="25"/>
      <c r="D368" s="29"/>
      <c r="E368" s="1"/>
      <c r="F368" s="1"/>
      <c r="G368" s="25"/>
      <c r="H368" s="71"/>
      <c r="I368" s="83"/>
      <c r="J368" s="50" t="str">
        <f t="shared" si="12"/>
        <v/>
      </c>
      <c r="K368" s="23" t="s">
        <v>7120</v>
      </c>
      <c r="L368" s="49" t="e">
        <f>VLOOKUP(E368&amp;F368,団体コード!$A$1:$C$1743,3,FALSE)</f>
        <v>#N/A</v>
      </c>
      <c r="M368" s="49" t="e">
        <f>VLOOKUP(E368&amp;F368,団体コード!$A$1:$C$1743,2,FALSE)</f>
        <v>#N/A</v>
      </c>
      <c r="N368" s="51" t="e">
        <f>VLOOKUP(E368,団体コード!$E$1:$F$48,2,FALSE)</f>
        <v>#N/A</v>
      </c>
      <c r="O368" s="51" t="e">
        <f t="shared" si="13"/>
        <v>#N/A</v>
      </c>
      <c r="P368" s="51">
        <v>1</v>
      </c>
      <c r="Q368" s="51" t="s">
        <v>5341</v>
      </c>
      <c r="R368" s="54" t="b">
        <v>1</v>
      </c>
      <c r="S368" s="52" t="s">
        <v>7126</v>
      </c>
      <c r="T368" s="67" t="s">
        <v>7127</v>
      </c>
      <c r="U368" s="75" t="s">
        <v>5331</v>
      </c>
      <c r="V368" s="47" t="s">
        <v>5331</v>
      </c>
      <c r="W368" s="47" t="s">
        <v>5331</v>
      </c>
      <c r="X368" s="47" t="s">
        <v>5331</v>
      </c>
      <c r="Y368" s="47" t="s">
        <v>5331</v>
      </c>
      <c r="Z368" s="28"/>
      <c r="AA368" s="27"/>
      <c r="AB368" s="27"/>
      <c r="AC368" s="27"/>
      <c r="AD368" s="30"/>
      <c r="AE368" s="1"/>
      <c r="AF368" s="23" t="s">
        <v>5331</v>
      </c>
      <c r="AG368" s="26"/>
      <c r="AH368" s="53"/>
    </row>
    <row r="369" spans="1:34" ht="51.6" customHeight="1" x14ac:dyDescent="0.45">
      <c r="A369" s="23">
        <v>363</v>
      </c>
      <c r="B369" s="25"/>
      <c r="C369" s="25"/>
      <c r="D369" s="29"/>
      <c r="E369" s="1"/>
      <c r="F369" s="1"/>
      <c r="G369" s="25"/>
      <c r="H369" s="71"/>
      <c r="I369" s="83"/>
      <c r="J369" s="50" t="str">
        <f t="shared" si="12"/>
        <v/>
      </c>
      <c r="K369" s="23" t="s">
        <v>7120</v>
      </c>
      <c r="L369" s="49" t="e">
        <f>VLOOKUP(E369&amp;F369,団体コード!$A$1:$C$1743,3,FALSE)</f>
        <v>#N/A</v>
      </c>
      <c r="M369" s="49" t="e">
        <f>VLOOKUP(E369&amp;F369,団体コード!$A$1:$C$1743,2,FALSE)</f>
        <v>#N/A</v>
      </c>
      <c r="N369" s="51" t="e">
        <f>VLOOKUP(E369,団体コード!$E$1:$F$48,2,FALSE)</f>
        <v>#N/A</v>
      </c>
      <c r="O369" s="51" t="e">
        <f t="shared" si="13"/>
        <v>#N/A</v>
      </c>
      <c r="P369" s="51">
        <v>1</v>
      </c>
      <c r="Q369" s="51" t="s">
        <v>5341</v>
      </c>
      <c r="R369" s="54" t="b">
        <v>1</v>
      </c>
      <c r="S369" s="52" t="s">
        <v>7126</v>
      </c>
      <c r="T369" s="67" t="s">
        <v>7127</v>
      </c>
      <c r="U369" s="75" t="s">
        <v>5331</v>
      </c>
      <c r="V369" s="47" t="s">
        <v>5331</v>
      </c>
      <c r="W369" s="47" t="s">
        <v>5331</v>
      </c>
      <c r="X369" s="47" t="s">
        <v>5331</v>
      </c>
      <c r="Y369" s="47" t="s">
        <v>5331</v>
      </c>
      <c r="Z369" s="28"/>
      <c r="AA369" s="27"/>
      <c r="AB369" s="27"/>
      <c r="AC369" s="27"/>
      <c r="AD369" s="30"/>
      <c r="AE369" s="1"/>
      <c r="AF369" s="23" t="s">
        <v>5331</v>
      </c>
      <c r="AG369" s="26"/>
      <c r="AH369" s="53"/>
    </row>
    <row r="370" spans="1:34" ht="51.6" customHeight="1" x14ac:dyDescent="0.45">
      <c r="A370" s="23">
        <v>364</v>
      </c>
      <c r="B370" s="25"/>
      <c r="C370" s="25"/>
      <c r="D370" s="29"/>
      <c r="E370" s="1"/>
      <c r="F370" s="1"/>
      <c r="G370" s="25"/>
      <c r="H370" s="71"/>
      <c r="I370" s="83"/>
      <c r="J370" s="50" t="str">
        <f t="shared" si="12"/>
        <v/>
      </c>
      <c r="K370" s="23" t="s">
        <v>7120</v>
      </c>
      <c r="L370" s="49" t="e">
        <f>VLOOKUP(E370&amp;F370,団体コード!$A$1:$C$1743,3,FALSE)</f>
        <v>#N/A</v>
      </c>
      <c r="M370" s="49" t="e">
        <f>VLOOKUP(E370&amp;F370,団体コード!$A$1:$C$1743,2,FALSE)</f>
        <v>#N/A</v>
      </c>
      <c r="N370" s="51" t="e">
        <f>VLOOKUP(E370,団体コード!$E$1:$F$48,2,FALSE)</f>
        <v>#N/A</v>
      </c>
      <c r="O370" s="51" t="e">
        <f t="shared" si="13"/>
        <v>#N/A</v>
      </c>
      <c r="P370" s="51">
        <v>1</v>
      </c>
      <c r="Q370" s="51" t="s">
        <v>5341</v>
      </c>
      <c r="R370" s="54" t="b">
        <v>1</v>
      </c>
      <c r="S370" s="52" t="s">
        <v>7126</v>
      </c>
      <c r="T370" s="67" t="s">
        <v>7127</v>
      </c>
      <c r="U370" s="75" t="s">
        <v>5331</v>
      </c>
      <c r="V370" s="47" t="s">
        <v>5331</v>
      </c>
      <c r="W370" s="47" t="s">
        <v>5331</v>
      </c>
      <c r="X370" s="47" t="s">
        <v>5331</v>
      </c>
      <c r="Y370" s="47" t="s">
        <v>5331</v>
      </c>
      <c r="Z370" s="28"/>
      <c r="AA370" s="27"/>
      <c r="AB370" s="27"/>
      <c r="AC370" s="27"/>
      <c r="AD370" s="30"/>
      <c r="AE370" s="1"/>
      <c r="AF370" s="23" t="s">
        <v>5331</v>
      </c>
      <c r="AG370" s="26"/>
      <c r="AH370" s="53"/>
    </row>
    <row r="371" spans="1:34" ht="51.6" customHeight="1" x14ac:dyDescent="0.45">
      <c r="A371" s="23">
        <v>365</v>
      </c>
      <c r="B371" s="25"/>
      <c r="C371" s="25"/>
      <c r="D371" s="29"/>
      <c r="E371" s="1"/>
      <c r="F371" s="1"/>
      <c r="G371" s="25"/>
      <c r="H371" s="71"/>
      <c r="I371" s="83"/>
      <c r="J371" s="50" t="str">
        <f t="shared" si="12"/>
        <v/>
      </c>
      <c r="K371" s="23" t="s">
        <v>7120</v>
      </c>
      <c r="L371" s="49" t="e">
        <f>VLOOKUP(E371&amp;F371,団体コード!$A$1:$C$1743,3,FALSE)</f>
        <v>#N/A</v>
      </c>
      <c r="M371" s="49" t="e">
        <f>VLOOKUP(E371&amp;F371,団体コード!$A$1:$C$1743,2,FALSE)</f>
        <v>#N/A</v>
      </c>
      <c r="N371" s="51" t="e">
        <f>VLOOKUP(E371,団体コード!$E$1:$F$48,2,FALSE)</f>
        <v>#N/A</v>
      </c>
      <c r="O371" s="51" t="e">
        <f t="shared" si="13"/>
        <v>#N/A</v>
      </c>
      <c r="P371" s="51">
        <v>1</v>
      </c>
      <c r="Q371" s="51" t="s">
        <v>5341</v>
      </c>
      <c r="R371" s="54" t="b">
        <v>1</v>
      </c>
      <c r="S371" s="52" t="s">
        <v>7126</v>
      </c>
      <c r="T371" s="67" t="s">
        <v>7127</v>
      </c>
      <c r="U371" s="75" t="s">
        <v>5331</v>
      </c>
      <c r="V371" s="47" t="s">
        <v>5331</v>
      </c>
      <c r="W371" s="47" t="s">
        <v>5331</v>
      </c>
      <c r="X371" s="47" t="s">
        <v>5331</v>
      </c>
      <c r="Y371" s="47" t="s">
        <v>5331</v>
      </c>
      <c r="Z371" s="28"/>
      <c r="AA371" s="27"/>
      <c r="AB371" s="27"/>
      <c r="AC371" s="27"/>
      <c r="AD371" s="30"/>
      <c r="AE371" s="1"/>
      <c r="AF371" s="23" t="s">
        <v>5331</v>
      </c>
      <c r="AG371" s="26"/>
      <c r="AH371" s="53"/>
    </row>
    <row r="372" spans="1:34" ht="51.6" customHeight="1" x14ac:dyDescent="0.45">
      <c r="A372" s="23">
        <v>366</v>
      </c>
      <c r="B372" s="25"/>
      <c r="C372" s="25"/>
      <c r="D372" s="29"/>
      <c r="E372" s="1"/>
      <c r="F372" s="1"/>
      <c r="G372" s="25"/>
      <c r="H372" s="71"/>
      <c r="I372" s="83"/>
      <c r="J372" s="50" t="str">
        <f t="shared" si="12"/>
        <v/>
      </c>
      <c r="K372" s="23" t="s">
        <v>7120</v>
      </c>
      <c r="L372" s="49" t="e">
        <f>VLOOKUP(E372&amp;F372,団体コード!$A$1:$C$1743,3,FALSE)</f>
        <v>#N/A</v>
      </c>
      <c r="M372" s="49" t="e">
        <f>VLOOKUP(E372&amp;F372,団体コード!$A$1:$C$1743,2,FALSE)</f>
        <v>#N/A</v>
      </c>
      <c r="N372" s="51" t="e">
        <f>VLOOKUP(E372,団体コード!$E$1:$F$48,2,FALSE)</f>
        <v>#N/A</v>
      </c>
      <c r="O372" s="51" t="e">
        <f t="shared" si="13"/>
        <v>#N/A</v>
      </c>
      <c r="P372" s="51">
        <v>1</v>
      </c>
      <c r="Q372" s="51" t="s">
        <v>5341</v>
      </c>
      <c r="R372" s="54" t="b">
        <v>1</v>
      </c>
      <c r="S372" s="52" t="s">
        <v>7126</v>
      </c>
      <c r="T372" s="67" t="s">
        <v>7127</v>
      </c>
      <c r="U372" s="75" t="s">
        <v>5331</v>
      </c>
      <c r="V372" s="47" t="s">
        <v>5331</v>
      </c>
      <c r="W372" s="47" t="s">
        <v>5331</v>
      </c>
      <c r="X372" s="47" t="s">
        <v>5331</v>
      </c>
      <c r="Y372" s="47" t="s">
        <v>5331</v>
      </c>
      <c r="Z372" s="28"/>
      <c r="AA372" s="27"/>
      <c r="AB372" s="27"/>
      <c r="AC372" s="27"/>
      <c r="AD372" s="30"/>
      <c r="AE372" s="1"/>
      <c r="AF372" s="23" t="s">
        <v>5331</v>
      </c>
      <c r="AG372" s="26"/>
      <c r="AH372" s="53"/>
    </row>
    <row r="373" spans="1:34" ht="51.6" customHeight="1" x14ac:dyDescent="0.45">
      <c r="A373" s="23">
        <v>367</v>
      </c>
      <c r="B373" s="25"/>
      <c r="C373" s="25"/>
      <c r="D373" s="29"/>
      <c r="E373" s="1"/>
      <c r="F373" s="1"/>
      <c r="G373" s="25"/>
      <c r="H373" s="71"/>
      <c r="I373" s="83"/>
      <c r="J373" s="50" t="str">
        <f t="shared" si="12"/>
        <v/>
      </c>
      <c r="K373" s="23" t="s">
        <v>7120</v>
      </c>
      <c r="L373" s="49" t="e">
        <f>VLOOKUP(E373&amp;F373,団体コード!$A$1:$C$1743,3,FALSE)</f>
        <v>#N/A</v>
      </c>
      <c r="M373" s="49" t="e">
        <f>VLOOKUP(E373&amp;F373,団体コード!$A$1:$C$1743,2,FALSE)</f>
        <v>#N/A</v>
      </c>
      <c r="N373" s="51" t="e">
        <f>VLOOKUP(E373,団体コード!$E$1:$F$48,2,FALSE)</f>
        <v>#N/A</v>
      </c>
      <c r="O373" s="51" t="e">
        <f t="shared" si="13"/>
        <v>#N/A</v>
      </c>
      <c r="P373" s="51">
        <v>1</v>
      </c>
      <c r="Q373" s="51" t="s">
        <v>5341</v>
      </c>
      <c r="R373" s="54" t="b">
        <v>1</v>
      </c>
      <c r="S373" s="52" t="s">
        <v>7126</v>
      </c>
      <c r="T373" s="67" t="s">
        <v>7127</v>
      </c>
      <c r="U373" s="75" t="s">
        <v>5331</v>
      </c>
      <c r="V373" s="47" t="s">
        <v>5331</v>
      </c>
      <c r="W373" s="47" t="s">
        <v>5331</v>
      </c>
      <c r="X373" s="47" t="s">
        <v>5331</v>
      </c>
      <c r="Y373" s="47" t="s">
        <v>5331</v>
      </c>
      <c r="Z373" s="28"/>
      <c r="AA373" s="27"/>
      <c r="AB373" s="27"/>
      <c r="AC373" s="27"/>
      <c r="AD373" s="30"/>
      <c r="AE373" s="1"/>
      <c r="AF373" s="23" t="s">
        <v>5331</v>
      </c>
      <c r="AG373" s="26"/>
      <c r="AH373" s="53"/>
    </row>
    <row r="374" spans="1:34" ht="51.6" customHeight="1" x14ac:dyDescent="0.45">
      <c r="A374" s="23">
        <v>368</v>
      </c>
      <c r="B374" s="25"/>
      <c r="C374" s="25"/>
      <c r="D374" s="29"/>
      <c r="E374" s="1"/>
      <c r="F374" s="1"/>
      <c r="G374" s="25"/>
      <c r="H374" s="71"/>
      <c r="I374" s="83"/>
      <c r="J374" s="50" t="str">
        <f t="shared" si="12"/>
        <v/>
      </c>
      <c r="K374" s="23" t="s">
        <v>7120</v>
      </c>
      <c r="L374" s="49" t="e">
        <f>VLOOKUP(E374&amp;F374,団体コード!$A$1:$C$1743,3,FALSE)</f>
        <v>#N/A</v>
      </c>
      <c r="M374" s="49" t="e">
        <f>VLOOKUP(E374&amp;F374,団体コード!$A$1:$C$1743,2,FALSE)</f>
        <v>#N/A</v>
      </c>
      <c r="N374" s="51" t="e">
        <f>VLOOKUP(E374,団体コード!$E$1:$F$48,2,FALSE)</f>
        <v>#N/A</v>
      </c>
      <c r="O374" s="51" t="e">
        <f t="shared" si="13"/>
        <v>#N/A</v>
      </c>
      <c r="P374" s="51">
        <v>1</v>
      </c>
      <c r="Q374" s="51" t="s">
        <v>5341</v>
      </c>
      <c r="R374" s="54" t="b">
        <v>1</v>
      </c>
      <c r="S374" s="52" t="s">
        <v>7126</v>
      </c>
      <c r="T374" s="67" t="s">
        <v>7127</v>
      </c>
      <c r="U374" s="75" t="s">
        <v>5331</v>
      </c>
      <c r="V374" s="47" t="s">
        <v>5331</v>
      </c>
      <c r="W374" s="47" t="s">
        <v>5331</v>
      </c>
      <c r="X374" s="47" t="s">
        <v>5331</v>
      </c>
      <c r="Y374" s="47" t="s">
        <v>5331</v>
      </c>
      <c r="Z374" s="28"/>
      <c r="AA374" s="27"/>
      <c r="AB374" s="27"/>
      <c r="AC374" s="27"/>
      <c r="AD374" s="30"/>
      <c r="AE374" s="1"/>
      <c r="AF374" s="23" t="s">
        <v>5331</v>
      </c>
      <c r="AG374" s="26"/>
      <c r="AH374" s="53"/>
    </row>
    <row r="375" spans="1:34" ht="51.6" customHeight="1" x14ac:dyDescent="0.45">
      <c r="A375" s="23">
        <v>369</v>
      </c>
      <c r="B375" s="25"/>
      <c r="C375" s="25"/>
      <c r="D375" s="29"/>
      <c r="E375" s="1"/>
      <c r="F375" s="1"/>
      <c r="G375" s="25"/>
      <c r="H375" s="71"/>
      <c r="I375" s="83"/>
      <c r="J375" s="50" t="str">
        <f t="shared" si="12"/>
        <v/>
      </c>
      <c r="K375" s="23" t="s">
        <v>7120</v>
      </c>
      <c r="L375" s="49" t="e">
        <f>VLOOKUP(E375&amp;F375,団体コード!$A$1:$C$1743,3,FALSE)</f>
        <v>#N/A</v>
      </c>
      <c r="M375" s="49" t="e">
        <f>VLOOKUP(E375&amp;F375,団体コード!$A$1:$C$1743,2,FALSE)</f>
        <v>#N/A</v>
      </c>
      <c r="N375" s="51" t="e">
        <f>VLOOKUP(E375,団体コード!$E$1:$F$48,2,FALSE)</f>
        <v>#N/A</v>
      </c>
      <c r="O375" s="51" t="e">
        <f t="shared" si="13"/>
        <v>#N/A</v>
      </c>
      <c r="P375" s="51">
        <v>1</v>
      </c>
      <c r="Q375" s="51" t="s">
        <v>5341</v>
      </c>
      <c r="R375" s="54" t="b">
        <v>1</v>
      </c>
      <c r="S375" s="52" t="s">
        <v>7126</v>
      </c>
      <c r="T375" s="67" t="s">
        <v>7127</v>
      </c>
      <c r="U375" s="75" t="s">
        <v>5331</v>
      </c>
      <c r="V375" s="47" t="s">
        <v>5331</v>
      </c>
      <c r="W375" s="47" t="s">
        <v>5331</v>
      </c>
      <c r="X375" s="47" t="s">
        <v>5331</v>
      </c>
      <c r="Y375" s="47" t="s">
        <v>5331</v>
      </c>
      <c r="Z375" s="28"/>
      <c r="AA375" s="27"/>
      <c r="AB375" s="27"/>
      <c r="AC375" s="27"/>
      <c r="AD375" s="30"/>
      <c r="AE375" s="1"/>
      <c r="AF375" s="23" t="s">
        <v>5331</v>
      </c>
      <c r="AG375" s="26"/>
      <c r="AH375" s="53"/>
    </row>
    <row r="376" spans="1:34" ht="51.6" customHeight="1" x14ac:dyDescent="0.45">
      <c r="A376" s="23">
        <v>370</v>
      </c>
      <c r="B376" s="25"/>
      <c r="C376" s="25"/>
      <c r="D376" s="29"/>
      <c r="E376" s="1"/>
      <c r="F376" s="1"/>
      <c r="G376" s="25"/>
      <c r="H376" s="71"/>
      <c r="I376" s="83"/>
      <c r="J376" s="50" t="str">
        <f t="shared" si="12"/>
        <v/>
      </c>
      <c r="K376" s="23" t="s">
        <v>7120</v>
      </c>
      <c r="L376" s="49" t="e">
        <f>VLOOKUP(E376&amp;F376,団体コード!$A$1:$C$1743,3,FALSE)</f>
        <v>#N/A</v>
      </c>
      <c r="M376" s="49" t="e">
        <f>VLOOKUP(E376&amp;F376,団体コード!$A$1:$C$1743,2,FALSE)</f>
        <v>#N/A</v>
      </c>
      <c r="N376" s="51" t="e">
        <f>VLOOKUP(E376,団体コード!$E$1:$F$48,2,FALSE)</f>
        <v>#N/A</v>
      </c>
      <c r="O376" s="51" t="e">
        <f t="shared" si="13"/>
        <v>#N/A</v>
      </c>
      <c r="P376" s="51">
        <v>1</v>
      </c>
      <c r="Q376" s="51" t="s">
        <v>5341</v>
      </c>
      <c r="R376" s="54" t="b">
        <v>1</v>
      </c>
      <c r="S376" s="52" t="s">
        <v>7126</v>
      </c>
      <c r="T376" s="67" t="s">
        <v>7127</v>
      </c>
      <c r="U376" s="75" t="s">
        <v>5331</v>
      </c>
      <c r="V376" s="47" t="s">
        <v>5331</v>
      </c>
      <c r="W376" s="47" t="s">
        <v>5331</v>
      </c>
      <c r="X376" s="47" t="s">
        <v>5331</v>
      </c>
      <c r="Y376" s="47" t="s">
        <v>5331</v>
      </c>
      <c r="Z376" s="28"/>
      <c r="AA376" s="27"/>
      <c r="AB376" s="27"/>
      <c r="AC376" s="27"/>
      <c r="AD376" s="30"/>
      <c r="AE376" s="1"/>
      <c r="AF376" s="23" t="s">
        <v>5331</v>
      </c>
      <c r="AG376" s="26"/>
      <c r="AH376" s="53"/>
    </row>
    <row r="377" spans="1:34" ht="51.6" customHeight="1" x14ac:dyDescent="0.45">
      <c r="A377" s="23">
        <v>371</v>
      </c>
      <c r="B377" s="25"/>
      <c r="C377" s="25"/>
      <c r="D377" s="29"/>
      <c r="E377" s="1"/>
      <c r="F377" s="1"/>
      <c r="G377" s="25"/>
      <c r="H377" s="71"/>
      <c r="I377" s="83"/>
      <c r="J377" s="50" t="str">
        <f t="shared" si="12"/>
        <v/>
      </c>
      <c r="K377" s="23" t="s">
        <v>7120</v>
      </c>
      <c r="L377" s="49" t="e">
        <f>VLOOKUP(E377&amp;F377,団体コード!$A$1:$C$1743,3,FALSE)</f>
        <v>#N/A</v>
      </c>
      <c r="M377" s="49" t="e">
        <f>VLOOKUP(E377&amp;F377,団体コード!$A$1:$C$1743,2,FALSE)</f>
        <v>#N/A</v>
      </c>
      <c r="N377" s="51" t="e">
        <f>VLOOKUP(E377,団体コード!$E$1:$F$48,2,FALSE)</f>
        <v>#N/A</v>
      </c>
      <c r="O377" s="51" t="e">
        <f t="shared" si="13"/>
        <v>#N/A</v>
      </c>
      <c r="P377" s="51">
        <v>1</v>
      </c>
      <c r="Q377" s="51" t="s">
        <v>5341</v>
      </c>
      <c r="R377" s="54" t="b">
        <v>1</v>
      </c>
      <c r="S377" s="52" t="s">
        <v>7126</v>
      </c>
      <c r="T377" s="67" t="s">
        <v>7127</v>
      </c>
      <c r="U377" s="75" t="s">
        <v>5331</v>
      </c>
      <c r="V377" s="47" t="s">
        <v>5331</v>
      </c>
      <c r="W377" s="47" t="s">
        <v>5331</v>
      </c>
      <c r="X377" s="47" t="s">
        <v>5331</v>
      </c>
      <c r="Y377" s="47" t="s">
        <v>5331</v>
      </c>
      <c r="Z377" s="28"/>
      <c r="AA377" s="27"/>
      <c r="AB377" s="27"/>
      <c r="AC377" s="27"/>
      <c r="AD377" s="30"/>
      <c r="AE377" s="1"/>
      <c r="AF377" s="23" t="s">
        <v>5331</v>
      </c>
      <c r="AG377" s="26"/>
      <c r="AH377" s="53"/>
    </row>
    <row r="378" spans="1:34" ht="51.6" customHeight="1" x14ac:dyDescent="0.45">
      <c r="A378" s="23">
        <v>372</v>
      </c>
      <c r="B378" s="25"/>
      <c r="C378" s="25"/>
      <c r="D378" s="29"/>
      <c r="E378" s="1"/>
      <c r="F378" s="1"/>
      <c r="G378" s="25"/>
      <c r="H378" s="71"/>
      <c r="I378" s="83"/>
      <c r="J378" s="50" t="str">
        <f t="shared" si="12"/>
        <v/>
      </c>
      <c r="K378" s="23" t="s">
        <v>7120</v>
      </c>
      <c r="L378" s="49" t="e">
        <f>VLOOKUP(E378&amp;F378,団体コード!$A$1:$C$1743,3,FALSE)</f>
        <v>#N/A</v>
      </c>
      <c r="M378" s="49" t="e">
        <f>VLOOKUP(E378&amp;F378,団体コード!$A$1:$C$1743,2,FALSE)</f>
        <v>#N/A</v>
      </c>
      <c r="N378" s="51" t="e">
        <f>VLOOKUP(E378,団体コード!$E$1:$F$48,2,FALSE)</f>
        <v>#N/A</v>
      </c>
      <c r="O378" s="51" t="e">
        <f t="shared" si="13"/>
        <v>#N/A</v>
      </c>
      <c r="P378" s="51">
        <v>1</v>
      </c>
      <c r="Q378" s="51" t="s">
        <v>5341</v>
      </c>
      <c r="R378" s="54" t="b">
        <v>1</v>
      </c>
      <c r="S378" s="52" t="s">
        <v>7126</v>
      </c>
      <c r="T378" s="67" t="s">
        <v>7127</v>
      </c>
      <c r="U378" s="75" t="s">
        <v>5331</v>
      </c>
      <c r="V378" s="47" t="s">
        <v>5331</v>
      </c>
      <c r="W378" s="47" t="s">
        <v>5331</v>
      </c>
      <c r="X378" s="47" t="s">
        <v>5331</v>
      </c>
      <c r="Y378" s="47" t="s">
        <v>5331</v>
      </c>
      <c r="Z378" s="28"/>
      <c r="AA378" s="27"/>
      <c r="AB378" s="27"/>
      <c r="AC378" s="27"/>
      <c r="AD378" s="30"/>
      <c r="AE378" s="1"/>
      <c r="AF378" s="23" t="s">
        <v>5331</v>
      </c>
      <c r="AG378" s="26"/>
      <c r="AH378" s="53"/>
    </row>
    <row r="379" spans="1:34" ht="51.6" customHeight="1" x14ac:dyDescent="0.45">
      <c r="A379" s="23">
        <v>373</v>
      </c>
      <c r="B379" s="25"/>
      <c r="C379" s="25"/>
      <c r="D379" s="29"/>
      <c r="E379" s="1"/>
      <c r="F379" s="1"/>
      <c r="G379" s="25"/>
      <c r="H379" s="71"/>
      <c r="I379" s="83"/>
      <c r="J379" s="50" t="str">
        <f t="shared" si="12"/>
        <v/>
      </c>
      <c r="K379" s="23" t="s">
        <v>7120</v>
      </c>
      <c r="L379" s="49" t="e">
        <f>VLOOKUP(E379&amp;F379,団体コード!$A$1:$C$1743,3,FALSE)</f>
        <v>#N/A</v>
      </c>
      <c r="M379" s="49" t="e">
        <f>VLOOKUP(E379&amp;F379,団体コード!$A$1:$C$1743,2,FALSE)</f>
        <v>#N/A</v>
      </c>
      <c r="N379" s="51" t="e">
        <f>VLOOKUP(E379,団体コード!$E$1:$F$48,2,FALSE)</f>
        <v>#N/A</v>
      </c>
      <c r="O379" s="51" t="e">
        <f t="shared" si="13"/>
        <v>#N/A</v>
      </c>
      <c r="P379" s="51">
        <v>1</v>
      </c>
      <c r="Q379" s="51" t="s">
        <v>5341</v>
      </c>
      <c r="R379" s="54" t="b">
        <v>1</v>
      </c>
      <c r="S379" s="52" t="s">
        <v>7126</v>
      </c>
      <c r="T379" s="67" t="s">
        <v>7127</v>
      </c>
      <c r="U379" s="75" t="s">
        <v>5331</v>
      </c>
      <c r="V379" s="47" t="s">
        <v>5331</v>
      </c>
      <c r="W379" s="47" t="s">
        <v>5331</v>
      </c>
      <c r="X379" s="47" t="s">
        <v>5331</v>
      </c>
      <c r="Y379" s="47" t="s">
        <v>5331</v>
      </c>
      <c r="Z379" s="28"/>
      <c r="AA379" s="27"/>
      <c r="AB379" s="27"/>
      <c r="AC379" s="27"/>
      <c r="AD379" s="30"/>
      <c r="AE379" s="1"/>
      <c r="AF379" s="23" t="s">
        <v>5331</v>
      </c>
      <c r="AG379" s="26"/>
      <c r="AH379" s="53"/>
    </row>
    <row r="380" spans="1:34" ht="51.6" customHeight="1" x14ac:dyDescent="0.45">
      <c r="A380" s="23">
        <v>374</v>
      </c>
      <c r="B380" s="25"/>
      <c r="C380" s="25"/>
      <c r="D380" s="29"/>
      <c r="E380" s="1"/>
      <c r="F380" s="1"/>
      <c r="G380" s="25"/>
      <c r="H380" s="71"/>
      <c r="I380" s="83"/>
      <c r="J380" s="50" t="str">
        <f t="shared" si="12"/>
        <v/>
      </c>
      <c r="K380" s="23" t="s">
        <v>7120</v>
      </c>
      <c r="L380" s="49" t="e">
        <f>VLOOKUP(E380&amp;F380,団体コード!$A$1:$C$1743,3,FALSE)</f>
        <v>#N/A</v>
      </c>
      <c r="M380" s="49" t="e">
        <f>VLOOKUP(E380&amp;F380,団体コード!$A$1:$C$1743,2,FALSE)</f>
        <v>#N/A</v>
      </c>
      <c r="N380" s="51" t="e">
        <f>VLOOKUP(E380,団体コード!$E$1:$F$48,2,FALSE)</f>
        <v>#N/A</v>
      </c>
      <c r="O380" s="51" t="e">
        <f t="shared" si="13"/>
        <v>#N/A</v>
      </c>
      <c r="P380" s="51">
        <v>1</v>
      </c>
      <c r="Q380" s="51" t="s">
        <v>5341</v>
      </c>
      <c r="R380" s="54" t="b">
        <v>1</v>
      </c>
      <c r="S380" s="52" t="s">
        <v>7126</v>
      </c>
      <c r="T380" s="67" t="s">
        <v>7127</v>
      </c>
      <c r="U380" s="75" t="s">
        <v>5331</v>
      </c>
      <c r="V380" s="47" t="s">
        <v>5331</v>
      </c>
      <c r="W380" s="47" t="s">
        <v>5331</v>
      </c>
      <c r="X380" s="47" t="s">
        <v>5331</v>
      </c>
      <c r="Y380" s="47" t="s">
        <v>5331</v>
      </c>
      <c r="Z380" s="28"/>
      <c r="AA380" s="27"/>
      <c r="AB380" s="27"/>
      <c r="AC380" s="27"/>
      <c r="AD380" s="30"/>
      <c r="AE380" s="1"/>
      <c r="AF380" s="23" t="s">
        <v>5331</v>
      </c>
      <c r="AG380" s="26"/>
      <c r="AH380" s="53"/>
    </row>
    <row r="381" spans="1:34" ht="51.6" customHeight="1" x14ac:dyDescent="0.45">
      <c r="A381" s="23">
        <v>375</v>
      </c>
      <c r="B381" s="25"/>
      <c r="C381" s="25"/>
      <c r="D381" s="29"/>
      <c r="E381" s="1"/>
      <c r="F381" s="1"/>
      <c r="G381" s="25"/>
      <c r="H381" s="71"/>
      <c r="I381" s="83"/>
      <c r="J381" s="50" t="str">
        <f t="shared" si="12"/>
        <v/>
      </c>
      <c r="K381" s="23" t="s">
        <v>7120</v>
      </c>
      <c r="L381" s="49" t="e">
        <f>VLOOKUP(E381&amp;F381,団体コード!$A$1:$C$1743,3,FALSE)</f>
        <v>#N/A</v>
      </c>
      <c r="M381" s="49" t="e">
        <f>VLOOKUP(E381&amp;F381,団体コード!$A$1:$C$1743,2,FALSE)</f>
        <v>#N/A</v>
      </c>
      <c r="N381" s="51" t="e">
        <f>VLOOKUP(E381,団体コード!$E$1:$F$48,2,FALSE)</f>
        <v>#N/A</v>
      </c>
      <c r="O381" s="51" t="e">
        <f t="shared" si="13"/>
        <v>#N/A</v>
      </c>
      <c r="P381" s="51">
        <v>1</v>
      </c>
      <c r="Q381" s="51" t="s">
        <v>5341</v>
      </c>
      <c r="R381" s="54" t="b">
        <v>1</v>
      </c>
      <c r="S381" s="52" t="s">
        <v>7126</v>
      </c>
      <c r="T381" s="67" t="s">
        <v>7127</v>
      </c>
      <c r="U381" s="75" t="s">
        <v>5331</v>
      </c>
      <c r="V381" s="47" t="s">
        <v>5331</v>
      </c>
      <c r="W381" s="47" t="s">
        <v>5331</v>
      </c>
      <c r="X381" s="47" t="s">
        <v>5331</v>
      </c>
      <c r="Y381" s="47" t="s">
        <v>5331</v>
      </c>
      <c r="Z381" s="28"/>
      <c r="AA381" s="27"/>
      <c r="AB381" s="27"/>
      <c r="AC381" s="27"/>
      <c r="AD381" s="30"/>
      <c r="AE381" s="1"/>
      <c r="AF381" s="23" t="s">
        <v>5331</v>
      </c>
      <c r="AG381" s="26"/>
      <c r="AH381" s="53"/>
    </row>
    <row r="382" spans="1:34" ht="51.6" customHeight="1" x14ac:dyDescent="0.45">
      <c r="A382" s="23">
        <v>376</v>
      </c>
      <c r="B382" s="25"/>
      <c r="C382" s="25"/>
      <c r="D382" s="29"/>
      <c r="E382" s="1"/>
      <c r="F382" s="1"/>
      <c r="G382" s="25"/>
      <c r="H382" s="71"/>
      <c r="I382" s="83"/>
      <c r="J382" s="50" t="str">
        <f t="shared" si="12"/>
        <v/>
      </c>
      <c r="K382" s="23" t="s">
        <v>7120</v>
      </c>
      <c r="L382" s="49" t="e">
        <f>VLOOKUP(E382&amp;F382,団体コード!$A$1:$C$1743,3,FALSE)</f>
        <v>#N/A</v>
      </c>
      <c r="M382" s="49" t="e">
        <f>VLOOKUP(E382&amp;F382,団体コード!$A$1:$C$1743,2,FALSE)</f>
        <v>#N/A</v>
      </c>
      <c r="N382" s="51" t="e">
        <f>VLOOKUP(E382,団体コード!$E$1:$F$48,2,FALSE)</f>
        <v>#N/A</v>
      </c>
      <c r="O382" s="51" t="e">
        <f t="shared" si="13"/>
        <v>#N/A</v>
      </c>
      <c r="P382" s="51">
        <v>1</v>
      </c>
      <c r="Q382" s="51" t="s">
        <v>5341</v>
      </c>
      <c r="R382" s="54" t="b">
        <v>1</v>
      </c>
      <c r="S382" s="52" t="s">
        <v>7126</v>
      </c>
      <c r="T382" s="67" t="s">
        <v>7127</v>
      </c>
      <c r="U382" s="75" t="s">
        <v>5331</v>
      </c>
      <c r="V382" s="47" t="s">
        <v>5331</v>
      </c>
      <c r="W382" s="47" t="s">
        <v>5331</v>
      </c>
      <c r="X382" s="47" t="s">
        <v>5331</v>
      </c>
      <c r="Y382" s="47" t="s">
        <v>5331</v>
      </c>
      <c r="Z382" s="28"/>
      <c r="AA382" s="27"/>
      <c r="AB382" s="27"/>
      <c r="AC382" s="27"/>
      <c r="AD382" s="30"/>
      <c r="AE382" s="1"/>
      <c r="AF382" s="23" t="s">
        <v>5331</v>
      </c>
      <c r="AG382" s="26"/>
      <c r="AH382" s="53"/>
    </row>
    <row r="383" spans="1:34" ht="51.6" customHeight="1" x14ac:dyDescent="0.45">
      <c r="A383" s="23">
        <v>377</v>
      </c>
      <c r="B383" s="25"/>
      <c r="C383" s="25"/>
      <c r="D383" s="29"/>
      <c r="E383" s="1"/>
      <c r="F383" s="1"/>
      <c r="G383" s="25"/>
      <c r="H383" s="71"/>
      <c r="I383" s="83"/>
      <c r="J383" s="50" t="str">
        <f t="shared" si="12"/>
        <v/>
      </c>
      <c r="K383" s="23" t="s">
        <v>7120</v>
      </c>
      <c r="L383" s="49" t="e">
        <f>VLOOKUP(E383&amp;F383,団体コード!$A$1:$C$1743,3,FALSE)</f>
        <v>#N/A</v>
      </c>
      <c r="M383" s="49" t="e">
        <f>VLOOKUP(E383&amp;F383,団体コード!$A$1:$C$1743,2,FALSE)</f>
        <v>#N/A</v>
      </c>
      <c r="N383" s="51" t="e">
        <f>VLOOKUP(E383,団体コード!$E$1:$F$48,2,FALSE)</f>
        <v>#N/A</v>
      </c>
      <c r="O383" s="51" t="e">
        <f t="shared" si="13"/>
        <v>#N/A</v>
      </c>
      <c r="P383" s="51">
        <v>1</v>
      </c>
      <c r="Q383" s="51" t="s">
        <v>5341</v>
      </c>
      <c r="R383" s="54" t="b">
        <v>1</v>
      </c>
      <c r="S383" s="52" t="s">
        <v>7126</v>
      </c>
      <c r="T383" s="67" t="s">
        <v>7127</v>
      </c>
      <c r="U383" s="75" t="s">
        <v>5331</v>
      </c>
      <c r="V383" s="47" t="s">
        <v>5331</v>
      </c>
      <c r="W383" s="47" t="s">
        <v>5331</v>
      </c>
      <c r="X383" s="47" t="s">
        <v>5331</v>
      </c>
      <c r="Y383" s="47" t="s">
        <v>5331</v>
      </c>
      <c r="Z383" s="28"/>
      <c r="AA383" s="27"/>
      <c r="AB383" s="27"/>
      <c r="AC383" s="27"/>
      <c r="AD383" s="30"/>
      <c r="AE383" s="1"/>
      <c r="AF383" s="23" t="s">
        <v>5331</v>
      </c>
      <c r="AG383" s="26"/>
      <c r="AH383" s="53"/>
    </row>
    <row r="384" spans="1:34" ht="51.6" customHeight="1" x14ac:dyDescent="0.45">
      <c r="A384" s="23">
        <v>378</v>
      </c>
      <c r="B384" s="25"/>
      <c r="C384" s="25"/>
      <c r="D384" s="29"/>
      <c r="E384" s="1"/>
      <c r="F384" s="1"/>
      <c r="G384" s="25"/>
      <c r="H384" s="71"/>
      <c r="I384" s="83"/>
      <c r="J384" s="50" t="str">
        <f t="shared" si="12"/>
        <v/>
      </c>
      <c r="K384" s="23" t="s">
        <v>7120</v>
      </c>
      <c r="L384" s="49" t="e">
        <f>VLOOKUP(E384&amp;F384,団体コード!$A$1:$C$1743,3,FALSE)</f>
        <v>#N/A</v>
      </c>
      <c r="M384" s="49" t="e">
        <f>VLOOKUP(E384&amp;F384,団体コード!$A$1:$C$1743,2,FALSE)</f>
        <v>#N/A</v>
      </c>
      <c r="N384" s="51" t="e">
        <f>VLOOKUP(E384,団体コード!$E$1:$F$48,2,FALSE)</f>
        <v>#N/A</v>
      </c>
      <c r="O384" s="51" t="e">
        <f t="shared" si="13"/>
        <v>#N/A</v>
      </c>
      <c r="P384" s="51">
        <v>1</v>
      </c>
      <c r="Q384" s="51" t="s">
        <v>5341</v>
      </c>
      <c r="R384" s="54" t="b">
        <v>1</v>
      </c>
      <c r="S384" s="52" t="s">
        <v>7126</v>
      </c>
      <c r="T384" s="67" t="s">
        <v>7127</v>
      </c>
      <c r="U384" s="75" t="s">
        <v>5331</v>
      </c>
      <c r="V384" s="47" t="s">
        <v>5331</v>
      </c>
      <c r="W384" s="47" t="s">
        <v>5331</v>
      </c>
      <c r="X384" s="47" t="s">
        <v>5331</v>
      </c>
      <c r="Y384" s="47" t="s">
        <v>5331</v>
      </c>
      <c r="Z384" s="28"/>
      <c r="AA384" s="27"/>
      <c r="AB384" s="27"/>
      <c r="AC384" s="27"/>
      <c r="AD384" s="30"/>
      <c r="AE384" s="1"/>
      <c r="AF384" s="23" t="s">
        <v>5331</v>
      </c>
      <c r="AG384" s="26"/>
      <c r="AH384" s="53"/>
    </row>
    <row r="385" spans="1:34" ht="51.6" customHeight="1" x14ac:dyDescent="0.45">
      <c r="A385" s="23">
        <v>379</v>
      </c>
      <c r="B385" s="25"/>
      <c r="C385" s="25"/>
      <c r="D385" s="29"/>
      <c r="E385" s="1"/>
      <c r="F385" s="1"/>
      <c r="G385" s="25"/>
      <c r="H385" s="71"/>
      <c r="I385" s="83"/>
      <c r="J385" s="50" t="str">
        <f t="shared" si="12"/>
        <v/>
      </c>
      <c r="K385" s="23" t="s">
        <v>7120</v>
      </c>
      <c r="L385" s="49" t="e">
        <f>VLOOKUP(E385&amp;F385,団体コード!$A$1:$C$1743,3,FALSE)</f>
        <v>#N/A</v>
      </c>
      <c r="M385" s="49" t="e">
        <f>VLOOKUP(E385&amp;F385,団体コード!$A$1:$C$1743,2,FALSE)</f>
        <v>#N/A</v>
      </c>
      <c r="N385" s="51" t="e">
        <f>VLOOKUP(E385,団体コード!$E$1:$F$48,2,FALSE)</f>
        <v>#N/A</v>
      </c>
      <c r="O385" s="51" t="e">
        <f t="shared" si="13"/>
        <v>#N/A</v>
      </c>
      <c r="P385" s="51">
        <v>1</v>
      </c>
      <c r="Q385" s="51" t="s">
        <v>5341</v>
      </c>
      <c r="R385" s="54" t="b">
        <v>1</v>
      </c>
      <c r="S385" s="52" t="s">
        <v>7126</v>
      </c>
      <c r="T385" s="67" t="s">
        <v>7127</v>
      </c>
      <c r="U385" s="75" t="s">
        <v>5331</v>
      </c>
      <c r="V385" s="47" t="s">
        <v>5331</v>
      </c>
      <c r="W385" s="47" t="s">
        <v>5331</v>
      </c>
      <c r="X385" s="47" t="s">
        <v>5331</v>
      </c>
      <c r="Y385" s="47" t="s">
        <v>5331</v>
      </c>
      <c r="Z385" s="28"/>
      <c r="AA385" s="27"/>
      <c r="AB385" s="27"/>
      <c r="AC385" s="27"/>
      <c r="AD385" s="30"/>
      <c r="AE385" s="1"/>
      <c r="AF385" s="23" t="s">
        <v>5331</v>
      </c>
      <c r="AG385" s="26"/>
      <c r="AH385" s="53"/>
    </row>
    <row r="386" spans="1:34" ht="51.6" customHeight="1" x14ac:dyDescent="0.45">
      <c r="A386" s="23">
        <v>380</v>
      </c>
      <c r="B386" s="25"/>
      <c r="C386" s="25"/>
      <c r="D386" s="29"/>
      <c r="E386" s="1"/>
      <c r="F386" s="1"/>
      <c r="G386" s="25"/>
      <c r="H386" s="71"/>
      <c r="I386" s="83"/>
      <c r="J386" s="50" t="str">
        <f t="shared" si="12"/>
        <v/>
      </c>
      <c r="K386" s="23" t="s">
        <v>7120</v>
      </c>
      <c r="L386" s="49" t="e">
        <f>VLOOKUP(E386&amp;F386,団体コード!$A$1:$C$1743,3,FALSE)</f>
        <v>#N/A</v>
      </c>
      <c r="M386" s="49" t="e">
        <f>VLOOKUP(E386&amp;F386,団体コード!$A$1:$C$1743,2,FALSE)</f>
        <v>#N/A</v>
      </c>
      <c r="N386" s="51" t="e">
        <f>VLOOKUP(E386,団体コード!$E$1:$F$48,2,FALSE)</f>
        <v>#N/A</v>
      </c>
      <c r="O386" s="51" t="e">
        <f t="shared" si="13"/>
        <v>#N/A</v>
      </c>
      <c r="P386" s="51">
        <v>1</v>
      </c>
      <c r="Q386" s="51" t="s">
        <v>5341</v>
      </c>
      <c r="R386" s="54" t="b">
        <v>1</v>
      </c>
      <c r="S386" s="52" t="s">
        <v>7126</v>
      </c>
      <c r="T386" s="67" t="s">
        <v>7127</v>
      </c>
      <c r="U386" s="75" t="s">
        <v>5331</v>
      </c>
      <c r="V386" s="47" t="s">
        <v>5331</v>
      </c>
      <c r="W386" s="47" t="s">
        <v>5331</v>
      </c>
      <c r="X386" s="47" t="s">
        <v>5331</v>
      </c>
      <c r="Y386" s="47" t="s">
        <v>5331</v>
      </c>
      <c r="Z386" s="28"/>
      <c r="AA386" s="27"/>
      <c r="AB386" s="27"/>
      <c r="AC386" s="27"/>
      <c r="AD386" s="30"/>
      <c r="AE386" s="1"/>
      <c r="AF386" s="23" t="s">
        <v>5331</v>
      </c>
      <c r="AG386" s="26"/>
      <c r="AH386" s="53"/>
    </row>
    <row r="387" spans="1:34" ht="51.6" customHeight="1" x14ac:dyDescent="0.45">
      <c r="A387" s="23">
        <v>381</v>
      </c>
      <c r="B387" s="25"/>
      <c r="C387" s="25"/>
      <c r="D387" s="29"/>
      <c r="E387" s="1"/>
      <c r="F387" s="1"/>
      <c r="G387" s="25"/>
      <c r="H387" s="71"/>
      <c r="I387" s="83"/>
      <c r="J387" s="50" t="str">
        <f t="shared" si="12"/>
        <v/>
      </c>
      <c r="K387" s="23" t="s">
        <v>7120</v>
      </c>
      <c r="L387" s="49" t="e">
        <f>VLOOKUP(E387&amp;F387,団体コード!$A$1:$C$1743,3,FALSE)</f>
        <v>#N/A</v>
      </c>
      <c r="M387" s="49" t="e">
        <f>VLOOKUP(E387&amp;F387,団体コード!$A$1:$C$1743,2,FALSE)</f>
        <v>#N/A</v>
      </c>
      <c r="N387" s="51" t="e">
        <f>VLOOKUP(E387,団体コード!$E$1:$F$48,2,FALSE)</f>
        <v>#N/A</v>
      </c>
      <c r="O387" s="51" t="e">
        <f t="shared" si="13"/>
        <v>#N/A</v>
      </c>
      <c r="P387" s="51">
        <v>1</v>
      </c>
      <c r="Q387" s="51" t="s">
        <v>5341</v>
      </c>
      <c r="R387" s="54" t="b">
        <v>1</v>
      </c>
      <c r="S387" s="52" t="s">
        <v>7126</v>
      </c>
      <c r="T387" s="67" t="s">
        <v>7127</v>
      </c>
      <c r="U387" s="75" t="s">
        <v>5331</v>
      </c>
      <c r="V387" s="47" t="s">
        <v>5331</v>
      </c>
      <c r="W387" s="47" t="s">
        <v>5331</v>
      </c>
      <c r="X387" s="47" t="s">
        <v>5331</v>
      </c>
      <c r="Y387" s="47" t="s">
        <v>5331</v>
      </c>
      <c r="Z387" s="28"/>
      <c r="AA387" s="27"/>
      <c r="AB387" s="27"/>
      <c r="AC387" s="27"/>
      <c r="AD387" s="30"/>
      <c r="AE387" s="1"/>
      <c r="AF387" s="23" t="s">
        <v>5331</v>
      </c>
      <c r="AG387" s="26"/>
      <c r="AH387" s="53"/>
    </row>
    <row r="388" spans="1:34" ht="51.6" customHeight="1" x14ac:dyDescent="0.45">
      <c r="A388" s="23">
        <v>382</v>
      </c>
      <c r="B388" s="25"/>
      <c r="C388" s="25"/>
      <c r="D388" s="29"/>
      <c r="E388" s="1"/>
      <c r="F388" s="1"/>
      <c r="G388" s="25"/>
      <c r="H388" s="71"/>
      <c r="I388" s="83"/>
      <c r="J388" s="50" t="str">
        <f t="shared" si="12"/>
        <v/>
      </c>
      <c r="K388" s="23" t="s">
        <v>7120</v>
      </c>
      <c r="L388" s="49" t="e">
        <f>VLOOKUP(E388&amp;F388,団体コード!$A$1:$C$1743,3,FALSE)</f>
        <v>#N/A</v>
      </c>
      <c r="M388" s="49" t="e">
        <f>VLOOKUP(E388&amp;F388,団体コード!$A$1:$C$1743,2,FALSE)</f>
        <v>#N/A</v>
      </c>
      <c r="N388" s="51" t="e">
        <f>VLOOKUP(E388,団体コード!$E$1:$F$48,2,FALSE)</f>
        <v>#N/A</v>
      </c>
      <c r="O388" s="51" t="e">
        <f t="shared" si="13"/>
        <v>#N/A</v>
      </c>
      <c r="P388" s="51">
        <v>1</v>
      </c>
      <c r="Q388" s="51" t="s">
        <v>5341</v>
      </c>
      <c r="R388" s="54" t="b">
        <v>1</v>
      </c>
      <c r="S388" s="52" t="s">
        <v>7126</v>
      </c>
      <c r="T388" s="67" t="s">
        <v>7127</v>
      </c>
      <c r="U388" s="75" t="s">
        <v>5331</v>
      </c>
      <c r="V388" s="47" t="s">
        <v>5331</v>
      </c>
      <c r="W388" s="47" t="s">
        <v>5331</v>
      </c>
      <c r="X388" s="47" t="s">
        <v>5331</v>
      </c>
      <c r="Y388" s="47" t="s">
        <v>5331</v>
      </c>
      <c r="Z388" s="28"/>
      <c r="AA388" s="27"/>
      <c r="AB388" s="27"/>
      <c r="AC388" s="27"/>
      <c r="AD388" s="30"/>
      <c r="AE388" s="1"/>
      <c r="AF388" s="23" t="s">
        <v>5331</v>
      </c>
      <c r="AG388" s="26"/>
      <c r="AH388" s="53"/>
    </row>
    <row r="389" spans="1:34" ht="51.6" customHeight="1" x14ac:dyDescent="0.45">
      <c r="A389" s="23">
        <v>383</v>
      </c>
      <c r="B389" s="25"/>
      <c r="C389" s="25"/>
      <c r="D389" s="29"/>
      <c r="E389" s="1"/>
      <c r="F389" s="1"/>
      <c r="G389" s="25"/>
      <c r="H389" s="71"/>
      <c r="I389" s="83"/>
      <c r="J389" s="50" t="str">
        <f t="shared" si="12"/>
        <v/>
      </c>
      <c r="K389" s="23" t="s">
        <v>7120</v>
      </c>
      <c r="L389" s="49" t="e">
        <f>VLOOKUP(E389&amp;F389,団体コード!$A$1:$C$1743,3,FALSE)</f>
        <v>#N/A</v>
      </c>
      <c r="M389" s="49" t="e">
        <f>VLOOKUP(E389&amp;F389,団体コード!$A$1:$C$1743,2,FALSE)</f>
        <v>#N/A</v>
      </c>
      <c r="N389" s="51" t="e">
        <f>VLOOKUP(E389,団体コード!$E$1:$F$48,2,FALSE)</f>
        <v>#N/A</v>
      </c>
      <c r="O389" s="51" t="e">
        <f t="shared" si="13"/>
        <v>#N/A</v>
      </c>
      <c r="P389" s="51">
        <v>1</v>
      </c>
      <c r="Q389" s="51" t="s">
        <v>5341</v>
      </c>
      <c r="R389" s="54" t="b">
        <v>1</v>
      </c>
      <c r="S389" s="52" t="s">
        <v>7126</v>
      </c>
      <c r="T389" s="67" t="s">
        <v>7127</v>
      </c>
      <c r="U389" s="75" t="s">
        <v>5331</v>
      </c>
      <c r="V389" s="47" t="s">
        <v>5331</v>
      </c>
      <c r="W389" s="47" t="s">
        <v>5331</v>
      </c>
      <c r="X389" s="47" t="s">
        <v>5331</v>
      </c>
      <c r="Y389" s="47" t="s">
        <v>5331</v>
      </c>
      <c r="Z389" s="28"/>
      <c r="AA389" s="27"/>
      <c r="AB389" s="27"/>
      <c r="AC389" s="27"/>
      <c r="AD389" s="30"/>
      <c r="AE389" s="1"/>
      <c r="AF389" s="23" t="s">
        <v>5331</v>
      </c>
      <c r="AG389" s="26"/>
      <c r="AH389" s="53"/>
    </row>
    <row r="390" spans="1:34" ht="51.6" customHeight="1" x14ac:dyDescent="0.45">
      <c r="A390" s="23">
        <v>384</v>
      </c>
      <c r="B390" s="25"/>
      <c r="C390" s="25"/>
      <c r="D390" s="29"/>
      <c r="E390" s="1"/>
      <c r="F390" s="1"/>
      <c r="G390" s="25"/>
      <c r="H390" s="71"/>
      <c r="I390" s="83"/>
      <c r="J390" s="50" t="str">
        <f t="shared" si="12"/>
        <v/>
      </c>
      <c r="K390" s="23" t="s">
        <v>7120</v>
      </c>
      <c r="L390" s="49" t="e">
        <f>VLOOKUP(E390&amp;F390,団体コード!$A$1:$C$1743,3,FALSE)</f>
        <v>#N/A</v>
      </c>
      <c r="M390" s="49" t="e">
        <f>VLOOKUP(E390&amp;F390,団体コード!$A$1:$C$1743,2,FALSE)</f>
        <v>#N/A</v>
      </c>
      <c r="N390" s="51" t="e">
        <f>VLOOKUP(E390,団体コード!$E$1:$F$48,2,FALSE)</f>
        <v>#N/A</v>
      </c>
      <c r="O390" s="51" t="e">
        <f t="shared" si="13"/>
        <v>#N/A</v>
      </c>
      <c r="P390" s="51">
        <v>1</v>
      </c>
      <c r="Q390" s="51" t="s">
        <v>5341</v>
      </c>
      <c r="R390" s="54" t="b">
        <v>1</v>
      </c>
      <c r="S390" s="52" t="s">
        <v>7126</v>
      </c>
      <c r="T390" s="67" t="s">
        <v>7127</v>
      </c>
      <c r="U390" s="75" t="s">
        <v>5331</v>
      </c>
      <c r="V390" s="47" t="s">
        <v>5331</v>
      </c>
      <c r="W390" s="47" t="s">
        <v>5331</v>
      </c>
      <c r="X390" s="47" t="s">
        <v>5331</v>
      </c>
      <c r="Y390" s="47" t="s">
        <v>5331</v>
      </c>
      <c r="Z390" s="28"/>
      <c r="AA390" s="27"/>
      <c r="AB390" s="27"/>
      <c r="AC390" s="27"/>
      <c r="AD390" s="30"/>
      <c r="AE390" s="1"/>
      <c r="AF390" s="23" t="s">
        <v>5331</v>
      </c>
      <c r="AG390" s="26"/>
      <c r="AH390" s="53"/>
    </row>
    <row r="391" spans="1:34" ht="51.6" customHeight="1" x14ac:dyDescent="0.45">
      <c r="A391" s="23">
        <v>385</v>
      </c>
      <c r="B391" s="25"/>
      <c r="C391" s="25"/>
      <c r="D391" s="29"/>
      <c r="E391" s="1"/>
      <c r="F391" s="1"/>
      <c r="G391" s="25"/>
      <c r="H391" s="71"/>
      <c r="I391" s="83"/>
      <c r="J391" s="50" t="str">
        <f t="shared" si="12"/>
        <v/>
      </c>
      <c r="K391" s="23" t="s">
        <v>7120</v>
      </c>
      <c r="L391" s="49" t="e">
        <f>VLOOKUP(E391&amp;F391,団体コード!$A$1:$C$1743,3,FALSE)</f>
        <v>#N/A</v>
      </c>
      <c r="M391" s="49" t="e">
        <f>VLOOKUP(E391&amp;F391,団体コード!$A$1:$C$1743,2,FALSE)</f>
        <v>#N/A</v>
      </c>
      <c r="N391" s="51" t="e">
        <f>VLOOKUP(E391,団体コード!$E$1:$F$48,2,FALSE)</f>
        <v>#N/A</v>
      </c>
      <c r="O391" s="51" t="e">
        <f t="shared" si="13"/>
        <v>#N/A</v>
      </c>
      <c r="P391" s="51">
        <v>1</v>
      </c>
      <c r="Q391" s="51" t="s">
        <v>5341</v>
      </c>
      <c r="R391" s="54" t="b">
        <v>1</v>
      </c>
      <c r="S391" s="52" t="s">
        <v>7126</v>
      </c>
      <c r="T391" s="67" t="s">
        <v>7127</v>
      </c>
      <c r="U391" s="75" t="s">
        <v>5331</v>
      </c>
      <c r="V391" s="47" t="s">
        <v>5331</v>
      </c>
      <c r="W391" s="47" t="s">
        <v>5331</v>
      </c>
      <c r="X391" s="47" t="s">
        <v>5331</v>
      </c>
      <c r="Y391" s="47" t="s">
        <v>5331</v>
      </c>
      <c r="Z391" s="28"/>
      <c r="AA391" s="27"/>
      <c r="AB391" s="27"/>
      <c r="AC391" s="27"/>
      <c r="AD391" s="30"/>
      <c r="AE391" s="1"/>
      <c r="AF391" s="23" t="s">
        <v>5331</v>
      </c>
      <c r="AG391" s="26"/>
      <c r="AH391" s="53"/>
    </row>
    <row r="392" spans="1:34" ht="51.6" customHeight="1" x14ac:dyDescent="0.45">
      <c r="A392" s="23">
        <v>386</v>
      </c>
      <c r="B392" s="25"/>
      <c r="C392" s="25"/>
      <c r="D392" s="29"/>
      <c r="E392" s="1"/>
      <c r="F392" s="1"/>
      <c r="G392" s="25"/>
      <c r="H392" s="71"/>
      <c r="I392" s="83"/>
      <c r="J392" s="50" t="str">
        <f t="shared" ref="J392:J455" si="14">E392&amp;F392&amp;G392</f>
        <v/>
      </c>
      <c r="K392" s="23" t="s">
        <v>7120</v>
      </c>
      <c r="L392" s="49" t="e">
        <f>VLOOKUP(E392&amp;F392,団体コード!$A$1:$C$1743,3,FALSE)</f>
        <v>#N/A</v>
      </c>
      <c r="M392" s="49" t="e">
        <f>VLOOKUP(E392&amp;F392,団体コード!$A$1:$C$1743,2,FALSE)</f>
        <v>#N/A</v>
      </c>
      <c r="N392" s="51" t="e">
        <f>VLOOKUP(E392,団体コード!$E$1:$F$48,2,FALSE)</f>
        <v>#N/A</v>
      </c>
      <c r="O392" s="51" t="e">
        <f t="shared" ref="O392:O455" si="15">N392</f>
        <v>#N/A</v>
      </c>
      <c r="P392" s="51">
        <v>1</v>
      </c>
      <c r="Q392" s="51" t="s">
        <v>5341</v>
      </c>
      <c r="R392" s="54" t="b">
        <v>1</v>
      </c>
      <c r="S392" s="52" t="s">
        <v>7126</v>
      </c>
      <c r="T392" s="67" t="s">
        <v>7127</v>
      </c>
      <c r="U392" s="75" t="s">
        <v>5331</v>
      </c>
      <c r="V392" s="47" t="s">
        <v>5331</v>
      </c>
      <c r="W392" s="47" t="s">
        <v>5331</v>
      </c>
      <c r="X392" s="47" t="s">
        <v>5331</v>
      </c>
      <c r="Y392" s="47" t="s">
        <v>5331</v>
      </c>
      <c r="Z392" s="28"/>
      <c r="AA392" s="27"/>
      <c r="AB392" s="27"/>
      <c r="AC392" s="27"/>
      <c r="AD392" s="30"/>
      <c r="AE392" s="1"/>
      <c r="AF392" s="23" t="s">
        <v>5331</v>
      </c>
      <c r="AG392" s="26"/>
      <c r="AH392" s="53"/>
    </row>
    <row r="393" spans="1:34" ht="51.6" customHeight="1" x14ac:dyDescent="0.45">
      <c r="A393" s="23">
        <v>387</v>
      </c>
      <c r="B393" s="25"/>
      <c r="C393" s="25"/>
      <c r="D393" s="29"/>
      <c r="E393" s="1"/>
      <c r="F393" s="1"/>
      <c r="G393" s="25"/>
      <c r="H393" s="71"/>
      <c r="I393" s="83"/>
      <c r="J393" s="50" t="str">
        <f t="shared" si="14"/>
        <v/>
      </c>
      <c r="K393" s="23" t="s">
        <v>7120</v>
      </c>
      <c r="L393" s="49" t="e">
        <f>VLOOKUP(E393&amp;F393,団体コード!$A$1:$C$1743,3,FALSE)</f>
        <v>#N/A</v>
      </c>
      <c r="M393" s="49" t="e">
        <f>VLOOKUP(E393&amp;F393,団体コード!$A$1:$C$1743,2,FALSE)</f>
        <v>#N/A</v>
      </c>
      <c r="N393" s="51" t="e">
        <f>VLOOKUP(E393,団体コード!$E$1:$F$48,2,FALSE)</f>
        <v>#N/A</v>
      </c>
      <c r="O393" s="51" t="e">
        <f t="shared" si="15"/>
        <v>#N/A</v>
      </c>
      <c r="P393" s="51">
        <v>1</v>
      </c>
      <c r="Q393" s="51" t="s">
        <v>5341</v>
      </c>
      <c r="R393" s="54" t="b">
        <v>1</v>
      </c>
      <c r="S393" s="52" t="s">
        <v>7126</v>
      </c>
      <c r="T393" s="67" t="s">
        <v>7127</v>
      </c>
      <c r="U393" s="75" t="s">
        <v>5331</v>
      </c>
      <c r="V393" s="47" t="s">
        <v>5331</v>
      </c>
      <c r="W393" s="47" t="s">
        <v>5331</v>
      </c>
      <c r="X393" s="47" t="s">
        <v>5331</v>
      </c>
      <c r="Y393" s="47" t="s">
        <v>5331</v>
      </c>
      <c r="Z393" s="28"/>
      <c r="AA393" s="27"/>
      <c r="AB393" s="27"/>
      <c r="AC393" s="27"/>
      <c r="AD393" s="30"/>
      <c r="AE393" s="1"/>
      <c r="AF393" s="23" t="s">
        <v>5331</v>
      </c>
      <c r="AG393" s="26"/>
      <c r="AH393" s="53"/>
    </row>
    <row r="394" spans="1:34" ht="51.6" customHeight="1" x14ac:dyDescent="0.45">
      <c r="A394" s="23">
        <v>388</v>
      </c>
      <c r="B394" s="25"/>
      <c r="C394" s="25"/>
      <c r="D394" s="29"/>
      <c r="E394" s="1"/>
      <c r="F394" s="1"/>
      <c r="G394" s="25"/>
      <c r="H394" s="71"/>
      <c r="I394" s="83"/>
      <c r="J394" s="50" t="str">
        <f t="shared" si="14"/>
        <v/>
      </c>
      <c r="K394" s="23" t="s">
        <v>7120</v>
      </c>
      <c r="L394" s="49" t="e">
        <f>VLOOKUP(E394&amp;F394,団体コード!$A$1:$C$1743,3,FALSE)</f>
        <v>#N/A</v>
      </c>
      <c r="M394" s="49" t="e">
        <f>VLOOKUP(E394&amp;F394,団体コード!$A$1:$C$1743,2,FALSE)</f>
        <v>#N/A</v>
      </c>
      <c r="N394" s="51" t="e">
        <f>VLOOKUP(E394,団体コード!$E$1:$F$48,2,FALSE)</f>
        <v>#N/A</v>
      </c>
      <c r="O394" s="51" t="e">
        <f t="shared" si="15"/>
        <v>#N/A</v>
      </c>
      <c r="P394" s="51">
        <v>1</v>
      </c>
      <c r="Q394" s="51" t="s">
        <v>5341</v>
      </c>
      <c r="R394" s="54" t="b">
        <v>1</v>
      </c>
      <c r="S394" s="52" t="s">
        <v>7126</v>
      </c>
      <c r="T394" s="67" t="s">
        <v>7127</v>
      </c>
      <c r="U394" s="75" t="s">
        <v>5331</v>
      </c>
      <c r="V394" s="47" t="s">
        <v>5331</v>
      </c>
      <c r="W394" s="47" t="s">
        <v>5331</v>
      </c>
      <c r="X394" s="47" t="s">
        <v>5331</v>
      </c>
      <c r="Y394" s="47" t="s">
        <v>5331</v>
      </c>
      <c r="Z394" s="28"/>
      <c r="AA394" s="27"/>
      <c r="AB394" s="27"/>
      <c r="AC394" s="27"/>
      <c r="AD394" s="30"/>
      <c r="AE394" s="1"/>
      <c r="AF394" s="23" t="s">
        <v>5331</v>
      </c>
      <c r="AG394" s="26"/>
      <c r="AH394" s="53"/>
    </row>
    <row r="395" spans="1:34" ht="51.6" customHeight="1" x14ac:dyDescent="0.45">
      <c r="A395" s="23">
        <v>389</v>
      </c>
      <c r="B395" s="25"/>
      <c r="C395" s="25"/>
      <c r="D395" s="29"/>
      <c r="E395" s="1"/>
      <c r="F395" s="1"/>
      <c r="G395" s="25"/>
      <c r="H395" s="71"/>
      <c r="I395" s="83"/>
      <c r="J395" s="50" t="str">
        <f t="shared" si="14"/>
        <v/>
      </c>
      <c r="K395" s="23" t="s">
        <v>7120</v>
      </c>
      <c r="L395" s="49" t="e">
        <f>VLOOKUP(E395&amp;F395,団体コード!$A$1:$C$1743,3,FALSE)</f>
        <v>#N/A</v>
      </c>
      <c r="M395" s="49" t="e">
        <f>VLOOKUP(E395&amp;F395,団体コード!$A$1:$C$1743,2,FALSE)</f>
        <v>#N/A</v>
      </c>
      <c r="N395" s="51" t="e">
        <f>VLOOKUP(E395,団体コード!$E$1:$F$48,2,FALSE)</f>
        <v>#N/A</v>
      </c>
      <c r="O395" s="51" t="e">
        <f t="shared" si="15"/>
        <v>#N/A</v>
      </c>
      <c r="P395" s="51">
        <v>1</v>
      </c>
      <c r="Q395" s="51" t="s">
        <v>5341</v>
      </c>
      <c r="R395" s="54" t="b">
        <v>1</v>
      </c>
      <c r="S395" s="52" t="s">
        <v>7126</v>
      </c>
      <c r="T395" s="67" t="s">
        <v>7127</v>
      </c>
      <c r="U395" s="75" t="s">
        <v>5331</v>
      </c>
      <c r="V395" s="47" t="s">
        <v>5331</v>
      </c>
      <c r="W395" s="47" t="s">
        <v>5331</v>
      </c>
      <c r="X395" s="47" t="s">
        <v>5331</v>
      </c>
      <c r="Y395" s="47" t="s">
        <v>5331</v>
      </c>
      <c r="Z395" s="28"/>
      <c r="AA395" s="27"/>
      <c r="AB395" s="27"/>
      <c r="AC395" s="27"/>
      <c r="AD395" s="30"/>
      <c r="AE395" s="1"/>
      <c r="AF395" s="23" t="s">
        <v>5331</v>
      </c>
      <c r="AG395" s="26"/>
      <c r="AH395" s="53"/>
    </row>
    <row r="396" spans="1:34" ht="51.6" customHeight="1" x14ac:dyDescent="0.45">
      <c r="A396" s="23">
        <v>390</v>
      </c>
      <c r="B396" s="25"/>
      <c r="C396" s="25"/>
      <c r="D396" s="29"/>
      <c r="E396" s="1"/>
      <c r="F396" s="1"/>
      <c r="G396" s="25"/>
      <c r="H396" s="71"/>
      <c r="I396" s="83"/>
      <c r="J396" s="50" t="str">
        <f t="shared" si="14"/>
        <v/>
      </c>
      <c r="K396" s="23" t="s">
        <v>7120</v>
      </c>
      <c r="L396" s="49" t="e">
        <f>VLOOKUP(E396&amp;F396,団体コード!$A$1:$C$1743,3,FALSE)</f>
        <v>#N/A</v>
      </c>
      <c r="M396" s="49" t="e">
        <f>VLOOKUP(E396&amp;F396,団体コード!$A$1:$C$1743,2,FALSE)</f>
        <v>#N/A</v>
      </c>
      <c r="N396" s="51" t="e">
        <f>VLOOKUP(E396,団体コード!$E$1:$F$48,2,FALSE)</f>
        <v>#N/A</v>
      </c>
      <c r="O396" s="51" t="e">
        <f t="shared" si="15"/>
        <v>#N/A</v>
      </c>
      <c r="P396" s="51">
        <v>1</v>
      </c>
      <c r="Q396" s="51" t="s">
        <v>5341</v>
      </c>
      <c r="R396" s="54" t="b">
        <v>1</v>
      </c>
      <c r="S396" s="52" t="s">
        <v>7126</v>
      </c>
      <c r="T396" s="67" t="s">
        <v>7127</v>
      </c>
      <c r="U396" s="75" t="s">
        <v>5331</v>
      </c>
      <c r="V396" s="47" t="s">
        <v>5331</v>
      </c>
      <c r="W396" s="47" t="s">
        <v>5331</v>
      </c>
      <c r="X396" s="47" t="s">
        <v>5331</v>
      </c>
      <c r="Y396" s="47" t="s">
        <v>5331</v>
      </c>
      <c r="Z396" s="28"/>
      <c r="AA396" s="27"/>
      <c r="AB396" s="27"/>
      <c r="AC396" s="27"/>
      <c r="AD396" s="30"/>
      <c r="AE396" s="1"/>
      <c r="AF396" s="23" t="s">
        <v>5331</v>
      </c>
      <c r="AG396" s="26"/>
      <c r="AH396" s="53"/>
    </row>
    <row r="397" spans="1:34" ht="51.6" customHeight="1" x14ac:dyDescent="0.45">
      <c r="A397" s="23">
        <v>391</v>
      </c>
      <c r="B397" s="25"/>
      <c r="C397" s="25"/>
      <c r="D397" s="29"/>
      <c r="E397" s="1"/>
      <c r="F397" s="1"/>
      <c r="G397" s="25"/>
      <c r="H397" s="71"/>
      <c r="I397" s="83"/>
      <c r="J397" s="50" t="str">
        <f t="shared" si="14"/>
        <v/>
      </c>
      <c r="K397" s="23" t="s">
        <v>7120</v>
      </c>
      <c r="L397" s="49" t="e">
        <f>VLOOKUP(E397&amp;F397,団体コード!$A$1:$C$1743,3,FALSE)</f>
        <v>#N/A</v>
      </c>
      <c r="M397" s="49" t="e">
        <f>VLOOKUP(E397&amp;F397,団体コード!$A$1:$C$1743,2,FALSE)</f>
        <v>#N/A</v>
      </c>
      <c r="N397" s="51" t="e">
        <f>VLOOKUP(E397,団体コード!$E$1:$F$48,2,FALSE)</f>
        <v>#N/A</v>
      </c>
      <c r="O397" s="51" t="e">
        <f t="shared" si="15"/>
        <v>#N/A</v>
      </c>
      <c r="P397" s="51">
        <v>1</v>
      </c>
      <c r="Q397" s="51" t="s">
        <v>5341</v>
      </c>
      <c r="R397" s="54" t="b">
        <v>1</v>
      </c>
      <c r="S397" s="52" t="s">
        <v>7126</v>
      </c>
      <c r="T397" s="67" t="s">
        <v>7127</v>
      </c>
      <c r="U397" s="75" t="s">
        <v>5331</v>
      </c>
      <c r="V397" s="47" t="s">
        <v>5331</v>
      </c>
      <c r="W397" s="47" t="s">
        <v>5331</v>
      </c>
      <c r="X397" s="47" t="s">
        <v>5331</v>
      </c>
      <c r="Y397" s="47" t="s">
        <v>5331</v>
      </c>
      <c r="Z397" s="28"/>
      <c r="AA397" s="27"/>
      <c r="AB397" s="27"/>
      <c r="AC397" s="27"/>
      <c r="AD397" s="30"/>
      <c r="AE397" s="1"/>
      <c r="AF397" s="23" t="s">
        <v>5331</v>
      </c>
      <c r="AG397" s="26"/>
      <c r="AH397" s="53"/>
    </row>
    <row r="398" spans="1:34" ht="51.6" customHeight="1" x14ac:dyDescent="0.45">
      <c r="A398" s="23">
        <v>392</v>
      </c>
      <c r="B398" s="25"/>
      <c r="C398" s="25"/>
      <c r="D398" s="29"/>
      <c r="E398" s="1"/>
      <c r="F398" s="1"/>
      <c r="G398" s="25"/>
      <c r="H398" s="71"/>
      <c r="I398" s="83"/>
      <c r="J398" s="50" t="str">
        <f t="shared" si="14"/>
        <v/>
      </c>
      <c r="K398" s="23" t="s">
        <v>7120</v>
      </c>
      <c r="L398" s="49" t="e">
        <f>VLOOKUP(E398&amp;F398,団体コード!$A$1:$C$1743,3,FALSE)</f>
        <v>#N/A</v>
      </c>
      <c r="M398" s="49" t="e">
        <f>VLOOKUP(E398&amp;F398,団体コード!$A$1:$C$1743,2,FALSE)</f>
        <v>#N/A</v>
      </c>
      <c r="N398" s="51" t="e">
        <f>VLOOKUP(E398,団体コード!$E$1:$F$48,2,FALSE)</f>
        <v>#N/A</v>
      </c>
      <c r="O398" s="51" t="e">
        <f t="shared" si="15"/>
        <v>#N/A</v>
      </c>
      <c r="P398" s="51">
        <v>1</v>
      </c>
      <c r="Q398" s="51" t="s">
        <v>5341</v>
      </c>
      <c r="R398" s="54" t="b">
        <v>1</v>
      </c>
      <c r="S398" s="52" t="s">
        <v>7126</v>
      </c>
      <c r="T398" s="67" t="s">
        <v>7127</v>
      </c>
      <c r="U398" s="75" t="s">
        <v>5331</v>
      </c>
      <c r="V398" s="47" t="s">
        <v>5331</v>
      </c>
      <c r="W398" s="47" t="s">
        <v>5331</v>
      </c>
      <c r="X398" s="47" t="s">
        <v>5331</v>
      </c>
      <c r="Y398" s="47" t="s">
        <v>5331</v>
      </c>
      <c r="Z398" s="28"/>
      <c r="AA398" s="27"/>
      <c r="AB398" s="27"/>
      <c r="AC398" s="27"/>
      <c r="AD398" s="30"/>
      <c r="AE398" s="1"/>
      <c r="AF398" s="23" t="s">
        <v>5331</v>
      </c>
      <c r="AG398" s="26"/>
      <c r="AH398" s="53"/>
    </row>
    <row r="399" spans="1:34" ht="51.6" customHeight="1" x14ac:dyDescent="0.45">
      <c r="A399" s="23">
        <v>393</v>
      </c>
      <c r="B399" s="25"/>
      <c r="C399" s="25"/>
      <c r="D399" s="29"/>
      <c r="E399" s="1"/>
      <c r="F399" s="1"/>
      <c r="G399" s="25"/>
      <c r="H399" s="71"/>
      <c r="I399" s="83"/>
      <c r="J399" s="50" t="str">
        <f t="shared" si="14"/>
        <v/>
      </c>
      <c r="K399" s="23" t="s">
        <v>7120</v>
      </c>
      <c r="L399" s="49" t="e">
        <f>VLOOKUP(E399&amp;F399,団体コード!$A$1:$C$1743,3,FALSE)</f>
        <v>#N/A</v>
      </c>
      <c r="M399" s="49" t="e">
        <f>VLOOKUP(E399&amp;F399,団体コード!$A$1:$C$1743,2,FALSE)</f>
        <v>#N/A</v>
      </c>
      <c r="N399" s="51" t="e">
        <f>VLOOKUP(E399,団体コード!$E$1:$F$48,2,FALSE)</f>
        <v>#N/A</v>
      </c>
      <c r="O399" s="51" t="e">
        <f t="shared" si="15"/>
        <v>#N/A</v>
      </c>
      <c r="P399" s="51">
        <v>1</v>
      </c>
      <c r="Q399" s="51" t="s">
        <v>5341</v>
      </c>
      <c r="R399" s="54" t="b">
        <v>1</v>
      </c>
      <c r="S399" s="52" t="s">
        <v>7126</v>
      </c>
      <c r="T399" s="67" t="s">
        <v>7127</v>
      </c>
      <c r="U399" s="75" t="s">
        <v>5331</v>
      </c>
      <c r="V399" s="47" t="s">
        <v>5331</v>
      </c>
      <c r="W399" s="47" t="s">
        <v>5331</v>
      </c>
      <c r="X399" s="47" t="s">
        <v>5331</v>
      </c>
      <c r="Y399" s="47" t="s">
        <v>5331</v>
      </c>
      <c r="Z399" s="28"/>
      <c r="AA399" s="27"/>
      <c r="AB399" s="27"/>
      <c r="AC399" s="27"/>
      <c r="AD399" s="30"/>
      <c r="AE399" s="1"/>
      <c r="AF399" s="23" t="s">
        <v>5331</v>
      </c>
      <c r="AG399" s="26"/>
      <c r="AH399" s="53"/>
    </row>
    <row r="400" spans="1:34" ht="51.6" customHeight="1" x14ac:dyDescent="0.45">
      <c r="A400" s="23">
        <v>394</v>
      </c>
      <c r="B400" s="25"/>
      <c r="C400" s="25"/>
      <c r="D400" s="29"/>
      <c r="E400" s="1"/>
      <c r="F400" s="1"/>
      <c r="G400" s="25"/>
      <c r="H400" s="71"/>
      <c r="I400" s="83"/>
      <c r="J400" s="50" t="str">
        <f t="shared" si="14"/>
        <v/>
      </c>
      <c r="K400" s="23" t="s">
        <v>7120</v>
      </c>
      <c r="L400" s="49" t="e">
        <f>VLOOKUP(E400&amp;F400,団体コード!$A$1:$C$1743,3,FALSE)</f>
        <v>#N/A</v>
      </c>
      <c r="M400" s="49" t="e">
        <f>VLOOKUP(E400&amp;F400,団体コード!$A$1:$C$1743,2,FALSE)</f>
        <v>#N/A</v>
      </c>
      <c r="N400" s="51" t="e">
        <f>VLOOKUP(E400,団体コード!$E$1:$F$48,2,FALSE)</f>
        <v>#N/A</v>
      </c>
      <c r="O400" s="51" t="e">
        <f t="shared" si="15"/>
        <v>#N/A</v>
      </c>
      <c r="P400" s="51">
        <v>1</v>
      </c>
      <c r="Q400" s="51" t="s">
        <v>5341</v>
      </c>
      <c r="R400" s="54" t="b">
        <v>1</v>
      </c>
      <c r="S400" s="52" t="s">
        <v>7126</v>
      </c>
      <c r="T400" s="67" t="s">
        <v>7127</v>
      </c>
      <c r="U400" s="75" t="s">
        <v>5331</v>
      </c>
      <c r="V400" s="47" t="s">
        <v>5331</v>
      </c>
      <c r="W400" s="47" t="s">
        <v>5331</v>
      </c>
      <c r="X400" s="47" t="s">
        <v>5331</v>
      </c>
      <c r="Y400" s="47" t="s">
        <v>5331</v>
      </c>
      <c r="Z400" s="28"/>
      <c r="AA400" s="27"/>
      <c r="AB400" s="27"/>
      <c r="AC400" s="27"/>
      <c r="AD400" s="30"/>
      <c r="AE400" s="1"/>
      <c r="AF400" s="23" t="s">
        <v>5331</v>
      </c>
      <c r="AG400" s="26"/>
      <c r="AH400" s="53"/>
    </row>
    <row r="401" spans="1:34" ht="51.6" customHeight="1" x14ac:dyDescent="0.45">
      <c r="A401" s="23">
        <v>395</v>
      </c>
      <c r="B401" s="25"/>
      <c r="C401" s="25"/>
      <c r="D401" s="29"/>
      <c r="E401" s="1"/>
      <c r="F401" s="1"/>
      <c r="G401" s="25"/>
      <c r="H401" s="71"/>
      <c r="I401" s="83"/>
      <c r="J401" s="50" t="str">
        <f t="shared" si="14"/>
        <v/>
      </c>
      <c r="K401" s="23" t="s">
        <v>7120</v>
      </c>
      <c r="L401" s="49" t="e">
        <f>VLOOKUP(E401&amp;F401,団体コード!$A$1:$C$1743,3,FALSE)</f>
        <v>#N/A</v>
      </c>
      <c r="M401" s="49" t="e">
        <f>VLOOKUP(E401&amp;F401,団体コード!$A$1:$C$1743,2,FALSE)</f>
        <v>#N/A</v>
      </c>
      <c r="N401" s="51" t="e">
        <f>VLOOKUP(E401,団体コード!$E$1:$F$48,2,FALSE)</f>
        <v>#N/A</v>
      </c>
      <c r="O401" s="51" t="e">
        <f t="shared" si="15"/>
        <v>#N/A</v>
      </c>
      <c r="P401" s="51">
        <v>1</v>
      </c>
      <c r="Q401" s="51" t="s">
        <v>5341</v>
      </c>
      <c r="R401" s="54" t="b">
        <v>1</v>
      </c>
      <c r="S401" s="52" t="s">
        <v>7126</v>
      </c>
      <c r="T401" s="67" t="s">
        <v>7127</v>
      </c>
      <c r="U401" s="75" t="s">
        <v>5331</v>
      </c>
      <c r="V401" s="47" t="s">
        <v>5331</v>
      </c>
      <c r="W401" s="47" t="s">
        <v>5331</v>
      </c>
      <c r="X401" s="47" t="s">
        <v>5331</v>
      </c>
      <c r="Y401" s="47" t="s">
        <v>5331</v>
      </c>
      <c r="Z401" s="28"/>
      <c r="AA401" s="27"/>
      <c r="AB401" s="27"/>
      <c r="AC401" s="27"/>
      <c r="AD401" s="30"/>
      <c r="AE401" s="1"/>
      <c r="AF401" s="23" t="s">
        <v>5331</v>
      </c>
      <c r="AG401" s="26"/>
      <c r="AH401" s="53"/>
    </row>
    <row r="402" spans="1:34" ht="51.6" customHeight="1" x14ac:dyDescent="0.45">
      <c r="A402" s="23">
        <v>396</v>
      </c>
      <c r="B402" s="25"/>
      <c r="C402" s="25"/>
      <c r="D402" s="29"/>
      <c r="E402" s="1"/>
      <c r="F402" s="1"/>
      <c r="G402" s="25"/>
      <c r="H402" s="71"/>
      <c r="I402" s="83"/>
      <c r="J402" s="50" t="str">
        <f t="shared" si="14"/>
        <v/>
      </c>
      <c r="K402" s="23" t="s">
        <v>7120</v>
      </c>
      <c r="L402" s="49" t="e">
        <f>VLOOKUP(E402&amp;F402,団体コード!$A$1:$C$1743,3,FALSE)</f>
        <v>#N/A</v>
      </c>
      <c r="M402" s="49" t="e">
        <f>VLOOKUP(E402&amp;F402,団体コード!$A$1:$C$1743,2,FALSE)</f>
        <v>#N/A</v>
      </c>
      <c r="N402" s="51" t="e">
        <f>VLOOKUP(E402,団体コード!$E$1:$F$48,2,FALSE)</f>
        <v>#N/A</v>
      </c>
      <c r="O402" s="51" t="e">
        <f t="shared" si="15"/>
        <v>#N/A</v>
      </c>
      <c r="P402" s="51">
        <v>1</v>
      </c>
      <c r="Q402" s="51" t="s">
        <v>5341</v>
      </c>
      <c r="R402" s="54" t="b">
        <v>1</v>
      </c>
      <c r="S402" s="52" t="s">
        <v>7126</v>
      </c>
      <c r="T402" s="67" t="s">
        <v>7127</v>
      </c>
      <c r="U402" s="75" t="s">
        <v>5331</v>
      </c>
      <c r="V402" s="47" t="s">
        <v>5331</v>
      </c>
      <c r="W402" s="47" t="s">
        <v>5331</v>
      </c>
      <c r="X402" s="47" t="s">
        <v>5331</v>
      </c>
      <c r="Y402" s="47" t="s">
        <v>5331</v>
      </c>
      <c r="Z402" s="28"/>
      <c r="AA402" s="27"/>
      <c r="AB402" s="27"/>
      <c r="AC402" s="27"/>
      <c r="AD402" s="30"/>
      <c r="AE402" s="1"/>
      <c r="AF402" s="23" t="s">
        <v>5331</v>
      </c>
      <c r="AG402" s="26"/>
      <c r="AH402" s="53"/>
    </row>
    <row r="403" spans="1:34" ht="51.6" customHeight="1" x14ac:dyDescent="0.45">
      <c r="A403" s="23">
        <v>397</v>
      </c>
      <c r="B403" s="25"/>
      <c r="C403" s="25"/>
      <c r="D403" s="29"/>
      <c r="E403" s="1"/>
      <c r="F403" s="1"/>
      <c r="G403" s="25"/>
      <c r="H403" s="71"/>
      <c r="I403" s="83"/>
      <c r="J403" s="50" t="str">
        <f t="shared" si="14"/>
        <v/>
      </c>
      <c r="K403" s="23" t="s">
        <v>7120</v>
      </c>
      <c r="L403" s="49" t="e">
        <f>VLOOKUP(E403&amp;F403,団体コード!$A$1:$C$1743,3,FALSE)</f>
        <v>#N/A</v>
      </c>
      <c r="M403" s="49" t="e">
        <f>VLOOKUP(E403&amp;F403,団体コード!$A$1:$C$1743,2,FALSE)</f>
        <v>#N/A</v>
      </c>
      <c r="N403" s="51" t="e">
        <f>VLOOKUP(E403,団体コード!$E$1:$F$48,2,FALSE)</f>
        <v>#N/A</v>
      </c>
      <c r="O403" s="51" t="e">
        <f t="shared" si="15"/>
        <v>#N/A</v>
      </c>
      <c r="P403" s="51">
        <v>1</v>
      </c>
      <c r="Q403" s="51" t="s">
        <v>5341</v>
      </c>
      <c r="R403" s="54" t="b">
        <v>1</v>
      </c>
      <c r="S403" s="52" t="s">
        <v>7126</v>
      </c>
      <c r="T403" s="67" t="s">
        <v>7127</v>
      </c>
      <c r="U403" s="75" t="s">
        <v>5331</v>
      </c>
      <c r="V403" s="47" t="s">
        <v>5331</v>
      </c>
      <c r="W403" s="47" t="s">
        <v>5331</v>
      </c>
      <c r="X403" s="47" t="s">
        <v>5331</v>
      </c>
      <c r="Y403" s="47" t="s">
        <v>5331</v>
      </c>
      <c r="Z403" s="28"/>
      <c r="AA403" s="27"/>
      <c r="AB403" s="27"/>
      <c r="AC403" s="27"/>
      <c r="AD403" s="30"/>
      <c r="AE403" s="1"/>
      <c r="AF403" s="23" t="s">
        <v>5331</v>
      </c>
      <c r="AG403" s="26"/>
      <c r="AH403" s="53"/>
    </row>
    <row r="404" spans="1:34" ht="51.6" customHeight="1" x14ac:dyDescent="0.45">
      <c r="A404" s="23">
        <v>398</v>
      </c>
      <c r="B404" s="25"/>
      <c r="C404" s="25"/>
      <c r="D404" s="29"/>
      <c r="E404" s="1"/>
      <c r="F404" s="1"/>
      <c r="G404" s="25"/>
      <c r="H404" s="71"/>
      <c r="I404" s="83"/>
      <c r="J404" s="50" t="str">
        <f t="shared" si="14"/>
        <v/>
      </c>
      <c r="K404" s="23" t="s">
        <v>7120</v>
      </c>
      <c r="L404" s="49" t="e">
        <f>VLOOKUP(E404&amp;F404,団体コード!$A$1:$C$1743,3,FALSE)</f>
        <v>#N/A</v>
      </c>
      <c r="M404" s="49" t="e">
        <f>VLOOKUP(E404&amp;F404,団体コード!$A$1:$C$1743,2,FALSE)</f>
        <v>#N/A</v>
      </c>
      <c r="N404" s="51" t="e">
        <f>VLOOKUP(E404,団体コード!$E$1:$F$48,2,FALSE)</f>
        <v>#N/A</v>
      </c>
      <c r="O404" s="51" t="e">
        <f t="shared" si="15"/>
        <v>#N/A</v>
      </c>
      <c r="P404" s="51">
        <v>1</v>
      </c>
      <c r="Q404" s="51" t="s">
        <v>5341</v>
      </c>
      <c r="R404" s="54" t="b">
        <v>1</v>
      </c>
      <c r="S404" s="52" t="s">
        <v>7126</v>
      </c>
      <c r="T404" s="67" t="s">
        <v>7127</v>
      </c>
      <c r="U404" s="75" t="s">
        <v>5331</v>
      </c>
      <c r="V404" s="47" t="s">
        <v>5331</v>
      </c>
      <c r="W404" s="47" t="s">
        <v>5331</v>
      </c>
      <c r="X404" s="47" t="s">
        <v>5331</v>
      </c>
      <c r="Y404" s="47" t="s">
        <v>5331</v>
      </c>
      <c r="Z404" s="28"/>
      <c r="AA404" s="27"/>
      <c r="AB404" s="27"/>
      <c r="AC404" s="27"/>
      <c r="AD404" s="30"/>
      <c r="AE404" s="1"/>
      <c r="AF404" s="23" t="s">
        <v>5331</v>
      </c>
      <c r="AG404" s="26"/>
      <c r="AH404" s="53"/>
    </row>
    <row r="405" spans="1:34" ht="51.6" customHeight="1" x14ac:dyDescent="0.45">
      <c r="A405" s="23">
        <v>399</v>
      </c>
      <c r="B405" s="25"/>
      <c r="C405" s="25"/>
      <c r="D405" s="29"/>
      <c r="E405" s="1"/>
      <c r="F405" s="1"/>
      <c r="G405" s="25"/>
      <c r="H405" s="71"/>
      <c r="I405" s="83"/>
      <c r="J405" s="50" t="str">
        <f t="shared" si="14"/>
        <v/>
      </c>
      <c r="K405" s="23" t="s">
        <v>7120</v>
      </c>
      <c r="L405" s="49" t="e">
        <f>VLOOKUP(E405&amp;F405,団体コード!$A$1:$C$1743,3,FALSE)</f>
        <v>#N/A</v>
      </c>
      <c r="M405" s="49" t="e">
        <f>VLOOKUP(E405&amp;F405,団体コード!$A$1:$C$1743,2,FALSE)</f>
        <v>#N/A</v>
      </c>
      <c r="N405" s="51" t="e">
        <f>VLOOKUP(E405,団体コード!$E$1:$F$48,2,FALSE)</f>
        <v>#N/A</v>
      </c>
      <c r="O405" s="51" t="e">
        <f t="shared" si="15"/>
        <v>#N/A</v>
      </c>
      <c r="P405" s="51">
        <v>1</v>
      </c>
      <c r="Q405" s="51" t="s">
        <v>5341</v>
      </c>
      <c r="R405" s="54" t="b">
        <v>1</v>
      </c>
      <c r="S405" s="52" t="s">
        <v>7126</v>
      </c>
      <c r="T405" s="67" t="s">
        <v>7127</v>
      </c>
      <c r="U405" s="75" t="s">
        <v>5331</v>
      </c>
      <c r="V405" s="47" t="s">
        <v>5331</v>
      </c>
      <c r="W405" s="47" t="s">
        <v>5331</v>
      </c>
      <c r="X405" s="47" t="s">
        <v>5331</v>
      </c>
      <c r="Y405" s="47" t="s">
        <v>5331</v>
      </c>
      <c r="Z405" s="28"/>
      <c r="AA405" s="27"/>
      <c r="AB405" s="27"/>
      <c r="AC405" s="27"/>
      <c r="AD405" s="30"/>
      <c r="AE405" s="1"/>
      <c r="AF405" s="23" t="s">
        <v>5331</v>
      </c>
      <c r="AG405" s="26"/>
      <c r="AH405" s="53"/>
    </row>
    <row r="406" spans="1:34" ht="51.6" customHeight="1" x14ac:dyDescent="0.45">
      <c r="A406" s="23">
        <v>400</v>
      </c>
      <c r="B406" s="25"/>
      <c r="C406" s="25"/>
      <c r="D406" s="29"/>
      <c r="E406" s="1"/>
      <c r="F406" s="1"/>
      <c r="G406" s="25"/>
      <c r="H406" s="71"/>
      <c r="I406" s="83"/>
      <c r="J406" s="50" t="str">
        <f t="shared" si="14"/>
        <v/>
      </c>
      <c r="K406" s="23" t="s">
        <v>7120</v>
      </c>
      <c r="L406" s="49" t="e">
        <f>VLOOKUP(E406&amp;F406,団体コード!$A$1:$C$1743,3,FALSE)</f>
        <v>#N/A</v>
      </c>
      <c r="M406" s="49" t="e">
        <f>VLOOKUP(E406&amp;F406,団体コード!$A$1:$C$1743,2,FALSE)</f>
        <v>#N/A</v>
      </c>
      <c r="N406" s="51" t="e">
        <f>VLOOKUP(E406,団体コード!$E$1:$F$48,2,FALSE)</f>
        <v>#N/A</v>
      </c>
      <c r="O406" s="51" t="e">
        <f t="shared" si="15"/>
        <v>#N/A</v>
      </c>
      <c r="P406" s="51">
        <v>1</v>
      </c>
      <c r="Q406" s="51" t="s">
        <v>5341</v>
      </c>
      <c r="R406" s="54" t="b">
        <v>1</v>
      </c>
      <c r="S406" s="52" t="s">
        <v>7126</v>
      </c>
      <c r="T406" s="67" t="s">
        <v>7127</v>
      </c>
      <c r="U406" s="75" t="s">
        <v>5331</v>
      </c>
      <c r="V406" s="47" t="s">
        <v>5331</v>
      </c>
      <c r="W406" s="47" t="s">
        <v>5331</v>
      </c>
      <c r="X406" s="47" t="s">
        <v>5331</v>
      </c>
      <c r="Y406" s="47" t="s">
        <v>5331</v>
      </c>
      <c r="Z406" s="28"/>
      <c r="AA406" s="27"/>
      <c r="AB406" s="27"/>
      <c r="AC406" s="27"/>
      <c r="AD406" s="30"/>
      <c r="AE406" s="1"/>
      <c r="AF406" s="23" t="s">
        <v>5331</v>
      </c>
      <c r="AG406" s="26"/>
      <c r="AH406" s="53"/>
    </row>
    <row r="407" spans="1:34" ht="51.6" customHeight="1" x14ac:dyDescent="0.45">
      <c r="A407" s="23">
        <v>401</v>
      </c>
      <c r="B407" s="25"/>
      <c r="C407" s="25"/>
      <c r="D407" s="29"/>
      <c r="E407" s="1"/>
      <c r="F407" s="1"/>
      <c r="G407" s="25"/>
      <c r="H407" s="71"/>
      <c r="I407" s="83"/>
      <c r="J407" s="50" t="str">
        <f t="shared" si="14"/>
        <v/>
      </c>
      <c r="K407" s="23" t="s">
        <v>7120</v>
      </c>
      <c r="L407" s="49" t="e">
        <f>VLOOKUP(E407&amp;F407,団体コード!$A$1:$C$1743,3,FALSE)</f>
        <v>#N/A</v>
      </c>
      <c r="M407" s="49" t="e">
        <f>VLOOKUP(E407&amp;F407,団体コード!$A$1:$C$1743,2,FALSE)</f>
        <v>#N/A</v>
      </c>
      <c r="N407" s="51" t="e">
        <f>VLOOKUP(E407,団体コード!$E$1:$F$48,2,FALSE)</f>
        <v>#N/A</v>
      </c>
      <c r="O407" s="51" t="e">
        <f t="shared" si="15"/>
        <v>#N/A</v>
      </c>
      <c r="P407" s="51">
        <v>1</v>
      </c>
      <c r="Q407" s="51" t="s">
        <v>5341</v>
      </c>
      <c r="R407" s="54" t="b">
        <v>1</v>
      </c>
      <c r="S407" s="52" t="s">
        <v>7126</v>
      </c>
      <c r="T407" s="67" t="s">
        <v>7127</v>
      </c>
      <c r="U407" s="75" t="s">
        <v>5331</v>
      </c>
      <c r="V407" s="47" t="s">
        <v>5331</v>
      </c>
      <c r="W407" s="47" t="s">
        <v>5331</v>
      </c>
      <c r="X407" s="47" t="s">
        <v>5331</v>
      </c>
      <c r="Y407" s="47" t="s">
        <v>5331</v>
      </c>
      <c r="Z407" s="28"/>
      <c r="AA407" s="27"/>
      <c r="AB407" s="27"/>
      <c r="AC407" s="27"/>
      <c r="AD407" s="30"/>
      <c r="AE407" s="1"/>
      <c r="AF407" s="23" t="s">
        <v>5331</v>
      </c>
      <c r="AG407" s="26"/>
      <c r="AH407" s="53"/>
    </row>
    <row r="408" spans="1:34" ht="51.6" customHeight="1" x14ac:dyDescent="0.45">
      <c r="A408" s="23">
        <v>402</v>
      </c>
      <c r="B408" s="25"/>
      <c r="C408" s="25"/>
      <c r="D408" s="29"/>
      <c r="E408" s="1"/>
      <c r="F408" s="1"/>
      <c r="G408" s="25"/>
      <c r="H408" s="71"/>
      <c r="I408" s="83"/>
      <c r="J408" s="50" t="str">
        <f t="shared" si="14"/>
        <v/>
      </c>
      <c r="K408" s="23" t="s">
        <v>7120</v>
      </c>
      <c r="L408" s="49" t="e">
        <f>VLOOKUP(E408&amp;F408,団体コード!$A$1:$C$1743,3,FALSE)</f>
        <v>#N/A</v>
      </c>
      <c r="M408" s="49" t="e">
        <f>VLOOKUP(E408&amp;F408,団体コード!$A$1:$C$1743,2,FALSE)</f>
        <v>#N/A</v>
      </c>
      <c r="N408" s="51" t="e">
        <f>VLOOKUP(E408,団体コード!$E$1:$F$48,2,FALSE)</f>
        <v>#N/A</v>
      </c>
      <c r="O408" s="51" t="e">
        <f t="shared" si="15"/>
        <v>#N/A</v>
      </c>
      <c r="P408" s="51">
        <v>1</v>
      </c>
      <c r="Q408" s="51" t="s">
        <v>5341</v>
      </c>
      <c r="R408" s="54" t="b">
        <v>1</v>
      </c>
      <c r="S408" s="52" t="s">
        <v>7126</v>
      </c>
      <c r="T408" s="67" t="s">
        <v>7127</v>
      </c>
      <c r="U408" s="75" t="s">
        <v>5331</v>
      </c>
      <c r="V408" s="47" t="s">
        <v>5331</v>
      </c>
      <c r="W408" s="47" t="s">
        <v>5331</v>
      </c>
      <c r="X408" s="47" t="s">
        <v>5331</v>
      </c>
      <c r="Y408" s="47" t="s">
        <v>5331</v>
      </c>
      <c r="Z408" s="28"/>
      <c r="AA408" s="27"/>
      <c r="AB408" s="27"/>
      <c r="AC408" s="27"/>
      <c r="AD408" s="30"/>
      <c r="AE408" s="1"/>
      <c r="AF408" s="23" t="s">
        <v>5331</v>
      </c>
      <c r="AG408" s="26"/>
      <c r="AH408" s="53"/>
    </row>
    <row r="409" spans="1:34" ht="51.6" customHeight="1" x14ac:dyDescent="0.45">
      <c r="A409" s="23">
        <v>403</v>
      </c>
      <c r="B409" s="25"/>
      <c r="C409" s="25"/>
      <c r="D409" s="29"/>
      <c r="E409" s="1"/>
      <c r="F409" s="1"/>
      <c r="G409" s="25"/>
      <c r="H409" s="71"/>
      <c r="I409" s="83"/>
      <c r="J409" s="50" t="str">
        <f t="shared" si="14"/>
        <v/>
      </c>
      <c r="K409" s="23" t="s">
        <v>7120</v>
      </c>
      <c r="L409" s="49" t="e">
        <f>VLOOKUP(E409&amp;F409,団体コード!$A$1:$C$1743,3,FALSE)</f>
        <v>#N/A</v>
      </c>
      <c r="M409" s="49" t="e">
        <f>VLOOKUP(E409&amp;F409,団体コード!$A$1:$C$1743,2,FALSE)</f>
        <v>#N/A</v>
      </c>
      <c r="N409" s="51" t="e">
        <f>VLOOKUP(E409,団体コード!$E$1:$F$48,2,FALSE)</f>
        <v>#N/A</v>
      </c>
      <c r="O409" s="51" t="e">
        <f t="shared" si="15"/>
        <v>#N/A</v>
      </c>
      <c r="P409" s="51">
        <v>1</v>
      </c>
      <c r="Q409" s="51" t="s">
        <v>5341</v>
      </c>
      <c r="R409" s="54" t="b">
        <v>1</v>
      </c>
      <c r="S409" s="52" t="s">
        <v>7126</v>
      </c>
      <c r="T409" s="67" t="s">
        <v>7127</v>
      </c>
      <c r="U409" s="75" t="s">
        <v>5331</v>
      </c>
      <c r="V409" s="47" t="s">
        <v>5331</v>
      </c>
      <c r="W409" s="47" t="s">
        <v>5331</v>
      </c>
      <c r="X409" s="47" t="s">
        <v>5331</v>
      </c>
      <c r="Y409" s="47" t="s">
        <v>5331</v>
      </c>
      <c r="Z409" s="28"/>
      <c r="AA409" s="27"/>
      <c r="AB409" s="27"/>
      <c r="AC409" s="27"/>
      <c r="AD409" s="30"/>
      <c r="AE409" s="1"/>
      <c r="AF409" s="23" t="s">
        <v>5331</v>
      </c>
      <c r="AG409" s="26"/>
      <c r="AH409" s="53"/>
    </row>
    <row r="410" spans="1:34" ht="51.6" customHeight="1" x14ac:dyDescent="0.45">
      <c r="A410" s="23">
        <v>404</v>
      </c>
      <c r="B410" s="25"/>
      <c r="C410" s="25"/>
      <c r="D410" s="29"/>
      <c r="E410" s="1"/>
      <c r="F410" s="1"/>
      <c r="G410" s="25"/>
      <c r="H410" s="71"/>
      <c r="I410" s="83"/>
      <c r="J410" s="50" t="str">
        <f t="shared" si="14"/>
        <v/>
      </c>
      <c r="K410" s="23" t="s">
        <v>7120</v>
      </c>
      <c r="L410" s="49" t="e">
        <f>VLOOKUP(E410&amp;F410,団体コード!$A$1:$C$1743,3,FALSE)</f>
        <v>#N/A</v>
      </c>
      <c r="M410" s="49" t="e">
        <f>VLOOKUP(E410&amp;F410,団体コード!$A$1:$C$1743,2,FALSE)</f>
        <v>#N/A</v>
      </c>
      <c r="N410" s="51" t="e">
        <f>VLOOKUP(E410,団体コード!$E$1:$F$48,2,FALSE)</f>
        <v>#N/A</v>
      </c>
      <c r="O410" s="51" t="e">
        <f t="shared" si="15"/>
        <v>#N/A</v>
      </c>
      <c r="P410" s="51">
        <v>1</v>
      </c>
      <c r="Q410" s="51" t="s">
        <v>5341</v>
      </c>
      <c r="R410" s="54" t="b">
        <v>1</v>
      </c>
      <c r="S410" s="52" t="s">
        <v>7126</v>
      </c>
      <c r="T410" s="67" t="s">
        <v>7127</v>
      </c>
      <c r="U410" s="75" t="s">
        <v>5331</v>
      </c>
      <c r="V410" s="47" t="s">
        <v>5331</v>
      </c>
      <c r="W410" s="47" t="s">
        <v>5331</v>
      </c>
      <c r="X410" s="47" t="s">
        <v>5331</v>
      </c>
      <c r="Y410" s="47" t="s">
        <v>5331</v>
      </c>
      <c r="Z410" s="28"/>
      <c r="AA410" s="27"/>
      <c r="AB410" s="27"/>
      <c r="AC410" s="27"/>
      <c r="AD410" s="30"/>
      <c r="AE410" s="1"/>
      <c r="AF410" s="23" t="s">
        <v>5331</v>
      </c>
      <c r="AG410" s="26"/>
      <c r="AH410" s="53"/>
    </row>
    <row r="411" spans="1:34" ht="51.6" customHeight="1" x14ac:dyDescent="0.45">
      <c r="A411" s="23">
        <v>405</v>
      </c>
      <c r="B411" s="25"/>
      <c r="C411" s="25"/>
      <c r="D411" s="29"/>
      <c r="E411" s="1"/>
      <c r="F411" s="1"/>
      <c r="G411" s="25"/>
      <c r="H411" s="71"/>
      <c r="I411" s="83"/>
      <c r="J411" s="50" t="str">
        <f t="shared" si="14"/>
        <v/>
      </c>
      <c r="K411" s="23" t="s">
        <v>7120</v>
      </c>
      <c r="L411" s="49" t="e">
        <f>VLOOKUP(E411&amp;F411,団体コード!$A$1:$C$1743,3,FALSE)</f>
        <v>#N/A</v>
      </c>
      <c r="M411" s="49" t="e">
        <f>VLOOKUP(E411&amp;F411,団体コード!$A$1:$C$1743,2,FALSE)</f>
        <v>#N/A</v>
      </c>
      <c r="N411" s="51" t="e">
        <f>VLOOKUP(E411,団体コード!$E$1:$F$48,2,FALSE)</f>
        <v>#N/A</v>
      </c>
      <c r="O411" s="51" t="e">
        <f t="shared" si="15"/>
        <v>#N/A</v>
      </c>
      <c r="P411" s="51">
        <v>1</v>
      </c>
      <c r="Q411" s="51" t="s">
        <v>5341</v>
      </c>
      <c r="R411" s="54" t="b">
        <v>1</v>
      </c>
      <c r="S411" s="52" t="s">
        <v>7126</v>
      </c>
      <c r="T411" s="67" t="s">
        <v>7127</v>
      </c>
      <c r="U411" s="75" t="s">
        <v>5331</v>
      </c>
      <c r="V411" s="47" t="s">
        <v>5331</v>
      </c>
      <c r="W411" s="47" t="s">
        <v>5331</v>
      </c>
      <c r="X411" s="47" t="s">
        <v>5331</v>
      </c>
      <c r="Y411" s="47" t="s">
        <v>5331</v>
      </c>
      <c r="Z411" s="28"/>
      <c r="AA411" s="27"/>
      <c r="AB411" s="27"/>
      <c r="AC411" s="27"/>
      <c r="AD411" s="30"/>
      <c r="AE411" s="1"/>
      <c r="AF411" s="23" t="s">
        <v>5331</v>
      </c>
      <c r="AG411" s="26"/>
      <c r="AH411" s="53"/>
    </row>
    <row r="412" spans="1:34" ht="51.6" customHeight="1" x14ac:dyDescent="0.45">
      <c r="A412" s="23">
        <v>406</v>
      </c>
      <c r="B412" s="25"/>
      <c r="C412" s="25"/>
      <c r="D412" s="29"/>
      <c r="E412" s="1"/>
      <c r="F412" s="1"/>
      <c r="G412" s="25"/>
      <c r="H412" s="71"/>
      <c r="I412" s="83"/>
      <c r="J412" s="50" t="str">
        <f t="shared" si="14"/>
        <v/>
      </c>
      <c r="K412" s="23" t="s">
        <v>7120</v>
      </c>
      <c r="L412" s="49" t="e">
        <f>VLOOKUP(E412&amp;F412,団体コード!$A$1:$C$1743,3,FALSE)</f>
        <v>#N/A</v>
      </c>
      <c r="M412" s="49" t="e">
        <f>VLOOKUP(E412&amp;F412,団体コード!$A$1:$C$1743,2,FALSE)</f>
        <v>#N/A</v>
      </c>
      <c r="N412" s="51" t="e">
        <f>VLOOKUP(E412,団体コード!$E$1:$F$48,2,FALSE)</f>
        <v>#N/A</v>
      </c>
      <c r="O412" s="51" t="e">
        <f t="shared" si="15"/>
        <v>#N/A</v>
      </c>
      <c r="P412" s="51">
        <v>1</v>
      </c>
      <c r="Q412" s="51" t="s">
        <v>5341</v>
      </c>
      <c r="R412" s="54" t="b">
        <v>1</v>
      </c>
      <c r="S412" s="52" t="s">
        <v>7126</v>
      </c>
      <c r="T412" s="67" t="s">
        <v>7127</v>
      </c>
      <c r="U412" s="75" t="s">
        <v>5331</v>
      </c>
      <c r="V412" s="47" t="s">
        <v>5331</v>
      </c>
      <c r="W412" s="47" t="s">
        <v>5331</v>
      </c>
      <c r="X412" s="47" t="s">
        <v>5331</v>
      </c>
      <c r="Y412" s="47" t="s">
        <v>5331</v>
      </c>
      <c r="Z412" s="28"/>
      <c r="AA412" s="27"/>
      <c r="AB412" s="27"/>
      <c r="AC412" s="27"/>
      <c r="AD412" s="30"/>
      <c r="AE412" s="1"/>
      <c r="AF412" s="23" t="s">
        <v>5331</v>
      </c>
      <c r="AG412" s="26"/>
      <c r="AH412" s="53"/>
    </row>
    <row r="413" spans="1:34" ht="51.6" customHeight="1" x14ac:dyDescent="0.45">
      <c r="A413" s="23">
        <v>407</v>
      </c>
      <c r="B413" s="25"/>
      <c r="C413" s="25"/>
      <c r="D413" s="29"/>
      <c r="E413" s="1"/>
      <c r="F413" s="1"/>
      <c r="G413" s="25"/>
      <c r="H413" s="71"/>
      <c r="I413" s="83"/>
      <c r="J413" s="50" t="str">
        <f t="shared" si="14"/>
        <v/>
      </c>
      <c r="K413" s="23" t="s">
        <v>7120</v>
      </c>
      <c r="L413" s="49" t="e">
        <f>VLOOKUP(E413&amp;F413,団体コード!$A$1:$C$1743,3,FALSE)</f>
        <v>#N/A</v>
      </c>
      <c r="M413" s="49" t="e">
        <f>VLOOKUP(E413&amp;F413,団体コード!$A$1:$C$1743,2,FALSE)</f>
        <v>#N/A</v>
      </c>
      <c r="N413" s="51" t="e">
        <f>VLOOKUP(E413,団体コード!$E$1:$F$48,2,FALSE)</f>
        <v>#N/A</v>
      </c>
      <c r="O413" s="51" t="e">
        <f t="shared" si="15"/>
        <v>#N/A</v>
      </c>
      <c r="P413" s="51">
        <v>1</v>
      </c>
      <c r="Q413" s="51" t="s">
        <v>5341</v>
      </c>
      <c r="R413" s="54" t="b">
        <v>1</v>
      </c>
      <c r="S413" s="52" t="s">
        <v>7126</v>
      </c>
      <c r="T413" s="67" t="s">
        <v>7127</v>
      </c>
      <c r="U413" s="75" t="s">
        <v>5331</v>
      </c>
      <c r="V413" s="47" t="s">
        <v>5331</v>
      </c>
      <c r="W413" s="47" t="s">
        <v>5331</v>
      </c>
      <c r="X413" s="47" t="s">
        <v>5331</v>
      </c>
      <c r="Y413" s="47" t="s">
        <v>5331</v>
      </c>
      <c r="Z413" s="28"/>
      <c r="AA413" s="27"/>
      <c r="AB413" s="27"/>
      <c r="AC413" s="27"/>
      <c r="AD413" s="30"/>
      <c r="AE413" s="1"/>
      <c r="AF413" s="23" t="s">
        <v>5331</v>
      </c>
      <c r="AG413" s="26"/>
      <c r="AH413" s="53"/>
    </row>
    <row r="414" spans="1:34" ht="51.6" customHeight="1" x14ac:dyDescent="0.45">
      <c r="A414" s="23">
        <v>408</v>
      </c>
      <c r="B414" s="25"/>
      <c r="C414" s="25"/>
      <c r="D414" s="29"/>
      <c r="E414" s="1"/>
      <c r="F414" s="1"/>
      <c r="G414" s="25"/>
      <c r="H414" s="71"/>
      <c r="I414" s="83"/>
      <c r="J414" s="50" t="str">
        <f t="shared" si="14"/>
        <v/>
      </c>
      <c r="K414" s="23" t="s">
        <v>7120</v>
      </c>
      <c r="L414" s="49" t="e">
        <f>VLOOKUP(E414&amp;F414,団体コード!$A$1:$C$1743,3,FALSE)</f>
        <v>#N/A</v>
      </c>
      <c r="M414" s="49" t="e">
        <f>VLOOKUP(E414&amp;F414,団体コード!$A$1:$C$1743,2,FALSE)</f>
        <v>#N/A</v>
      </c>
      <c r="N414" s="51" t="e">
        <f>VLOOKUP(E414,団体コード!$E$1:$F$48,2,FALSE)</f>
        <v>#N/A</v>
      </c>
      <c r="O414" s="51" t="e">
        <f t="shared" si="15"/>
        <v>#N/A</v>
      </c>
      <c r="P414" s="51">
        <v>1</v>
      </c>
      <c r="Q414" s="51" t="s">
        <v>5341</v>
      </c>
      <c r="R414" s="54" t="b">
        <v>1</v>
      </c>
      <c r="S414" s="52" t="s">
        <v>7126</v>
      </c>
      <c r="T414" s="67" t="s">
        <v>7127</v>
      </c>
      <c r="U414" s="75" t="s">
        <v>5331</v>
      </c>
      <c r="V414" s="47" t="s">
        <v>5331</v>
      </c>
      <c r="W414" s="47" t="s">
        <v>5331</v>
      </c>
      <c r="X414" s="47" t="s">
        <v>5331</v>
      </c>
      <c r="Y414" s="47" t="s">
        <v>5331</v>
      </c>
      <c r="Z414" s="28"/>
      <c r="AA414" s="27"/>
      <c r="AB414" s="27"/>
      <c r="AC414" s="27"/>
      <c r="AD414" s="30"/>
      <c r="AE414" s="1"/>
      <c r="AF414" s="23" t="s">
        <v>5331</v>
      </c>
      <c r="AG414" s="26"/>
      <c r="AH414" s="53"/>
    </row>
    <row r="415" spans="1:34" ht="51.6" customHeight="1" x14ac:dyDescent="0.45">
      <c r="A415" s="23">
        <v>409</v>
      </c>
      <c r="B415" s="25"/>
      <c r="C415" s="25"/>
      <c r="D415" s="29"/>
      <c r="E415" s="1"/>
      <c r="F415" s="1"/>
      <c r="G415" s="25"/>
      <c r="H415" s="71"/>
      <c r="I415" s="83"/>
      <c r="J415" s="50" t="str">
        <f t="shared" si="14"/>
        <v/>
      </c>
      <c r="K415" s="23" t="s">
        <v>7120</v>
      </c>
      <c r="L415" s="49" t="e">
        <f>VLOOKUP(E415&amp;F415,団体コード!$A$1:$C$1743,3,FALSE)</f>
        <v>#N/A</v>
      </c>
      <c r="M415" s="49" t="e">
        <f>VLOOKUP(E415&amp;F415,団体コード!$A$1:$C$1743,2,FALSE)</f>
        <v>#N/A</v>
      </c>
      <c r="N415" s="51" t="e">
        <f>VLOOKUP(E415,団体コード!$E$1:$F$48,2,FALSE)</f>
        <v>#N/A</v>
      </c>
      <c r="O415" s="51" t="e">
        <f t="shared" si="15"/>
        <v>#N/A</v>
      </c>
      <c r="P415" s="51">
        <v>1</v>
      </c>
      <c r="Q415" s="51" t="s">
        <v>5341</v>
      </c>
      <c r="R415" s="54" t="b">
        <v>1</v>
      </c>
      <c r="S415" s="52" t="s">
        <v>7126</v>
      </c>
      <c r="T415" s="67" t="s">
        <v>7127</v>
      </c>
      <c r="U415" s="75" t="s">
        <v>5331</v>
      </c>
      <c r="V415" s="47" t="s">
        <v>5331</v>
      </c>
      <c r="W415" s="47" t="s">
        <v>5331</v>
      </c>
      <c r="X415" s="47" t="s">
        <v>5331</v>
      </c>
      <c r="Y415" s="47" t="s">
        <v>5331</v>
      </c>
      <c r="Z415" s="28"/>
      <c r="AA415" s="27"/>
      <c r="AB415" s="27"/>
      <c r="AC415" s="27"/>
      <c r="AD415" s="30"/>
      <c r="AE415" s="1"/>
      <c r="AF415" s="23" t="s">
        <v>5331</v>
      </c>
      <c r="AG415" s="26"/>
      <c r="AH415" s="53"/>
    </row>
    <row r="416" spans="1:34" ht="51.6" customHeight="1" x14ac:dyDescent="0.45">
      <c r="A416" s="23">
        <v>410</v>
      </c>
      <c r="B416" s="25"/>
      <c r="C416" s="25"/>
      <c r="D416" s="29"/>
      <c r="E416" s="1"/>
      <c r="F416" s="1"/>
      <c r="G416" s="25"/>
      <c r="H416" s="71"/>
      <c r="I416" s="83"/>
      <c r="J416" s="50" t="str">
        <f t="shared" si="14"/>
        <v/>
      </c>
      <c r="K416" s="23" t="s">
        <v>7120</v>
      </c>
      <c r="L416" s="49" t="e">
        <f>VLOOKUP(E416&amp;F416,団体コード!$A$1:$C$1743,3,FALSE)</f>
        <v>#N/A</v>
      </c>
      <c r="M416" s="49" t="e">
        <f>VLOOKUP(E416&amp;F416,団体コード!$A$1:$C$1743,2,FALSE)</f>
        <v>#N/A</v>
      </c>
      <c r="N416" s="51" t="e">
        <f>VLOOKUP(E416,団体コード!$E$1:$F$48,2,FALSE)</f>
        <v>#N/A</v>
      </c>
      <c r="O416" s="51" t="e">
        <f t="shared" si="15"/>
        <v>#N/A</v>
      </c>
      <c r="P416" s="51">
        <v>1</v>
      </c>
      <c r="Q416" s="51" t="s">
        <v>5341</v>
      </c>
      <c r="R416" s="54" t="b">
        <v>1</v>
      </c>
      <c r="S416" s="52" t="s">
        <v>7126</v>
      </c>
      <c r="T416" s="67" t="s">
        <v>7127</v>
      </c>
      <c r="U416" s="75" t="s">
        <v>5331</v>
      </c>
      <c r="V416" s="47" t="s">
        <v>5331</v>
      </c>
      <c r="W416" s="47" t="s">
        <v>5331</v>
      </c>
      <c r="X416" s="47" t="s">
        <v>5331</v>
      </c>
      <c r="Y416" s="47" t="s">
        <v>5331</v>
      </c>
      <c r="Z416" s="28"/>
      <c r="AA416" s="27"/>
      <c r="AB416" s="27"/>
      <c r="AC416" s="27"/>
      <c r="AD416" s="30"/>
      <c r="AE416" s="1"/>
      <c r="AF416" s="23" t="s">
        <v>5331</v>
      </c>
      <c r="AG416" s="26"/>
      <c r="AH416" s="53"/>
    </row>
    <row r="417" spans="1:34" ht="51.6" customHeight="1" x14ac:dyDescent="0.45">
      <c r="A417" s="23">
        <v>411</v>
      </c>
      <c r="B417" s="25"/>
      <c r="C417" s="25"/>
      <c r="D417" s="29"/>
      <c r="E417" s="1"/>
      <c r="F417" s="1"/>
      <c r="G417" s="25"/>
      <c r="H417" s="71"/>
      <c r="I417" s="83"/>
      <c r="J417" s="50" t="str">
        <f t="shared" si="14"/>
        <v/>
      </c>
      <c r="K417" s="23" t="s">
        <v>7120</v>
      </c>
      <c r="L417" s="49" t="e">
        <f>VLOOKUP(E417&amp;F417,団体コード!$A$1:$C$1743,3,FALSE)</f>
        <v>#N/A</v>
      </c>
      <c r="M417" s="49" t="e">
        <f>VLOOKUP(E417&amp;F417,団体コード!$A$1:$C$1743,2,FALSE)</f>
        <v>#N/A</v>
      </c>
      <c r="N417" s="51" t="e">
        <f>VLOOKUP(E417,団体コード!$E$1:$F$48,2,FALSE)</f>
        <v>#N/A</v>
      </c>
      <c r="O417" s="51" t="e">
        <f t="shared" si="15"/>
        <v>#N/A</v>
      </c>
      <c r="P417" s="51">
        <v>1</v>
      </c>
      <c r="Q417" s="51" t="s">
        <v>5341</v>
      </c>
      <c r="R417" s="54" t="b">
        <v>1</v>
      </c>
      <c r="S417" s="52" t="s">
        <v>7126</v>
      </c>
      <c r="T417" s="67" t="s">
        <v>7127</v>
      </c>
      <c r="U417" s="75" t="s">
        <v>5331</v>
      </c>
      <c r="V417" s="47" t="s">
        <v>5331</v>
      </c>
      <c r="W417" s="47" t="s">
        <v>5331</v>
      </c>
      <c r="X417" s="47" t="s">
        <v>5331</v>
      </c>
      <c r="Y417" s="47" t="s">
        <v>5331</v>
      </c>
      <c r="Z417" s="28"/>
      <c r="AA417" s="27"/>
      <c r="AB417" s="27"/>
      <c r="AC417" s="27"/>
      <c r="AD417" s="30"/>
      <c r="AE417" s="1"/>
      <c r="AF417" s="23" t="s">
        <v>5331</v>
      </c>
      <c r="AG417" s="26"/>
      <c r="AH417" s="53"/>
    </row>
    <row r="418" spans="1:34" ht="51.6" customHeight="1" x14ac:dyDescent="0.45">
      <c r="A418" s="23">
        <v>412</v>
      </c>
      <c r="B418" s="25"/>
      <c r="C418" s="25"/>
      <c r="D418" s="29"/>
      <c r="E418" s="1"/>
      <c r="F418" s="1"/>
      <c r="G418" s="25"/>
      <c r="H418" s="71"/>
      <c r="I418" s="83"/>
      <c r="J418" s="50" t="str">
        <f t="shared" si="14"/>
        <v/>
      </c>
      <c r="K418" s="23" t="s">
        <v>7120</v>
      </c>
      <c r="L418" s="49" t="e">
        <f>VLOOKUP(E418&amp;F418,団体コード!$A$1:$C$1743,3,FALSE)</f>
        <v>#N/A</v>
      </c>
      <c r="M418" s="49" t="e">
        <f>VLOOKUP(E418&amp;F418,団体コード!$A$1:$C$1743,2,FALSE)</f>
        <v>#N/A</v>
      </c>
      <c r="N418" s="51" t="e">
        <f>VLOOKUP(E418,団体コード!$E$1:$F$48,2,FALSE)</f>
        <v>#N/A</v>
      </c>
      <c r="O418" s="51" t="e">
        <f t="shared" si="15"/>
        <v>#N/A</v>
      </c>
      <c r="P418" s="51">
        <v>1</v>
      </c>
      <c r="Q418" s="51" t="s">
        <v>5341</v>
      </c>
      <c r="R418" s="54" t="b">
        <v>1</v>
      </c>
      <c r="S418" s="52" t="s">
        <v>7126</v>
      </c>
      <c r="T418" s="67" t="s">
        <v>7127</v>
      </c>
      <c r="U418" s="75" t="s">
        <v>5331</v>
      </c>
      <c r="V418" s="47" t="s">
        <v>5331</v>
      </c>
      <c r="W418" s="47" t="s">
        <v>5331</v>
      </c>
      <c r="X418" s="47" t="s">
        <v>5331</v>
      </c>
      <c r="Y418" s="47" t="s">
        <v>5331</v>
      </c>
      <c r="Z418" s="28"/>
      <c r="AA418" s="27"/>
      <c r="AB418" s="27"/>
      <c r="AC418" s="27"/>
      <c r="AD418" s="30"/>
      <c r="AE418" s="1"/>
      <c r="AF418" s="23" t="s">
        <v>5331</v>
      </c>
      <c r="AG418" s="26"/>
      <c r="AH418" s="53"/>
    </row>
    <row r="419" spans="1:34" ht="51.6" customHeight="1" x14ac:dyDescent="0.45">
      <c r="A419" s="23">
        <v>413</v>
      </c>
      <c r="B419" s="25"/>
      <c r="C419" s="25"/>
      <c r="D419" s="29"/>
      <c r="E419" s="1"/>
      <c r="F419" s="1"/>
      <c r="G419" s="25"/>
      <c r="H419" s="71"/>
      <c r="I419" s="83"/>
      <c r="J419" s="50" t="str">
        <f t="shared" si="14"/>
        <v/>
      </c>
      <c r="K419" s="23" t="s">
        <v>7120</v>
      </c>
      <c r="L419" s="49" t="e">
        <f>VLOOKUP(E419&amp;F419,団体コード!$A$1:$C$1743,3,FALSE)</f>
        <v>#N/A</v>
      </c>
      <c r="M419" s="49" t="e">
        <f>VLOOKUP(E419&amp;F419,団体コード!$A$1:$C$1743,2,FALSE)</f>
        <v>#N/A</v>
      </c>
      <c r="N419" s="51" t="e">
        <f>VLOOKUP(E419,団体コード!$E$1:$F$48,2,FALSE)</f>
        <v>#N/A</v>
      </c>
      <c r="O419" s="51" t="e">
        <f t="shared" si="15"/>
        <v>#N/A</v>
      </c>
      <c r="P419" s="51">
        <v>1</v>
      </c>
      <c r="Q419" s="51" t="s">
        <v>5341</v>
      </c>
      <c r="R419" s="54" t="b">
        <v>1</v>
      </c>
      <c r="S419" s="52" t="s">
        <v>7126</v>
      </c>
      <c r="T419" s="67" t="s">
        <v>7127</v>
      </c>
      <c r="U419" s="75" t="s">
        <v>5331</v>
      </c>
      <c r="V419" s="47" t="s">
        <v>5331</v>
      </c>
      <c r="W419" s="47" t="s">
        <v>5331</v>
      </c>
      <c r="X419" s="47" t="s">
        <v>5331</v>
      </c>
      <c r="Y419" s="47" t="s">
        <v>5331</v>
      </c>
      <c r="Z419" s="28"/>
      <c r="AA419" s="27"/>
      <c r="AB419" s="27"/>
      <c r="AC419" s="27"/>
      <c r="AD419" s="30"/>
      <c r="AE419" s="1"/>
      <c r="AF419" s="23" t="s">
        <v>5331</v>
      </c>
      <c r="AG419" s="26"/>
      <c r="AH419" s="53"/>
    </row>
    <row r="420" spans="1:34" ht="51.6" customHeight="1" x14ac:dyDescent="0.45">
      <c r="A420" s="23">
        <v>414</v>
      </c>
      <c r="B420" s="25"/>
      <c r="C420" s="25"/>
      <c r="D420" s="29"/>
      <c r="E420" s="1"/>
      <c r="F420" s="1"/>
      <c r="G420" s="25"/>
      <c r="H420" s="71"/>
      <c r="I420" s="83"/>
      <c r="J420" s="50" t="str">
        <f t="shared" si="14"/>
        <v/>
      </c>
      <c r="K420" s="23" t="s">
        <v>7120</v>
      </c>
      <c r="L420" s="49" t="e">
        <f>VLOOKUP(E420&amp;F420,団体コード!$A$1:$C$1743,3,FALSE)</f>
        <v>#N/A</v>
      </c>
      <c r="M420" s="49" t="e">
        <f>VLOOKUP(E420&amp;F420,団体コード!$A$1:$C$1743,2,FALSE)</f>
        <v>#N/A</v>
      </c>
      <c r="N420" s="51" t="e">
        <f>VLOOKUP(E420,団体コード!$E$1:$F$48,2,FALSE)</f>
        <v>#N/A</v>
      </c>
      <c r="O420" s="51" t="e">
        <f t="shared" si="15"/>
        <v>#N/A</v>
      </c>
      <c r="P420" s="51">
        <v>1</v>
      </c>
      <c r="Q420" s="51" t="s">
        <v>5341</v>
      </c>
      <c r="R420" s="54" t="b">
        <v>1</v>
      </c>
      <c r="S420" s="52" t="s">
        <v>7126</v>
      </c>
      <c r="T420" s="67" t="s">
        <v>7127</v>
      </c>
      <c r="U420" s="75" t="s">
        <v>5331</v>
      </c>
      <c r="V420" s="47" t="s">
        <v>5331</v>
      </c>
      <c r="W420" s="47" t="s">
        <v>5331</v>
      </c>
      <c r="X420" s="47" t="s">
        <v>5331</v>
      </c>
      <c r="Y420" s="47" t="s">
        <v>5331</v>
      </c>
      <c r="Z420" s="28"/>
      <c r="AA420" s="27"/>
      <c r="AB420" s="27"/>
      <c r="AC420" s="27"/>
      <c r="AD420" s="30"/>
      <c r="AE420" s="1"/>
      <c r="AF420" s="23" t="s">
        <v>5331</v>
      </c>
      <c r="AG420" s="26"/>
      <c r="AH420" s="53"/>
    </row>
    <row r="421" spans="1:34" ht="51.6" customHeight="1" x14ac:dyDescent="0.45">
      <c r="A421" s="23">
        <v>415</v>
      </c>
      <c r="B421" s="25"/>
      <c r="C421" s="25"/>
      <c r="D421" s="29"/>
      <c r="E421" s="1"/>
      <c r="F421" s="1"/>
      <c r="G421" s="25"/>
      <c r="H421" s="71"/>
      <c r="I421" s="83"/>
      <c r="J421" s="50" t="str">
        <f t="shared" si="14"/>
        <v/>
      </c>
      <c r="K421" s="23" t="s">
        <v>7120</v>
      </c>
      <c r="L421" s="49" t="e">
        <f>VLOOKUP(E421&amp;F421,団体コード!$A$1:$C$1743,3,FALSE)</f>
        <v>#N/A</v>
      </c>
      <c r="M421" s="49" t="e">
        <f>VLOOKUP(E421&amp;F421,団体コード!$A$1:$C$1743,2,FALSE)</f>
        <v>#N/A</v>
      </c>
      <c r="N421" s="51" t="e">
        <f>VLOOKUP(E421,団体コード!$E$1:$F$48,2,FALSE)</f>
        <v>#N/A</v>
      </c>
      <c r="O421" s="51" t="e">
        <f t="shared" si="15"/>
        <v>#N/A</v>
      </c>
      <c r="P421" s="51">
        <v>1</v>
      </c>
      <c r="Q421" s="51" t="s">
        <v>5341</v>
      </c>
      <c r="R421" s="54" t="b">
        <v>1</v>
      </c>
      <c r="S421" s="52" t="s">
        <v>7126</v>
      </c>
      <c r="T421" s="67" t="s">
        <v>7127</v>
      </c>
      <c r="U421" s="75" t="s">
        <v>5331</v>
      </c>
      <c r="V421" s="47" t="s">
        <v>5331</v>
      </c>
      <c r="W421" s="47" t="s">
        <v>5331</v>
      </c>
      <c r="X421" s="47" t="s">
        <v>5331</v>
      </c>
      <c r="Y421" s="47" t="s">
        <v>5331</v>
      </c>
      <c r="Z421" s="28"/>
      <c r="AA421" s="27"/>
      <c r="AB421" s="27"/>
      <c r="AC421" s="27"/>
      <c r="AD421" s="30"/>
      <c r="AE421" s="1"/>
      <c r="AF421" s="23" t="s">
        <v>5331</v>
      </c>
      <c r="AG421" s="26"/>
      <c r="AH421" s="53"/>
    </row>
    <row r="422" spans="1:34" ht="51.6" customHeight="1" x14ac:dyDescent="0.45">
      <c r="A422" s="23">
        <v>416</v>
      </c>
      <c r="B422" s="25"/>
      <c r="C422" s="25"/>
      <c r="D422" s="29"/>
      <c r="E422" s="1"/>
      <c r="F422" s="1"/>
      <c r="G422" s="25"/>
      <c r="H422" s="71"/>
      <c r="I422" s="83"/>
      <c r="J422" s="50" t="str">
        <f t="shared" si="14"/>
        <v/>
      </c>
      <c r="K422" s="23" t="s">
        <v>7120</v>
      </c>
      <c r="L422" s="49" t="e">
        <f>VLOOKUP(E422&amp;F422,団体コード!$A$1:$C$1743,3,FALSE)</f>
        <v>#N/A</v>
      </c>
      <c r="M422" s="49" t="e">
        <f>VLOOKUP(E422&amp;F422,団体コード!$A$1:$C$1743,2,FALSE)</f>
        <v>#N/A</v>
      </c>
      <c r="N422" s="51" t="e">
        <f>VLOOKUP(E422,団体コード!$E$1:$F$48,2,FALSE)</f>
        <v>#N/A</v>
      </c>
      <c r="O422" s="51" t="e">
        <f t="shared" si="15"/>
        <v>#N/A</v>
      </c>
      <c r="P422" s="51">
        <v>1</v>
      </c>
      <c r="Q422" s="51" t="s">
        <v>5341</v>
      </c>
      <c r="R422" s="54" t="b">
        <v>1</v>
      </c>
      <c r="S422" s="52" t="s">
        <v>7126</v>
      </c>
      <c r="T422" s="67" t="s">
        <v>7127</v>
      </c>
      <c r="U422" s="75" t="s">
        <v>5331</v>
      </c>
      <c r="V422" s="47" t="s">
        <v>5331</v>
      </c>
      <c r="W422" s="47" t="s">
        <v>5331</v>
      </c>
      <c r="X422" s="47" t="s">
        <v>5331</v>
      </c>
      <c r="Y422" s="47" t="s">
        <v>5331</v>
      </c>
      <c r="Z422" s="28"/>
      <c r="AA422" s="27"/>
      <c r="AB422" s="27"/>
      <c r="AC422" s="27"/>
      <c r="AD422" s="30"/>
      <c r="AE422" s="1"/>
      <c r="AF422" s="23" t="s">
        <v>5331</v>
      </c>
      <c r="AG422" s="26"/>
      <c r="AH422" s="53"/>
    </row>
    <row r="423" spans="1:34" ht="51.6" customHeight="1" x14ac:dyDescent="0.45">
      <c r="A423" s="23">
        <v>417</v>
      </c>
      <c r="B423" s="25"/>
      <c r="C423" s="25"/>
      <c r="D423" s="29"/>
      <c r="E423" s="1"/>
      <c r="F423" s="1"/>
      <c r="G423" s="25"/>
      <c r="H423" s="71"/>
      <c r="I423" s="83"/>
      <c r="J423" s="50" t="str">
        <f t="shared" si="14"/>
        <v/>
      </c>
      <c r="K423" s="23" t="s">
        <v>7120</v>
      </c>
      <c r="L423" s="49" t="e">
        <f>VLOOKUP(E423&amp;F423,団体コード!$A$1:$C$1743,3,FALSE)</f>
        <v>#N/A</v>
      </c>
      <c r="M423" s="49" t="e">
        <f>VLOOKUP(E423&amp;F423,団体コード!$A$1:$C$1743,2,FALSE)</f>
        <v>#N/A</v>
      </c>
      <c r="N423" s="51" t="e">
        <f>VLOOKUP(E423,団体コード!$E$1:$F$48,2,FALSE)</f>
        <v>#N/A</v>
      </c>
      <c r="O423" s="51" t="e">
        <f t="shared" si="15"/>
        <v>#N/A</v>
      </c>
      <c r="P423" s="51">
        <v>1</v>
      </c>
      <c r="Q423" s="51" t="s">
        <v>5341</v>
      </c>
      <c r="R423" s="54" t="b">
        <v>1</v>
      </c>
      <c r="S423" s="52" t="s">
        <v>7126</v>
      </c>
      <c r="T423" s="67" t="s">
        <v>7127</v>
      </c>
      <c r="U423" s="75" t="s">
        <v>5331</v>
      </c>
      <c r="V423" s="47" t="s">
        <v>5331</v>
      </c>
      <c r="W423" s="47" t="s">
        <v>5331</v>
      </c>
      <c r="X423" s="47" t="s">
        <v>5331</v>
      </c>
      <c r="Y423" s="47" t="s">
        <v>5331</v>
      </c>
      <c r="Z423" s="28"/>
      <c r="AA423" s="27"/>
      <c r="AB423" s="27"/>
      <c r="AC423" s="27"/>
      <c r="AD423" s="30"/>
      <c r="AE423" s="1"/>
      <c r="AF423" s="23" t="s">
        <v>5331</v>
      </c>
      <c r="AG423" s="26"/>
      <c r="AH423" s="53"/>
    </row>
    <row r="424" spans="1:34" ht="51.6" customHeight="1" x14ac:dyDescent="0.45">
      <c r="A424" s="23">
        <v>418</v>
      </c>
      <c r="B424" s="25"/>
      <c r="C424" s="25"/>
      <c r="D424" s="29"/>
      <c r="E424" s="1"/>
      <c r="F424" s="1"/>
      <c r="G424" s="25"/>
      <c r="H424" s="71"/>
      <c r="I424" s="83"/>
      <c r="J424" s="50" t="str">
        <f t="shared" si="14"/>
        <v/>
      </c>
      <c r="K424" s="23" t="s">
        <v>7120</v>
      </c>
      <c r="L424" s="49" t="e">
        <f>VLOOKUP(E424&amp;F424,団体コード!$A$1:$C$1743,3,FALSE)</f>
        <v>#N/A</v>
      </c>
      <c r="M424" s="49" t="e">
        <f>VLOOKUP(E424&amp;F424,団体コード!$A$1:$C$1743,2,FALSE)</f>
        <v>#N/A</v>
      </c>
      <c r="N424" s="51" t="e">
        <f>VLOOKUP(E424,団体コード!$E$1:$F$48,2,FALSE)</f>
        <v>#N/A</v>
      </c>
      <c r="O424" s="51" t="e">
        <f t="shared" si="15"/>
        <v>#N/A</v>
      </c>
      <c r="P424" s="51">
        <v>1</v>
      </c>
      <c r="Q424" s="51" t="s">
        <v>5341</v>
      </c>
      <c r="R424" s="54" t="b">
        <v>1</v>
      </c>
      <c r="S424" s="52" t="s">
        <v>7126</v>
      </c>
      <c r="T424" s="67" t="s">
        <v>7127</v>
      </c>
      <c r="U424" s="75" t="s">
        <v>5331</v>
      </c>
      <c r="V424" s="47" t="s">
        <v>5331</v>
      </c>
      <c r="W424" s="47" t="s">
        <v>5331</v>
      </c>
      <c r="X424" s="47" t="s">
        <v>5331</v>
      </c>
      <c r="Y424" s="47" t="s">
        <v>5331</v>
      </c>
      <c r="Z424" s="28"/>
      <c r="AA424" s="27"/>
      <c r="AB424" s="27"/>
      <c r="AC424" s="27"/>
      <c r="AD424" s="30"/>
      <c r="AE424" s="1"/>
      <c r="AF424" s="23" t="s">
        <v>5331</v>
      </c>
      <c r="AG424" s="26"/>
      <c r="AH424" s="53"/>
    </row>
    <row r="425" spans="1:34" ht="51.6" customHeight="1" x14ac:dyDescent="0.45">
      <c r="A425" s="23">
        <v>419</v>
      </c>
      <c r="B425" s="25"/>
      <c r="C425" s="25"/>
      <c r="D425" s="29"/>
      <c r="E425" s="1"/>
      <c r="F425" s="1"/>
      <c r="G425" s="25"/>
      <c r="H425" s="71"/>
      <c r="I425" s="83"/>
      <c r="J425" s="50" t="str">
        <f t="shared" si="14"/>
        <v/>
      </c>
      <c r="K425" s="23" t="s">
        <v>7120</v>
      </c>
      <c r="L425" s="49" t="e">
        <f>VLOOKUP(E425&amp;F425,団体コード!$A$1:$C$1743,3,FALSE)</f>
        <v>#N/A</v>
      </c>
      <c r="M425" s="49" t="e">
        <f>VLOOKUP(E425&amp;F425,団体コード!$A$1:$C$1743,2,FALSE)</f>
        <v>#N/A</v>
      </c>
      <c r="N425" s="51" t="e">
        <f>VLOOKUP(E425,団体コード!$E$1:$F$48,2,FALSE)</f>
        <v>#N/A</v>
      </c>
      <c r="O425" s="51" t="e">
        <f t="shared" si="15"/>
        <v>#N/A</v>
      </c>
      <c r="P425" s="51">
        <v>1</v>
      </c>
      <c r="Q425" s="51" t="s">
        <v>5341</v>
      </c>
      <c r="R425" s="54" t="b">
        <v>1</v>
      </c>
      <c r="S425" s="52" t="s">
        <v>7126</v>
      </c>
      <c r="T425" s="67" t="s">
        <v>7127</v>
      </c>
      <c r="U425" s="75" t="s">
        <v>5331</v>
      </c>
      <c r="V425" s="47" t="s">
        <v>5331</v>
      </c>
      <c r="W425" s="47" t="s">
        <v>5331</v>
      </c>
      <c r="X425" s="47" t="s">
        <v>5331</v>
      </c>
      <c r="Y425" s="47" t="s">
        <v>5331</v>
      </c>
      <c r="Z425" s="28"/>
      <c r="AA425" s="27"/>
      <c r="AB425" s="27"/>
      <c r="AC425" s="27"/>
      <c r="AD425" s="30"/>
      <c r="AE425" s="1"/>
      <c r="AF425" s="23" t="s">
        <v>5331</v>
      </c>
      <c r="AG425" s="26"/>
      <c r="AH425" s="53"/>
    </row>
    <row r="426" spans="1:34" ht="51.6" customHeight="1" x14ac:dyDescent="0.45">
      <c r="A426" s="23">
        <v>420</v>
      </c>
      <c r="B426" s="25"/>
      <c r="C426" s="25"/>
      <c r="D426" s="29"/>
      <c r="E426" s="1"/>
      <c r="F426" s="1"/>
      <c r="G426" s="25"/>
      <c r="H426" s="71"/>
      <c r="I426" s="83"/>
      <c r="J426" s="50" t="str">
        <f t="shared" si="14"/>
        <v/>
      </c>
      <c r="K426" s="23" t="s">
        <v>7120</v>
      </c>
      <c r="L426" s="49" t="e">
        <f>VLOOKUP(E426&amp;F426,団体コード!$A$1:$C$1743,3,FALSE)</f>
        <v>#N/A</v>
      </c>
      <c r="M426" s="49" t="e">
        <f>VLOOKUP(E426&amp;F426,団体コード!$A$1:$C$1743,2,FALSE)</f>
        <v>#N/A</v>
      </c>
      <c r="N426" s="51" t="e">
        <f>VLOOKUP(E426,団体コード!$E$1:$F$48,2,FALSE)</f>
        <v>#N/A</v>
      </c>
      <c r="O426" s="51" t="e">
        <f t="shared" si="15"/>
        <v>#N/A</v>
      </c>
      <c r="P426" s="51">
        <v>1</v>
      </c>
      <c r="Q426" s="51" t="s">
        <v>5341</v>
      </c>
      <c r="R426" s="54" t="b">
        <v>1</v>
      </c>
      <c r="S426" s="52" t="s">
        <v>7126</v>
      </c>
      <c r="T426" s="67" t="s">
        <v>7127</v>
      </c>
      <c r="U426" s="75" t="s">
        <v>5331</v>
      </c>
      <c r="V426" s="47" t="s">
        <v>5331</v>
      </c>
      <c r="W426" s="47" t="s">
        <v>5331</v>
      </c>
      <c r="X426" s="47" t="s">
        <v>5331</v>
      </c>
      <c r="Y426" s="47" t="s">
        <v>5331</v>
      </c>
      <c r="Z426" s="28"/>
      <c r="AA426" s="27"/>
      <c r="AB426" s="27"/>
      <c r="AC426" s="27"/>
      <c r="AD426" s="30"/>
      <c r="AE426" s="1"/>
      <c r="AF426" s="23" t="s">
        <v>5331</v>
      </c>
      <c r="AG426" s="26"/>
      <c r="AH426" s="53"/>
    </row>
    <row r="427" spans="1:34" ht="51.6" customHeight="1" x14ac:dyDescent="0.45">
      <c r="A427" s="23">
        <v>421</v>
      </c>
      <c r="B427" s="25"/>
      <c r="C427" s="25"/>
      <c r="D427" s="29"/>
      <c r="E427" s="1"/>
      <c r="F427" s="1"/>
      <c r="G427" s="25"/>
      <c r="H427" s="71"/>
      <c r="I427" s="83"/>
      <c r="J427" s="50" t="str">
        <f t="shared" si="14"/>
        <v/>
      </c>
      <c r="K427" s="23" t="s">
        <v>7120</v>
      </c>
      <c r="L427" s="49" t="e">
        <f>VLOOKUP(E427&amp;F427,団体コード!$A$1:$C$1743,3,FALSE)</f>
        <v>#N/A</v>
      </c>
      <c r="M427" s="49" t="e">
        <f>VLOOKUP(E427&amp;F427,団体コード!$A$1:$C$1743,2,FALSE)</f>
        <v>#N/A</v>
      </c>
      <c r="N427" s="51" t="e">
        <f>VLOOKUP(E427,団体コード!$E$1:$F$48,2,FALSE)</f>
        <v>#N/A</v>
      </c>
      <c r="O427" s="51" t="e">
        <f t="shared" si="15"/>
        <v>#N/A</v>
      </c>
      <c r="P427" s="51">
        <v>1</v>
      </c>
      <c r="Q427" s="51" t="s">
        <v>5341</v>
      </c>
      <c r="R427" s="54" t="b">
        <v>1</v>
      </c>
      <c r="S427" s="52" t="s">
        <v>7126</v>
      </c>
      <c r="T427" s="67" t="s">
        <v>7127</v>
      </c>
      <c r="U427" s="75" t="s">
        <v>5331</v>
      </c>
      <c r="V427" s="47" t="s">
        <v>5331</v>
      </c>
      <c r="W427" s="47" t="s">
        <v>5331</v>
      </c>
      <c r="X427" s="47" t="s">
        <v>5331</v>
      </c>
      <c r="Y427" s="47" t="s">
        <v>5331</v>
      </c>
      <c r="Z427" s="28"/>
      <c r="AA427" s="27"/>
      <c r="AB427" s="27"/>
      <c r="AC427" s="27"/>
      <c r="AD427" s="30"/>
      <c r="AE427" s="1"/>
      <c r="AF427" s="23" t="s">
        <v>5331</v>
      </c>
      <c r="AG427" s="26"/>
      <c r="AH427" s="53"/>
    </row>
    <row r="428" spans="1:34" ht="51.6" customHeight="1" x14ac:dyDescent="0.45">
      <c r="A428" s="23">
        <v>422</v>
      </c>
      <c r="B428" s="25"/>
      <c r="C428" s="25"/>
      <c r="D428" s="29"/>
      <c r="E428" s="1"/>
      <c r="F428" s="1"/>
      <c r="G428" s="25"/>
      <c r="H428" s="71"/>
      <c r="I428" s="83"/>
      <c r="J428" s="50" t="str">
        <f t="shared" si="14"/>
        <v/>
      </c>
      <c r="K428" s="23" t="s">
        <v>7120</v>
      </c>
      <c r="L428" s="49" t="e">
        <f>VLOOKUP(E428&amp;F428,団体コード!$A$1:$C$1743,3,FALSE)</f>
        <v>#N/A</v>
      </c>
      <c r="M428" s="49" t="e">
        <f>VLOOKUP(E428&amp;F428,団体コード!$A$1:$C$1743,2,FALSE)</f>
        <v>#N/A</v>
      </c>
      <c r="N428" s="51" t="e">
        <f>VLOOKUP(E428,団体コード!$E$1:$F$48,2,FALSE)</f>
        <v>#N/A</v>
      </c>
      <c r="O428" s="51" t="e">
        <f t="shared" si="15"/>
        <v>#N/A</v>
      </c>
      <c r="P428" s="51">
        <v>1</v>
      </c>
      <c r="Q428" s="51" t="s">
        <v>5341</v>
      </c>
      <c r="R428" s="54" t="b">
        <v>1</v>
      </c>
      <c r="S428" s="52" t="s">
        <v>7126</v>
      </c>
      <c r="T428" s="67" t="s">
        <v>7127</v>
      </c>
      <c r="U428" s="75" t="s">
        <v>5331</v>
      </c>
      <c r="V428" s="47" t="s">
        <v>5331</v>
      </c>
      <c r="W428" s="47" t="s">
        <v>5331</v>
      </c>
      <c r="X428" s="47" t="s">
        <v>5331</v>
      </c>
      <c r="Y428" s="47" t="s">
        <v>5331</v>
      </c>
      <c r="Z428" s="28"/>
      <c r="AA428" s="27"/>
      <c r="AB428" s="27"/>
      <c r="AC428" s="27"/>
      <c r="AD428" s="30"/>
      <c r="AE428" s="1"/>
      <c r="AF428" s="23" t="s">
        <v>5331</v>
      </c>
      <c r="AG428" s="26"/>
      <c r="AH428" s="53"/>
    </row>
    <row r="429" spans="1:34" ht="51.6" customHeight="1" x14ac:dyDescent="0.45">
      <c r="A429" s="23">
        <v>423</v>
      </c>
      <c r="B429" s="25"/>
      <c r="C429" s="25"/>
      <c r="D429" s="29"/>
      <c r="E429" s="1"/>
      <c r="F429" s="1"/>
      <c r="G429" s="25"/>
      <c r="H429" s="71"/>
      <c r="I429" s="83"/>
      <c r="J429" s="50" t="str">
        <f t="shared" si="14"/>
        <v/>
      </c>
      <c r="K429" s="23" t="s">
        <v>7120</v>
      </c>
      <c r="L429" s="49" t="e">
        <f>VLOOKUP(E429&amp;F429,団体コード!$A$1:$C$1743,3,FALSE)</f>
        <v>#N/A</v>
      </c>
      <c r="M429" s="49" t="e">
        <f>VLOOKUP(E429&amp;F429,団体コード!$A$1:$C$1743,2,FALSE)</f>
        <v>#N/A</v>
      </c>
      <c r="N429" s="51" t="e">
        <f>VLOOKUP(E429,団体コード!$E$1:$F$48,2,FALSE)</f>
        <v>#N/A</v>
      </c>
      <c r="O429" s="51" t="e">
        <f t="shared" si="15"/>
        <v>#N/A</v>
      </c>
      <c r="P429" s="51">
        <v>1</v>
      </c>
      <c r="Q429" s="51" t="s">
        <v>5341</v>
      </c>
      <c r="R429" s="54" t="b">
        <v>1</v>
      </c>
      <c r="S429" s="52" t="s">
        <v>7126</v>
      </c>
      <c r="T429" s="67" t="s">
        <v>7127</v>
      </c>
      <c r="U429" s="75" t="s">
        <v>5331</v>
      </c>
      <c r="V429" s="47" t="s">
        <v>5331</v>
      </c>
      <c r="W429" s="47" t="s">
        <v>5331</v>
      </c>
      <c r="X429" s="47" t="s">
        <v>5331</v>
      </c>
      <c r="Y429" s="47" t="s">
        <v>5331</v>
      </c>
      <c r="Z429" s="28"/>
      <c r="AA429" s="27"/>
      <c r="AB429" s="27"/>
      <c r="AC429" s="27"/>
      <c r="AD429" s="30"/>
      <c r="AE429" s="1"/>
      <c r="AF429" s="23" t="s">
        <v>5331</v>
      </c>
      <c r="AG429" s="26"/>
      <c r="AH429" s="53"/>
    </row>
    <row r="430" spans="1:34" ht="51.6" customHeight="1" x14ac:dyDescent="0.45">
      <c r="A430" s="23">
        <v>424</v>
      </c>
      <c r="B430" s="25"/>
      <c r="C430" s="25"/>
      <c r="D430" s="29"/>
      <c r="E430" s="1"/>
      <c r="F430" s="1"/>
      <c r="G430" s="25"/>
      <c r="H430" s="71"/>
      <c r="I430" s="83"/>
      <c r="J430" s="50" t="str">
        <f t="shared" si="14"/>
        <v/>
      </c>
      <c r="K430" s="23" t="s">
        <v>7120</v>
      </c>
      <c r="L430" s="49" t="e">
        <f>VLOOKUP(E430&amp;F430,団体コード!$A$1:$C$1743,3,FALSE)</f>
        <v>#N/A</v>
      </c>
      <c r="M430" s="49" t="e">
        <f>VLOOKUP(E430&amp;F430,団体コード!$A$1:$C$1743,2,FALSE)</f>
        <v>#N/A</v>
      </c>
      <c r="N430" s="51" t="e">
        <f>VLOOKUP(E430,団体コード!$E$1:$F$48,2,FALSE)</f>
        <v>#N/A</v>
      </c>
      <c r="O430" s="51" t="e">
        <f t="shared" si="15"/>
        <v>#N/A</v>
      </c>
      <c r="P430" s="51">
        <v>1</v>
      </c>
      <c r="Q430" s="51" t="s">
        <v>5341</v>
      </c>
      <c r="R430" s="54" t="b">
        <v>1</v>
      </c>
      <c r="S430" s="52" t="s">
        <v>7126</v>
      </c>
      <c r="T430" s="67" t="s">
        <v>7127</v>
      </c>
      <c r="U430" s="75" t="s">
        <v>5331</v>
      </c>
      <c r="V430" s="47" t="s">
        <v>5331</v>
      </c>
      <c r="W430" s="47" t="s">
        <v>5331</v>
      </c>
      <c r="X430" s="47" t="s">
        <v>5331</v>
      </c>
      <c r="Y430" s="47" t="s">
        <v>5331</v>
      </c>
      <c r="Z430" s="28"/>
      <c r="AA430" s="27"/>
      <c r="AB430" s="27"/>
      <c r="AC430" s="27"/>
      <c r="AD430" s="30"/>
      <c r="AE430" s="1"/>
      <c r="AF430" s="23" t="s">
        <v>5331</v>
      </c>
      <c r="AG430" s="26"/>
      <c r="AH430" s="53"/>
    </row>
    <row r="431" spans="1:34" ht="51.6" customHeight="1" x14ac:dyDescent="0.45">
      <c r="A431" s="23">
        <v>425</v>
      </c>
      <c r="B431" s="25"/>
      <c r="C431" s="25"/>
      <c r="D431" s="29"/>
      <c r="E431" s="1"/>
      <c r="F431" s="1"/>
      <c r="G431" s="25"/>
      <c r="H431" s="71"/>
      <c r="I431" s="83"/>
      <c r="J431" s="50" t="str">
        <f t="shared" si="14"/>
        <v/>
      </c>
      <c r="K431" s="23" t="s">
        <v>7120</v>
      </c>
      <c r="L431" s="49" t="e">
        <f>VLOOKUP(E431&amp;F431,団体コード!$A$1:$C$1743,3,FALSE)</f>
        <v>#N/A</v>
      </c>
      <c r="M431" s="49" t="e">
        <f>VLOOKUP(E431&amp;F431,団体コード!$A$1:$C$1743,2,FALSE)</f>
        <v>#N/A</v>
      </c>
      <c r="N431" s="51" t="e">
        <f>VLOOKUP(E431,団体コード!$E$1:$F$48,2,FALSE)</f>
        <v>#N/A</v>
      </c>
      <c r="O431" s="51" t="e">
        <f t="shared" si="15"/>
        <v>#N/A</v>
      </c>
      <c r="P431" s="51">
        <v>1</v>
      </c>
      <c r="Q431" s="51" t="s">
        <v>5341</v>
      </c>
      <c r="R431" s="54" t="b">
        <v>1</v>
      </c>
      <c r="S431" s="52" t="s">
        <v>7126</v>
      </c>
      <c r="T431" s="67" t="s">
        <v>7127</v>
      </c>
      <c r="U431" s="75" t="s">
        <v>5331</v>
      </c>
      <c r="V431" s="47" t="s">
        <v>5331</v>
      </c>
      <c r="W431" s="47" t="s">
        <v>5331</v>
      </c>
      <c r="X431" s="47" t="s">
        <v>5331</v>
      </c>
      <c r="Y431" s="47" t="s">
        <v>5331</v>
      </c>
      <c r="Z431" s="28"/>
      <c r="AA431" s="27"/>
      <c r="AB431" s="27"/>
      <c r="AC431" s="27"/>
      <c r="AD431" s="30"/>
      <c r="AE431" s="1"/>
      <c r="AF431" s="23" t="s">
        <v>5331</v>
      </c>
      <c r="AG431" s="26"/>
      <c r="AH431" s="53"/>
    </row>
    <row r="432" spans="1:34" ht="51.6" customHeight="1" x14ac:dyDescent="0.45">
      <c r="A432" s="23">
        <v>426</v>
      </c>
      <c r="B432" s="25"/>
      <c r="C432" s="25"/>
      <c r="D432" s="29"/>
      <c r="E432" s="1"/>
      <c r="F432" s="1"/>
      <c r="G432" s="25"/>
      <c r="H432" s="71"/>
      <c r="I432" s="83"/>
      <c r="J432" s="50" t="str">
        <f t="shared" si="14"/>
        <v/>
      </c>
      <c r="K432" s="23" t="s">
        <v>7120</v>
      </c>
      <c r="L432" s="49" t="e">
        <f>VLOOKUP(E432&amp;F432,団体コード!$A$1:$C$1743,3,FALSE)</f>
        <v>#N/A</v>
      </c>
      <c r="M432" s="49" t="e">
        <f>VLOOKUP(E432&amp;F432,団体コード!$A$1:$C$1743,2,FALSE)</f>
        <v>#N/A</v>
      </c>
      <c r="N432" s="51" t="e">
        <f>VLOOKUP(E432,団体コード!$E$1:$F$48,2,FALSE)</f>
        <v>#N/A</v>
      </c>
      <c r="O432" s="51" t="e">
        <f t="shared" si="15"/>
        <v>#N/A</v>
      </c>
      <c r="P432" s="51">
        <v>1</v>
      </c>
      <c r="Q432" s="51" t="s">
        <v>5341</v>
      </c>
      <c r="R432" s="54" t="b">
        <v>1</v>
      </c>
      <c r="S432" s="52" t="s">
        <v>7126</v>
      </c>
      <c r="T432" s="67" t="s">
        <v>7127</v>
      </c>
      <c r="U432" s="75" t="s">
        <v>5331</v>
      </c>
      <c r="V432" s="47" t="s">
        <v>5331</v>
      </c>
      <c r="W432" s="47" t="s">
        <v>5331</v>
      </c>
      <c r="X432" s="47" t="s">
        <v>5331</v>
      </c>
      <c r="Y432" s="47" t="s">
        <v>5331</v>
      </c>
      <c r="Z432" s="28"/>
      <c r="AA432" s="27"/>
      <c r="AB432" s="27"/>
      <c r="AC432" s="27"/>
      <c r="AD432" s="30"/>
      <c r="AE432" s="1"/>
      <c r="AF432" s="23" t="s">
        <v>5331</v>
      </c>
      <c r="AG432" s="26"/>
      <c r="AH432" s="53"/>
    </row>
    <row r="433" spans="1:34" ht="51.6" customHeight="1" x14ac:dyDescent="0.45">
      <c r="A433" s="23">
        <v>427</v>
      </c>
      <c r="B433" s="25"/>
      <c r="C433" s="25"/>
      <c r="D433" s="29"/>
      <c r="E433" s="1"/>
      <c r="F433" s="1"/>
      <c r="G433" s="25"/>
      <c r="H433" s="71"/>
      <c r="I433" s="83"/>
      <c r="J433" s="50" t="str">
        <f t="shared" si="14"/>
        <v/>
      </c>
      <c r="K433" s="23" t="s">
        <v>7120</v>
      </c>
      <c r="L433" s="49" t="e">
        <f>VLOOKUP(E433&amp;F433,団体コード!$A$1:$C$1743,3,FALSE)</f>
        <v>#N/A</v>
      </c>
      <c r="M433" s="49" t="e">
        <f>VLOOKUP(E433&amp;F433,団体コード!$A$1:$C$1743,2,FALSE)</f>
        <v>#N/A</v>
      </c>
      <c r="N433" s="51" t="e">
        <f>VLOOKUP(E433,団体コード!$E$1:$F$48,2,FALSE)</f>
        <v>#N/A</v>
      </c>
      <c r="O433" s="51" t="e">
        <f t="shared" si="15"/>
        <v>#N/A</v>
      </c>
      <c r="P433" s="51">
        <v>1</v>
      </c>
      <c r="Q433" s="51" t="s">
        <v>5341</v>
      </c>
      <c r="R433" s="54" t="b">
        <v>1</v>
      </c>
      <c r="S433" s="52" t="s">
        <v>7126</v>
      </c>
      <c r="T433" s="67" t="s">
        <v>7127</v>
      </c>
      <c r="U433" s="75" t="s">
        <v>5331</v>
      </c>
      <c r="V433" s="47" t="s">
        <v>5331</v>
      </c>
      <c r="W433" s="47" t="s">
        <v>5331</v>
      </c>
      <c r="X433" s="47" t="s">
        <v>5331</v>
      </c>
      <c r="Y433" s="47" t="s">
        <v>5331</v>
      </c>
      <c r="Z433" s="28"/>
      <c r="AA433" s="27"/>
      <c r="AB433" s="27"/>
      <c r="AC433" s="27"/>
      <c r="AD433" s="30"/>
      <c r="AE433" s="1"/>
      <c r="AF433" s="23" t="s">
        <v>5331</v>
      </c>
      <c r="AG433" s="26"/>
      <c r="AH433" s="53"/>
    </row>
    <row r="434" spans="1:34" ht="51.6" customHeight="1" x14ac:dyDescent="0.45">
      <c r="A434" s="23">
        <v>428</v>
      </c>
      <c r="B434" s="25"/>
      <c r="C434" s="25"/>
      <c r="D434" s="29"/>
      <c r="E434" s="1"/>
      <c r="F434" s="1"/>
      <c r="G434" s="25"/>
      <c r="H434" s="71"/>
      <c r="I434" s="83"/>
      <c r="J434" s="50" t="str">
        <f t="shared" si="14"/>
        <v/>
      </c>
      <c r="K434" s="23" t="s">
        <v>7120</v>
      </c>
      <c r="L434" s="49" t="e">
        <f>VLOOKUP(E434&amp;F434,団体コード!$A$1:$C$1743,3,FALSE)</f>
        <v>#N/A</v>
      </c>
      <c r="M434" s="49" t="e">
        <f>VLOOKUP(E434&amp;F434,団体コード!$A$1:$C$1743,2,FALSE)</f>
        <v>#N/A</v>
      </c>
      <c r="N434" s="51" t="e">
        <f>VLOOKUP(E434,団体コード!$E$1:$F$48,2,FALSE)</f>
        <v>#N/A</v>
      </c>
      <c r="O434" s="51" t="e">
        <f t="shared" si="15"/>
        <v>#N/A</v>
      </c>
      <c r="P434" s="51">
        <v>1</v>
      </c>
      <c r="Q434" s="51" t="s">
        <v>5341</v>
      </c>
      <c r="R434" s="54" t="b">
        <v>1</v>
      </c>
      <c r="S434" s="52" t="s">
        <v>7126</v>
      </c>
      <c r="T434" s="67" t="s">
        <v>7127</v>
      </c>
      <c r="U434" s="75" t="s">
        <v>5331</v>
      </c>
      <c r="V434" s="47" t="s">
        <v>5331</v>
      </c>
      <c r="W434" s="47" t="s">
        <v>5331</v>
      </c>
      <c r="X434" s="47" t="s">
        <v>5331</v>
      </c>
      <c r="Y434" s="47" t="s">
        <v>5331</v>
      </c>
      <c r="Z434" s="28"/>
      <c r="AA434" s="27"/>
      <c r="AB434" s="27"/>
      <c r="AC434" s="27"/>
      <c r="AD434" s="30"/>
      <c r="AE434" s="1"/>
      <c r="AF434" s="23" t="s">
        <v>5331</v>
      </c>
      <c r="AG434" s="26"/>
      <c r="AH434" s="53"/>
    </row>
    <row r="435" spans="1:34" ht="51.6" customHeight="1" x14ac:dyDescent="0.45">
      <c r="A435" s="23">
        <v>429</v>
      </c>
      <c r="B435" s="25"/>
      <c r="C435" s="25"/>
      <c r="D435" s="29"/>
      <c r="E435" s="1"/>
      <c r="F435" s="1"/>
      <c r="G435" s="25"/>
      <c r="H435" s="71"/>
      <c r="I435" s="83"/>
      <c r="J435" s="50" t="str">
        <f t="shared" si="14"/>
        <v/>
      </c>
      <c r="K435" s="23" t="s">
        <v>7120</v>
      </c>
      <c r="L435" s="49" t="e">
        <f>VLOOKUP(E435&amp;F435,団体コード!$A$1:$C$1743,3,FALSE)</f>
        <v>#N/A</v>
      </c>
      <c r="M435" s="49" t="e">
        <f>VLOOKUP(E435&amp;F435,団体コード!$A$1:$C$1743,2,FALSE)</f>
        <v>#N/A</v>
      </c>
      <c r="N435" s="51" t="e">
        <f>VLOOKUP(E435,団体コード!$E$1:$F$48,2,FALSE)</f>
        <v>#N/A</v>
      </c>
      <c r="O435" s="51" t="e">
        <f t="shared" si="15"/>
        <v>#N/A</v>
      </c>
      <c r="P435" s="51">
        <v>1</v>
      </c>
      <c r="Q435" s="51" t="s">
        <v>5341</v>
      </c>
      <c r="R435" s="54" t="b">
        <v>1</v>
      </c>
      <c r="S435" s="52" t="s">
        <v>7126</v>
      </c>
      <c r="T435" s="67" t="s">
        <v>7127</v>
      </c>
      <c r="U435" s="75" t="s">
        <v>5331</v>
      </c>
      <c r="V435" s="47" t="s">
        <v>5331</v>
      </c>
      <c r="W435" s="47" t="s">
        <v>5331</v>
      </c>
      <c r="X435" s="47" t="s">
        <v>5331</v>
      </c>
      <c r="Y435" s="47" t="s">
        <v>5331</v>
      </c>
      <c r="Z435" s="28"/>
      <c r="AA435" s="27"/>
      <c r="AB435" s="27"/>
      <c r="AC435" s="27"/>
      <c r="AD435" s="30"/>
      <c r="AE435" s="1"/>
      <c r="AF435" s="23" t="s">
        <v>5331</v>
      </c>
      <c r="AG435" s="26"/>
      <c r="AH435" s="53"/>
    </row>
    <row r="436" spans="1:34" ht="51.6" customHeight="1" x14ac:dyDescent="0.45">
      <c r="A436" s="23">
        <v>430</v>
      </c>
      <c r="B436" s="25"/>
      <c r="C436" s="25"/>
      <c r="D436" s="29"/>
      <c r="E436" s="1"/>
      <c r="F436" s="1"/>
      <c r="G436" s="25"/>
      <c r="H436" s="71"/>
      <c r="I436" s="83"/>
      <c r="J436" s="50" t="str">
        <f t="shared" si="14"/>
        <v/>
      </c>
      <c r="K436" s="23" t="s">
        <v>7120</v>
      </c>
      <c r="L436" s="49" t="e">
        <f>VLOOKUP(E436&amp;F436,団体コード!$A$1:$C$1743,3,FALSE)</f>
        <v>#N/A</v>
      </c>
      <c r="M436" s="49" t="e">
        <f>VLOOKUP(E436&amp;F436,団体コード!$A$1:$C$1743,2,FALSE)</f>
        <v>#N/A</v>
      </c>
      <c r="N436" s="51" t="e">
        <f>VLOOKUP(E436,団体コード!$E$1:$F$48,2,FALSE)</f>
        <v>#N/A</v>
      </c>
      <c r="O436" s="51" t="e">
        <f t="shared" si="15"/>
        <v>#N/A</v>
      </c>
      <c r="P436" s="51">
        <v>1</v>
      </c>
      <c r="Q436" s="51" t="s">
        <v>5341</v>
      </c>
      <c r="R436" s="54" t="b">
        <v>1</v>
      </c>
      <c r="S436" s="52" t="s">
        <v>7126</v>
      </c>
      <c r="T436" s="67" t="s">
        <v>7127</v>
      </c>
      <c r="U436" s="75" t="s">
        <v>5331</v>
      </c>
      <c r="V436" s="47" t="s">
        <v>5331</v>
      </c>
      <c r="W436" s="47" t="s">
        <v>5331</v>
      </c>
      <c r="X436" s="47" t="s">
        <v>5331</v>
      </c>
      <c r="Y436" s="47" t="s">
        <v>5331</v>
      </c>
      <c r="Z436" s="28"/>
      <c r="AA436" s="27"/>
      <c r="AB436" s="27"/>
      <c r="AC436" s="27"/>
      <c r="AD436" s="30"/>
      <c r="AE436" s="1"/>
      <c r="AF436" s="23" t="s">
        <v>5331</v>
      </c>
      <c r="AG436" s="26"/>
      <c r="AH436" s="53"/>
    </row>
    <row r="437" spans="1:34" ht="51.6" customHeight="1" x14ac:dyDescent="0.45">
      <c r="A437" s="23">
        <v>431</v>
      </c>
      <c r="B437" s="25"/>
      <c r="C437" s="25"/>
      <c r="D437" s="29"/>
      <c r="E437" s="1"/>
      <c r="F437" s="1"/>
      <c r="G437" s="25"/>
      <c r="H437" s="71"/>
      <c r="I437" s="83"/>
      <c r="J437" s="50" t="str">
        <f t="shared" si="14"/>
        <v/>
      </c>
      <c r="K437" s="23" t="s">
        <v>7120</v>
      </c>
      <c r="L437" s="49" t="e">
        <f>VLOOKUP(E437&amp;F437,団体コード!$A$1:$C$1743,3,FALSE)</f>
        <v>#N/A</v>
      </c>
      <c r="M437" s="49" t="e">
        <f>VLOOKUP(E437&amp;F437,団体コード!$A$1:$C$1743,2,FALSE)</f>
        <v>#N/A</v>
      </c>
      <c r="N437" s="51" t="e">
        <f>VLOOKUP(E437,団体コード!$E$1:$F$48,2,FALSE)</f>
        <v>#N/A</v>
      </c>
      <c r="O437" s="51" t="e">
        <f t="shared" si="15"/>
        <v>#N/A</v>
      </c>
      <c r="P437" s="51">
        <v>1</v>
      </c>
      <c r="Q437" s="51" t="s">
        <v>5341</v>
      </c>
      <c r="R437" s="54" t="b">
        <v>1</v>
      </c>
      <c r="S437" s="52" t="s">
        <v>7126</v>
      </c>
      <c r="T437" s="67" t="s">
        <v>7127</v>
      </c>
      <c r="U437" s="75" t="s">
        <v>5331</v>
      </c>
      <c r="V437" s="47" t="s">
        <v>5331</v>
      </c>
      <c r="W437" s="47" t="s">
        <v>5331</v>
      </c>
      <c r="X437" s="47" t="s">
        <v>5331</v>
      </c>
      <c r="Y437" s="47" t="s">
        <v>5331</v>
      </c>
      <c r="Z437" s="28"/>
      <c r="AA437" s="27"/>
      <c r="AB437" s="27"/>
      <c r="AC437" s="27"/>
      <c r="AD437" s="30"/>
      <c r="AE437" s="1"/>
      <c r="AF437" s="23" t="s">
        <v>5331</v>
      </c>
      <c r="AG437" s="26"/>
      <c r="AH437" s="53"/>
    </row>
    <row r="438" spans="1:34" ht="51.6" customHeight="1" x14ac:dyDescent="0.45">
      <c r="A438" s="23">
        <v>432</v>
      </c>
      <c r="B438" s="25"/>
      <c r="C438" s="25"/>
      <c r="D438" s="29"/>
      <c r="E438" s="1"/>
      <c r="F438" s="1"/>
      <c r="G438" s="25"/>
      <c r="H438" s="71"/>
      <c r="I438" s="83"/>
      <c r="J438" s="50" t="str">
        <f t="shared" si="14"/>
        <v/>
      </c>
      <c r="K438" s="23" t="s">
        <v>7120</v>
      </c>
      <c r="L438" s="49" t="e">
        <f>VLOOKUP(E438&amp;F438,団体コード!$A$1:$C$1743,3,FALSE)</f>
        <v>#N/A</v>
      </c>
      <c r="M438" s="49" t="e">
        <f>VLOOKUP(E438&amp;F438,団体コード!$A$1:$C$1743,2,FALSE)</f>
        <v>#N/A</v>
      </c>
      <c r="N438" s="51" t="e">
        <f>VLOOKUP(E438,団体コード!$E$1:$F$48,2,FALSE)</f>
        <v>#N/A</v>
      </c>
      <c r="O438" s="51" t="e">
        <f t="shared" si="15"/>
        <v>#N/A</v>
      </c>
      <c r="P438" s="51">
        <v>1</v>
      </c>
      <c r="Q438" s="51" t="s">
        <v>5341</v>
      </c>
      <c r="R438" s="54" t="b">
        <v>1</v>
      </c>
      <c r="S438" s="52" t="s">
        <v>7126</v>
      </c>
      <c r="T438" s="67" t="s">
        <v>7127</v>
      </c>
      <c r="U438" s="75" t="s">
        <v>5331</v>
      </c>
      <c r="V438" s="47" t="s">
        <v>5331</v>
      </c>
      <c r="W438" s="47" t="s">
        <v>5331</v>
      </c>
      <c r="X438" s="47" t="s">
        <v>5331</v>
      </c>
      <c r="Y438" s="47" t="s">
        <v>5331</v>
      </c>
      <c r="Z438" s="28"/>
      <c r="AA438" s="27"/>
      <c r="AB438" s="27"/>
      <c r="AC438" s="27"/>
      <c r="AD438" s="30"/>
      <c r="AE438" s="1"/>
      <c r="AF438" s="23" t="s">
        <v>5331</v>
      </c>
      <c r="AG438" s="26"/>
      <c r="AH438" s="53"/>
    </row>
    <row r="439" spans="1:34" ht="51.6" customHeight="1" x14ac:dyDescent="0.45">
      <c r="A439" s="23">
        <v>433</v>
      </c>
      <c r="B439" s="25"/>
      <c r="C439" s="25"/>
      <c r="D439" s="29"/>
      <c r="E439" s="1"/>
      <c r="F439" s="1"/>
      <c r="G439" s="25"/>
      <c r="H439" s="71"/>
      <c r="I439" s="83"/>
      <c r="J439" s="50" t="str">
        <f t="shared" si="14"/>
        <v/>
      </c>
      <c r="K439" s="23" t="s">
        <v>7120</v>
      </c>
      <c r="L439" s="49" t="e">
        <f>VLOOKUP(E439&amp;F439,団体コード!$A$1:$C$1743,3,FALSE)</f>
        <v>#N/A</v>
      </c>
      <c r="M439" s="49" t="e">
        <f>VLOOKUP(E439&amp;F439,団体コード!$A$1:$C$1743,2,FALSE)</f>
        <v>#N/A</v>
      </c>
      <c r="N439" s="51" t="e">
        <f>VLOOKUP(E439,団体コード!$E$1:$F$48,2,FALSE)</f>
        <v>#N/A</v>
      </c>
      <c r="O439" s="51" t="e">
        <f t="shared" si="15"/>
        <v>#N/A</v>
      </c>
      <c r="P439" s="51">
        <v>1</v>
      </c>
      <c r="Q439" s="51" t="s">
        <v>5341</v>
      </c>
      <c r="R439" s="54" t="b">
        <v>1</v>
      </c>
      <c r="S439" s="52" t="s">
        <v>7126</v>
      </c>
      <c r="T439" s="67" t="s">
        <v>7127</v>
      </c>
      <c r="U439" s="75" t="s">
        <v>5331</v>
      </c>
      <c r="V439" s="47" t="s">
        <v>5331</v>
      </c>
      <c r="W439" s="47" t="s">
        <v>5331</v>
      </c>
      <c r="X439" s="47" t="s">
        <v>5331</v>
      </c>
      <c r="Y439" s="47" t="s">
        <v>5331</v>
      </c>
      <c r="Z439" s="28"/>
      <c r="AA439" s="27"/>
      <c r="AB439" s="27"/>
      <c r="AC439" s="27"/>
      <c r="AD439" s="30"/>
      <c r="AE439" s="1"/>
      <c r="AF439" s="23" t="s">
        <v>5331</v>
      </c>
      <c r="AG439" s="26"/>
      <c r="AH439" s="53"/>
    </row>
    <row r="440" spans="1:34" ht="51.6" customHeight="1" x14ac:dyDescent="0.45">
      <c r="A440" s="23">
        <v>434</v>
      </c>
      <c r="B440" s="25"/>
      <c r="C440" s="25"/>
      <c r="D440" s="29"/>
      <c r="E440" s="1"/>
      <c r="F440" s="1"/>
      <c r="G440" s="25"/>
      <c r="H440" s="71"/>
      <c r="I440" s="83"/>
      <c r="J440" s="50" t="str">
        <f t="shared" si="14"/>
        <v/>
      </c>
      <c r="K440" s="23" t="s">
        <v>7120</v>
      </c>
      <c r="L440" s="49" t="e">
        <f>VLOOKUP(E440&amp;F440,団体コード!$A$1:$C$1743,3,FALSE)</f>
        <v>#N/A</v>
      </c>
      <c r="M440" s="49" t="e">
        <f>VLOOKUP(E440&amp;F440,団体コード!$A$1:$C$1743,2,FALSE)</f>
        <v>#N/A</v>
      </c>
      <c r="N440" s="51" t="e">
        <f>VLOOKUP(E440,団体コード!$E$1:$F$48,2,FALSE)</f>
        <v>#N/A</v>
      </c>
      <c r="O440" s="51" t="e">
        <f t="shared" si="15"/>
        <v>#N/A</v>
      </c>
      <c r="P440" s="51">
        <v>1</v>
      </c>
      <c r="Q440" s="51" t="s">
        <v>5341</v>
      </c>
      <c r="R440" s="54" t="b">
        <v>1</v>
      </c>
      <c r="S440" s="52" t="s">
        <v>7126</v>
      </c>
      <c r="T440" s="67" t="s">
        <v>7127</v>
      </c>
      <c r="U440" s="75" t="s">
        <v>5331</v>
      </c>
      <c r="V440" s="47" t="s">
        <v>5331</v>
      </c>
      <c r="W440" s="47" t="s">
        <v>5331</v>
      </c>
      <c r="X440" s="47" t="s">
        <v>5331</v>
      </c>
      <c r="Y440" s="47" t="s">
        <v>5331</v>
      </c>
      <c r="Z440" s="28"/>
      <c r="AA440" s="27"/>
      <c r="AB440" s="27"/>
      <c r="AC440" s="27"/>
      <c r="AD440" s="30"/>
      <c r="AE440" s="1"/>
      <c r="AF440" s="23" t="s">
        <v>5331</v>
      </c>
      <c r="AG440" s="26"/>
      <c r="AH440" s="53"/>
    </row>
    <row r="441" spans="1:34" ht="51.6" customHeight="1" x14ac:dyDescent="0.45">
      <c r="A441" s="23">
        <v>435</v>
      </c>
      <c r="B441" s="25"/>
      <c r="C441" s="25"/>
      <c r="D441" s="29"/>
      <c r="E441" s="1"/>
      <c r="F441" s="1"/>
      <c r="G441" s="25"/>
      <c r="H441" s="71"/>
      <c r="I441" s="83"/>
      <c r="J441" s="50" t="str">
        <f t="shared" si="14"/>
        <v/>
      </c>
      <c r="K441" s="23" t="s">
        <v>7120</v>
      </c>
      <c r="L441" s="49" t="e">
        <f>VLOOKUP(E441&amp;F441,団体コード!$A$1:$C$1743,3,FALSE)</f>
        <v>#N/A</v>
      </c>
      <c r="M441" s="49" t="e">
        <f>VLOOKUP(E441&amp;F441,団体コード!$A$1:$C$1743,2,FALSE)</f>
        <v>#N/A</v>
      </c>
      <c r="N441" s="51" t="e">
        <f>VLOOKUP(E441,団体コード!$E$1:$F$48,2,FALSE)</f>
        <v>#N/A</v>
      </c>
      <c r="O441" s="51" t="e">
        <f t="shared" si="15"/>
        <v>#N/A</v>
      </c>
      <c r="P441" s="51">
        <v>1</v>
      </c>
      <c r="Q441" s="51" t="s">
        <v>5341</v>
      </c>
      <c r="R441" s="54" t="b">
        <v>1</v>
      </c>
      <c r="S441" s="52" t="s">
        <v>7126</v>
      </c>
      <c r="T441" s="67" t="s">
        <v>7127</v>
      </c>
      <c r="U441" s="75" t="s">
        <v>5331</v>
      </c>
      <c r="V441" s="47" t="s">
        <v>5331</v>
      </c>
      <c r="W441" s="47" t="s">
        <v>5331</v>
      </c>
      <c r="X441" s="47" t="s">
        <v>5331</v>
      </c>
      <c r="Y441" s="47" t="s">
        <v>5331</v>
      </c>
      <c r="Z441" s="28"/>
      <c r="AA441" s="27"/>
      <c r="AB441" s="27"/>
      <c r="AC441" s="27"/>
      <c r="AD441" s="30"/>
      <c r="AE441" s="1"/>
      <c r="AF441" s="23" t="s">
        <v>5331</v>
      </c>
      <c r="AG441" s="26"/>
      <c r="AH441" s="53"/>
    </row>
    <row r="442" spans="1:34" ht="51.6" customHeight="1" x14ac:dyDescent="0.45">
      <c r="A442" s="23">
        <v>436</v>
      </c>
      <c r="B442" s="25"/>
      <c r="C442" s="25"/>
      <c r="D442" s="29"/>
      <c r="E442" s="1"/>
      <c r="F442" s="1"/>
      <c r="G442" s="25"/>
      <c r="H442" s="71"/>
      <c r="I442" s="83"/>
      <c r="J442" s="50" t="str">
        <f t="shared" si="14"/>
        <v/>
      </c>
      <c r="K442" s="23" t="s">
        <v>7120</v>
      </c>
      <c r="L442" s="49" t="e">
        <f>VLOOKUP(E442&amp;F442,団体コード!$A$1:$C$1743,3,FALSE)</f>
        <v>#N/A</v>
      </c>
      <c r="M442" s="49" t="e">
        <f>VLOOKUP(E442&amp;F442,団体コード!$A$1:$C$1743,2,FALSE)</f>
        <v>#N/A</v>
      </c>
      <c r="N442" s="51" t="e">
        <f>VLOOKUP(E442,団体コード!$E$1:$F$48,2,FALSE)</f>
        <v>#N/A</v>
      </c>
      <c r="O442" s="51" t="e">
        <f t="shared" si="15"/>
        <v>#N/A</v>
      </c>
      <c r="P442" s="51">
        <v>1</v>
      </c>
      <c r="Q442" s="51" t="s">
        <v>5341</v>
      </c>
      <c r="R442" s="54" t="b">
        <v>1</v>
      </c>
      <c r="S442" s="52" t="s">
        <v>7126</v>
      </c>
      <c r="T442" s="67" t="s">
        <v>7127</v>
      </c>
      <c r="U442" s="75" t="s">
        <v>5331</v>
      </c>
      <c r="V442" s="47" t="s">
        <v>5331</v>
      </c>
      <c r="W442" s="47" t="s">
        <v>5331</v>
      </c>
      <c r="X442" s="47" t="s">
        <v>5331</v>
      </c>
      <c r="Y442" s="47" t="s">
        <v>5331</v>
      </c>
      <c r="Z442" s="28"/>
      <c r="AA442" s="27"/>
      <c r="AB442" s="27"/>
      <c r="AC442" s="27"/>
      <c r="AD442" s="30"/>
      <c r="AE442" s="1"/>
      <c r="AF442" s="23" t="s">
        <v>5331</v>
      </c>
      <c r="AG442" s="26"/>
      <c r="AH442" s="53"/>
    </row>
    <row r="443" spans="1:34" ht="51.6" customHeight="1" x14ac:dyDescent="0.45">
      <c r="A443" s="23">
        <v>437</v>
      </c>
      <c r="B443" s="25"/>
      <c r="C443" s="25"/>
      <c r="D443" s="29"/>
      <c r="E443" s="1"/>
      <c r="F443" s="1"/>
      <c r="G443" s="25"/>
      <c r="H443" s="71"/>
      <c r="I443" s="83"/>
      <c r="J443" s="50" t="str">
        <f t="shared" si="14"/>
        <v/>
      </c>
      <c r="K443" s="23" t="s">
        <v>7120</v>
      </c>
      <c r="L443" s="49" t="e">
        <f>VLOOKUP(E443&amp;F443,団体コード!$A$1:$C$1743,3,FALSE)</f>
        <v>#N/A</v>
      </c>
      <c r="M443" s="49" t="e">
        <f>VLOOKUP(E443&amp;F443,団体コード!$A$1:$C$1743,2,FALSE)</f>
        <v>#N/A</v>
      </c>
      <c r="N443" s="51" t="e">
        <f>VLOOKUP(E443,団体コード!$E$1:$F$48,2,FALSE)</f>
        <v>#N/A</v>
      </c>
      <c r="O443" s="51" t="e">
        <f t="shared" si="15"/>
        <v>#N/A</v>
      </c>
      <c r="P443" s="51">
        <v>1</v>
      </c>
      <c r="Q443" s="51" t="s">
        <v>5341</v>
      </c>
      <c r="R443" s="54" t="b">
        <v>1</v>
      </c>
      <c r="S443" s="52" t="s">
        <v>7126</v>
      </c>
      <c r="T443" s="67" t="s">
        <v>7127</v>
      </c>
      <c r="U443" s="75" t="s">
        <v>5331</v>
      </c>
      <c r="V443" s="47" t="s">
        <v>5331</v>
      </c>
      <c r="W443" s="47" t="s">
        <v>5331</v>
      </c>
      <c r="X443" s="47" t="s">
        <v>5331</v>
      </c>
      <c r="Y443" s="47" t="s">
        <v>5331</v>
      </c>
      <c r="Z443" s="28"/>
      <c r="AA443" s="27"/>
      <c r="AB443" s="27"/>
      <c r="AC443" s="27"/>
      <c r="AD443" s="30"/>
      <c r="AE443" s="1"/>
      <c r="AF443" s="23" t="s">
        <v>5331</v>
      </c>
      <c r="AG443" s="26"/>
      <c r="AH443" s="53"/>
    </row>
    <row r="444" spans="1:34" ht="51.6" customHeight="1" x14ac:dyDescent="0.45">
      <c r="A444" s="23">
        <v>438</v>
      </c>
      <c r="B444" s="25"/>
      <c r="C444" s="25"/>
      <c r="D444" s="29"/>
      <c r="E444" s="1"/>
      <c r="F444" s="1"/>
      <c r="G444" s="25"/>
      <c r="H444" s="71"/>
      <c r="I444" s="83"/>
      <c r="J444" s="50" t="str">
        <f t="shared" si="14"/>
        <v/>
      </c>
      <c r="K444" s="23" t="s">
        <v>7120</v>
      </c>
      <c r="L444" s="49" t="e">
        <f>VLOOKUP(E444&amp;F444,団体コード!$A$1:$C$1743,3,FALSE)</f>
        <v>#N/A</v>
      </c>
      <c r="M444" s="49" t="e">
        <f>VLOOKUP(E444&amp;F444,団体コード!$A$1:$C$1743,2,FALSE)</f>
        <v>#N/A</v>
      </c>
      <c r="N444" s="51" t="e">
        <f>VLOOKUP(E444,団体コード!$E$1:$F$48,2,FALSE)</f>
        <v>#N/A</v>
      </c>
      <c r="O444" s="51" t="e">
        <f t="shared" si="15"/>
        <v>#N/A</v>
      </c>
      <c r="P444" s="51">
        <v>1</v>
      </c>
      <c r="Q444" s="51" t="s">
        <v>5341</v>
      </c>
      <c r="R444" s="54" t="b">
        <v>1</v>
      </c>
      <c r="S444" s="52" t="s">
        <v>7126</v>
      </c>
      <c r="T444" s="67" t="s">
        <v>7127</v>
      </c>
      <c r="U444" s="75" t="s">
        <v>5331</v>
      </c>
      <c r="V444" s="47" t="s">
        <v>5331</v>
      </c>
      <c r="W444" s="47" t="s">
        <v>5331</v>
      </c>
      <c r="X444" s="47" t="s">
        <v>5331</v>
      </c>
      <c r="Y444" s="47" t="s">
        <v>5331</v>
      </c>
      <c r="Z444" s="28"/>
      <c r="AA444" s="27"/>
      <c r="AB444" s="27"/>
      <c r="AC444" s="27"/>
      <c r="AD444" s="30"/>
      <c r="AE444" s="1"/>
      <c r="AF444" s="23" t="s">
        <v>5331</v>
      </c>
      <c r="AG444" s="26"/>
      <c r="AH444" s="53"/>
    </row>
    <row r="445" spans="1:34" ht="51.6" customHeight="1" x14ac:dyDescent="0.45">
      <c r="A445" s="23">
        <v>439</v>
      </c>
      <c r="B445" s="25"/>
      <c r="C445" s="25"/>
      <c r="D445" s="29"/>
      <c r="E445" s="1"/>
      <c r="F445" s="1"/>
      <c r="G445" s="25"/>
      <c r="H445" s="71"/>
      <c r="I445" s="83"/>
      <c r="J445" s="50" t="str">
        <f t="shared" si="14"/>
        <v/>
      </c>
      <c r="K445" s="23" t="s">
        <v>7120</v>
      </c>
      <c r="L445" s="49" t="e">
        <f>VLOOKUP(E445&amp;F445,団体コード!$A$1:$C$1743,3,FALSE)</f>
        <v>#N/A</v>
      </c>
      <c r="M445" s="49" t="e">
        <f>VLOOKUP(E445&amp;F445,団体コード!$A$1:$C$1743,2,FALSE)</f>
        <v>#N/A</v>
      </c>
      <c r="N445" s="51" t="e">
        <f>VLOOKUP(E445,団体コード!$E$1:$F$48,2,FALSE)</f>
        <v>#N/A</v>
      </c>
      <c r="O445" s="51" t="e">
        <f t="shared" si="15"/>
        <v>#N/A</v>
      </c>
      <c r="P445" s="51">
        <v>1</v>
      </c>
      <c r="Q445" s="51" t="s">
        <v>5341</v>
      </c>
      <c r="R445" s="54" t="b">
        <v>1</v>
      </c>
      <c r="S445" s="52" t="s">
        <v>7126</v>
      </c>
      <c r="T445" s="67" t="s">
        <v>7127</v>
      </c>
      <c r="U445" s="75" t="s">
        <v>5331</v>
      </c>
      <c r="V445" s="47" t="s">
        <v>5331</v>
      </c>
      <c r="W445" s="47" t="s">
        <v>5331</v>
      </c>
      <c r="X445" s="47" t="s">
        <v>5331</v>
      </c>
      <c r="Y445" s="47" t="s">
        <v>5331</v>
      </c>
      <c r="Z445" s="28"/>
      <c r="AA445" s="27"/>
      <c r="AB445" s="27"/>
      <c r="AC445" s="27"/>
      <c r="AD445" s="30"/>
      <c r="AE445" s="1"/>
      <c r="AF445" s="23" t="s">
        <v>5331</v>
      </c>
      <c r="AG445" s="26"/>
      <c r="AH445" s="53"/>
    </row>
    <row r="446" spans="1:34" ht="51.6" customHeight="1" x14ac:dyDescent="0.45">
      <c r="A446" s="23">
        <v>440</v>
      </c>
      <c r="B446" s="25"/>
      <c r="C446" s="25"/>
      <c r="D446" s="29"/>
      <c r="E446" s="1"/>
      <c r="F446" s="1"/>
      <c r="G446" s="25"/>
      <c r="H446" s="71"/>
      <c r="I446" s="83"/>
      <c r="J446" s="50" t="str">
        <f t="shared" si="14"/>
        <v/>
      </c>
      <c r="K446" s="23" t="s">
        <v>7120</v>
      </c>
      <c r="L446" s="49" t="e">
        <f>VLOOKUP(E446&amp;F446,団体コード!$A$1:$C$1743,3,FALSE)</f>
        <v>#N/A</v>
      </c>
      <c r="M446" s="49" t="e">
        <f>VLOOKUP(E446&amp;F446,団体コード!$A$1:$C$1743,2,FALSE)</f>
        <v>#N/A</v>
      </c>
      <c r="N446" s="51" t="e">
        <f>VLOOKUP(E446,団体コード!$E$1:$F$48,2,FALSE)</f>
        <v>#N/A</v>
      </c>
      <c r="O446" s="51" t="e">
        <f t="shared" si="15"/>
        <v>#N/A</v>
      </c>
      <c r="P446" s="51">
        <v>1</v>
      </c>
      <c r="Q446" s="51" t="s">
        <v>5341</v>
      </c>
      <c r="R446" s="54" t="b">
        <v>1</v>
      </c>
      <c r="S446" s="52" t="s">
        <v>7126</v>
      </c>
      <c r="T446" s="67" t="s">
        <v>7127</v>
      </c>
      <c r="U446" s="75" t="s">
        <v>5331</v>
      </c>
      <c r="V446" s="47" t="s">
        <v>5331</v>
      </c>
      <c r="W446" s="47" t="s">
        <v>5331</v>
      </c>
      <c r="X446" s="47" t="s">
        <v>5331</v>
      </c>
      <c r="Y446" s="47" t="s">
        <v>5331</v>
      </c>
      <c r="Z446" s="28"/>
      <c r="AA446" s="27"/>
      <c r="AB446" s="27"/>
      <c r="AC446" s="27"/>
      <c r="AD446" s="30"/>
      <c r="AE446" s="1"/>
      <c r="AF446" s="23" t="s">
        <v>5331</v>
      </c>
      <c r="AG446" s="26"/>
      <c r="AH446" s="53"/>
    </row>
    <row r="447" spans="1:34" ht="51.6" customHeight="1" x14ac:dyDescent="0.45">
      <c r="A447" s="23">
        <v>441</v>
      </c>
      <c r="B447" s="25"/>
      <c r="C447" s="25"/>
      <c r="D447" s="29"/>
      <c r="E447" s="1"/>
      <c r="F447" s="1"/>
      <c r="G447" s="25"/>
      <c r="H447" s="71"/>
      <c r="I447" s="83"/>
      <c r="J447" s="50" t="str">
        <f t="shared" si="14"/>
        <v/>
      </c>
      <c r="K447" s="23" t="s">
        <v>7120</v>
      </c>
      <c r="L447" s="49" t="e">
        <f>VLOOKUP(E447&amp;F447,団体コード!$A$1:$C$1743,3,FALSE)</f>
        <v>#N/A</v>
      </c>
      <c r="M447" s="49" t="e">
        <f>VLOOKUP(E447&amp;F447,団体コード!$A$1:$C$1743,2,FALSE)</f>
        <v>#N/A</v>
      </c>
      <c r="N447" s="51" t="e">
        <f>VLOOKUP(E447,団体コード!$E$1:$F$48,2,FALSE)</f>
        <v>#N/A</v>
      </c>
      <c r="O447" s="51" t="e">
        <f t="shared" si="15"/>
        <v>#N/A</v>
      </c>
      <c r="P447" s="51">
        <v>1</v>
      </c>
      <c r="Q447" s="51" t="s">
        <v>5341</v>
      </c>
      <c r="R447" s="54" t="b">
        <v>1</v>
      </c>
      <c r="S447" s="52" t="s">
        <v>7126</v>
      </c>
      <c r="T447" s="67" t="s">
        <v>7127</v>
      </c>
      <c r="U447" s="75" t="s">
        <v>5331</v>
      </c>
      <c r="V447" s="47" t="s">
        <v>5331</v>
      </c>
      <c r="W447" s="47" t="s">
        <v>5331</v>
      </c>
      <c r="X447" s="47" t="s">
        <v>5331</v>
      </c>
      <c r="Y447" s="47" t="s">
        <v>5331</v>
      </c>
      <c r="Z447" s="28"/>
      <c r="AA447" s="27"/>
      <c r="AB447" s="27"/>
      <c r="AC447" s="27"/>
      <c r="AD447" s="30"/>
      <c r="AE447" s="1"/>
      <c r="AF447" s="23" t="s">
        <v>5331</v>
      </c>
      <c r="AG447" s="26"/>
      <c r="AH447" s="53"/>
    </row>
    <row r="448" spans="1:34" ht="51.6" customHeight="1" x14ac:dyDescent="0.45">
      <c r="A448" s="23">
        <v>442</v>
      </c>
      <c r="B448" s="25"/>
      <c r="C448" s="25"/>
      <c r="D448" s="29"/>
      <c r="E448" s="1"/>
      <c r="F448" s="1"/>
      <c r="G448" s="25"/>
      <c r="H448" s="71"/>
      <c r="I448" s="83"/>
      <c r="J448" s="50" t="str">
        <f t="shared" si="14"/>
        <v/>
      </c>
      <c r="K448" s="23" t="s">
        <v>7120</v>
      </c>
      <c r="L448" s="49" t="e">
        <f>VLOOKUP(E448&amp;F448,団体コード!$A$1:$C$1743,3,FALSE)</f>
        <v>#N/A</v>
      </c>
      <c r="M448" s="49" t="e">
        <f>VLOOKUP(E448&amp;F448,団体コード!$A$1:$C$1743,2,FALSE)</f>
        <v>#N/A</v>
      </c>
      <c r="N448" s="51" t="e">
        <f>VLOOKUP(E448,団体コード!$E$1:$F$48,2,FALSE)</f>
        <v>#N/A</v>
      </c>
      <c r="O448" s="51" t="e">
        <f t="shared" si="15"/>
        <v>#N/A</v>
      </c>
      <c r="P448" s="51">
        <v>1</v>
      </c>
      <c r="Q448" s="51" t="s">
        <v>5341</v>
      </c>
      <c r="R448" s="54" t="b">
        <v>1</v>
      </c>
      <c r="S448" s="52" t="s">
        <v>7126</v>
      </c>
      <c r="T448" s="67" t="s">
        <v>7127</v>
      </c>
      <c r="U448" s="75" t="s">
        <v>5331</v>
      </c>
      <c r="V448" s="47" t="s">
        <v>5331</v>
      </c>
      <c r="W448" s="47" t="s">
        <v>5331</v>
      </c>
      <c r="X448" s="47" t="s">
        <v>5331</v>
      </c>
      <c r="Y448" s="47" t="s">
        <v>5331</v>
      </c>
      <c r="Z448" s="28"/>
      <c r="AA448" s="27"/>
      <c r="AB448" s="27"/>
      <c r="AC448" s="27"/>
      <c r="AD448" s="30"/>
      <c r="AE448" s="1"/>
      <c r="AF448" s="23" t="s">
        <v>5331</v>
      </c>
      <c r="AG448" s="26"/>
      <c r="AH448" s="53"/>
    </row>
    <row r="449" spans="1:34" ht="51.6" customHeight="1" x14ac:dyDescent="0.45">
      <c r="A449" s="23">
        <v>443</v>
      </c>
      <c r="B449" s="25"/>
      <c r="C449" s="25"/>
      <c r="D449" s="29"/>
      <c r="E449" s="1"/>
      <c r="F449" s="1"/>
      <c r="G449" s="25"/>
      <c r="H449" s="71"/>
      <c r="I449" s="83"/>
      <c r="J449" s="50" t="str">
        <f t="shared" si="14"/>
        <v/>
      </c>
      <c r="K449" s="23" t="s">
        <v>7120</v>
      </c>
      <c r="L449" s="49" t="e">
        <f>VLOOKUP(E449&amp;F449,団体コード!$A$1:$C$1743,3,FALSE)</f>
        <v>#N/A</v>
      </c>
      <c r="M449" s="49" t="e">
        <f>VLOOKUP(E449&amp;F449,団体コード!$A$1:$C$1743,2,FALSE)</f>
        <v>#N/A</v>
      </c>
      <c r="N449" s="51" t="e">
        <f>VLOOKUP(E449,団体コード!$E$1:$F$48,2,FALSE)</f>
        <v>#N/A</v>
      </c>
      <c r="O449" s="51" t="e">
        <f t="shared" si="15"/>
        <v>#N/A</v>
      </c>
      <c r="P449" s="51">
        <v>1</v>
      </c>
      <c r="Q449" s="51" t="s">
        <v>5341</v>
      </c>
      <c r="R449" s="54" t="b">
        <v>1</v>
      </c>
      <c r="S449" s="52" t="s">
        <v>7126</v>
      </c>
      <c r="T449" s="67" t="s">
        <v>7127</v>
      </c>
      <c r="U449" s="75" t="s">
        <v>5331</v>
      </c>
      <c r="V449" s="47" t="s">
        <v>5331</v>
      </c>
      <c r="W449" s="47" t="s">
        <v>5331</v>
      </c>
      <c r="X449" s="47" t="s">
        <v>5331</v>
      </c>
      <c r="Y449" s="47" t="s">
        <v>5331</v>
      </c>
      <c r="Z449" s="28"/>
      <c r="AA449" s="27"/>
      <c r="AB449" s="27"/>
      <c r="AC449" s="27"/>
      <c r="AD449" s="30"/>
      <c r="AE449" s="1"/>
      <c r="AF449" s="23" t="s">
        <v>5331</v>
      </c>
      <c r="AG449" s="26"/>
      <c r="AH449" s="53"/>
    </row>
    <row r="450" spans="1:34" ht="51.6" customHeight="1" x14ac:dyDescent="0.45">
      <c r="A450" s="23">
        <v>444</v>
      </c>
      <c r="B450" s="25"/>
      <c r="C450" s="25"/>
      <c r="D450" s="29"/>
      <c r="E450" s="1"/>
      <c r="F450" s="1"/>
      <c r="G450" s="25"/>
      <c r="H450" s="71"/>
      <c r="I450" s="83"/>
      <c r="J450" s="50" t="str">
        <f t="shared" si="14"/>
        <v/>
      </c>
      <c r="K450" s="23" t="s">
        <v>7120</v>
      </c>
      <c r="L450" s="49" t="e">
        <f>VLOOKUP(E450&amp;F450,団体コード!$A$1:$C$1743,3,FALSE)</f>
        <v>#N/A</v>
      </c>
      <c r="M450" s="49" t="e">
        <f>VLOOKUP(E450&amp;F450,団体コード!$A$1:$C$1743,2,FALSE)</f>
        <v>#N/A</v>
      </c>
      <c r="N450" s="51" t="e">
        <f>VLOOKUP(E450,団体コード!$E$1:$F$48,2,FALSE)</f>
        <v>#N/A</v>
      </c>
      <c r="O450" s="51" t="e">
        <f t="shared" si="15"/>
        <v>#N/A</v>
      </c>
      <c r="P450" s="51">
        <v>1</v>
      </c>
      <c r="Q450" s="51" t="s">
        <v>5341</v>
      </c>
      <c r="R450" s="54" t="b">
        <v>1</v>
      </c>
      <c r="S450" s="52" t="s">
        <v>7126</v>
      </c>
      <c r="T450" s="67" t="s">
        <v>7127</v>
      </c>
      <c r="U450" s="75" t="s">
        <v>5331</v>
      </c>
      <c r="V450" s="47" t="s">
        <v>5331</v>
      </c>
      <c r="W450" s="47" t="s">
        <v>5331</v>
      </c>
      <c r="X450" s="47" t="s">
        <v>5331</v>
      </c>
      <c r="Y450" s="47" t="s">
        <v>5331</v>
      </c>
      <c r="Z450" s="28"/>
      <c r="AA450" s="27"/>
      <c r="AB450" s="27"/>
      <c r="AC450" s="27"/>
      <c r="AD450" s="30"/>
      <c r="AE450" s="1"/>
      <c r="AF450" s="23" t="s">
        <v>5331</v>
      </c>
      <c r="AG450" s="26"/>
      <c r="AH450" s="53"/>
    </row>
    <row r="451" spans="1:34" ht="51.6" customHeight="1" x14ac:dyDescent="0.45">
      <c r="A451" s="23">
        <v>445</v>
      </c>
      <c r="B451" s="25"/>
      <c r="C451" s="25"/>
      <c r="D451" s="29"/>
      <c r="E451" s="1"/>
      <c r="F451" s="1"/>
      <c r="G451" s="25"/>
      <c r="H451" s="71"/>
      <c r="I451" s="83"/>
      <c r="J451" s="50" t="str">
        <f t="shared" si="14"/>
        <v/>
      </c>
      <c r="K451" s="23" t="s">
        <v>7120</v>
      </c>
      <c r="L451" s="49" t="e">
        <f>VLOOKUP(E451&amp;F451,団体コード!$A$1:$C$1743,3,FALSE)</f>
        <v>#N/A</v>
      </c>
      <c r="M451" s="49" t="e">
        <f>VLOOKUP(E451&amp;F451,団体コード!$A$1:$C$1743,2,FALSE)</f>
        <v>#N/A</v>
      </c>
      <c r="N451" s="51" t="e">
        <f>VLOOKUP(E451,団体コード!$E$1:$F$48,2,FALSE)</f>
        <v>#N/A</v>
      </c>
      <c r="O451" s="51" t="e">
        <f t="shared" si="15"/>
        <v>#N/A</v>
      </c>
      <c r="P451" s="51">
        <v>1</v>
      </c>
      <c r="Q451" s="51" t="s">
        <v>5341</v>
      </c>
      <c r="R451" s="54" t="b">
        <v>1</v>
      </c>
      <c r="S451" s="52" t="s">
        <v>7126</v>
      </c>
      <c r="T451" s="67" t="s">
        <v>7127</v>
      </c>
      <c r="U451" s="75" t="s">
        <v>5331</v>
      </c>
      <c r="V451" s="47" t="s">
        <v>5331</v>
      </c>
      <c r="W451" s="47" t="s">
        <v>5331</v>
      </c>
      <c r="X451" s="47" t="s">
        <v>5331</v>
      </c>
      <c r="Y451" s="47" t="s">
        <v>5331</v>
      </c>
      <c r="Z451" s="28"/>
      <c r="AA451" s="27"/>
      <c r="AB451" s="27"/>
      <c r="AC451" s="27"/>
      <c r="AD451" s="30"/>
      <c r="AE451" s="1"/>
      <c r="AF451" s="23" t="s">
        <v>5331</v>
      </c>
      <c r="AG451" s="26"/>
      <c r="AH451" s="53"/>
    </row>
    <row r="452" spans="1:34" ht="51.6" customHeight="1" x14ac:dyDescent="0.45">
      <c r="A452" s="23">
        <v>446</v>
      </c>
      <c r="B452" s="25"/>
      <c r="C452" s="25"/>
      <c r="D452" s="29"/>
      <c r="E452" s="1"/>
      <c r="F452" s="1"/>
      <c r="G452" s="25"/>
      <c r="H452" s="71"/>
      <c r="I452" s="83"/>
      <c r="J452" s="50" t="str">
        <f t="shared" si="14"/>
        <v/>
      </c>
      <c r="K452" s="23" t="s">
        <v>7120</v>
      </c>
      <c r="L452" s="49" t="e">
        <f>VLOOKUP(E452&amp;F452,団体コード!$A$1:$C$1743,3,FALSE)</f>
        <v>#N/A</v>
      </c>
      <c r="M452" s="49" t="e">
        <f>VLOOKUP(E452&amp;F452,団体コード!$A$1:$C$1743,2,FALSE)</f>
        <v>#N/A</v>
      </c>
      <c r="N452" s="51" t="e">
        <f>VLOOKUP(E452,団体コード!$E$1:$F$48,2,FALSE)</f>
        <v>#N/A</v>
      </c>
      <c r="O452" s="51" t="e">
        <f t="shared" si="15"/>
        <v>#N/A</v>
      </c>
      <c r="P452" s="51">
        <v>1</v>
      </c>
      <c r="Q452" s="51" t="s">
        <v>5341</v>
      </c>
      <c r="R452" s="54" t="b">
        <v>1</v>
      </c>
      <c r="S452" s="52" t="s">
        <v>7126</v>
      </c>
      <c r="T452" s="67" t="s">
        <v>7127</v>
      </c>
      <c r="U452" s="75" t="s">
        <v>5331</v>
      </c>
      <c r="V452" s="47" t="s">
        <v>5331</v>
      </c>
      <c r="W452" s="47" t="s">
        <v>5331</v>
      </c>
      <c r="X452" s="47" t="s">
        <v>5331</v>
      </c>
      <c r="Y452" s="47" t="s">
        <v>5331</v>
      </c>
      <c r="Z452" s="28"/>
      <c r="AA452" s="27"/>
      <c r="AB452" s="27"/>
      <c r="AC452" s="27"/>
      <c r="AD452" s="30"/>
      <c r="AE452" s="1"/>
      <c r="AF452" s="23" t="s">
        <v>5331</v>
      </c>
      <c r="AG452" s="26"/>
      <c r="AH452" s="53"/>
    </row>
    <row r="453" spans="1:34" ht="51.6" customHeight="1" x14ac:dyDescent="0.45">
      <c r="A453" s="23">
        <v>447</v>
      </c>
      <c r="B453" s="25"/>
      <c r="C453" s="25"/>
      <c r="D453" s="29"/>
      <c r="E453" s="1"/>
      <c r="F453" s="1"/>
      <c r="G453" s="25"/>
      <c r="H453" s="71"/>
      <c r="I453" s="83"/>
      <c r="J453" s="50" t="str">
        <f t="shared" si="14"/>
        <v/>
      </c>
      <c r="K453" s="23" t="s">
        <v>7120</v>
      </c>
      <c r="L453" s="49" t="e">
        <f>VLOOKUP(E453&amp;F453,団体コード!$A$1:$C$1743,3,FALSE)</f>
        <v>#N/A</v>
      </c>
      <c r="M453" s="49" t="e">
        <f>VLOOKUP(E453&amp;F453,団体コード!$A$1:$C$1743,2,FALSE)</f>
        <v>#N/A</v>
      </c>
      <c r="N453" s="51" t="e">
        <f>VLOOKUP(E453,団体コード!$E$1:$F$48,2,FALSE)</f>
        <v>#N/A</v>
      </c>
      <c r="O453" s="51" t="e">
        <f t="shared" si="15"/>
        <v>#N/A</v>
      </c>
      <c r="P453" s="51">
        <v>1</v>
      </c>
      <c r="Q453" s="51" t="s">
        <v>5341</v>
      </c>
      <c r="R453" s="54" t="b">
        <v>1</v>
      </c>
      <c r="S453" s="52" t="s">
        <v>7126</v>
      </c>
      <c r="T453" s="67" t="s">
        <v>7127</v>
      </c>
      <c r="U453" s="75" t="s">
        <v>5331</v>
      </c>
      <c r="V453" s="47" t="s">
        <v>5331</v>
      </c>
      <c r="W453" s="47" t="s">
        <v>5331</v>
      </c>
      <c r="X453" s="47" t="s">
        <v>5331</v>
      </c>
      <c r="Y453" s="47" t="s">
        <v>5331</v>
      </c>
      <c r="Z453" s="28"/>
      <c r="AA453" s="27"/>
      <c r="AB453" s="27"/>
      <c r="AC453" s="27"/>
      <c r="AD453" s="30"/>
      <c r="AE453" s="1"/>
      <c r="AF453" s="23" t="s">
        <v>5331</v>
      </c>
      <c r="AG453" s="26"/>
      <c r="AH453" s="53"/>
    </row>
    <row r="454" spans="1:34" ht="51.6" customHeight="1" x14ac:dyDescent="0.45">
      <c r="A454" s="23">
        <v>448</v>
      </c>
      <c r="B454" s="25"/>
      <c r="C454" s="25"/>
      <c r="D454" s="29"/>
      <c r="E454" s="1"/>
      <c r="F454" s="1"/>
      <c r="G454" s="25"/>
      <c r="H454" s="71"/>
      <c r="I454" s="83"/>
      <c r="J454" s="50" t="str">
        <f t="shared" si="14"/>
        <v/>
      </c>
      <c r="K454" s="23" t="s">
        <v>7120</v>
      </c>
      <c r="L454" s="49" t="e">
        <f>VLOOKUP(E454&amp;F454,団体コード!$A$1:$C$1743,3,FALSE)</f>
        <v>#N/A</v>
      </c>
      <c r="M454" s="49" t="e">
        <f>VLOOKUP(E454&amp;F454,団体コード!$A$1:$C$1743,2,FALSE)</f>
        <v>#N/A</v>
      </c>
      <c r="N454" s="51" t="e">
        <f>VLOOKUP(E454,団体コード!$E$1:$F$48,2,FALSE)</f>
        <v>#N/A</v>
      </c>
      <c r="O454" s="51" t="e">
        <f t="shared" si="15"/>
        <v>#N/A</v>
      </c>
      <c r="P454" s="51">
        <v>1</v>
      </c>
      <c r="Q454" s="51" t="s">
        <v>5341</v>
      </c>
      <c r="R454" s="54" t="b">
        <v>1</v>
      </c>
      <c r="S454" s="52" t="s">
        <v>7126</v>
      </c>
      <c r="T454" s="67" t="s">
        <v>7127</v>
      </c>
      <c r="U454" s="75" t="s">
        <v>5331</v>
      </c>
      <c r="V454" s="47" t="s">
        <v>5331</v>
      </c>
      <c r="W454" s="47" t="s">
        <v>5331</v>
      </c>
      <c r="X454" s="47" t="s">
        <v>5331</v>
      </c>
      <c r="Y454" s="47" t="s">
        <v>5331</v>
      </c>
      <c r="Z454" s="28"/>
      <c r="AA454" s="27"/>
      <c r="AB454" s="27"/>
      <c r="AC454" s="27"/>
      <c r="AD454" s="30"/>
      <c r="AE454" s="1"/>
      <c r="AF454" s="23" t="s">
        <v>5331</v>
      </c>
      <c r="AG454" s="26"/>
      <c r="AH454" s="53"/>
    </row>
    <row r="455" spans="1:34" ht="51.6" customHeight="1" x14ac:dyDescent="0.45">
      <c r="A455" s="23">
        <v>449</v>
      </c>
      <c r="B455" s="25"/>
      <c r="C455" s="25"/>
      <c r="D455" s="29"/>
      <c r="E455" s="1"/>
      <c r="F455" s="1"/>
      <c r="G455" s="25"/>
      <c r="H455" s="71"/>
      <c r="I455" s="83"/>
      <c r="J455" s="50" t="str">
        <f t="shared" si="14"/>
        <v/>
      </c>
      <c r="K455" s="23" t="s">
        <v>7120</v>
      </c>
      <c r="L455" s="49" t="e">
        <f>VLOOKUP(E455&amp;F455,団体コード!$A$1:$C$1743,3,FALSE)</f>
        <v>#N/A</v>
      </c>
      <c r="M455" s="49" t="e">
        <f>VLOOKUP(E455&amp;F455,団体コード!$A$1:$C$1743,2,FALSE)</f>
        <v>#N/A</v>
      </c>
      <c r="N455" s="51" t="e">
        <f>VLOOKUP(E455,団体コード!$E$1:$F$48,2,FALSE)</f>
        <v>#N/A</v>
      </c>
      <c r="O455" s="51" t="e">
        <f t="shared" si="15"/>
        <v>#N/A</v>
      </c>
      <c r="P455" s="51">
        <v>1</v>
      </c>
      <c r="Q455" s="51" t="s">
        <v>5341</v>
      </c>
      <c r="R455" s="54" t="b">
        <v>1</v>
      </c>
      <c r="S455" s="52" t="s">
        <v>7126</v>
      </c>
      <c r="T455" s="67" t="s">
        <v>7127</v>
      </c>
      <c r="U455" s="75" t="s">
        <v>5331</v>
      </c>
      <c r="V455" s="47" t="s">
        <v>5331</v>
      </c>
      <c r="W455" s="47" t="s">
        <v>5331</v>
      </c>
      <c r="X455" s="47" t="s">
        <v>5331</v>
      </c>
      <c r="Y455" s="47" t="s">
        <v>5331</v>
      </c>
      <c r="Z455" s="28"/>
      <c r="AA455" s="27"/>
      <c r="AB455" s="27"/>
      <c r="AC455" s="27"/>
      <c r="AD455" s="30"/>
      <c r="AE455" s="1"/>
      <c r="AF455" s="23" t="s">
        <v>5331</v>
      </c>
      <c r="AG455" s="26"/>
      <c r="AH455" s="53"/>
    </row>
    <row r="456" spans="1:34" ht="51.6" customHeight="1" x14ac:dyDescent="0.45">
      <c r="A456" s="23">
        <v>450</v>
      </c>
      <c r="B456" s="25"/>
      <c r="C456" s="25"/>
      <c r="D456" s="29"/>
      <c r="E456" s="1"/>
      <c r="F456" s="1"/>
      <c r="G456" s="25"/>
      <c r="H456" s="71"/>
      <c r="I456" s="83"/>
      <c r="J456" s="50" t="str">
        <f t="shared" ref="J456:J519" si="16">E456&amp;F456&amp;G456</f>
        <v/>
      </c>
      <c r="K456" s="23" t="s">
        <v>7120</v>
      </c>
      <c r="L456" s="49" t="e">
        <f>VLOOKUP(E456&amp;F456,団体コード!$A$1:$C$1743,3,FALSE)</f>
        <v>#N/A</v>
      </c>
      <c r="M456" s="49" t="e">
        <f>VLOOKUP(E456&amp;F456,団体コード!$A$1:$C$1743,2,FALSE)</f>
        <v>#N/A</v>
      </c>
      <c r="N456" s="51" t="e">
        <f>VLOOKUP(E456,団体コード!$E$1:$F$48,2,FALSE)</f>
        <v>#N/A</v>
      </c>
      <c r="O456" s="51" t="e">
        <f t="shared" ref="O456:O519" si="17">N456</f>
        <v>#N/A</v>
      </c>
      <c r="P456" s="51">
        <v>1</v>
      </c>
      <c r="Q456" s="51" t="s">
        <v>5341</v>
      </c>
      <c r="R456" s="54" t="b">
        <v>1</v>
      </c>
      <c r="S456" s="52" t="s">
        <v>7126</v>
      </c>
      <c r="T456" s="67" t="s">
        <v>7127</v>
      </c>
      <c r="U456" s="75" t="s">
        <v>5331</v>
      </c>
      <c r="V456" s="47" t="s">
        <v>5331</v>
      </c>
      <c r="W456" s="47" t="s">
        <v>5331</v>
      </c>
      <c r="X456" s="47" t="s">
        <v>5331</v>
      </c>
      <c r="Y456" s="47" t="s">
        <v>5331</v>
      </c>
      <c r="Z456" s="28"/>
      <c r="AA456" s="27"/>
      <c r="AB456" s="27"/>
      <c r="AC456" s="27"/>
      <c r="AD456" s="30"/>
      <c r="AE456" s="1"/>
      <c r="AF456" s="23" t="s">
        <v>5331</v>
      </c>
      <c r="AG456" s="26"/>
      <c r="AH456" s="53"/>
    </row>
    <row r="457" spans="1:34" ht="51.6" customHeight="1" x14ac:dyDescent="0.45">
      <c r="A457" s="23">
        <v>451</v>
      </c>
      <c r="B457" s="25"/>
      <c r="C457" s="25"/>
      <c r="D457" s="29"/>
      <c r="E457" s="1"/>
      <c r="F457" s="1"/>
      <c r="G457" s="25"/>
      <c r="H457" s="71"/>
      <c r="I457" s="83"/>
      <c r="J457" s="50" t="str">
        <f t="shared" si="16"/>
        <v/>
      </c>
      <c r="K457" s="23" t="s">
        <v>7120</v>
      </c>
      <c r="L457" s="49" t="e">
        <f>VLOOKUP(E457&amp;F457,団体コード!$A$1:$C$1743,3,FALSE)</f>
        <v>#N/A</v>
      </c>
      <c r="M457" s="49" t="e">
        <f>VLOOKUP(E457&amp;F457,団体コード!$A$1:$C$1743,2,FALSE)</f>
        <v>#N/A</v>
      </c>
      <c r="N457" s="51" t="e">
        <f>VLOOKUP(E457,団体コード!$E$1:$F$48,2,FALSE)</f>
        <v>#N/A</v>
      </c>
      <c r="O457" s="51" t="e">
        <f t="shared" si="17"/>
        <v>#N/A</v>
      </c>
      <c r="P457" s="51">
        <v>1</v>
      </c>
      <c r="Q457" s="51" t="s">
        <v>5341</v>
      </c>
      <c r="R457" s="54" t="b">
        <v>1</v>
      </c>
      <c r="S457" s="52" t="s">
        <v>7126</v>
      </c>
      <c r="T457" s="67" t="s">
        <v>7127</v>
      </c>
      <c r="U457" s="75" t="s">
        <v>5331</v>
      </c>
      <c r="V457" s="47" t="s">
        <v>5331</v>
      </c>
      <c r="W457" s="47" t="s">
        <v>5331</v>
      </c>
      <c r="X457" s="47" t="s">
        <v>5331</v>
      </c>
      <c r="Y457" s="47" t="s">
        <v>5331</v>
      </c>
      <c r="Z457" s="28"/>
      <c r="AA457" s="27"/>
      <c r="AB457" s="27"/>
      <c r="AC457" s="27"/>
      <c r="AD457" s="30"/>
      <c r="AE457" s="1"/>
      <c r="AF457" s="23" t="s">
        <v>5331</v>
      </c>
      <c r="AG457" s="26"/>
      <c r="AH457" s="53"/>
    </row>
    <row r="458" spans="1:34" ht="51.6" customHeight="1" x14ac:dyDescent="0.45">
      <c r="A458" s="23">
        <v>452</v>
      </c>
      <c r="B458" s="25"/>
      <c r="C458" s="25"/>
      <c r="D458" s="29"/>
      <c r="E458" s="1"/>
      <c r="F458" s="1"/>
      <c r="G458" s="25"/>
      <c r="H458" s="71"/>
      <c r="I458" s="83"/>
      <c r="J458" s="50" t="str">
        <f t="shared" si="16"/>
        <v/>
      </c>
      <c r="K458" s="23" t="s">
        <v>7120</v>
      </c>
      <c r="L458" s="49" t="e">
        <f>VLOOKUP(E458&amp;F458,団体コード!$A$1:$C$1743,3,FALSE)</f>
        <v>#N/A</v>
      </c>
      <c r="M458" s="49" t="e">
        <f>VLOOKUP(E458&amp;F458,団体コード!$A$1:$C$1743,2,FALSE)</f>
        <v>#N/A</v>
      </c>
      <c r="N458" s="51" t="e">
        <f>VLOOKUP(E458,団体コード!$E$1:$F$48,2,FALSE)</f>
        <v>#N/A</v>
      </c>
      <c r="O458" s="51" t="e">
        <f t="shared" si="17"/>
        <v>#N/A</v>
      </c>
      <c r="P458" s="51">
        <v>1</v>
      </c>
      <c r="Q458" s="51" t="s">
        <v>5341</v>
      </c>
      <c r="R458" s="54" t="b">
        <v>1</v>
      </c>
      <c r="S458" s="52" t="s">
        <v>7126</v>
      </c>
      <c r="T458" s="67" t="s">
        <v>7127</v>
      </c>
      <c r="U458" s="75" t="s">
        <v>5331</v>
      </c>
      <c r="V458" s="47" t="s">
        <v>5331</v>
      </c>
      <c r="W458" s="47" t="s">
        <v>5331</v>
      </c>
      <c r="X458" s="47" t="s">
        <v>5331</v>
      </c>
      <c r="Y458" s="47" t="s">
        <v>5331</v>
      </c>
      <c r="Z458" s="28"/>
      <c r="AA458" s="27"/>
      <c r="AB458" s="27"/>
      <c r="AC458" s="27"/>
      <c r="AD458" s="30"/>
      <c r="AE458" s="1"/>
      <c r="AF458" s="23" t="s">
        <v>5331</v>
      </c>
      <c r="AG458" s="26"/>
      <c r="AH458" s="53"/>
    </row>
    <row r="459" spans="1:34" ht="51.6" customHeight="1" x14ac:dyDescent="0.45">
      <c r="A459" s="23">
        <v>453</v>
      </c>
      <c r="B459" s="25"/>
      <c r="C459" s="25"/>
      <c r="D459" s="29"/>
      <c r="E459" s="1"/>
      <c r="F459" s="1"/>
      <c r="G459" s="25"/>
      <c r="H459" s="71"/>
      <c r="I459" s="83"/>
      <c r="J459" s="50" t="str">
        <f t="shared" si="16"/>
        <v/>
      </c>
      <c r="K459" s="23" t="s">
        <v>7120</v>
      </c>
      <c r="L459" s="49" t="e">
        <f>VLOOKUP(E459&amp;F459,団体コード!$A$1:$C$1743,3,FALSE)</f>
        <v>#N/A</v>
      </c>
      <c r="M459" s="49" t="e">
        <f>VLOOKUP(E459&amp;F459,団体コード!$A$1:$C$1743,2,FALSE)</f>
        <v>#N/A</v>
      </c>
      <c r="N459" s="51" t="e">
        <f>VLOOKUP(E459,団体コード!$E$1:$F$48,2,FALSE)</f>
        <v>#N/A</v>
      </c>
      <c r="O459" s="51" t="e">
        <f t="shared" si="17"/>
        <v>#N/A</v>
      </c>
      <c r="P459" s="51">
        <v>1</v>
      </c>
      <c r="Q459" s="51" t="s">
        <v>5341</v>
      </c>
      <c r="R459" s="54" t="b">
        <v>1</v>
      </c>
      <c r="S459" s="52" t="s">
        <v>7126</v>
      </c>
      <c r="T459" s="67" t="s">
        <v>7127</v>
      </c>
      <c r="U459" s="75" t="s">
        <v>5331</v>
      </c>
      <c r="V459" s="47" t="s">
        <v>5331</v>
      </c>
      <c r="W459" s="47" t="s">
        <v>5331</v>
      </c>
      <c r="X459" s="47" t="s">
        <v>5331</v>
      </c>
      <c r="Y459" s="47" t="s">
        <v>5331</v>
      </c>
      <c r="Z459" s="28"/>
      <c r="AA459" s="27"/>
      <c r="AB459" s="27"/>
      <c r="AC459" s="27"/>
      <c r="AD459" s="30"/>
      <c r="AE459" s="1"/>
      <c r="AF459" s="23" t="s">
        <v>5331</v>
      </c>
      <c r="AG459" s="26"/>
      <c r="AH459" s="53"/>
    </row>
    <row r="460" spans="1:34" ht="51.6" customHeight="1" x14ac:dyDescent="0.45">
      <c r="A460" s="23">
        <v>454</v>
      </c>
      <c r="B460" s="25"/>
      <c r="C460" s="25"/>
      <c r="D460" s="29"/>
      <c r="E460" s="1"/>
      <c r="F460" s="1"/>
      <c r="G460" s="25"/>
      <c r="H460" s="71"/>
      <c r="I460" s="83"/>
      <c r="J460" s="50" t="str">
        <f t="shared" si="16"/>
        <v/>
      </c>
      <c r="K460" s="23" t="s">
        <v>7120</v>
      </c>
      <c r="L460" s="49" t="e">
        <f>VLOOKUP(E460&amp;F460,団体コード!$A$1:$C$1743,3,FALSE)</f>
        <v>#N/A</v>
      </c>
      <c r="M460" s="49" t="e">
        <f>VLOOKUP(E460&amp;F460,団体コード!$A$1:$C$1743,2,FALSE)</f>
        <v>#N/A</v>
      </c>
      <c r="N460" s="51" t="e">
        <f>VLOOKUP(E460,団体コード!$E$1:$F$48,2,FALSE)</f>
        <v>#N/A</v>
      </c>
      <c r="O460" s="51" t="e">
        <f t="shared" si="17"/>
        <v>#N/A</v>
      </c>
      <c r="P460" s="51">
        <v>1</v>
      </c>
      <c r="Q460" s="51" t="s">
        <v>5341</v>
      </c>
      <c r="R460" s="54" t="b">
        <v>1</v>
      </c>
      <c r="S460" s="52" t="s">
        <v>7126</v>
      </c>
      <c r="T460" s="67" t="s">
        <v>7127</v>
      </c>
      <c r="U460" s="75" t="s">
        <v>5331</v>
      </c>
      <c r="V460" s="47" t="s">
        <v>5331</v>
      </c>
      <c r="W460" s="47" t="s">
        <v>5331</v>
      </c>
      <c r="X460" s="47" t="s">
        <v>5331</v>
      </c>
      <c r="Y460" s="47" t="s">
        <v>5331</v>
      </c>
      <c r="Z460" s="28"/>
      <c r="AA460" s="27"/>
      <c r="AB460" s="27"/>
      <c r="AC460" s="27"/>
      <c r="AD460" s="30"/>
      <c r="AE460" s="1"/>
      <c r="AF460" s="23" t="s">
        <v>5331</v>
      </c>
      <c r="AG460" s="26"/>
      <c r="AH460" s="53"/>
    </row>
    <row r="461" spans="1:34" ht="51.6" customHeight="1" x14ac:dyDescent="0.45">
      <c r="A461" s="23">
        <v>455</v>
      </c>
      <c r="B461" s="25"/>
      <c r="C461" s="25"/>
      <c r="D461" s="29"/>
      <c r="E461" s="1"/>
      <c r="F461" s="1"/>
      <c r="G461" s="25"/>
      <c r="H461" s="71"/>
      <c r="I461" s="83"/>
      <c r="J461" s="50" t="str">
        <f t="shared" si="16"/>
        <v/>
      </c>
      <c r="K461" s="23" t="s">
        <v>7120</v>
      </c>
      <c r="L461" s="49" t="e">
        <f>VLOOKUP(E461&amp;F461,団体コード!$A$1:$C$1743,3,FALSE)</f>
        <v>#N/A</v>
      </c>
      <c r="M461" s="49" t="e">
        <f>VLOOKUP(E461&amp;F461,団体コード!$A$1:$C$1743,2,FALSE)</f>
        <v>#N/A</v>
      </c>
      <c r="N461" s="51" t="e">
        <f>VLOOKUP(E461,団体コード!$E$1:$F$48,2,FALSE)</f>
        <v>#N/A</v>
      </c>
      <c r="O461" s="51" t="e">
        <f t="shared" si="17"/>
        <v>#N/A</v>
      </c>
      <c r="P461" s="51">
        <v>1</v>
      </c>
      <c r="Q461" s="51" t="s">
        <v>5341</v>
      </c>
      <c r="R461" s="54" t="b">
        <v>1</v>
      </c>
      <c r="S461" s="52" t="s">
        <v>7126</v>
      </c>
      <c r="T461" s="67" t="s">
        <v>7127</v>
      </c>
      <c r="U461" s="75" t="s">
        <v>5331</v>
      </c>
      <c r="V461" s="47" t="s">
        <v>5331</v>
      </c>
      <c r="W461" s="47" t="s">
        <v>5331</v>
      </c>
      <c r="X461" s="47" t="s">
        <v>5331</v>
      </c>
      <c r="Y461" s="47" t="s">
        <v>5331</v>
      </c>
      <c r="Z461" s="28"/>
      <c r="AA461" s="27"/>
      <c r="AB461" s="27"/>
      <c r="AC461" s="27"/>
      <c r="AD461" s="30"/>
      <c r="AE461" s="1"/>
      <c r="AF461" s="23" t="s">
        <v>5331</v>
      </c>
      <c r="AG461" s="26"/>
      <c r="AH461" s="53"/>
    </row>
    <row r="462" spans="1:34" ht="51.6" customHeight="1" x14ac:dyDescent="0.45">
      <c r="A462" s="23">
        <v>456</v>
      </c>
      <c r="B462" s="25"/>
      <c r="C462" s="25"/>
      <c r="D462" s="29"/>
      <c r="E462" s="1"/>
      <c r="F462" s="1"/>
      <c r="G462" s="25"/>
      <c r="H462" s="71"/>
      <c r="I462" s="83"/>
      <c r="J462" s="50" t="str">
        <f t="shared" si="16"/>
        <v/>
      </c>
      <c r="K462" s="23" t="s">
        <v>7120</v>
      </c>
      <c r="L462" s="49" t="e">
        <f>VLOOKUP(E462&amp;F462,団体コード!$A$1:$C$1743,3,FALSE)</f>
        <v>#N/A</v>
      </c>
      <c r="M462" s="49" t="e">
        <f>VLOOKUP(E462&amp;F462,団体コード!$A$1:$C$1743,2,FALSE)</f>
        <v>#N/A</v>
      </c>
      <c r="N462" s="51" t="e">
        <f>VLOOKUP(E462,団体コード!$E$1:$F$48,2,FALSE)</f>
        <v>#N/A</v>
      </c>
      <c r="O462" s="51" t="e">
        <f t="shared" si="17"/>
        <v>#N/A</v>
      </c>
      <c r="P462" s="51">
        <v>1</v>
      </c>
      <c r="Q462" s="51" t="s">
        <v>5341</v>
      </c>
      <c r="R462" s="54" t="b">
        <v>1</v>
      </c>
      <c r="S462" s="52" t="s">
        <v>7126</v>
      </c>
      <c r="T462" s="67" t="s">
        <v>7127</v>
      </c>
      <c r="U462" s="75" t="s">
        <v>5331</v>
      </c>
      <c r="V462" s="47" t="s">
        <v>5331</v>
      </c>
      <c r="W462" s="47" t="s">
        <v>5331</v>
      </c>
      <c r="X462" s="47" t="s">
        <v>5331</v>
      </c>
      <c r="Y462" s="47" t="s">
        <v>5331</v>
      </c>
      <c r="Z462" s="28"/>
      <c r="AA462" s="27"/>
      <c r="AB462" s="27"/>
      <c r="AC462" s="27"/>
      <c r="AD462" s="30"/>
      <c r="AE462" s="1"/>
      <c r="AF462" s="23" t="s">
        <v>5331</v>
      </c>
      <c r="AG462" s="26"/>
      <c r="AH462" s="53"/>
    </row>
    <row r="463" spans="1:34" ht="51.6" customHeight="1" x14ac:dyDescent="0.45">
      <c r="A463" s="23">
        <v>457</v>
      </c>
      <c r="B463" s="25"/>
      <c r="C463" s="25"/>
      <c r="D463" s="29"/>
      <c r="E463" s="1"/>
      <c r="F463" s="1"/>
      <c r="G463" s="25"/>
      <c r="H463" s="71"/>
      <c r="I463" s="83"/>
      <c r="J463" s="50" t="str">
        <f t="shared" si="16"/>
        <v/>
      </c>
      <c r="K463" s="23" t="s">
        <v>7120</v>
      </c>
      <c r="L463" s="49" t="e">
        <f>VLOOKUP(E463&amp;F463,団体コード!$A$1:$C$1743,3,FALSE)</f>
        <v>#N/A</v>
      </c>
      <c r="M463" s="49" t="e">
        <f>VLOOKUP(E463&amp;F463,団体コード!$A$1:$C$1743,2,FALSE)</f>
        <v>#N/A</v>
      </c>
      <c r="N463" s="51" t="e">
        <f>VLOOKUP(E463,団体コード!$E$1:$F$48,2,FALSE)</f>
        <v>#N/A</v>
      </c>
      <c r="O463" s="51" t="e">
        <f t="shared" si="17"/>
        <v>#N/A</v>
      </c>
      <c r="P463" s="51">
        <v>1</v>
      </c>
      <c r="Q463" s="51" t="s">
        <v>5341</v>
      </c>
      <c r="R463" s="54" t="b">
        <v>1</v>
      </c>
      <c r="S463" s="52" t="s">
        <v>7126</v>
      </c>
      <c r="T463" s="67" t="s">
        <v>7127</v>
      </c>
      <c r="U463" s="75" t="s">
        <v>5331</v>
      </c>
      <c r="V463" s="47" t="s">
        <v>5331</v>
      </c>
      <c r="W463" s="47" t="s">
        <v>5331</v>
      </c>
      <c r="X463" s="47" t="s">
        <v>5331</v>
      </c>
      <c r="Y463" s="47" t="s">
        <v>5331</v>
      </c>
      <c r="Z463" s="28"/>
      <c r="AA463" s="27"/>
      <c r="AB463" s="27"/>
      <c r="AC463" s="27"/>
      <c r="AD463" s="30"/>
      <c r="AE463" s="1"/>
      <c r="AF463" s="23" t="s">
        <v>5331</v>
      </c>
      <c r="AG463" s="26"/>
      <c r="AH463" s="53"/>
    </row>
    <row r="464" spans="1:34" ht="51.6" customHeight="1" x14ac:dyDescent="0.45">
      <c r="A464" s="23">
        <v>458</v>
      </c>
      <c r="B464" s="25"/>
      <c r="C464" s="25"/>
      <c r="D464" s="29"/>
      <c r="E464" s="1"/>
      <c r="F464" s="1"/>
      <c r="G464" s="25"/>
      <c r="H464" s="71"/>
      <c r="I464" s="83"/>
      <c r="J464" s="50" t="str">
        <f t="shared" si="16"/>
        <v/>
      </c>
      <c r="K464" s="23" t="s">
        <v>7120</v>
      </c>
      <c r="L464" s="49" t="e">
        <f>VLOOKUP(E464&amp;F464,団体コード!$A$1:$C$1743,3,FALSE)</f>
        <v>#N/A</v>
      </c>
      <c r="M464" s="49" t="e">
        <f>VLOOKUP(E464&amp;F464,団体コード!$A$1:$C$1743,2,FALSE)</f>
        <v>#N/A</v>
      </c>
      <c r="N464" s="51" t="e">
        <f>VLOOKUP(E464,団体コード!$E$1:$F$48,2,FALSE)</f>
        <v>#N/A</v>
      </c>
      <c r="O464" s="51" t="e">
        <f t="shared" si="17"/>
        <v>#N/A</v>
      </c>
      <c r="P464" s="51">
        <v>1</v>
      </c>
      <c r="Q464" s="51" t="s">
        <v>5341</v>
      </c>
      <c r="R464" s="54" t="b">
        <v>1</v>
      </c>
      <c r="S464" s="52" t="s">
        <v>7126</v>
      </c>
      <c r="T464" s="67" t="s">
        <v>7127</v>
      </c>
      <c r="U464" s="75" t="s">
        <v>5331</v>
      </c>
      <c r="V464" s="47" t="s">
        <v>5331</v>
      </c>
      <c r="W464" s="47" t="s">
        <v>5331</v>
      </c>
      <c r="X464" s="47" t="s">
        <v>5331</v>
      </c>
      <c r="Y464" s="47" t="s">
        <v>5331</v>
      </c>
      <c r="Z464" s="28"/>
      <c r="AA464" s="27"/>
      <c r="AB464" s="27"/>
      <c r="AC464" s="27"/>
      <c r="AD464" s="30"/>
      <c r="AE464" s="1"/>
      <c r="AF464" s="23" t="s">
        <v>5331</v>
      </c>
      <c r="AG464" s="26"/>
      <c r="AH464" s="53"/>
    </row>
    <row r="465" spans="1:34" ht="51.6" customHeight="1" x14ac:dyDescent="0.45">
      <c r="A465" s="23">
        <v>459</v>
      </c>
      <c r="B465" s="25"/>
      <c r="C465" s="25"/>
      <c r="D465" s="29"/>
      <c r="E465" s="1"/>
      <c r="F465" s="1"/>
      <c r="G465" s="25"/>
      <c r="H465" s="71"/>
      <c r="I465" s="83"/>
      <c r="J465" s="50" t="str">
        <f t="shared" si="16"/>
        <v/>
      </c>
      <c r="K465" s="23" t="s">
        <v>7120</v>
      </c>
      <c r="L465" s="49" t="e">
        <f>VLOOKUP(E465&amp;F465,団体コード!$A$1:$C$1743,3,FALSE)</f>
        <v>#N/A</v>
      </c>
      <c r="M465" s="49" t="e">
        <f>VLOOKUP(E465&amp;F465,団体コード!$A$1:$C$1743,2,FALSE)</f>
        <v>#N/A</v>
      </c>
      <c r="N465" s="51" t="e">
        <f>VLOOKUP(E465,団体コード!$E$1:$F$48,2,FALSE)</f>
        <v>#N/A</v>
      </c>
      <c r="O465" s="51" t="e">
        <f t="shared" si="17"/>
        <v>#N/A</v>
      </c>
      <c r="P465" s="51">
        <v>1</v>
      </c>
      <c r="Q465" s="51" t="s">
        <v>5341</v>
      </c>
      <c r="R465" s="54" t="b">
        <v>1</v>
      </c>
      <c r="S465" s="52" t="s">
        <v>7126</v>
      </c>
      <c r="T465" s="67" t="s">
        <v>7127</v>
      </c>
      <c r="U465" s="75" t="s">
        <v>5331</v>
      </c>
      <c r="V465" s="47" t="s">
        <v>5331</v>
      </c>
      <c r="W465" s="47" t="s">
        <v>5331</v>
      </c>
      <c r="X465" s="47" t="s">
        <v>5331</v>
      </c>
      <c r="Y465" s="47" t="s">
        <v>5331</v>
      </c>
      <c r="Z465" s="28"/>
      <c r="AA465" s="27"/>
      <c r="AB465" s="27"/>
      <c r="AC465" s="27"/>
      <c r="AD465" s="30"/>
      <c r="AE465" s="1"/>
      <c r="AF465" s="23" t="s">
        <v>5331</v>
      </c>
      <c r="AG465" s="26"/>
      <c r="AH465" s="53"/>
    </row>
    <row r="466" spans="1:34" ht="51.6" customHeight="1" x14ac:dyDescent="0.45">
      <c r="A466" s="23">
        <v>460</v>
      </c>
      <c r="B466" s="25"/>
      <c r="C466" s="25"/>
      <c r="D466" s="29"/>
      <c r="E466" s="1"/>
      <c r="F466" s="1"/>
      <c r="G466" s="25"/>
      <c r="H466" s="71"/>
      <c r="I466" s="83"/>
      <c r="J466" s="50" t="str">
        <f t="shared" si="16"/>
        <v/>
      </c>
      <c r="K466" s="23" t="s">
        <v>7120</v>
      </c>
      <c r="L466" s="49" t="e">
        <f>VLOOKUP(E466&amp;F466,団体コード!$A$1:$C$1743,3,FALSE)</f>
        <v>#N/A</v>
      </c>
      <c r="M466" s="49" t="e">
        <f>VLOOKUP(E466&amp;F466,団体コード!$A$1:$C$1743,2,FALSE)</f>
        <v>#N/A</v>
      </c>
      <c r="N466" s="51" t="e">
        <f>VLOOKUP(E466,団体コード!$E$1:$F$48,2,FALSE)</f>
        <v>#N/A</v>
      </c>
      <c r="O466" s="51" t="e">
        <f t="shared" si="17"/>
        <v>#N/A</v>
      </c>
      <c r="P466" s="51">
        <v>1</v>
      </c>
      <c r="Q466" s="51" t="s">
        <v>5341</v>
      </c>
      <c r="R466" s="54" t="b">
        <v>1</v>
      </c>
      <c r="S466" s="52" t="s">
        <v>7126</v>
      </c>
      <c r="T466" s="67" t="s">
        <v>7127</v>
      </c>
      <c r="U466" s="75" t="s">
        <v>5331</v>
      </c>
      <c r="V466" s="47" t="s">
        <v>5331</v>
      </c>
      <c r="W466" s="47" t="s">
        <v>5331</v>
      </c>
      <c r="X466" s="47" t="s">
        <v>5331</v>
      </c>
      <c r="Y466" s="47" t="s">
        <v>5331</v>
      </c>
      <c r="Z466" s="28"/>
      <c r="AA466" s="27"/>
      <c r="AB466" s="27"/>
      <c r="AC466" s="27"/>
      <c r="AD466" s="30"/>
      <c r="AE466" s="1"/>
      <c r="AF466" s="23" t="s">
        <v>5331</v>
      </c>
      <c r="AG466" s="26"/>
      <c r="AH466" s="53"/>
    </row>
    <row r="467" spans="1:34" ht="51.6" customHeight="1" x14ac:dyDescent="0.45">
      <c r="A467" s="23">
        <v>461</v>
      </c>
      <c r="B467" s="25"/>
      <c r="C467" s="25"/>
      <c r="D467" s="29"/>
      <c r="E467" s="1"/>
      <c r="F467" s="1"/>
      <c r="G467" s="25"/>
      <c r="H467" s="71"/>
      <c r="I467" s="83"/>
      <c r="J467" s="50" t="str">
        <f t="shared" si="16"/>
        <v/>
      </c>
      <c r="K467" s="23" t="s">
        <v>7120</v>
      </c>
      <c r="L467" s="49" t="e">
        <f>VLOOKUP(E467&amp;F467,団体コード!$A$1:$C$1743,3,FALSE)</f>
        <v>#N/A</v>
      </c>
      <c r="M467" s="49" t="e">
        <f>VLOOKUP(E467&amp;F467,団体コード!$A$1:$C$1743,2,FALSE)</f>
        <v>#N/A</v>
      </c>
      <c r="N467" s="51" t="e">
        <f>VLOOKUP(E467,団体コード!$E$1:$F$48,2,FALSE)</f>
        <v>#N/A</v>
      </c>
      <c r="O467" s="51" t="e">
        <f t="shared" si="17"/>
        <v>#N/A</v>
      </c>
      <c r="P467" s="51">
        <v>1</v>
      </c>
      <c r="Q467" s="51" t="s">
        <v>5341</v>
      </c>
      <c r="R467" s="54" t="b">
        <v>1</v>
      </c>
      <c r="S467" s="52" t="s">
        <v>7126</v>
      </c>
      <c r="T467" s="67" t="s">
        <v>7127</v>
      </c>
      <c r="U467" s="75" t="s">
        <v>5331</v>
      </c>
      <c r="V467" s="47" t="s">
        <v>5331</v>
      </c>
      <c r="W467" s="47" t="s">
        <v>5331</v>
      </c>
      <c r="X467" s="47" t="s">
        <v>5331</v>
      </c>
      <c r="Y467" s="47" t="s">
        <v>5331</v>
      </c>
      <c r="Z467" s="28"/>
      <c r="AA467" s="27"/>
      <c r="AB467" s="27"/>
      <c r="AC467" s="27"/>
      <c r="AD467" s="30"/>
      <c r="AE467" s="1"/>
      <c r="AF467" s="23" t="s">
        <v>5331</v>
      </c>
      <c r="AG467" s="26"/>
      <c r="AH467" s="53"/>
    </row>
    <row r="468" spans="1:34" ht="51.6" customHeight="1" x14ac:dyDescent="0.45">
      <c r="A468" s="23">
        <v>462</v>
      </c>
      <c r="B468" s="25"/>
      <c r="C468" s="25"/>
      <c r="D468" s="29"/>
      <c r="E468" s="1"/>
      <c r="F468" s="1"/>
      <c r="G468" s="25"/>
      <c r="H468" s="71"/>
      <c r="I468" s="83"/>
      <c r="J468" s="50" t="str">
        <f t="shared" si="16"/>
        <v/>
      </c>
      <c r="K468" s="23" t="s">
        <v>7120</v>
      </c>
      <c r="L468" s="49" t="e">
        <f>VLOOKUP(E468&amp;F468,団体コード!$A$1:$C$1743,3,FALSE)</f>
        <v>#N/A</v>
      </c>
      <c r="M468" s="49" t="e">
        <f>VLOOKUP(E468&amp;F468,団体コード!$A$1:$C$1743,2,FALSE)</f>
        <v>#N/A</v>
      </c>
      <c r="N468" s="51" t="e">
        <f>VLOOKUP(E468,団体コード!$E$1:$F$48,2,FALSE)</f>
        <v>#N/A</v>
      </c>
      <c r="O468" s="51" t="e">
        <f t="shared" si="17"/>
        <v>#N/A</v>
      </c>
      <c r="P468" s="51">
        <v>1</v>
      </c>
      <c r="Q468" s="51" t="s">
        <v>5341</v>
      </c>
      <c r="R468" s="54" t="b">
        <v>1</v>
      </c>
      <c r="S468" s="52" t="s">
        <v>7126</v>
      </c>
      <c r="T468" s="67" t="s">
        <v>7127</v>
      </c>
      <c r="U468" s="75" t="s">
        <v>5331</v>
      </c>
      <c r="V468" s="47" t="s">
        <v>5331</v>
      </c>
      <c r="W468" s="47" t="s">
        <v>5331</v>
      </c>
      <c r="X468" s="47" t="s">
        <v>5331</v>
      </c>
      <c r="Y468" s="47" t="s">
        <v>5331</v>
      </c>
      <c r="Z468" s="28"/>
      <c r="AA468" s="27"/>
      <c r="AB468" s="27"/>
      <c r="AC468" s="27"/>
      <c r="AD468" s="30"/>
      <c r="AE468" s="1"/>
      <c r="AF468" s="23" t="s">
        <v>5331</v>
      </c>
      <c r="AG468" s="26"/>
      <c r="AH468" s="53"/>
    </row>
    <row r="469" spans="1:34" ht="51.6" customHeight="1" x14ac:dyDescent="0.45">
      <c r="A469" s="23">
        <v>463</v>
      </c>
      <c r="B469" s="25"/>
      <c r="C469" s="25"/>
      <c r="D469" s="29"/>
      <c r="E469" s="1"/>
      <c r="F469" s="1"/>
      <c r="G469" s="25"/>
      <c r="H469" s="71"/>
      <c r="I469" s="83"/>
      <c r="J469" s="50" t="str">
        <f t="shared" si="16"/>
        <v/>
      </c>
      <c r="K469" s="23" t="s">
        <v>7120</v>
      </c>
      <c r="L469" s="49" t="e">
        <f>VLOOKUP(E469&amp;F469,団体コード!$A$1:$C$1743,3,FALSE)</f>
        <v>#N/A</v>
      </c>
      <c r="M469" s="49" t="e">
        <f>VLOOKUP(E469&amp;F469,団体コード!$A$1:$C$1743,2,FALSE)</f>
        <v>#N/A</v>
      </c>
      <c r="N469" s="51" t="e">
        <f>VLOOKUP(E469,団体コード!$E$1:$F$48,2,FALSE)</f>
        <v>#N/A</v>
      </c>
      <c r="O469" s="51" t="e">
        <f t="shared" si="17"/>
        <v>#N/A</v>
      </c>
      <c r="P469" s="51">
        <v>1</v>
      </c>
      <c r="Q469" s="51" t="s">
        <v>5341</v>
      </c>
      <c r="R469" s="54" t="b">
        <v>1</v>
      </c>
      <c r="S469" s="52" t="s">
        <v>7126</v>
      </c>
      <c r="T469" s="67" t="s">
        <v>7127</v>
      </c>
      <c r="U469" s="75" t="s">
        <v>5331</v>
      </c>
      <c r="V469" s="47" t="s">
        <v>5331</v>
      </c>
      <c r="W469" s="47" t="s">
        <v>5331</v>
      </c>
      <c r="X469" s="47" t="s">
        <v>5331</v>
      </c>
      <c r="Y469" s="47" t="s">
        <v>5331</v>
      </c>
      <c r="Z469" s="28"/>
      <c r="AA469" s="27"/>
      <c r="AB469" s="27"/>
      <c r="AC469" s="27"/>
      <c r="AD469" s="30"/>
      <c r="AE469" s="1"/>
      <c r="AF469" s="23" t="s">
        <v>5331</v>
      </c>
      <c r="AG469" s="26"/>
      <c r="AH469" s="53"/>
    </row>
    <row r="470" spans="1:34" ht="51.6" customHeight="1" x14ac:dyDescent="0.45">
      <c r="A470" s="23">
        <v>464</v>
      </c>
      <c r="B470" s="25"/>
      <c r="C470" s="25"/>
      <c r="D470" s="29"/>
      <c r="E470" s="1"/>
      <c r="F470" s="1"/>
      <c r="G470" s="25"/>
      <c r="H470" s="71"/>
      <c r="I470" s="83"/>
      <c r="J470" s="50" t="str">
        <f t="shared" si="16"/>
        <v/>
      </c>
      <c r="K470" s="23" t="s">
        <v>7120</v>
      </c>
      <c r="L470" s="49" t="e">
        <f>VLOOKUP(E470&amp;F470,団体コード!$A$1:$C$1743,3,FALSE)</f>
        <v>#N/A</v>
      </c>
      <c r="M470" s="49" t="e">
        <f>VLOOKUP(E470&amp;F470,団体コード!$A$1:$C$1743,2,FALSE)</f>
        <v>#N/A</v>
      </c>
      <c r="N470" s="51" t="e">
        <f>VLOOKUP(E470,団体コード!$E$1:$F$48,2,FALSE)</f>
        <v>#N/A</v>
      </c>
      <c r="O470" s="51" t="e">
        <f t="shared" si="17"/>
        <v>#N/A</v>
      </c>
      <c r="P470" s="51">
        <v>1</v>
      </c>
      <c r="Q470" s="51" t="s">
        <v>5341</v>
      </c>
      <c r="R470" s="54" t="b">
        <v>1</v>
      </c>
      <c r="S470" s="52" t="s">
        <v>7126</v>
      </c>
      <c r="T470" s="67" t="s">
        <v>7127</v>
      </c>
      <c r="U470" s="75" t="s">
        <v>5331</v>
      </c>
      <c r="V470" s="47" t="s">
        <v>5331</v>
      </c>
      <c r="W470" s="47" t="s">
        <v>5331</v>
      </c>
      <c r="X470" s="47" t="s">
        <v>5331</v>
      </c>
      <c r="Y470" s="47" t="s">
        <v>5331</v>
      </c>
      <c r="Z470" s="28"/>
      <c r="AA470" s="27"/>
      <c r="AB470" s="27"/>
      <c r="AC470" s="27"/>
      <c r="AD470" s="30"/>
      <c r="AE470" s="1"/>
      <c r="AF470" s="23" t="s">
        <v>5331</v>
      </c>
      <c r="AG470" s="26"/>
      <c r="AH470" s="53"/>
    </row>
    <row r="471" spans="1:34" ht="51.6" customHeight="1" x14ac:dyDescent="0.45">
      <c r="A471" s="23">
        <v>465</v>
      </c>
      <c r="B471" s="25"/>
      <c r="C471" s="25"/>
      <c r="D471" s="29"/>
      <c r="E471" s="1"/>
      <c r="F471" s="1"/>
      <c r="G471" s="25"/>
      <c r="H471" s="71"/>
      <c r="I471" s="83"/>
      <c r="J471" s="50" t="str">
        <f t="shared" si="16"/>
        <v/>
      </c>
      <c r="K471" s="23" t="s">
        <v>7120</v>
      </c>
      <c r="L471" s="49" t="e">
        <f>VLOOKUP(E471&amp;F471,団体コード!$A$1:$C$1743,3,FALSE)</f>
        <v>#N/A</v>
      </c>
      <c r="M471" s="49" t="e">
        <f>VLOOKUP(E471&amp;F471,団体コード!$A$1:$C$1743,2,FALSE)</f>
        <v>#N/A</v>
      </c>
      <c r="N471" s="51" t="e">
        <f>VLOOKUP(E471,団体コード!$E$1:$F$48,2,FALSE)</f>
        <v>#N/A</v>
      </c>
      <c r="O471" s="51" t="e">
        <f t="shared" si="17"/>
        <v>#N/A</v>
      </c>
      <c r="P471" s="51">
        <v>1</v>
      </c>
      <c r="Q471" s="51" t="s">
        <v>5341</v>
      </c>
      <c r="R471" s="54" t="b">
        <v>1</v>
      </c>
      <c r="S471" s="52" t="s">
        <v>7126</v>
      </c>
      <c r="T471" s="67" t="s">
        <v>7127</v>
      </c>
      <c r="U471" s="75" t="s">
        <v>5331</v>
      </c>
      <c r="V471" s="47" t="s">
        <v>5331</v>
      </c>
      <c r="W471" s="47" t="s">
        <v>5331</v>
      </c>
      <c r="X471" s="47" t="s">
        <v>5331</v>
      </c>
      <c r="Y471" s="47" t="s">
        <v>5331</v>
      </c>
      <c r="Z471" s="28"/>
      <c r="AA471" s="27"/>
      <c r="AB471" s="27"/>
      <c r="AC471" s="27"/>
      <c r="AD471" s="30"/>
      <c r="AE471" s="1"/>
      <c r="AF471" s="23" t="s">
        <v>5331</v>
      </c>
      <c r="AG471" s="26"/>
      <c r="AH471" s="53"/>
    </row>
    <row r="472" spans="1:34" ht="51.6" customHeight="1" x14ac:dyDescent="0.45">
      <c r="A472" s="23">
        <v>466</v>
      </c>
      <c r="B472" s="25"/>
      <c r="C472" s="25"/>
      <c r="D472" s="29"/>
      <c r="E472" s="1"/>
      <c r="F472" s="1"/>
      <c r="G472" s="25"/>
      <c r="H472" s="71"/>
      <c r="I472" s="83"/>
      <c r="J472" s="50" t="str">
        <f t="shared" si="16"/>
        <v/>
      </c>
      <c r="K472" s="23" t="s">
        <v>7120</v>
      </c>
      <c r="L472" s="49" t="e">
        <f>VLOOKUP(E472&amp;F472,団体コード!$A$1:$C$1743,3,FALSE)</f>
        <v>#N/A</v>
      </c>
      <c r="M472" s="49" t="e">
        <f>VLOOKUP(E472&amp;F472,団体コード!$A$1:$C$1743,2,FALSE)</f>
        <v>#N/A</v>
      </c>
      <c r="N472" s="51" t="e">
        <f>VLOOKUP(E472,団体コード!$E$1:$F$48,2,FALSE)</f>
        <v>#N/A</v>
      </c>
      <c r="O472" s="51" t="e">
        <f t="shared" si="17"/>
        <v>#N/A</v>
      </c>
      <c r="P472" s="51">
        <v>1</v>
      </c>
      <c r="Q472" s="51" t="s">
        <v>5341</v>
      </c>
      <c r="R472" s="54" t="b">
        <v>1</v>
      </c>
      <c r="S472" s="52" t="s">
        <v>7126</v>
      </c>
      <c r="T472" s="67" t="s">
        <v>7127</v>
      </c>
      <c r="U472" s="75" t="s">
        <v>5331</v>
      </c>
      <c r="V472" s="47" t="s">
        <v>5331</v>
      </c>
      <c r="W472" s="47" t="s">
        <v>5331</v>
      </c>
      <c r="X472" s="47" t="s">
        <v>5331</v>
      </c>
      <c r="Y472" s="47" t="s">
        <v>5331</v>
      </c>
      <c r="Z472" s="28"/>
      <c r="AA472" s="27"/>
      <c r="AB472" s="27"/>
      <c r="AC472" s="27"/>
      <c r="AD472" s="30"/>
      <c r="AE472" s="1"/>
      <c r="AF472" s="23" t="s">
        <v>5331</v>
      </c>
      <c r="AG472" s="26"/>
      <c r="AH472" s="53"/>
    </row>
    <row r="473" spans="1:34" ht="51.6" customHeight="1" x14ac:dyDescent="0.45">
      <c r="A473" s="23">
        <v>467</v>
      </c>
      <c r="B473" s="25"/>
      <c r="C473" s="25"/>
      <c r="D473" s="29"/>
      <c r="E473" s="1"/>
      <c r="F473" s="1"/>
      <c r="G473" s="25"/>
      <c r="H473" s="71"/>
      <c r="I473" s="83"/>
      <c r="J473" s="50" t="str">
        <f t="shared" si="16"/>
        <v/>
      </c>
      <c r="K473" s="23" t="s">
        <v>7120</v>
      </c>
      <c r="L473" s="49" t="e">
        <f>VLOOKUP(E473&amp;F473,団体コード!$A$1:$C$1743,3,FALSE)</f>
        <v>#N/A</v>
      </c>
      <c r="M473" s="49" t="e">
        <f>VLOOKUP(E473&amp;F473,団体コード!$A$1:$C$1743,2,FALSE)</f>
        <v>#N/A</v>
      </c>
      <c r="N473" s="51" t="e">
        <f>VLOOKUP(E473,団体コード!$E$1:$F$48,2,FALSE)</f>
        <v>#N/A</v>
      </c>
      <c r="O473" s="51" t="e">
        <f t="shared" si="17"/>
        <v>#N/A</v>
      </c>
      <c r="P473" s="51">
        <v>1</v>
      </c>
      <c r="Q473" s="51" t="s">
        <v>5341</v>
      </c>
      <c r="R473" s="54" t="b">
        <v>1</v>
      </c>
      <c r="S473" s="52" t="s">
        <v>7126</v>
      </c>
      <c r="T473" s="67" t="s">
        <v>7127</v>
      </c>
      <c r="U473" s="75" t="s">
        <v>5331</v>
      </c>
      <c r="V473" s="47" t="s">
        <v>5331</v>
      </c>
      <c r="W473" s="47" t="s">
        <v>5331</v>
      </c>
      <c r="X473" s="47" t="s">
        <v>5331</v>
      </c>
      <c r="Y473" s="47" t="s">
        <v>5331</v>
      </c>
      <c r="Z473" s="28"/>
      <c r="AA473" s="27"/>
      <c r="AB473" s="27"/>
      <c r="AC473" s="27"/>
      <c r="AD473" s="30"/>
      <c r="AE473" s="1"/>
      <c r="AF473" s="23" t="s">
        <v>5331</v>
      </c>
      <c r="AG473" s="26"/>
      <c r="AH473" s="53"/>
    </row>
    <row r="474" spans="1:34" ht="51.6" customHeight="1" x14ac:dyDescent="0.45">
      <c r="A474" s="23">
        <v>468</v>
      </c>
      <c r="B474" s="25"/>
      <c r="C474" s="25"/>
      <c r="D474" s="29"/>
      <c r="E474" s="1"/>
      <c r="F474" s="1"/>
      <c r="G474" s="25"/>
      <c r="H474" s="71"/>
      <c r="I474" s="83"/>
      <c r="J474" s="50" t="str">
        <f t="shared" si="16"/>
        <v/>
      </c>
      <c r="K474" s="23" t="s">
        <v>7120</v>
      </c>
      <c r="L474" s="49" t="e">
        <f>VLOOKUP(E474&amp;F474,団体コード!$A$1:$C$1743,3,FALSE)</f>
        <v>#N/A</v>
      </c>
      <c r="M474" s="49" t="e">
        <f>VLOOKUP(E474&amp;F474,団体コード!$A$1:$C$1743,2,FALSE)</f>
        <v>#N/A</v>
      </c>
      <c r="N474" s="51" t="e">
        <f>VLOOKUP(E474,団体コード!$E$1:$F$48,2,FALSE)</f>
        <v>#N/A</v>
      </c>
      <c r="O474" s="51" t="e">
        <f t="shared" si="17"/>
        <v>#N/A</v>
      </c>
      <c r="P474" s="51">
        <v>1</v>
      </c>
      <c r="Q474" s="51" t="s">
        <v>5341</v>
      </c>
      <c r="R474" s="54" t="b">
        <v>1</v>
      </c>
      <c r="S474" s="52" t="s">
        <v>7126</v>
      </c>
      <c r="T474" s="67" t="s">
        <v>7127</v>
      </c>
      <c r="U474" s="75" t="s">
        <v>5331</v>
      </c>
      <c r="V474" s="47" t="s">
        <v>5331</v>
      </c>
      <c r="W474" s="47" t="s">
        <v>5331</v>
      </c>
      <c r="X474" s="47" t="s">
        <v>5331</v>
      </c>
      <c r="Y474" s="47" t="s">
        <v>5331</v>
      </c>
      <c r="Z474" s="28"/>
      <c r="AA474" s="27"/>
      <c r="AB474" s="27"/>
      <c r="AC474" s="27"/>
      <c r="AD474" s="30"/>
      <c r="AE474" s="1"/>
      <c r="AF474" s="23" t="s">
        <v>5331</v>
      </c>
      <c r="AG474" s="26"/>
      <c r="AH474" s="53"/>
    </row>
    <row r="475" spans="1:34" ht="51.6" customHeight="1" x14ac:dyDescent="0.45">
      <c r="A475" s="23">
        <v>469</v>
      </c>
      <c r="B475" s="25"/>
      <c r="C475" s="25"/>
      <c r="D475" s="29"/>
      <c r="E475" s="1"/>
      <c r="F475" s="1"/>
      <c r="G475" s="25"/>
      <c r="H475" s="71"/>
      <c r="I475" s="83"/>
      <c r="J475" s="50" t="str">
        <f t="shared" si="16"/>
        <v/>
      </c>
      <c r="K475" s="23" t="s">
        <v>7120</v>
      </c>
      <c r="L475" s="49" t="e">
        <f>VLOOKUP(E475&amp;F475,団体コード!$A$1:$C$1743,3,FALSE)</f>
        <v>#N/A</v>
      </c>
      <c r="M475" s="49" t="e">
        <f>VLOOKUP(E475&amp;F475,団体コード!$A$1:$C$1743,2,FALSE)</f>
        <v>#N/A</v>
      </c>
      <c r="N475" s="51" t="e">
        <f>VLOOKUP(E475,団体コード!$E$1:$F$48,2,FALSE)</f>
        <v>#N/A</v>
      </c>
      <c r="O475" s="51" t="e">
        <f t="shared" si="17"/>
        <v>#N/A</v>
      </c>
      <c r="P475" s="51">
        <v>1</v>
      </c>
      <c r="Q475" s="51" t="s">
        <v>5341</v>
      </c>
      <c r="R475" s="54" t="b">
        <v>1</v>
      </c>
      <c r="S475" s="52" t="s">
        <v>7126</v>
      </c>
      <c r="T475" s="67" t="s">
        <v>7127</v>
      </c>
      <c r="U475" s="75" t="s">
        <v>5331</v>
      </c>
      <c r="V475" s="47" t="s">
        <v>5331</v>
      </c>
      <c r="W475" s="47" t="s">
        <v>5331</v>
      </c>
      <c r="X475" s="47" t="s">
        <v>5331</v>
      </c>
      <c r="Y475" s="47" t="s">
        <v>5331</v>
      </c>
      <c r="Z475" s="28"/>
      <c r="AA475" s="27"/>
      <c r="AB475" s="27"/>
      <c r="AC475" s="27"/>
      <c r="AD475" s="30"/>
      <c r="AE475" s="1"/>
      <c r="AF475" s="23" t="s">
        <v>5331</v>
      </c>
      <c r="AG475" s="26"/>
      <c r="AH475" s="53"/>
    </row>
    <row r="476" spans="1:34" ht="51.6" customHeight="1" x14ac:dyDescent="0.45">
      <c r="A476" s="23">
        <v>470</v>
      </c>
      <c r="B476" s="25"/>
      <c r="C476" s="25"/>
      <c r="D476" s="29"/>
      <c r="E476" s="1"/>
      <c r="F476" s="1"/>
      <c r="G476" s="25"/>
      <c r="H476" s="71"/>
      <c r="I476" s="83"/>
      <c r="J476" s="50" t="str">
        <f t="shared" si="16"/>
        <v/>
      </c>
      <c r="K476" s="23" t="s">
        <v>7120</v>
      </c>
      <c r="L476" s="49" t="e">
        <f>VLOOKUP(E476&amp;F476,団体コード!$A$1:$C$1743,3,FALSE)</f>
        <v>#N/A</v>
      </c>
      <c r="M476" s="49" t="e">
        <f>VLOOKUP(E476&amp;F476,団体コード!$A$1:$C$1743,2,FALSE)</f>
        <v>#N/A</v>
      </c>
      <c r="N476" s="51" t="e">
        <f>VLOOKUP(E476,団体コード!$E$1:$F$48,2,FALSE)</f>
        <v>#N/A</v>
      </c>
      <c r="O476" s="51" t="e">
        <f t="shared" si="17"/>
        <v>#N/A</v>
      </c>
      <c r="P476" s="51">
        <v>1</v>
      </c>
      <c r="Q476" s="51" t="s">
        <v>5341</v>
      </c>
      <c r="R476" s="54" t="b">
        <v>1</v>
      </c>
      <c r="S476" s="52" t="s">
        <v>7126</v>
      </c>
      <c r="T476" s="67" t="s">
        <v>7127</v>
      </c>
      <c r="U476" s="75" t="s">
        <v>5331</v>
      </c>
      <c r="V476" s="47" t="s">
        <v>5331</v>
      </c>
      <c r="W476" s="47" t="s">
        <v>5331</v>
      </c>
      <c r="X476" s="47" t="s">
        <v>5331</v>
      </c>
      <c r="Y476" s="47" t="s">
        <v>5331</v>
      </c>
      <c r="Z476" s="28"/>
      <c r="AA476" s="27"/>
      <c r="AB476" s="27"/>
      <c r="AC476" s="27"/>
      <c r="AD476" s="30"/>
      <c r="AE476" s="1"/>
      <c r="AF476" s="23" t="s">
        <v>5331</v>
      </c>
      <c r="AG476" s="26"/>
      <c r="AH476" s="53"/>
    </row>
    <row r="477" spans="1:34" ht="51.6" customHeight="1" x14ac:dyDescent="0.45">
      <c r="A477" s="23">
        <v>471</v>
      </c>
      <c r="B477" s="25"/>
      <c r="C477" s="25"/>
      <c r="D477" s="29"/>
      <c r="E477" s="1"/>
      <c r="F477" s="1"/>
      <c r="G477" s="25"/>
      <c r="H477" s="71"/>
      <c r="I477" s="83"/>
      <c r="J477" s="50" t="str">
        <f t="shared" si="16"/>
        <v/>
      </c>
      <c r="K477" s="23" t="s">
        <v>7120</v>
      </c>
      <c r="L477" s="49" t="e">
        <f>VLOOKUP(E477&amp;F477,団体コード!$A$1:$C$1743,3,FALSE)</f>
        <v>#N/A</v>
      </c>
      <c r="M477" s="49" t="e">
        <f>VLOOKUP(E477&amp;F477,団体コード!$A$1:$C$1743,2,FALSE)</f>
        <v>#N/A</v>
      </c>
      <c r="N477" s="51" t="e">
        <f>VLOOKUP(E477,団体コード!$E$1:$F$48,2,FALSE)</f>
        <v>#N/A</v>
      </c>
      <c r="O477" s="51" t="e">
        <f t="shared" si="17"/>
        <v>#N/A</v>
      </c>
      <c r="P477" s="51">
        <v>1</v>
      </c>
      <c r="Q477" s="51" t="s">
        <v>5341</v>
      </c>
      <c r="R477" s="54" t="b">
        <v>1</v>
      </c>
      <c r="S477" s="52" t="s">
        <v>7126</v>
      </c>
      <c r="T477" s="67" t="s">
        <v>7127</v>
      </c>
      <c r="U477" s="75" t="s">
        <v>5331</v>
      </c>
      <c r="V477" s="47" t="s">
        <v>5331</v>
      </c>
      <c r="W477" s="47" t="s">
        <v>5331</v>
      </c>
      <c r="X477" s="47" t="s">
        <v>5331</v>
      </c>
      <c r="Y477" s="47" t="s">
        <v>5331</v>
      </c>
      <c r="Z477" s="28"/>
      <c r="AA477" s="27"/>
      <c r="AB477" s="27"/>
      <c r="AC477" s="27"/>
      <c r="AD477" s="30"/>
      <c r="AE477" s="1"/>
      <c r="AF477" s="23" t="s">
        <v>5331</v>
      </c>
      <c r="AG477" s="26"/>
      <c r="AH477" s="53"/>
    </row>
    <row r="478" spans="1:34" ht="51.6" customHeight="1" x14ac:dyDescent="0.45">
      <c r="A478" s="23">
        <v>472</v>
      </c>
      <c r="B478" s="25"/>
      <c r="C478" s="25"/>
      <c r="D478" s="29"/>
      <c r="E478" s="1"/>
      <c r="F478" s="1"/>
      <c r="G478" s="25"/>
      <c r="H478" s="71"/>
      <c r="I478" s="83"/>
      <c r="J478" s="50" t="str">
        <f t="shared" si="16"/>
        <v/>
      </c>
      <c r="K478" s="23" t="s">
        <v>7120</v>
      </c>
      <c r="L478" s="49" t="e">
        <f>VLOOKUP(E478&amp;F478,団体コード!$A$1:$C$1743,3,FALSE)</f>
        <v>#N/A</v>
      </c>
      <c r="M478" s="49" t="e">
        <f>VLOOKUP(E478&amp;F478,団体コード!$A$1:$C$1743,2,FALSE)</f>
        <v>#N/A</v>
      </c>
      <c r="N478" s="51" t="e">
        <f>VLOOKUP(E478,団体コード!$E$1:$F$48,2,FALSE)</f>
        <v>#N/A</v>
      </c>
      <c r="O478" s="51" t="e">
        <f t="shared" si="17"/>
        <v>#N/A</v>
      </c>
      <c r="P478" s="51">
        <v>1</v>
      </c>
      <c r="Q478" s="51" t="s">
        <v>5341</v>
      </c>
      <c r="R478" s="54" t="b">
        <v>1</v>
      </c>
      <c r="S478" s="52" t="s">
        <v>7126</v>
      </c>
      <c r="T478" s="67" t="s">
        <v>7127</v>
      </c>
      <c r="U478" s="75" t="s">
        <v>5331</v>
      </c>
      <c r="V478" s="47" t="s">
        <v>5331</v>
      </c>
      <c r="W478" s="47" t="s">
        <v>5331</v>
      </c>
      <c r="X478" s="47" t="s">
        <v>5331</v>
      </c>
      <c r="Y478" s="47" t="s">
        <v>5331</v>
      </c>
      <c r="Z478" s="28"/>
      <c r="AA478" s="27"/>
      <c r="AB478" s="27"/>
      <c r="AC478" s="27"/>
      <c r="AD478" s="30"/>
      <c r="AE478" s="1"/>
      <c r="AF478" s="23" t="s">
        <v>5331</v>
      </c>
      <c r="AG478" s="26"/>
      <c r="AH478" s="53"/>
    </row>
    <row r="479" spans="1:34" ht="51.6" customHeight="1" x14ac:dyDescent="0.45">
      <c r="A479" s="23">
        <v>473</v>
      </c>
      <c r="B479" s="25"/>
      <c r="C479" s="25"/>
      <c r="D479" s="29"/>
      <c r="E479" s="1"/>
      <c r="F479" s="1"/>
      <c r="G479" s="25"/>
      <c r="H479" s="71"/>
      <c r="I479" s="83"/>
      <c r="J479" s="50" t="str">
        <f t="shared" si="16"/>
        <v/>
      </c>
      <c r="K479" s="23" t="s">
        <v>7120</v>
      </c>
      <c r="L479" s="49" t="e">
        <f>VLOOKUP(E479&amp;F479,団体コード!$A$1:$C$1743,3,FALSE)</f>
        <v>#N/A</v>
      </c>
      <c r="M479" s="49" t="e">
        <f>VLOOKUP(E479&amp;F479,団体コード!$A$1:$C$1743,2,FALSE)</f>
        <v>#N/A</v>
      </c>
      <c r="N479" s="51" t="e">
        <f>VLOOKUP(E479,団体コード!$E$1:$F$48,2,FALSE)</f>
        <v>#N/A</v>
      </c>
      <c r="O479" s="51" t="e">
        <f t="shared" si="17"/>
        <v>#N/A</v>
      </c>
      <c r="P479" s="51">
        <v>1</v>
      </c>
      <c r="Q479" s="51" t="s">
        <v>5341</v>
      </c>
      <c r="R479" s="54" t="b">
        <v>1</v>
      </c>
      <c r="S479" s="52" t="s">
        <v>7126</v>
      </c>
      <c r="T479" s="67" t="s">
        <v>7127</v>
      </c>
      <c r="U479" s="75" t="s">
        <v>5331</v>
      </c>
      <c r="V479" s="47" t="s">
        <v>5331</v>
      </c>
      <c r="W479" s="47" t="s">
        <v>5331</v>
      </c>
      <c r="X479" s="47" t="s">
        <v>5331</v>
      </c>
      <c r="Y479" s="47" t="s">
        <v>5331</v>
      </c>
      <c r="Z479" s="28"/>
      <c r="AA479" s="27"/>
      <c r="AB479" s="27"/>
      <c r="AC479" s="27"/>
      <c r="AD479" s="30"/>
      <c r="AE479" s="1"/>
      <c r="AF479" s="23" t="s">
        <v>5331</v>
      </c>
      <c r="AG479" s="26"/>
      <c r="AH479" s="53"/>
    </row>
    <row r="480" spans="1:34" ht="51.6" customHeight="1" x14ac:dyDescent="0.45">
      <c r="A480" s="23">
        <v>474</v>
      </c>
      <c r="B480" s="25"/>
      <c r="C480" s="25"/>
      <c r="D480" s="29"/>
      <c r="E480" s="1"/>
      <c r="F480" s="1"/>
      <c r="G480" s="25"/>
      <c r="H480" s="71"/>
      <c r="I480" s="83"/>
      <c r="J480" s="50" t="str">
        <f t="shared" si="16"/>
        <v/>
      </c>
      <c r="K480" s="23" t="s">
        <v>7120</v>
      </c>
      <c r="L480" s="49" t="e">
        <f>VLOOKUP(E480&amp;F480,団体コード!$A$1:$C$1743,3,FALSE)</f>
        <v>#N/A</v>
      </c>
      <c r="M480" s="49" t="e">
        <f>VLOOKUP(E480&amp;F480,団体コード!$A$1:$C$1743,2,FALSE)</f>
        <v>#N/A</v>
      </c>
      <c r="N480" s="51" t="e">
        <f>VLOOKUP(E480,団体コード!$E$1:$F$48,2,FALSE)</f>
        <v>#N/A</v>
      </c>
      <c r="O480" s="51" t="e">
        <f t="shared" si="17"/>
        <v>#N/A</v>
      </c>
      <c r="P480" s="51">
        <v>1</v>
      </c>
      <c r="Q480" s="51" t="s">
        <v>5341</v>
      </c>
      <c r="R480" s="54" t="b">
        <v>1</v>
      </c>
      <c r="S480" s="52" t="s">
        <v>7126</v>
      </c>
      <c r="T480" s="67" t="s">
        <v>7127</v>
      </c>
      <c r="U480" s="75" t="s">
        <v>5331</v>
      </c>
      <c r="V480" s="47" t="s">
        <v>5331</v>
      </c>
      <c r="W480" s="47" t="s">
        <v>5331</v>
      </c>
      <c r="X480" s="47" t="s">
        <v>5331</v>
      </c>
      <c r="Y480" s="47" t="s">
        <v>5331</v>
      </c>
      <c r="Z480" s="28"/>
      <c r="AA480" s="27"/>
      <c r="AB480" s="27"/>
      <c r="AC480" s="27"/>
      <c r="AD480" s="30"/>
      <c r="AE480" s="1"/>
      <c r="AF480" s="23" t="s">
        <v>5331</v>
      </c>
      <c r="AG480" s="26"/>
      <c r="AH480" s="53"/>
    </row>
    <row r="481" spans="1:34" ht="51.6" customHeight="1" x14ac:dyDescent="0.45">
      <c r="A481" s="23">
        <v>475</v>
      </c>
      <c r="B481" s="25"/>
      <c r="C481" s="25"/>
      <c r="D481" s="29"/>
      <c r="E481" s="1"/>
      <c r="F481" s="1"/>
      <c r="G481" s="25"/>
      <c r="H481" s="71"/>
      <c r="I481" s="83"/>
      <c r="J481" s="50" t="str">
        <f t="shared" si="16"/>
        <v/>
      </c>
      <c r="K481" s="23" t="s">
        <v>7120</v>
      </c>
      <c r="L481" s="49" t="e">
        <f>VLOOKUP(E481&amp;F481,団体コード!$A$1:$C$1743,3,FALSE)</f>
        <v>#N/A</v>
      </c>
      <c r="M481" s="49" t="e">
        <f>VLOOKUP(E481&amp;F481,団体コード!$A$1:$C$1743,2,FALSE)</f>
        <v>#N/A</v>
      </c>
      <c r="N481" s="51" t="e">
        <f>VLOOKUP(E481,団体コード!$E$1:$F$48,2,FALSE)</f>
        <v>#N/A</v>
      </c>
      <c r="O481" s="51" t="e">
        <f t="shared" si="17"/>
        <v>#N/A</v>
      </c>
      <c r="P481" s="51">
        <v>1</v>
      </c>
      <c r="Q481" s="51" t="s">
        <v>5341</v>
      </c>
      <c r="R481" s="54" t="b">
        <v>1</v>
      </c>
      <c r="S481" s="52" t="s">
        <v>7126</v>
      </c>
      <c r="T481" s="67" t="s">
        <v>7127</v>
      </c>
      <c r="U481" s="75" t="s">
        <v>5331</v>
      </c>
      <c r="V481" s="47" t="s">
        <v>5331</v>
      </c>
      <c r="W481" s="47" t="s">
        <v>5331</v>
      </c>
      <c r="X481" s="47" t="s">
        <v>5331</v>
      </c>
      <c r="Y481" s="47" t="s">
        <v>5331</v>
      </c>
      <c r="Z481" s="28"/>
      <c r="AA481" s="27"/>
      <c r="AB481" s="27"/>
      <c r="AC481" s="27"/>
      <c r="AD481" s="30"/>
      <c r="AE481" s="1"/>
      <c r="AF481" s="23" t="s">
        <v>5331</v>
      </c>
      <c r="AG481" s="26"/>
      <c r="AH481" s="53"/>
    </row>
    <row r="482" spans="1:34" ht="51.6" customHeight="1" x14ac:dyDescent="0.45">
      <c r="A482" s="23">
        <v>476</v>
      </c>
      <c r="B482" s="25"/>
      <c r="C482" s="25"/>
      <c r="D482" s="29"/>
      <c r="E482" s="1"/>
      <c r="F482" s="1"/>
      <c r="G482" s="25"/>
      <c r="H482" s="71"/>
      <c r="I482" s="83"/>
      <c r="J482" s="50" t="str">
        <f t="shared" si="16"/>
        <v/>
      </c>
      <c r="K482" s="23" t="s">
        <v>7120</v>
      </c>
      <c r="L482" s="49" t="e">
        <f>VLOOKUP(E482&amp;F482,団体コード!$A$1:$C$1743,3,FALSE)</f>
        <v>#N/A</v>
      </c>
      <c r="M482" s="49" t="e">
        <f>VLOOKUP(E482&amp;F482,団体コード!$A$1:$C$1743,2,FALSE)</f>
        <v>#N/A</v>
      </c>
      <c r="N482" s="51" t="e">
        <f>VLOOKUP(E482,団体コード!$E$1:$F$48,2,FALSE)</f>
        <v>#N/A</v>
      </c>
      <c r="O482" s="51" t="e">
        <f t="shared" si="17"/>
        <v>#N/A</v>
      </c>
      <c r="P482" s="51">
        <v>1</v>
      </c>
      <c r="Q482" s="51" t="s">
        <v>5341</v>
      </c>
      <c r="R482" s="54" t="b">
        <v>1</v>
      </c>
      <c r="S482" s="52" t="s">
        <v>7126</v>
      </c>
      <c r="T482" s="67" t="s">
        <v>7127</v>
      </c>
      <c r="U482" s="75" t="s">
        <v>5331</v>
      </c>
      <c r="V482" s="47" t="s">
        <v>5331</v>
      </c>
      <c r="W482" s="47" t="s">
        <v>5331</v>
      </c>
      <c r="X482" s="47" t="s">
        <v>5331</v>
      </c>
      <c r="Y482" s="47" t="s">
        <v>5331</v>
      </c>
      <c r="Z482" s="28"/>
      <c r="AA482" s="27"/>
      <c r="AB482" s="27"/>
      <c r="AC482" s="27"/>
      <c r="AD482" s="30"/>
      <c r="AE482" s="1"/>
      <c r="AF482" s="23" t="s">
        <v>5331</v>
      </c>
      <c r="AG482" s="26"/>
      <c r="AH482" s="53"/>
    </row>
    <row r="483" spans="1:34" ht="51.6" customHeight="1" x14ac:dyDescent="0.45">
      <c r="A483" s="23">
        <v>477</v>
      </c>
      <c r="B483" s="25"/>
      <c r="C483" s="25"/>
      <c r="D483" s="29"/>
      <c r="E483" s="1"/>
      <c r="F483" s="1"/>
      <c r="G483" s="25"/>
      <c r="H483" s="71"/>
      <c r="I483" s="83"/>
      <c r="J483" s="50" t="str">
        <f t="shared" si="16"/>
        <v/>
      </c>
      <c r="K483" s="23" t="s">
        <v>7120</v>
      </c>
      <c r="L483" s="49" t="e">
        <f>VLOOKUP(E483&amp;F483,団体コード!$A$1:$C$1743,3,FALSE)</f>
        <v>#N/A</v>
      </c>
      <c r="M483" s="49" t="e">
        <f>VLOOKUP(E483&amp;F483,団体コード!$A$1:$C$1743,2,FALSE)</f>
        <v>#N/A</v>
      </c>
      <c r="N483" s="51" t="e">
        <f>VLOOKUP(E483,団体コード!$E$1:$F$48,2,FALSE)</f>
        <v>#N/A</v>
      </c>
      <c r="O483" s="51" t="e">
        <f t="shared" si="17"/>
        <v>#N/A</v>
      </c>
      <c r="P483" s="51">
        <v>1</v>
      </c>
      <c r="Q483" s="51" t="s">
        <v>5341</v>
      </c>
      <c r="R483" s="54" t="b">
        <v>1</v>
      </c>
      <c r="S483" s="52" t="s">
        <v>7126</v>
      </c>
      <c r="T483" s="67" t="s">
        <v>7127</v>
      </c>
      <c r="U483" s="75" t="s">
        <v>5331</v>
      </c>
      <c r="V483" s="47" t="s">
        <v>5331</v>
      </c>
      <c r="W483" s="47" t="s">
        <v>5331</v>
      </c>
      <c r="X483" s="47" t="s">
        <v>5331</v>
      </c>
      <c r="Y483" s="47" t="s">
        <v>5331</v>
      </c>
      <c r="Z483" s="28"/>
      <c r="AA483" s="27"/>
      <c r="AB483" s="27"/>
      <c r="AC483" s="27"/>
      <c r="AD483" s="30"/>
      <c r="AE483" s="1"/>
      <c r="AF483" s="23" t="s">
        <v>5331</v>
      </c>
      <c r="AG483" s="26"/>
      <c r="AH483" s="53"/>
    </row>
    <row r="484" spans="1:34" ht="51.6" customHeight="1" x14ac:dyDescent="0.45">
      <c r="A484" s="23">
        <v>478</v>
      </c>
      <c r="B484" s="25"/>
      <c r="C484" s="25"/>
      <c r="D484" s="29"/>
      <c r="E484" s="1"/>
      <c r="F484" s="1"/>
      <c r="G484" s="25"/>
      <c r="H484" s="71"/>
      <c r="I484" s="83"/>
      <c r="J484" s="50" t="str">
        <f t="shared" si="16"/>
        <v/>
      </c>
      <c r="K484" s="23" t="s">
        <v>7120</v>
      </c>
      <c r="L484" s="49" t="e">
        <f>VLOOKUP(E484&amp;F484,団体コード!$A$1:$C$1743,3,FALSE)</f>
        <v>#N/A</v>
      </c>
      <c r="M484" s="49" t="e">
        <f>VLOOKUP(E484&amp;F484,団体コード!$A$1:$C$1743,2,FALSE)</f>
        <v>#N/A</v>
      </c>
      <c r="N484" s="51" t="e">
        <f>VLOOKUP(E484,団体コード!$E$1:$F$48,2,FALSE)</f>
        <v>#N/A</v>
      </c>
      <c r="O484" s="51" t="e">
        <f t="shared" si="17"/>
        <v>#N/A</v>
      </c>
      <c r="P484" s="51">
        <v>1</v>
      </c>
      <c r="Q484" s="51" t="s">
        <v>5341</v>
      </c>
      <c r="R484" s="54" t="b">
        <v>1</v>
      </c>
      <c r="S484" s="52" t="s">
        <v>7126</v>
      </c>
      <c r="T484" s="67" t="s">
        <v>7127</v>
      </c>
      <c r="U484" s="75" t="s">
        <v>5331</v>
      </c>
      <c r="V484" s="47" t="s">
        <v>5331</v>
      </c>
      <c r="W484" s="47" t="s">
        <v>5331</v>
      </c>
      <c r="X484" s="47" t="s">
        <v>5331</v>
      </c>
      <c r="Y484" s="47" t="s">
        <v>5331</v>
      </c>
      <c r="Z484" s="28"/>
      <c r="AA484" s="27"/>
      <c r="AB484" s="27"/>
      <c r="AC484" s="27"/>
      <c r="AD484" s="30"/>
      <c r="AE484" s="1"/>
      <c r="AF484" s="23" t="s">
        <v>5331</v>
      </c>
      <c r="AG484" s="26"/>
      <c r="AH484" s="53"/>
    </row>
    <row r="485" spans="1:34" ht="51.6" customHeight="1" x14ac:dyDescent="0.45">
      <c r="A485" s="23">
        <v>479</v>
      </c>
      <c r="B485" s="25"/>
      <c r="C485" s="25"/>
      <c r="D485" s="29"/>
      <c r="E485" s="1"/>
      <c r="F485" s="1"/>
      <c r="G485" s="25"/>
      <c r="H485" s="71"/>
      <c r="I485" s="83"/>
      <c r="J485" s="50" t="str">
        <f t="shared" si="16"/>
        <v/>
      </c>
      <c r="K485" s="23" t="s">
        <v>7120</v>
      </c>
      <c r="L485" s="49" t="e">
        <f>VLOOKUP(E485&amp;F485,団体コード!$A$1:$C$1743,3,FALSE)</f>
        <v>#N/A</v>
      </c>
      <c r="M485" s="49" t="e">
        <f>VLOOKUP(E485&amp;F485,団体コード!$A$1:$C$1743,2,FALSE)</f>
        <v>#N/A</v>
      </c>
      <c r="N485" s="51" t="e">
        <f>VLOOKUP(E485,団体コード!$E$1:$F$48,2,FALSE)</f>
        <v>#N/A</v>
      </c>
      <c r="O485" s="51" t="e">
        <f t="shared" si="17"/>
        <v>#N/A</v>
      </c>
      <c r="P485" s="51">
        <v>1</v>
      </c>
      <c r="Q485" s="51" t="s">
        <v>5341</v>
      </c>
      <c r="R485" s="54" t="b">
        <v>1</v>
      </c>
      <c r="S485" s="52" t="s">
        <v>7126</v>
      </c>
      <c r="T485" s="67" t="s">
        <v>7127</v>
      </c>
      <c r="U485" s="75" t="s">
        <v>5331</v>
      </c>
      <c r="V485" s="47" t="s">
        <v>5331</v>
      </c>
      <c r="W485" s="47" t="s">
        <v>5331</v>
      </c>
      <c r="X485" s="47" t="s">
        <v>5331</v>
      </c>
      <c r="Y485" s="47" t="s">
        <v>5331</v>
      </c>
      <c r="Z485" s="28"/>
      <c r="AA485" s="27"/>
      <c r="AB485" s="27"/>
      <c r="AC485" s="27"/>
      <c r="AD485" s="30"/>
      <c r="AE485" s="1"/>
      <c r="AF485" s="23" t="s">
        <v>5331</v>
      </c>
      <c r="AG485" s="26"/>
      <c r="AH485" s="53"/>
    </row>
    <row r="486" spans="1:34" ht="51.6" customHeight="1" x14ac:dyDescent="0.45">
      <c r="A486" s="23">
        <v>480</v>
      </c>
      <c r="B486" s="25"/>
      <c r="C486" s="25"/>
      <c r="D486" s="29"/>
      <c r="E486" s="1"/>
      <c r="F486" s="1"/>
      <c r="G486" s="25"/>
      <c r="H486" s="71"/>
      <c r="I486" s="83"/>
      <c r="J486" s="50" t="str">
        <f t="shared" si="16"/>
        <v/>
      </c>
      <c r="K486" s="23" t="s">
        <v>7120</v>
      </c>
      <c r="L486" s="49" t="e">
        <f>VLOOKUP(E486&amp;F486,団体コード!$A$1:$C$1743,3,FALSE)</f>
        <v>#N/A</v>
      </c>
      <c r="M486" s="49" t="e">
        <f>VLOOKUP(E486&amp;F486,団体コード!$A$1:$C$1743,2,FALSE)</f>
        <v>#N/A</v>
      </c>
      <c r="N486" s="51" t="e">
        <f>VLOOKUP(E486,団体コード!$E$1:$F$48,2,FALSE)</f>
        <v>#N/A</v>
      </c>
      <c r="O486" s="51" t="e">
        <f t="shared" si="17"/>
        <v>#N/A</v>
      </c>
      <c r="P486" s="51">
        <v>1</v>
      </c>
      <c r="Q486" s="51" t="s">
        <v>5341</v>
      </c>
      <c r="R486" s="54" t="b">
        <v>1</v>
      </c>
      <c r="S486" s="52" t="s">
        <v>7126</v>
      </c>
      <c r="T486" s="67" t="s">
        <v>7127</v>
      </c>
      <c r="U486" s="75" t="s">
        <v>5331</v>
      </c>
      <c r="V486" s="47" t="s">
        <v>5331</v>
      </c>
      <c r="W486" s="47" t="s">
        <v>5331</v>
      </c>
      <c r="X486" s="47" t="s">
        <v>5331</v>
      </c>
      <c r="Y486" s="47" t="s">
        <v>5331</v>
      </c>
      <c r="Z486" s="28"/>
      <c r="AA486" s="27"/>
      <c r="AB486" s="27"/>
      <c r="AC486" s="27"/>
      <c r="AD486" s="30"/>
      <c r="AE486" s="1"/>
      <c r="AF486" s="23" t="s">
        <v>5331</v>
      </c>
      <c r="AG486" s="26"/>
      <c r="AH486" s="53"/>
    </row>
    <row r="487" spans="1:34" ht="51.6" customHeight="1" x14ac:dyDescent="0.45">
      <c r="A487" s="23">
        <v>481</v>
      </c>
      <c r="B487" s="25"/>
      <c r="C487" s="25"/>
      <c r="D487" s="29"/>
      <c r="E487" s="1"/>
      <c r="F487" s="1"/>
      <c r="G487" s="25"/>
      <c r="H487" s="71"/>
      <c r="I487" s="83"/>
      <c r="J487" s="50" t="str">
        <f t="shared" si="16"/>
        <v/>
      </c>
      <c r="K487" s="23" t="s">
        <v>7120</v>
      </c>
      <c r="L487" s="49" t="e">
        <f>VLOOKUP(E487&amp;F487,団体コード!$A$1:$C$1743,3,FALSE)</f>
        <v>#N/A</v>
      </c>
      <c r="M487" s="49" t="e">
        <f>VLOOKUP(E487&amp;F487,団体コード!$A$1:$C$1743,2,FALSE)</f>
        <v>#N/A</v>
      </c>
      <c r="N487" s="51" t="e">
        <f>VLOOKUP(E487,団体コード!$E$1:$F$48,2,FALSE)</f>
        <v>#N/A</v>
      </c>
      <c r="O487" s="51" t="e">
        <f t="shared" si="17"/>
        <v>#N/A</v>
      </c>
      <c r="P487" s="51">
        <v>1</v>
      </c>
      <c r="Q487" s="51" t="s">
        <v>5341</v>
      </c>
      <c r="R487" s="54" t="b">
        <v>1</v>
      </c>
      <c r="S487" s="52" t="s">
        <v>7126</v>
      </c>
      <c r="T487" s="67" t="s">
        <v>7127</v>
      </c>
      <c r="U487" s="75" t="s">
        <v>5331</v>
      </c>
      <c r="V487" s="47" t="s">
        <v>5331</v>
      </c>
      <c r="W487" s="47" t="s">
        <v>5331</v>
      </c>
      <c r="X487" s="47" t="s">
        <v>5331</v>
      </c>
      <c r="Y487" s="47" t="s">
        <v>5331</v>
      </c>
      <c r="Z487" s="28"/>
      <c r="AA487" s="27"/>
      <c r="AB487" s="27"/>
      <c r="AC487" s="27"/>
      <c r="AD487" s="30"/>
      <c r="AE487" s="1"/>
      <c r="AF487" s="23" t="s">
        <v>5331</v>
      </c>
      <c r="AG487" s="26"/>
      <c r="AH487" s="53"/>
    </row>
    <row r="488" spans="1:34" ht="51.6" customHeight="1" x14ac:dyDescent="0.45">
      <c r="A488" s="23">
        <v>482</v>
      </c>
      <c r="B488" s="25"/>
      <c r="C488" s="25"/>
      <c r="D488" s="29"/>
      <c r="E488" s="1"/>
      <c r="F488" s="1"/>
      <c r="G488" s="25"/>
      <c r="H488" s="71"/>
      <c r="I488" s="83"/>
      <c r="J488" s="50" t="str">
        <f t="shared" si="16"/>
        <v/>
      </c>
      <c r="K488" s="23" t="s">
        <v>7120</v>
      </c>
      <c r="L488" s="49" t="e">
        <f>VLOOKUP(E488&amp;F488,団体コード!$A$1:$C$1743,3,FALSE)</f>
        <v>#N/A</v>
      </c>
      <c r="M488" s="49" t="e">
        <f>VLOOKUP(E488&amp;F488,団体コード!$A$1:$C$1743,2,FALSE)</f>
        <v>#N/A</v>
      </c>
      <c r="N488" s="51" t="e">
        <f>VLOOKUP(E488,団体コード!$E$1:$F$48,2,FALSE)</f>
        <v>#N/A</v>
      </c>
      <c r="O488" s="51" t="e">
        <f t="shared" si="17"/>
        <v>#N/A</v>
      </c>
      <c r="P488" s="51">
        <v>1</v>
      </c>
      <c r="Q488" s="51" t="s">
        <v>5341</v>
      </c>
      <c r="R488" s="54" t="b">
        <v>1</v>
      </c>
      <c r="S488" s="52" t="s">
        <v>7126</v>
      </c>
      <c r="T488" s="67" t="s">
        <v>7127</v>
      </c>
      <c r="U488" s="75" t="s">
        <v>5331</v>
      </c>
      <c r="V488" s="47" t="s">
        <v>5331</v>
      </c>
      <c r="W488" s="47" t="s">
        <v>5331</v>
      </c>
      <c r="X488" s="47" t="s">
        <v>5331</v>
      </c>
      <c r="Y488" s="47" t="s">
        <v>5331</v>
      </c>
      <c r="Z488" s="28"/>
      <c r="AA488" s="27"/>
      <c r="AB488" s="27"/>
      <c r="AC488" s="27"/>
      <c r="AD488" s="30"/>
      <c r="AE488" s="1"/>
      <c r="AF488" s="23" t="s">
        <v>5331</v>
      </c>
      <c r="AG488" s="26"/>
      <c r="AH488" s="53"/>
    </row>
    <row r="489" spans="1:34" ht="51.6" customHeight="1" x14ac:dyDescent="0.45">
      <c r="A489" s="23">
        <v>483</v>
      </c>
      <c r="B489" s="25"/>
      <c r="C489" s="25"/>
      <c r="D489" s="29"/>
      <c r="E489" s="1"/>
      <c r="F489" s="1"/>
      <c r="G489" s="25"/>
      <c r="H489" s="71"/>
      <c r="I489" s="83"/>
      <c r="J489" s="50" t="str">
        <f t="shared" si="16"/>
        <v/>
      </c>
      <c r="K489" s="23" t="s">
        <v>7120</v>
      </c>
      <c r="L489" s="49" t="e">
        <f>VLOOKUP(E489&amp;F489,団体コード!$A$1:$C$1743,3,FALSE)</f>
        <v>#N/A</v>
      </c>
      <c r="M489" s="49" t="e">
        <f>VLOOKUP(E489&amp;F489,団体コード!$A$1:$C$1743,2,FALSE)</f>
        <v>#N/A</v>
      </c>
      <c r="N489" s="51" t="e">
        <f>VLOOKUP(E489,団体コード!$E$1:$F$48,2,FALSE)</f>
        <v>#N/A</v>
      </c>
      <c r="O489" s="51" t="e">
        <f t="shared" si="17"/>
        <v>#N/A</v>
      </c>
      <c r="P489" s="51">
        <v>1</v>
      </c>
      <c r="Q489" s="51" t="s">
        <v>5341</v>
      </c>
      <c r="R489" s="54" t="b">
        <v>1</v>
      </c>
      <c r="S489" s="52" t="s">
        <v>7126</v>
      </c>
      <c r="T489" s="67" t="s">
        <v>7127</v>
      </c>
      <c r="U489" s="75" t="s">
        <v>5331</v>
      </c>
      <c r="V489" s="47" t="s">
        <v>5331</v>
      </c>
      <c r="W489" s="47" t="s">
        <v>5331</v>
      </c>
      <c r="X489" s="47" t="s">
        <v>5331</v>
      </c>
      <c r="Y489" s="47" t="s">
        <v>5331</v>
      </c>
      <c r="Z489" s="28"/>
      <c r="AA489" s="27"/>
      <c r="AB489" s="27"/>
      <c r="AC489" s="27"/>
      <c r="AD489" s="30"/>
      <c r="AE489" s="1"/>
      <c r="AF489" s="23" t="s">
        <v>5331</v>
      </c>
      <c r="AG489" s="26"/>
      <c r="AH489" s="53"/>
    </row>
    <row r="490" spans="1:34" ht="51.6" customHeight="1" x14ac:dyDescent="0.45">
      <c r="A490" s="23">
        <v>484</v>
      </c>
      <c r="B490" s="25"/>
      <c r="C490" s="25"/>
      <c r="D490" s="29"/>
      <c r="E490" s="1"/>
      <c r="F490" s="1"/>
      <c r="G490" s="25"/>
      <c r="H490" s="71"/>
      <c r="I490" s="83"/>
      <c r="J490" s="50" t="str">
        <f t="shared" si="16"/>
        <v/>
      </c>
      <c r="K490" s="23" t="s">
        <v>7120</v>
      </c>
      <c r="L490" s="49" t="e">
        <f>VLOOKUP(E490&amp;F490,団体コード!$A$1:$C$1743,3,FALSE)</f>
        <v>#N/A</v>
      </c>
      <c r="M490" s="49" t="e">
        <f>VLOOKUP(E490&amp;F490,団体コード!$A$1:$C$1743,2,FALSE)</f>
        <v>#N/A</v>
      </c>
      <c r="N490" s="51" t="e">
        <f>VLOOKUP(E490,団体コード!$E$1:$F$48,2,FALSE)</f>
        <v>#N/A</v>
      </c>
      <c r="O490" s="51" t="e">
        <f t="shared" si="17"/>
        <v>#N/A</v>
      </c>
      <c r="P490" s="51">
        <v>1</v>
      </c>
      <c r="Q490" s="51" t="s">
        <v>5341</v>
      </c>
      <c r="R490" s="54" t="b">
        <v>1</v>
      </c>
      <c r="S490" s="52" t="s">
        <v>7126</v>
      </c>
      <c r="T490" s="67" t="s">
        <v>7127</v>
      </c>
      <c r="U490" s="75" t="s">
        <v>5331</v>
      </c>
      <c r="V490" s="47" t="s">
        <v>5331</v>
      </c>
      <c r="W490" s="47" t="s">
        <v>5331</v>
      </c>
      <c r="X490" s="47" t="s">
        <v>5331</v>
      </c>
      <c r="Y490" s="47" t="s">
        <v>5331</v>
      </c>
      <c r="Z490" s="28"/>
      <c r="AA490" s="27"/>
      <c r="AB490" s="27"/>
      <c r="AC490" s="27"/>
      <c r="AD490" s="30"/>
      <c r="AE490" s="1"/>
      <c r="AF490" s="23" t="s">
        <v>5331</v>
      </c>
      <c r="AG490" s="26"/>
      <c r="AH490" s="53"/>
    </row>
    <row r="491" spans="1:34" ht="51.6" customHeight="1" x14ac:dyDescent="0.45">
      <c r="A491" s="23">
        <v>485</v>
      </c>
      <c r="B491" s="25"/>
      <c r="C491" s="25"/>
      <c r="D491" s="29"/>
      <c r="E491" s="1"/>
      <c r="F491" s="1"/>
      <c r="G491" s="25"/>
      <c r="H491" s="71"/>
      <c r="I491" s="83"/>
      <c r="J491" s="50" t="str">
        <f t="shared" si="16"/>
        <v/>
      </c>
      <c r="K491" s="23" t="s">
        <v>7120</v>
      </c>
      <c r="L491" s="49" t="e">
        <f>VLOOKUP(E491&amp;F491,団体コード!$A$1:$C$1743,3,FALSE)</f>
        <v>#N/A</v>
      </c>
      <c r="M491" s="49" t="e">
        <f>VLOOKUP(E491&amp;F491,団体コード!$A$1:$C$1743,2,FALSE)</f>
        <v>#N/A</v>
      </c>
      <c r="N491" s="51" t="e">
        <f>VLOOKUP(E491,団体コード!$E$1:$F$48,2,FALSE)</f>
        <v>#N/A</v>
      </c>
      <c r="O491" s="51" t="e">
        <f t="shared" si="17"/>
        <v>#N/A</v>
      </c>
      <c r="P491" s="51">
        <v>1</v>
      </c>
      <c r="Q491" s="51" t="s">
        <v>5341</v>
      </c>
      <c r="R491" s="54" t="b">
        <v>1</v>
      </c>
      <c r="S491" s="52" t="s">
        <v>7126</v>
      </c>
      <c r="T491" s="67" t="s">
        <v>7127</v>
      </c>
      <c r="U491" s="75" t="s">
        <v>5331</v>
      </c>
      <c r="V491" s="47" t="s">
        <v>5331</v>
      </c>
      <c r="W491" s="47" t="s">
        <v>5331</v>
      </c>
      <c r="X491" s="47" t="s">
        <v>5331</v>
      </c>
      <c r="Y491" s="47" t="s">
        <v>5331</v>
      </c>
      <c r="Z491" s="28"/>
      <c r="AA491" s="27"/>
      <c r="AB491" s="27"/>
      <c r="AC491" s="27"/>
      <c r="AD491" s="30"/>
      <c r="AE491" s="1"/>
      <c r="AF491" s="23" t="s">
        <v>5331</v>
      </c>
      <c r="AG491" s="26"/>
      <c r="AH491" s="53"/>
    </row>
    <row r="492" spans="1:34" ht="51.6" customHeight="1" x14ac:dyDescent="0.45">
      <c r="A492" s="23">
        <v>486</v>
      </c>
      <c r="B492" s="25"/>
      <c r="C492" s="25"/>
      <c r="D492" s="29"/>
      <c r="E492" s="1"/>
      <c r="F492" s="1"/>
      <c r="G492" s="25"/>
      <c r="H492" s="71"/>
      <c r="I492" s="83"/>
      <c r="J492" s="50" t="str">
        <f t="shared" si="16"/>
        <v/>
      </c>
      <c r="K492" s="23" t="s">
        <v>7120</v>
      </c>
      <c r="L492" s="49" t="e">
        <f>VLOOKUP(E492&amp;F492,団体コード!$A$1:$C$1743,3,FALSE)</f>
        <v>#N/A</v>
      </c>
      <c r="M492" s="49" t="e">
        <f>VLOOKUP(E492&amp;F492,団体コード!$A$1:$C$1743,2,FALSE)</f>
        <v>#N/A</v>
      </c>
      <c r="N492" s="51" t="e">
        <f>VLOOKUP(E492,団体コード!$E$1:$F$48,2,FALSE)</f>
        <v>#N/A</v>
      </c>
      <c r="O492" s="51" t="e">
        <f t="shared" si="17"/>
        <v>#N/A</v>
      </c>
      <c r="P492" s="51">
        <v>1</v>
      </c>
      <c r="Q492" s="51" t="s">
        <v>5341</v>
      </c>
      <c r="R492" s="54" t="b">
        <v>1</v>
      </c>
      <c r="S492" s="52" t="s">
        <v>7126</v>
      </c>
      <c r="T492" s="67" t="s">
        <v>7127</v>
      </c>
      <c r="U492" s="75" t="s">
        <v>5331</v>
      </c>
      <c r="V492" s="47" t="s">
        <v>5331</v>
      </c>
      <c r="W492" s="47" t="s">
        <v>5331</v>
      </c>
      <c r="X492" s="47" t="s">
        <v>5331</v>
      </c>
      <c r="Y492" s="47" t="s">
        <v>5331</v>
      </c>
      <c r="Z492" s="28"/>
      <c r="AA492" s="27"/>
      <c r="AB492" s="27"/>
      <c r="AC492" s="27"/>
      <c r="AD492" s="30"/>
      <c r="AE492" s="1"/>
      <c r="AF492" s="23" t="s">
        <v>5331</v>
      </c>
      <c r="AG492" s="26"/>
      <c r="AH492" s="53"/>
    </row>
    <row r="493" spans="1:34" ht="51.6" customHeight="1" x14ac:dyDescent="0.45">
      <c r="A493" s="23">
        <v>487</v>
      </c>
      <c r="B493" s="25"/>
      <c r="C493" s="25"/>
      <c r="D493" s="29"/>
      <c r="E493" s="1"/>
      <c r="F493" s="1"/>
      <c r="G493" s="25"/>
      <c r="H493" s="71"/>
      <c r="I493" s="83"/>
      <c r="J493" s="50" t="str">
        <f t="shared" si="16"/>
        <v/>
      </c>
      <c r="K493" s="23" t="s">
        <v>7120</v>
      </c>
      <c r="L493" s="49" t="e">
        <f>VLOOKUP(E493&amp;F493,団体コード!$A$1:$C$1743,3,FALSE)</f>
        <v>#N/A</v>
      </c>
      <c r="M493" s="49" t="e">
        <f>VLOOKUP(E493&amp;F493,団体コード!$A$1:$C$1743,2,FALSE)</f>
        <v>#N/A</v>
      </c>
      <c r="N493" s="51" t="e">
        <f>VLOOKUP(E493,団体コード!$E$1:$F$48,2,FALSE)</f>
        <v>#N/A</v>
      </c>
      <c r="O493" s="51" t="e">
        <f t="shared" si="17"/>
        <v>#N/A</v>
      </c>
      <c r="P493" s="51">
        <v>1</v>
      </c>
      <c r="Q493" s="51" t="s">
        <v>5341</v>
      </c>
      <c r="R493" s="54" t="b">
        <v>1</v>
      </c>
      <c r="S493" s="52" t="s">
        <v>7126</v>
      </c>
      <c r="T493" s="67" t="s">
        <v>7127</v>
      </c>
      <c r="U493" s="75" t="s">
        <v>5331</v>
      </c>
      <c r="V493" s="47" t="s">
        <v>5331</v>
      </c>
      <c r="W493" s="47" t="s">
        <v>5331</v>
      </c>
      <c r="X493" s="47" t="s">
        <v>5331</v>
      </c>
      <c r="Y493" s="47" t="s">
        <v>5331</v>
      </c>
      <c r="Z493" s="28"/>
      <c r="AA493" s="27"/>
      <c r="AB493" s="27"/>
      <c r="AC493" s="27"/>
      <c r="AD493" s="30"/>
      <c r="AE493" s="1"/>
      <c r="AF493" s="23" t="s">
        <v>5331</v>
      </c>
      <c r="AG493" s="26"/>
      <c r="AH493" s="53"/>
    </row>
    <row r="494" spans="1:34" ht="51.6" customHeight="1" x14ac:dyDescent="0.45">
      <c r="A494" s="23">
        <v>488</v>
      </c>
      <c r="B494" s="25"/>
      <c r="C494" s="25"/>
      <c r="D494" s="29"/>
      <c r="E494" s="1"/>
      <c r="F494" s="1"/>
      <c r="G494" s="25"/>
      <c r="H494" s="71"/>
      <c r="I494" s="83"/>
      <c r="J494" s="50" t="str">
        <f t="shared" si="16"/>
        <v/>
      </c>
      <c r="K494" s="23" t="s">
        <v>7120</v>
      </c>
      <c r="L494" s="49" t="e">
        <f>VLOOKUP(E494&amp;F494,団体コード!$A$1:$C$1743,3,FALSE)</f>
        <v>#N/A</v>
      </c>
      <c r="M494" s="49" t="e">
        <f>VLOOKUP(E494&amp;F494,団体コード!$A$1:$C$1743,2,FALSE)</f>
        <v>#N/A</v>
      </c>
      <c r="N494" s="51" t="e">
        <f>VLOOKUP(E494,団体コード!$E$1:$F$48,2,FALSE)</f>
        <v>#N/A</v>
      </c>
      <c r="O494" s="51" t="e">
        <f t="shared" si="17"/>
        <v>#N/A</v>
      </c>
      <c r="P494" s="51">
        <v>1</v>
      </c>
      <c r="Q494" s="51" t="s">
        <v>5341</v>
      </c>
      <c r="R494" s="54" t="b">
        <v>1</v>
      </c>
      <c r="S494" s="52" t="s">
        <v>7126</v>
      </c>
      <c r="T494" s="67" t="s">
        <v>7127</v>
      </c>
      <c r="U494" s="75" t="s">
        <v>5331</v>
      </c>
      <c r="V494" s="47" t="s">
        <v>5331</v>
      </c>
      <c r="W494" s="47" t="s">
        <v>5331</v>
      </c>
      <c r="X494" s="47" t="s">
        <v>5331</v>
      </c>
      <c r="Y494" s="47" t="s">
        <v>5331</v>
      </c>
      <c r="Z494" s="28"/>
      <c r="AA494" s="27"/>
      <c r="AB494" s="27"/>
      <c r="AC494" s="27"/>
      <c r="AD494" s="30"/>
      <c r="AE494" s="1"/>
      <c r="AF494" s="23" t="s">
        <v>5331</v>
      </c>
      <c r="AG494" s="26"/>
      <c r="AH494" s="53"/>
    </row>
    <row r="495" spans="1:34" ht="51.6" customHeight="1" x14ac:dyDescent="0.45">
      <c r="A495" s="23">
        <v>489</v>
      </c>
      <c r="B495" s="25"/>
      <c r="C495" s="25"/>
      <c r="D495" s="29"/>
      <c r="E495" s="1"/>
      <c r="F495" s="1"/>
      <c r="G495" s="25"/>
      <c r="H495" s="71"/>
      <c r="I495" s="83"/>
      <c r="J495" s="50" t="str">
        <f t="shared" si="16"/>
        <v/>
      </c>
      <c r="K495" s="23" t="s">
        <v>7120</v>
      </c>
      <c r="L495" s="49" t="e">
        <f>VLOOKUP(E495&amp;F495,団体コード!$A$1:$C$1743,3,FALSE)</f>
        <v>#N/A</v>
      </c>
      <c r="M495" s="49" t="e">
        <f>VLOOKUP(E495&amp;F495,団体コード!$A$1:$C$1743,2,FALSE)</f>
        <v>#N/A</v>
      </c>
      <c r="N495" s="51" t="e">
        <f>VLOOKUP(E495,団体コード!$E$1:$F$48,2,FALSE)</f>
        <v>#N/A</v>
      </c>
      <c r="O495" s="51" t="e">
        <f t="shared" si="17"/>
        <v>#N/A</v>
      </c>
      <c r="P495" s="51">
        <v>1</v>
      </c>
      <c r="Q495" s="51" t="s">
        <v>5341</v>
      </c>
      <c r="R495" s="54" t="b">
        <v>1</v>
      </c>
      <c r="S495" s="52" t="s">
        <v>7126</v>
      </c>
      <c r="T495" s="67" t="s">
        <v>7127</v>
      </c>
      <c r="U495" s="75" t="s">
        <v>5331</v>
      </c>
      <c r="V495" s="47" t="s">
        <v>5331</v>
      </c>
      <c r="W495" s="47" t="s">
        <v>5331</v>
      </c>
      <c r="X495" s="47" t="s">
        <v>5331</v>
      </c>
      <c r="Y495" s="47" t="s">
        <v>5331</v>
      </c>
      <c r="Z495" s="28"/>
      <c r="AA495" s="27"/>
      <c r="AB495" s="27"/>
      <c r="AC495" s="27"/>
      <c r="AD495" s="30"/>
      <c r="AE495" s="1"/>
      <c r="AF495" s="23" t="s">
        <v>5331</v>
      </c>
      <c r="AG495" s="26"/>
      <c r="AH495" s="53"/>
    </row>
    <row r="496" spans="1:34" ht="51.6" customHeight="1" x14ac:dyDescent="0.45">
      <c r="A496" s="23">
        <v>490</v>
      </c>
      <c r="B496" s="25"/>
      <c r="C496" s="25"/>
      <c r="D496" s="29"/>
      <c r="E496" s="1"/>
      <c r="F496" s="1"/>
      <c r="G496" s="25"/>
      <c r="H496" s="71"/>
      <c r="I496" s="83"/>
      <c r="J496" s="50" t="str">
        <f t="shared" si="16"/>
        <v/>
      </c>
      <c r="K496" s="23" t="s">
        <v>7120</v>
      </c>
      <c r="L496" s="49" t="e">
        <f>VLOOKUP(E496&amp;F496,団体コード!$A$1:$C$1743,3,FALSE)</f>
        <v>#N/A</v>
      </c>
      <c r="M496" s="49" t="e">
        <f>VLOOKUP(E496&amp;F496,団体コード!$A$1:$C$1743,2,FALSE)</f>
        <v>#N/A</v>
      </c>
      <c r="N496" s="51" t="e">
        <f>VLOOKUP(E496,団体コード!$E$1:$F$48,2,FALSE)</f>
        <v>#N/A</v>
      </c>
      <c r="O496" s="51" t="e">
        <f t="shared" si="17"/>
        <v>#N/A</v>
      </c>
      <c r="P496" s="51">
        <v>1</v>
      </c>
      <c r="Q496" s="51" t="s">
        <v>5341</v>
      </c>
      <c r="R496" s="54" t="b">
        <v>1</v>
      </c>
      <c r="S496" s="52" t="s">
        <v>7126</v>
      </c>
      <c r="T496" s="67" t="s">
        <v>7127</v>
      </c>
      <c r="U496" s="75" t="s">
        <v>5331</v>
      </c>
      <c r="V496" s="47" t="s">
        <v>5331</v>
      </c>
      <c r="W496" s="47" t="s">
        <v>5331</v>
      </c>
      <c r="X496" s="47" t="s">
        <v>5331</v>
      </c>
      <c r="Y496" s="47" t="s">
        <v>5331</v>
      </c>
      <c r="Z496" s="28"/>
      <c r="AA496" s="27"/>
      <c r="AB496" s="27"/>
      <c r="AC496" s="27"/>
      <c r="AD496" s="30"/>
      <c r="AE496" s="1"/>
      <c r="AF496" s="23" t="s">
        <v>5331</v>
      </c>
      <c r="AG496" s="26"/>
      <c r="AH496" s="53"/>
    </row>
    <row r="497" spans="1:34" ht="51.6" customHeight="1" x14ac:dyDescent="0.45">
      <c r="A497" s="23">
        <v>491</v>
      </c>
      <c r="B497" s="25"/>
      <c r="C497" s="25"/>
      <c r="D497" s="29"/>
      <c r="E497" s="1"/>
      <c r="F497" s="1"/>
      <c r="G497" s="25"/>
      <c r="H497" s="71"/>
      <c r="I497" s="83"/>
      <c r="J497" s="50" t="str">
        <f t="shared" si="16"/>
        <v/>
      </c>
      <c r="K497" s="23" t="s">
        <v>7120</v>
      </c>
      <c r="L497" s="49" t="e">
        <f>VLOOKUP(E497&amp;F497,団体コード!$A$1:$C$1743,3,FALSE)</f>
        <v>#N/A</v>
      </c>
      <c r="M497" s="49" t="e">
        <f>VLOOKUP(E497&amp;F497,団体コード!$A$1:$C$1743,2,FALSE)</f>
        <v>#N/A</v>
      </c>
      <c r="N497" s="51" t="e">
        <f>VLOOKUP(E497,団体コード!$E$1:$F$48,2,FALSE)</f>
        <v>#N/A</v>
      </c>
      <c r="O497" s="51" t="e">
        <f t="shared" si="17"/>
        <v>#N/A</v>
      </c>
      <c r="P497" s="51">
        <v>1</v>
      </c>
      <c r="Q497" s="51" t="s">
        <v>5341</v>
      </c>
      <c r="R497" s="54" t="b">
        <v>1</v>
      </c>
      <c r="S497" s="52" t="s">
        <v>7126</v>
      </c>
      <c r="T497" s="67" t="s">
        <v>7127</v>
      </c>
      <c r="U497" s="75" t="s">
        <v>5331</v>
      </c>
      <c r="V497" s="47" t="s">
        <v>5331</v>
      </c>
      <c r="W497" s="47" t="s">
        <v>5331</v>
      </c>
      <c r="X497" s="47" t="s">
        <v>5331</v>
      </c>
      <c r="Y497" s="47" t="s">
        <v>5331</v>
      </c>
      <c r="Z497" s="28"/>
      <c r="AA497" s="27"/>
      <c r="AB497" s="27"/>
      <c r="AC497" s="27"/>
      <c r="AD497" s="30"/>
      <c r="AE497" s="1"/>
      <c r="AF497" s="23" t="s">
        <v>5331</v>
      </c>
      <c r="AG497" s="26"/>
      <c r="AH497" s="53"/>
    </row>
    <row r="498" spans="1:34" ht="51.6" customHeight="1" x14ac:dyDescent="0.45">
      <c r="A498" s="23">
        <v>492</v>
      </c>
      <c r="B498" s="25"/>
      <c r="C498" s="25"/>
      <c r="D498" s="29"/>
      <c r="E498" s="1"/>
      <c r="F498" s="1"/>
      <c r="G498" s="25"/>
      <c r="H498" s="71"/>
      <c r="I498" s="83"/>
      <c r="J498" s="50" t="str">
        <f t="shared" si="16"/>
        <v/>
      </c>
      <c r="K498" s="23" t="s">
        <v>7120</v>
      </c>
      <c r="L498" s="49" t="e">
        <f>VLOOKUP(E498&amp;F498,団体コード!$A$1:$C$1743,3,FALSE)</f>
        <v>#N/A</v>
      </c>
      <c r="M498" s="49" t="e">
        <f>VLOOKUP(E498&amp;F498,団体コード!$A$1:$C$1743,2,FALSE)</f>
        <v>#N/A</v>
      </c>
      <c r="N498" s="51" t="e">
        <f>VLOOKUP(E498,団体コード!$E$1:$F$48,2,FALSE)</f>
        <v>#N/A</v>
      </c>
      <c r="O498" s="51" t="e">
        <f t="shared" si="17"/>
        <v>#N/A</v>
      </c>
      <c r="P498" s="51">
        <v>1</v>
      </c>
      <c r="Q498" s="51" t="s">
        <v>5341</v>
      </c>
      <c r="R498" s="54" t="b">
        <v>1</v>
      </c>
      <c r="S498" s="52" t="s">
        <v>7126</v>
      </c>
      <c r="T498" s="67" t="s">
        <v>7127</v>
      </c>
      <c r="U498" s="75" t="s">
        <v>5331</v>
      </c>
      <c r="V498" s="47" t="s">
        <v>5331</v>
      </c>
      <c r="W498" s="47" t="s">
        <v>5331</v>
      </c>
      <c r="X498" s="47" t="s">
        <v>5331</v>
      </c>
      <c r="Y498" s="47" t="s">
        <v>5331</v>
      </c>
      <c r="Z498" s="28"/>
      <c r="AA498" s="27"/>
      <c r="AB498" s="27"/>
      <c r="AC498" s="27"/>
      <c r="AD498" s="30"/>
      <c r="AE498" s="1"/>
      <c r="AF498" s="23" t="s">
        <v>5331</v>
      </c>
      <c r="AG498" s="26"/>
      <c r="AH498" s="53"/>
    </row>
    <row r="499" spans="1:34" ht="51.6" customHeight="1" x14ac:dyDescent="0.45">
      <c r="A499" s="23">
        <v>493</v>
      </c>
      <c r="B499" s="25"/>
      <c r="C499" s="25"/>
      <c r="D499" s="29"/>
      <c r="E499" s="1"/>
      <c r="F499" s="1"/>
      <c r="G499" s="25"/>
      <c r="H499" s="71"/>
      <c r="I499" s="83"/>
      <c r="J499" s="50" t="str">
        <f t="shared" si="16"/>
        <v/>
      </c>
      <c r="K499" s="23" t="s">
        <v>7120</v>
      </c>
      <c r="L499" s="49" t="e">
        <f>VLOOKUP(E499&amp;F499,団体コード!$A$1:$C$1743,3,FALSE)</f>
        <v>#N/A</v>
      </c>
      <c r="M499" s="49" t="e">
        <f>VLOOKUP(E499&amp;F499,団体コード!$A$1:$C$1743,2,FALSE)</f>
        <v>#N/A</v>
      </c>
      <c r="N499" s="51" t="e">
        <f>VLOOKUP(E499,団体コード!$E$1:$F$48,2,FALSE)</f>
        <v>#N/A</v>
      </c>
      <c r="O499" s="51" t="e">
        <f t="shared" si="17"/>
        <v>#N/A</v>
      </c>
      <c r="P499" s="51">
        <v>1</v>
      </c>
      <c r="Q499" s="51" t="s">
        <v>5341</v>
      </c>
      <c r="R499" s="54" t="b">
        <v>1</v>
      </c>
      <c r="S499" s="52" t="s">
        <v>7126</v>
      </c>
      <c r="T499" s="67" t="s">
        <v>7127</v>
      </c>
      <c r="U499" s="75" t="s">
        <v>5331</v>
      </c>
      <c r="V499" s="47" t="s">
        <v>5331</v>
      </c>
      <c r="W499" s="47" t="s">
        <v>5331</v>
      </c>
      <c r="X499" s="47" t="s">
        <v>5331</v>
      </c>
      <c r="Y499" s="47" t="s">
        <v>5331</v>
      </c>
      <c r="Z499" s="28"/>
      <c r="AA499" s="27"/>
      <c r="AB499" s="27"/>
      <c r="AC499" s="27"/>
      <c r="AD499" s="30"/>
      <c r="AE499" s="1"/>
      <c r="AF499" s="23" t="s">
        <v>5331</v>
      </c>
      <c r="AG499" s="26"/>
      <c r="AH499" s="53"/>
    </row>
    <row r="500" spans="1:34" ht="51.6" customHeight="1" x14ac:dyDescent="0.45">
      <c r="A500" s="23">
        <v>494</v>
      </c>
      <c r="B500" s="25"/>
      <c r="C500" s="25"/>
      <c r="D500" s="29"/>
      <c r="E500" s="1"/>
      <c r="F500" s="1"/>
      <c r="G500" s="25"/>
      <c r="H500" s="71"/>
      <c r="I500" s="83"/>
      <c r="J500" s="50" t="str">
        <f t="shared" si="16"/>
        <v/>
      </c>
      <c r="K500" s="23" t="s">
        <v>7120</v>
      </c>
      <c r="L500" s="49" t="e">
        <f>VLOOKUP(E500&amp;F500,団体コード!$A$1:$C$1743,3,FALSE)</f>
        <v>#N/A</v>
      </c>
      <c r="M500" s="49" t="e">
        <f>VLOOKUP(E500&amp;F500,団体コード!$A$1:$C$1743,2,FALSE)</f>
        <v>#N/A</v>
      </c>
      <c r="N500" s="51" t="e">
        <f>VLOOKUP(E500,団体コード!$E$1:$F$48,2,FALSE)</f>
        <v>#N/A</v>
      </c>
      <c r="O500" s="51" t="e">
        <f t="shared" si="17"/>
        <v>#N/A</v>
      </c>
      <c r="P500" s="51">
        <v>1</v>
      </c>
      <c r="Q500" s="51" t="s">
        <v>5341</v>
      </c>
      <c r="R500" s="54" t="b">
        <v>1</v>
      </c>
      <c r="S500" s="52" t="s">
        <v>7126</v>
      </c>
      <c r="T500" s="67" t="s">
        <v>7127</v>
      </c>
      <c r="U500" s="75" t="s">
        <v>5331</v>
      </c>
      <c r="V500" s="47" t="s">
        <v>5331</v>
      </c>
      <c r="W500" s="47" t="s">
        <v>5331</v>
      </c>
      <c r="X500" s="47" t="s">
        <v>5331</v>
      </c>
      <c r="Y500" s="47" t="s">
        <v>5331</v>
      </c>
      <c r="Z500" s="28"/>
      <c r="AA500" s="27"/>
      <c r="AB500" s="27"/>
      <c r="AC500" s="27"/>
      <c r="AD500" s="30"/>
      <c r="AE500" s="1"/>
      <c r="AF500" s="23" t="s">
        <v>5331</v>
      </c>
      <c r="AG500" s="26"/>
      <c r="AH500" s="53"/>
    </row>
    <row r="501" spans="1:34" ht="51.6" customHeight="1" x14ac:dyDescent="0.45">
      <c r="A501" s="23">
        <v>495</v>
      </c>
      <c r="B501" s="25"/>
      <c r="C501" s="25"/>
      <c r="D501" s="29"/>
      <c r="E501" s="1"/>
      <c r="F501" s="1"/>
      <c r="G501" s="25"/>
      <c r="H501" s="71"/>
      <c r="I501" s="83"/>
      <c r="J501" s="50" t="str">
        <f t="shared" si="16"/>
        <v/>
      </c>
      <c r="K501" s="23" t="s">
        <v>7120</v>
      </c>
      <c r="L501" s="49" t="e">
        <f>VLOOKUP(E501&amp;F501,団体コード!$A$1:$C$1743,3,FALSE)</f>
        <v>#N/A</v>
      </c>
      <c r="M501" s="49" t="e">
        <f>VLOOKUP(E501&amp;F501,団体コード!$A$1:$C$1743,2,FALSE)</f>
        <v>#N/A</v>
      </c>
      <c r="N501" s="51" t="e">
        <f>VLOOKUP(E501,団体コード!$E$1:$F$48,2,FALSE)</f>
        <v>#N/A</v>
      </c>
      <c r="O501" s="51" t="e">
        <f t="shared" si="17"/>
        <v>#N/A</v>
      </c>
      <c r="P501" s="51">
        <v>1</v>
      </c>
      <c r="Q501" s="51" t="s">
        <v>5341</v>
      </c>
      <c r="R501" s="54" t="b">
        <v>1</v>
      </c>
      <c r="S501" s="52" t="s">
        <v>7126</v>
      </c>
      <c r="T501" s="67" t="s">
        <v>7127</v>
      </c>
      <c r="U501" s="75" t="s">
        <v>5331</v>
      </c>
      <c r="V501" s="47" t="s">
        <v>5331</v>
      </c>
      <c r="W501" s="47" t="s">
        <v>5331</v>
      </c>
      <c r="X501" s="47" t="s">
        <v>5331</v>
      </c>
      <c r="Y501" s="47" t="s">
        <v>5331</v>
      </c>
      <c r="Z501" s="28"/>
      <c r="AA501" s="27"/>
      <c r="AB501" s="27"/>
      <c r="AC501" s="27"/>
      <c r="AD501" s="30"/>
      <c r="AE501" s="1"/>
      <c r="AF501" s="23" t="s">
        <v>5331</v>
      </c>
      <c r="AG501" s="26"/>
      <c r="AH501" s="53"/>
    </row>
    <row r="502" spans="1:34" ht="51.6" customHeight="1" x14ac:dyDescent="0.45">
      <c r="A502" s="23">
        <v>496</v>
      </c>
      <c r="B502" s="25"/>
      <c r="C502" s="25"/>
      <c r="D502" s="29"/>
      <c r="E502" s="1"/>
      <c r="F502" s="1"/>
      <c r="G502" s="25"/>
      <c r="H502" s="71"/>
      <c r="I502" s="83"/>
      <c r="J502" s="50" t="str">
        <f t="shared" si="16"/>
        <v/>
      </c>
      <c r="K502" s="23" t="s">
        <v>7120</v>
      </c>
      <c r="L502" s="49" t="e">
        <f>VLOOKUP(E502&amp;F502,団体コード!$A$1:$C$1743,3,FALSE)</f>
        <v>#N/A</v>
      </c>
      <c r="M502" s="49" t="e">
        <f>VLOOKUP(E502&amp;F502,団体コード!$A$1:$C$1743,2,FALSE)</f>
        <v>#N/A</v>
      </c>
      <c r="N502" s="51" t="e">
        <f>VLOOKUP(E502,団体コード!$E$1:$F$48,2,FALSE)</f>
        <v>#N/A</v>
      </c>
      <c r="O502" s="51" t="e">
        <f t="shared" si="17"/>
        <v>#N/A</v>
      </c>
      <c r="P502" s="51">
        <v>1</v>
      </c>
      <c r="Q502" s="51" t="s">
        <v>5341</v>
      </c>
      <c r="R502" s="54" t="b">
        <v>1</v>
      </c>
      <c r="S502" s="52" t="s">
        <v>7126</v>
      </c>
      <c r="T502" s="67" t="s">
        <v>7127</v>
      </c>
      <c r="U502" s="75" t="s">
        <v>5331</v>
      </c>
      <c r="V502" s="47" t="s">
        <v>5331</v>
      </c>
      <c r="W502" s="47" t="s">
        <v>5331</v>
      </c>
      <c r="X502" s="47" t="s">
        <v>5331</v>
      </c>
      <c r="Y502" s="47" t="s">
        <v>5331</v>
      </c>
      <c r="Z502" s="28"/>
      <c r="AA502" s="27"/>
      <c r="AB502" s="27"/>
      <c r="AC502" s="27"/>
      <c r="AD502" s="30"/>
      <c r="AE502" s="1"/>
      <c r="AF502" s="23" t="s">
        <v>5331</v>
      </c>
      <c r="AG502" s="26"/>
      <c r="AH502" s="53"/>
    </row>
    <row r="503" spans="1:34" ht="51.6" customHeight="1" x14ac:dyDescent="0.45">
      <c r="A503" s="23">
        <v>497</v>
      </c>
      <c r="B503" s="25"/>
      <c r="C503" s="25"/>
      <c r="D503" s="29"/>
      <c r="E503" s="1"/>
      <c r="F503" s="1"/>
      <c r="G503" s="25"/>
      <c r="H503" s="71"/>
      <c r="I503" s="83"/>
      <c r="J503" s="50" t="str">
        <f t="shared" si="16"/>
        <v/>
      </c>
      <c r="K503" s="23" t="s">
        <v>7120</v>
      </c>
      <c r="L503" s="49" t="e">
        <f>VLOOKUP(E503&amp;F503,団体コード!$A$1:$C$1743,3,FALSE)</f>
        <v>#N/A</v>
      </c>
      <c r="M503" s="49" t="e">
        <f>VLOOKUP(E503&amp;F503,団体コード!$A$1:$C$1743,2,FALSE)</f>
        <v>#N/A</v>
      </c>
      <c r="N503" s="51" t="e">
        <f>VLOOKUP(E503,団体コード!$E$1:$F$48,2,FALSE)</f>
        <v>#N/A</v>
      </c>
      <c r="O503" s="51" t="e">
        <f t="shared" si="17"/>
        <v>#N/A</v>
      </c>
      <c r="P503" s="51">
        <v>1</v>
      </c>
      <c r="Q503" s="51" t="s">
        <v>5341</v>
      </c>
      <c r="R503" s="54" t="b">
        <v>1</v>
      </c>
      <c r="S503" s="52" t="s">
        <v>7126</v>
      </c>
      <c r="T503" s="67" t="s">
        <v>7127</v>
      </c>
      <c r="U503" s="75" t="s">
        <v>5331</v>
      </c>
      <c r="V503" s="47" t="s">
        <v>5331</v>
      </c>
      <c r="W503" s="47" t="s">
        <v>5331</v>
      </c>
      <c r="X503" s="47" t="s">
        <v>5331</v>
      </c>
      <c r="Y503" s="47" t="s">
        <v>5331</v>
      </c>
      <c r="Z503" s="28"/>
      <c r="AA503" s="27"/>
      <c r="AB503" s="27"/>
      <c r="AC503" s="27"/>
      <c r="AD503" s="30"/>
      <c r="AE503" s="1"/>
      <c r="AF503" s="23" t="s">
        <v>5331</v>
      </c>
      <c r="AG503" s="26"/>
      <c r="AH503" s="53"/>
    </row>
    <row r="504" spans="1:34" ht="51.6" customHeight="1" x14ac:dyDescent="0.45">
      <c r="A504" s="23">
        <v>498</v>
      </c>
      <c r="B504" s="25"/>
      <c r="C504" s="25"/>
      <c r="D504" s="29"/>
      <c r="E504" s="1"/>
      <c r="F504" s="1"/>
      <c r="G504" s="25"/>
      <c r="H504" s="71"/>
      <c r="I504" s="83"/>
      <c r="J504" s="50" t="str">
        <f t="shared" si="16"/>
        <v/>
      </c>
      <c r="K504" s="23" t="s">
        <v>7120</v>
      </c>
      <c r="L504" s="49" t="e">
        <f>VLOOKUP(E504&amp;F504,団体コード!$A$1:$C$1743,3,FALSE)</f>
        <v>#N/A</v>
      </c>
      <c r="M504" s="49" t="e">
        <f>VLOOKUP(E504&amp;F504,団体コード!$A$1:$C$1743,2,FALSE)</f>
        <v>#N/A</v>
      </c>
      <c r="N504" s="51" t="e">
        <f>VLOOKUP(E504,団体コード!$E$1:$F$48,2,FALSE)</f>
        <v>#N/A</v>
      </c>
      <c r="O504" s="51" t="e">
        <f t="shared" si="17"/>
        <v>#N/A</v>
      </c>
      <c r="P504" s="51">
        <v>1</v>
      </c>
      <c r="Q504" s="51" t="s">
        <v>5341</v>
      </c>
      <c r="R504" s="54" t="b">
        <v>1</v>
      </c>
      <c r="S504" s="52" t="s">
        <v>7126</v>
      </c>
      <c r="T504" s="67" t="s">
        <v>7127</v>
      </c>
      <c r="U504" s="75" t="s">
        <v>5331</v>
      </c>
      <c r="V504" s="47" t="s">
        <v>5331</v>
      </c>
      <c r="W504" s="47" t="s">
        <v>5331</v>
      </c>
      <c r="X504" s="47" t="s">
        <v>5331</v>
      </c>
      <c r="Y504" s="47" t="s">
        <v>5331</v>
      </c>
      <c r="Z504" s="28"/>
      <c r="AA504" s="27"/>
      <c r="AB504" s="27"/>
      <c r="AC504" s="27"/>
      <c r="AD504" s="30"/>
      <c r="AE504" s="1"/>
      <c r="AF504" s="23" t="s">
        <v>5331</v>
      </c>
      <c r="AG504" s="26"/>
      <c r="AH504" s="53"/>
    </row>
    <row r="505" spans="1:34" ht="51.6" customHeight="1" x14ac:dyDescent="0.45">
      <c r="A505" s="23">
        <v>499</v>
      </c>
      <c r="B505" s="25"/>
      <c r="C505" s="25"/>
      <c r="D505" s="29"/>
      <c r="E505" s="1"/>
      <c r="F505" s="1"/>
      <c r="G505" s="25"/>
      <c r="H505" s="71"/>
      <c r="I505" s="83"/>
      <c r="J505" s="50" t="str">
        <f t="shared" si="16"/>
        <v/>
      </c>
      <c r="K505" s="23" t="s">
        <v>7120</v>
      </c>
      <c r="L505" s="49" t="e">
        <f>VLOOKUP(E505&amp;F505,団体コード!$A$1:$C$1743,3,FALSE)</f>
        <v>#N/A</v>
      </c>
      <c r="M505" s="49" t="e">
        <f>VLOOKUP(E505&amp;F505,団体コード!$A$1:$C$1743,2,FALSE)</f>
        <v>#N/A</v>
      </c>
      <c r="N505" s="51" t="e">
        <f>VLOOKUP(E505,団体コード!$E$1:$F$48,2,FALSE)</f>
        <v>#N/A</v>
      </c>
      <c r="O505" s="51" t="e">
        <f t="shared" si="17"/>
        <v>#N/A</v>
      </c>
      <c r="P505" s="51">
        <v>1</v>
      </c>
      <c r="Q505" s="51" t="s">
        <v>5341</v>
      </c>
      <c r="R505" s="54" t="b">
        <v>1</v>
      </c>
      <c r="S505" s="52" t="s">
        <v>7126</v>
      </c>
      <c r="T505" s="67" t="s">
        <v>7127</v>
      </c>
      <c r="U505" s="75" t="s">
        <v>5331</v>
      </c>
      <c r="V505" s="47" t="s">
        <v>5331</v>
      </c>
      <c r="W505" s="47" t="s">
        <v>5331</v>
      </c>
      <c r="X505" s="47" t="s">
        <v>5331</v>
      </c>
      <c r="Y505" s="47" t="s">
        <v>5331</v>
      </c>
      <c r="Z505" s="28"/>
      <c r="AA505" s="27"/>
      <c r="AB505" s="27"/>
      <c r="AC505" s="27"/>
      <c r="AD505" s="30"/>
      <c r="AE505" s="1"/>
      <c r="AF505" s="23" t="s">
        <v>5331</v>
      </c>
      <c r="AG505" s="26"/>
      <c r="AH505" s="53"/>
    </row>
    <row r="506" spans="1:34" ht="51.6" customHeight="1" x14ac:dyDescent="0.45">
      <c r="A506" s="23">
        <v>500</v>
      </c>
      <c r="B506" s="25"/>
      <c r="C506" s="25"/>
      <c r="D506" s="29"/>
      <c r="E506" s="1"/>
      <c r="F506" s="1"/>
      <c r="G506" s="25"/>
      <c r="H506" s="71"/>
      <c r="I506" s="83"/>
      <c r="J506" s="50" t="str">
        <f t="shared" si="16"/>
        <v/>
      </c>
      <c r="K506" s="23" t="s">
        <v>7120</v>
      </c>
      <c r="L506" s="49" t="e">
        <f>VLOOKUP(E506&amp;F506,団体コード!$A$1:$C$1743,3,FALSE)</f>
        <v>#N/A</v>
      </c>
      <c r="M506" s="49" t="e">
        <f>VLOOKUP(E506&amp;F506,団体コード!$A$1:$C$1743,2,FALSE)</f>
        <v>#N/A</v>
      </c>
      <c r="N506" s="51" t="e">
        <f>VLOOKUP(E506,団体コード!$E$1:$F$48,2,FALSE)</f>
        <v>#N/A</v>
      </c>
      <c r="O506" s="51" t="e">
        <f t="shared" si="17"/>
        <v>#N/A</v>
      </c>
      <c r="P506" s="51">
        <v>1</v>
      </c>
      <c r="Q506" s="51" t="s">
        <v>5341</v>
      </c>
      <c r="R506" s="54" t="b">
        <v>1</v>
      </c>
      <c r="S506" s="52" t="s">
        <v>7126</v>
      </c>
      <c r="T506" s="67" t="s">
        <v>7127</v>
      </c>
      <c r="U506" s="75" t="s">
        <v>5331</v>
      </c>
      <c r="V506" s="47" t="s">
        <v>5331</v>
      </c>
      <c r="W506" s="47" t="s">
        <v>5331</v>
      </c>
      <c r="X506" s="47" t="s">
        <v>5331</v>
      </c>
      <c r="Y506" s="47" t="s">
        <v>5331</v>
      </c>
      <c r="Z506" s="28"/>
      <c r="AA506" s="27"/>
      <c r="AB506" s="27"/>
      <c r="AC506" s="27"/>
      <c r="AD506" s="30"/>
      <c r="AE506" s="1"/>
      <c r="AF506" s="23" t="s">
        <v>5331</v>
      </c>
      <c r="AG506" s="26"/>
      <c r="AH506" s="53"/>
    </row>
    <row r="507" spans="1:34" ht="51.6" customHeight="1" x14ac:dyDescent="0.45">
      <c r="A507" s="23">
        <v>501</v>
      </c>
      <c r="B507" s="25"/>
      <c r="C507" s="25"/>
      <c r="D507" s="29"/>
      <c r="E507" s="1"/>
      <c r="F507" s="1"/>
      <c r="G507" s="25"/>
      <c r="H507" s="71"/>
      <c r="I507" s="83"/>
      <c r="J507" s="50" t="str">
        <f t="shared" si="16"/>
        <v/>
      </c>
      <c r="K507" s="23" t="s">
        <v>7120</v>
      </c>
      <c r="L507" s="49" t="e">
        <f>VLOOKUP(E507&amp;F507,団体コード!$A$1:$C$1743,3,FALSE)</f>
        <v>#N/A</v>
      </c>
      <c r="M507" s="49" t="e">
        <f>VLOOKUP(E507&amp;F507,団体コード!$A$1:$C$1743,2,FALSE)</f>
        <v>#N/A</v>
      </c>
      <c r="N507" s="51" t="e">
        <f>VLOOKUP(E507,団体コード!$E$1:$F$48,2,FALSE)</f>
        <v>#N/A</v>
      </c>
      <c r="O507" s="51" t="e">
        <f t="shared" si="17"/>
        <v>#N/A</v>
      </c>
      <c r="P507" s="51">
        <v>1</v>
      </c>
      <c r="Q507" s="51" t="s">
        <v>5341</v>
      </c>
      <c r="R507" s="54" t="b">
        <v>1</v>
      </c>
      <c r="S507" s="52" t="s">
        <v>7126</v>
      </c>
      <c r="T507" s="67" t="s">
        <v>7127</v>
      </c>
      <c r="U507" s="75" t="s">
        <v>5331</v>
      </c>
      <c r="V507" s="47" t="s">
        <v>5331</v>
      </c>
      <c r="W507" s="47" t="s">
        <v>5331</v>
      </c>
      <c r="X507" s="47" t="s">
        <v>5331</v>
      </c>
      <c r="Y507" s="47" t="s">
        <v>5331</v>
      </c>
      <c r="Z507" s="28"/>
      <c r="AA507" s="27"/>
      <c r="AB507" s="27"/>
      <c r="AC507" s="27"/>
      <c r="AD507" s="30"/>
      <c r="AE507" s="1"/>
      <c r="AF507" s="23" t="s">
        <v>5331</v>
      </c>
      <c r="AG507" s="26"/>
      <c r="AH507" s="53"/>
    </row>
    <row r="508" spans="1:34" ht="51.6" customHeight="1" x14ac:dyDescent="0.45">
      <c r="A508" s="23">
        <v>502</v>
      </c>
      <c r="B508" s="25"/>
      <c r="C508" s="25"/>
      <c r="D508" s="29"/>
      <c r="E508" s="1"/>
      <c r="F508" s="1"/>
      <c r="G508" s="25"/>
      <c r="H508" s="71"/>
      <c r="I508" s="83"/>
      <c r="J508" s="50" t="str">
        <f t="shared" si="16"/>
        <v/>
      </c>
      <c r="K508" s="23" t="s">
        <v>7120</v>
      </c>
      <c r="L508" s="49" t="e">
        <f>VLOOKUP(E508&amp;F508,団体コード!$A$1:$C$1743,3,FALSE)</f>
        <v>#N/A</v>
      </c>
      <c r="M508" s="49" t="e">
        <f>VLOOKUP(E508&amp;F508,団体コード!$A$1:$C$1743,2,FALSE)</f>
        <v>#N/A</v>
      </c>
      <c r="N508" s="51" t="e">
        <f>VLOOKUP(E508,団体コード!$E$1:$F$48,2,FALSE)</f>
        <v>#N/A</v>
      </c>
      <c r="O508" s="51" t="e">
        <f t="shared" si="17"/>
        <v>#N/A</v>
      </c>
      <c r="P508" s="51">
        <v>1</v>
      </c>
      <c r="Q508" s="51" t="s">
        <v>5341</v>
      </c>
      <c r="R508" s="54" t="b">
        <v>1</v>
      </c>
      <c r="S508" s="52" t="s">
        <v>7126</v>
      </c>
      <c r="T508" s="67" t="s">
        <v>7127</v>
      </c>
      <c r="U508" s="75" t="s">
        <v>5331</v>
      </c>
      <c r="V508" s="47" t="s">
        <v>5331</v>
      </c>
      <c r="W508" s="47" t="s">
        <v>5331</v>
      </c>
      <c r="X508" s="47" t="s">
        <v>5331</v>
      </c>
      <c r="Y508" s="47" t="s">
        <v>5331</v>
      </c>
      <c r="Z508" s="28"/>
      <c r="AA508" s="27"/>
      <c r="AB508" s="27"/>
      <c r="AC508" s="27"/>
      <c r="AD508" s="30"/>
      <c r="AE508" s="1"/>
      <c r="AF508" s="23" t="s">
        <v>5331</v>
      </c>
      <c r="AG508" s="26"/>
      <c r="AH508" s="53"/>
    </row>
    <row r="509" spans="1:34" ht="51.6" customHeight="1" x14ac:dyDescent="0.45">
      <c r="A509" s="23">
        <v>503</v>
      </c>
      <c r="B509" s="25"/>
      <c r="C509" s="25"/>
      <c r="D509" s="29"/>
      <c r="E509" s="1"/>
      <c r="F509" s="1"/>
      <c r="G509" s="25"/>
      <c r="H509" s="71"/>
      <c r="I509" s="83"/>
      <c r="J509" s="50" t="str">
        <f t="shared" si="16"/>
        <v/>
      </c>
      <c r="K509" s="23" t="s">
        <v>7120</v>
      </c>
      <c r="L509" s="49" t="e">
        <f>VLOOKUP(E509&amp;F509,団体コード!$A$1:$C$1743,3,FALSE)</f>
        <v>#N/A</v>
      </c>
      <c r="M509" s="49" t="e">
        <f>VLOOKUP(E509&amp;F509,団体コード!$A$1:$C$1743,2,FALSE)</f>
        <v>#N/A</v>
      </c>
      <c r="N509" s="51" t="e">
        <f>VLOOKUP(E509,団体コード!$E$1:$F$48,2,FALSE)</f>
        <v>#N/A</v>
      </c>
      <c r="O509" s="51" t="e">
        <f t="shared" si="17"/>
        <v>#N/A</v>
      </c>
      <c r="P509" s="51">
        <v>1</v>
      </c>
      <c r="Q509" s="51" t="s">
        <v>5341</v>
      </c>
      <c r="R509" s="54" t="b">
        <v>1</v>
      </c>
      <c r="S509" s="52" t="s">
        <v>7126</v>
      </c>
      <c r="T509" s="67" t="s">
        <v>7127</v>
      </c>
      <c r="U509" s="75" t="s">
        <v>5331</v>
      </c>
      <c r="V509" s="47" t="s">
        <v>5331</v>
      </c>
      <c r="W509" s="47" t="s">
        <v>5331</v>
      </c>
      <c r="X509" s="47" t="s">
        <v>5331</v>
      </c>
      <c r="Y509" s="47" t="s">
        <v>5331</v>
      </c>
      <c r="Z509" s="28"/>
      <c r="AA509" s="27"/>
      <c r="AB509" s="27"/>
      <c r="AC509" s="27"/>
      <c r="AD509" s="30"/>
      <c r="AE509" s="1"/>
      <c r="AF509" s="23" t="s">
        <v>5331</v>
      </c>
      <c r="AG509" s="26"/>
      <c r="AH509" s="53"/>
    </row>
    <row r="510" spans="1:34" ht="51.6" customHeight="1" x14ac:dyDescent="0.45">
      <c r="A510" s="23">
        <v>504</v>
      </c>
      <c r="B510" s="25"/>
      <c r="C510" s="25"/>
      <c r="D510" s="29"/>
      <c r="E510" s="1"/>
      <c r="F510" s="1"/>
      <c r="G510" s="25"/>
      <c r="H510" s="71"/>
      <c r="I510" s="83"/>
      <c r="J510" s="50" t="str">
        <f t="shared" si="16"/>
        <v/>
      </c>
      <c r="K510" s="23" t="s">
        <v>7120</v>
      </c>
      <c r="L510" s="49" t="e">
        <f>VLOOKUP(E510&amp;F510,団体コード!$A$1:$C$1743,3,FALSE)</f>
        <v>#N/A</v>
      </c>
      <c r="M510" s="49" t="e">
        <f>VLOOKUP(E510&amp;F510,団体コード!$A$1:$C$1743,2,FALSE)</f>
        <v>#N/A</v>
      </c>
      <c r="N510" s="51" t="e">
        <f>VLOOKUP(E510,団体コード!$E$1:$F$48,2,FALSE)</f>
        <v>#N/A</v>
      </c>
      <c r="O510" s="51" t="e">
        <f t="shared" si="17"/>
        <v>#N/A</v>
      </c>
      <c r="P510" s="51">
        <v>1</v>
      </c>
      <c r="Q510" s="51" t="s">
        <v>5341</v>
      </c>
      <c r="R510" s="54" t="b">
        <v>1</v>
      </c>
      <c r="S510" s="52" t="s">
        <v>7126</v>
      </c>
      <c r="T510" s="67" t="s">
        <v>7127</v>
      </c>
      <c r="U510" s="75" t="s">
        <v>5331</v>
      </c>
      <c r="V510" s="47" t="s">
        <v>5331</v>
      </c>
      <c r="W510" s="47" t="s">
        <v>5331</v>
      </c>
      <c r="X510" s="47" t="s">
        <v>5331</v>
      </c>
      <c r="Y510" s="47" t="s">
        <v>5331</v>
      </c>
      <c r="Z510" s="28"/>
      <c r="AA510" s="27"/>
      <c r="AB510" s="27"/>
      <c r="AC510" s="27"/>
      <c r="AD510" s="30"/>
      <c r="AE510" s="1"/>
      <c r="AF510" s="23" t="s">
        <v>5331</v>
      </c>
      <c r="AG510" s="26"/>
      <c r="AH510" s="53"/>
    </row>
    <row r="511" spans="1:34" ht="51.6" customHeight="1" x14ac:dyDescent="0.45">
      <c r="A511" s="23">
        <v>505</v>
      </c>
      <c r="B511" s="25"/>
      <c r="C511" s="25"/>
      <c r="D511" s="29"/>
      <c r="E511" s="1"/>
      <c r="F511" s="1"/>
      <c r="G511" s="25"/>
      <c r="H511" s="71"/>
      <c r="I511" s="83"/>
      <c r="J511" s="50" t="str">
        <f t="shared" si="16"/>
        <v/>
      </c>
      <c r="K511" s="23" t="s">
        <v>7120</v>
      </c>
      <c r="L511" s="49" t="e">
        <f>VLOOKUP(E511&amp;F511,団体コード!$A$1:$C$1743,3,FALSE)</f>
        <v>#N/A</v>
      </c>
      <c r="M511" s="49" t="e">
        <f>VLOOKUP(E511&amp;F511,団体コード!$A$1:$C$1743,2,FALSE)</f>
        <v>#N/A</v>
      </c>
      <c r="N511" s="51" t="e">
        <f>VLOOKUP(E511,団体コード!$E$1:$F$48,2,FALSE)</f>
        <v>#N/A</v>
      </c>
      <c r="O511" s="51" t="e">
        <f t="shared" si="17"/>
        <v>#N/A</v>
      </c>
      <c r="P511" s="51">
        <v>1</v>
      </c>
      <c r="Q511" s="51" t="s">
        <v>5341</v>
      </c>
      <c r="R511" s="54" t="b">
        <v>1</v>
      </c>
      <c r="S511" s="52" t="s">
        <v>7126</v>
      </c>
      <c r="T511" s="67" t="s">
        <v>7127</v>
      </c>
      <c r="U511" s="75" t="s">
        <v>5331</v>
      </c>
      <c r="V511" s="47" t="s">
        <v>5331</v>
      </c>
      <c r="W511" s="47" t="s">
        <v>5331</v>
      </c>
      <c r="X511" s="47" t="s">
        <v>5331</v>
      </c>
      <c r="Y511" s="47" t="s">
        <v>5331</v>
      </c>
      <c r="Z511" s="28"/>
      <c r="AA511" s="27"/>
      <c r="AB511" s="27"/>
      <c r="AC511" s="27"/>
      <c r="AD511" s="30"/>
      <c r="AE511" s="1"/>
      <c r="AF511" s="23" t="s">
        <v>5331</v>
      </c>
      <c r="AG511" s="26"/>
      <c r="AH511" s="53"/>
    </row>
    <row r="512" spans="1:34" ht="51.6" customHeight="1" x14ac:dyDescent="0.45">
      <c r="A512" s="23">
        <v>506</v>
      </c>
      <c r="B512" s="25"/>
      <c r="C512" s="25"/>
      <c r="D512" s="29"/>
      <c r="E512" s="1"/>
      <c r="F512" s="1"/>
      <c r="G512" s="25"/>
      <c r="H512" s="71"/>
      <c r="I512" s="83"/>
      <c r="J512" s="50" t="str">
        <f t="shared" si="16"/>
        <v/>
      </c>
      <c r="K512" s="23" t="s">
        <v>7120</v>
      </c>
      <c r="L512" s="49" t="e">
        <f>VLOOKUP(E512&amp;F512,団体コード!$A$1:$C$1743,3,FALSE)</f>
        <v>#N/A</v>
      </c>
      <c r="M512" s="49" t="e">
        <f>VLOOKUP(E512&amp;F512,団体コード!$A$1:$C$1743,2,FALSE)</f>
        <v>#N/A</v>
      </c>
      <c r="N512" s="51" t="e">
        <f>VLOOKUP(E512,団体コード!$E$1:$F$48,2,FALSE)</f>
        <v>#N/A</v>
      </c>
      <c r="O512" s="51" t="e">
        <f t="shared" si="17"/>
        <v>#N/A</v>
      </c>
      <c r="P512" s="51">
        <v>1</v>
      </c>
      <c r="Q512" s="51" t="s">
        <v>5341</v>
      </c>
      <c r="R512" s="54" t="b">
        <v>1</v>
      </c>
      <c r="S512" s="52" t="s">
        <v>7126</v>
      </c>
      <c r="T512" s="67" t="s">
        <v>7127</v>
      </c>
      <c r="U512" s="75" t="s">
        <v>5331</v>
      </c>
      <c r="V512" s="47" t="s">
        <v>5331</v>
      </c>
      <c r="W512" s="47" t="s">
        <v>5331</v>
      </c>
      <c r="X512" s="47" t="s">
        <v>5331</v>
      </c>
      <c r="Y512" s="47" t="s">
        <v>5331</v>
      </c>
      <c r="Z512" s="28"/>
      <c r="AA512" s="27"/>
      <c r="AB512" s="27"/>
      <c r="AC512" s="27"/>
      <c r="AD512" s="30"/>
      <c r="AE512" s="1"/>
      <c r="AF512" s="23" t="s">
        <v>5331</v>
      </c>
      <c r="AG512" s="26"/>
      <c r="AH512" s="53"/>
    </row>
    <row r="513" spans="1:34" ht="51.6" customHeight="1" x14ac:dyDescent="0.45">
      <c r="A513" s="23">
        <v>507</v>
      </c>
      <c r="B513" s="25"/>
      <c r="C513" s="25"/>
      <c r="D513" s="29"/>
      <c r="E513" s="1"/>
      <c r="F513" s="1"/>
      <c r="G513" s="25"/>
      <c r="H513" s="71"/>
      <c r="I513" s="83"/>
      <c r="J513" s="50" t="str">
        <f t="shared" si="16"/>
        <v/>
      </c>
      <c r="K513" s="23" t="s">
        <v>7120</v>
      </c>
      <c r="L513" s="49" t="e">
        <f>VLOOKUP(E513&amp;F513,団体コード!$A$1:$C$1743,3,FALSE)</f>
        <v>#N/A</v>
      </c>
      <c r="M513" s="49" t="e">
        <f>VLOOKUP(E513&amp;F513,団体コード!$A$1:$C$1743,2,FALSE)</f>
        <v>#N/A</v>
      </c>
      <c r="N513" s="51" t="e">
        <f>VLOOKUP(E513,団体コード!$E$1:$F$48,2,FALSE)</f>
        <v>#N/A</v>
      </c>
      <c r="O513" s="51" t="e">
        <f t="shared" si="17"/>
        <v>#N/A</v>
      </c>
      <c r="P513" s="51">
        <v>1</v>
      </c>
      <c r="Q513" s="51" t="s">
        <v>5341</v>
      </c>
      <c r="R513" s="54" t="b">
        <v>1</v>
      </c>
      <c r="S513" s="52" t="s">
        <v>7126</v>
      </c>
      <c r="T513" s="67" t="s">
        <v>7127</v>
      </c>
      <c r="U513" s="75" t="s">
        <v>5331</v>
      </c>
      <c r="V513" s="47" t="s">
        <v>5331</v>
      </c>
      <c r="W513" s="47" t="s">
        <v>5331</v>
      </c>
      <c r="X513" s="47" t="s">
        <v>5331</v>
      </c>
      <c r="Y513" s="47" t="s">
        <v>5331</v>
      </c>
      <c r="Z513" s="28"/>
      <c r="AA513" s="27"/>
      <c r="AB513" s="27"/>
      <c r="AC513" s="27"/>
      <c r="AD513" s="30"/>
      <c r="AE513" s="1"/>
      <c r="AF513" s="23" t="s">
        <v>5331</v>
      </c>
      <c r="AG513" s="26"/>
      <c r="AH513" s="53"/>
    </row>
    <row r="514" spans="1:34" ht="51.6" customHeight="1" x14ac:dyDescent="0.45">
      <c r="A514" s="23">
        <v>508</v>
      </c>
      <c r="B514" s="25"/>
      <c r="C514" s="25"/>
      <c r="D514" s="29"/>
      <c r="E514" s="1"/>
      <c r="F514" s="1"/>
      <c r="G514" s="25"/>
      <c r="H514" s="71"/>
      <c r="I514" s="83"/>
      <c r="J514" s="50" t="str">
        <f t="shared" si="16"/>
        <v/>
      </c>
      <c r="K514" s="23" t="s">
        <v>7120</v>
      </c>
      <c r="L514" s="49" t="e">
        <f>VLOOKUP(E514&amp;F514,団体コード!$A$1:$C$1743,3,FALSE)</f>
        <v>#N/A</v>
      </c>
      <c r="M514" s="49" t="e">
        <f>VLOOKUP(E514&amp;F514,団体コード!$A$1:$C$1743,2,FALSE)</f>
        <v>#N/A</v>
      </c>
      <c r="N514" s="51" t="e">
        <f>VLOOKUP(E514,団体コード!$E$1:$F$48,2,FALSE)</f>
        <v>#N/A</v>
      </c>
      <c r="O514" s="51" t="e">
        <f t="shared" si="17"/>
        <v>#N/A</v>
      </c>
      <c r="P514" s="51">
        <v>1</v>
      </c>
      <c r="Q514" s="51" t="s">
        <v>5341</v>
      </c>
      <c r="R514" s="54" t="b">
        <v>1</v>
      </c>
      <c r="S514" s="52" t="s">
        <v>7126</v>
      </c>
      <c r="T514" s="67" t="s">
        <v>7127</v>
      </c>
      <c r="U514" s="75" t="s">
        <v>5331</v>
      </c>
      <c r="V514" s="47" t="s">
        <v>5331</v>
      </c>
      <c r="W514" s="47" t="s">
        <v>5331</v>
      </c>
      <c r="X514" s="47" t="s">
        <v>5331</v>
      </c>
      <c r="Y514" s="47" t="s">
        <v>5331</v>
      </c>
      <c r="Z514" s="28"/>
      <c r="AA514" s="27"/>
      <c r="AB514" s="27"/>
      <c r="AC514" s="27"/>
      <c r="AD514" s="30"/>
      <c r="AE514" s="1"/>
      <c r="AF514" s="23" t="s">
        <v>5331</v>
      </c>
      <c r="AG514" s="26"/>
      <c r="AH514" s="53"/>
    </row>
    <row r="515" spans="1:34" ht="51.6" customHeight="1" x14ac:dyDescent="0.45">
      <c r="A515" s="23">
        <v>509</v>
      </c>
      <c r="B515" s="25"/>
      <c r="C515" s="25"/>
      <c r="D515" s="29"/>
      <c r="E515" s="1"/>
      <c r="F515" s="1"/>
      <c r="G515" s="25"/>
      <c r="H515" s="71"/>
      <c r="I515" s="83"/>
      <c r="J515" s="50" t="str">
        <f t="shared" si="16"/>
        <v/>
      </c>
      <c r="K515" s="23" t="s">
        <v>7120</v>
      </c>
      <c r="L515" s="49" t="e">
        <f>VLOOKUP(E515&amp;F515,団体コード!$A$1:$C$1743,3,FALSE)</f>
        <v>#N/A</v>
      </c>
      <c r="M515" s="49" t="e">
        <f>VLOOKUP(E515&amp;F515,団体コード!$A$1:$C$1743,2,FALSE)</f>
        <v>#N/A</v>
      </c>
      <c r="N515" s="51" t="e">
        <f>VLOOKUP(E515,団体コード!$E$1:$F$48,2,FALSE)</f>
        <v>#N/A</v>
      </c>
      <c r="O515" s="51" t="e">
        <f t="shared" si="17"/>
        <v>#N/A</v>
      </c>
      <c r="P515" s="51">
        <v>1</v>
      </c>
      <c r="Q515" s="51" t="s">
        <v>5341</v>
      </c>
      <c r="R515" s="54" t="b">
        <v>1</v>
      </c>
      <c r="S515" s="52" t="s">
        <v>7126</v>
      </c>
      <c r="T515" s="67" t="s">
        <v>7127</v>
      </c>
      <c r="U515" s="75" t="s">
        <v>5331</v>
      </c>
      <c r="V515" s="47" t="s">
        <v>5331</v>
      </c>
      <c r="W515" s="47" t="s">
        <v>5331</v>
      </c>
      <c r="X515" s="47" t="s">
        <v>5331</v>
      </c>
      <c r="Y515" s="47" t="s">
        <v>5331</v>
      </c>
      <c r="Z515" s="28"/>
      <c r="AA515" s="27"/>
      <c r="AB515" s="27"/>
      <c r="AC515" s="27"/>
      <c r="AD515" s="30"/>
      <c r="AE515" s="1"/>
      <c r="AF515" s="23" t="s">
        <v>5331</v>
      </c>
      <c r="AG515" s="26"/>
      <c r="AH515" s="53"/>
    </row>
    <row r="516" spans="1:34" ht="51.6" customHeight="1" x14ac:dyDescent="0.45">
      <c r="A516" s="23">
        <v>510</v>
      </c>
      <c r="B516" s="25"/>
      <c r="C516" s="25"/>
      <c r="D516" s="29"/>
      <c r="E516" s="1"/>
      <c r="F516" s="1"/>
      <c r="G516" s="25"/>
      <c r="H516" s="71"/>
      <c r="I516" s="83"/>
      <c r="J516" s="50" t="str">
        <f t="shared" si="16"/>
        <v/>
      </c>
      <c r="K516" s="23" t="s">
        <v>7120</v>
      </c>
      <c r="L516" s="49" t="e">
        <f>VLOOKUP(E516&amp;F516,団体コード!$A$1:$C$1743,3,FALSE)</f>
        <v>#N/A</v>
      </c>
      <c r="M516" s="49" t="e">
        <f>VLOOKUP(E516&amp;F516,団体コード!$A$1:$C$1743,2,FALSE)</f>
        <v>#N/A</v>
      </c>
      <c r="N516" s="51" t="e">
        <f>VLOOKUP(E516,団体コード!$E$1:$F$48,2,FALSE)</f>
        <v>#N/A</v>
      </c>
      <c r="O516" s="51" t="e">
        <f t="shared" si="17"/>
        <v>#N/A</v>
      </c>
      <c r="P516" s="51">
        <v>1</v>
      </c>
      <c r="Q516" s="51" t="s">
        <v>5341</v>
      </c>
      <c r="R516" s="54" t="b">
        <v>1</v>
      </c>
      <c r="S516" s="52" t="s">
        <v>7126</v>
      </c>
      <c r="T516" s="67" t="s">
        <v>7127</v>
      </c>
      <c r="U516" s="75" t="s">
        <v>5331</v>
      </c>
      <c r="V516" s="47" t="s">
        <v>5331</v>
      </c>
      <c r="W516" s="47" t="s">
        <v>5331</v>
      </c>
      <c r="X516" s="47" t="s">
        <v>5331</v>
      </c>
      <c r="Y516" s="47" t="s">
        <v>5331</v>
      </c>
      <c r="Z516" s="28"/>
      <c r="AA516" s="27"/>
      <c r="AB516" s="27"/>
      <c r="AC516" s="27"/>
      <c r="AD516" s="30"/>
      <c r="AE516" s="1"/>
      <c r="AF516" s="23" t="s">
        <v>5331</v>
      </c>
      <c r="AG516" s="26"/>
      <c r="AH516" s="53"/>
    </row>
    <row r="517" spans="1:34" ht="51.6" customHeight="1" x14ac:dyDescent="0.45">
      <c r="A517" s="23">
        <v>511</v>
      </c>
      <c r="B517" s="25"/>
      <c r="C517" s="25"/>
      <c r="D517" s="29"/>
      <c r="E517" s="1"/>
      <c r="F517" s="1"/>
      <c r="G517" s="25"/>
      <c r="H517" s="71"/>
      <c r="I517" s="83"/>
      <c r="J517" s="50" t="str">
        <f t="shared" si="16"/>
        <v/>
      </c>
      <c r="K517" s="23" t="s">
        <v>7120</v>
      </c>
      <c r="L517" s="49" t="e">
        <f>VLOOKUP(E517&amp;F517,団体コード!$A$1:$C$1743,3,FALSE)</f>
        <v>#N/A</v>
      </c>
      <c r="M517" s="49" t="e">
        <f>VLOOKUP(E517&amp;F517,団体コード!$A$1:$C$1743,2,FALSE)</f>
        <v>#N/A</v>
      </c>
      <c r="N517" s="51" t="e">
        <f>VLOOKUP(E517,団体コード!$E$1:$F$48,2,FALSE)</f>
        <v>#N/A</v>
      </c>
      <c r="O517" s="51" t="e">
        <f t="shared" si="17"/>
        <v>#N/A</v>
      </c>
      <c r="P517" s="51">
        <v>1</v>
      </c>
      <c r="Q517" s="51" t="s">
        <v>5341</v>
      </c>
      <c r="R517" s="54" t="b">
        <v>1</v>
      </c>
      <c r="S517" s="52" t="s">
        <v>7126</v>
      </c>
      <c r="T517" s="67" t="s">
        <v>7127</v>
      </c>
      <c r="U517" s="75" t="s">
        <v>5331</v>
      </c>
      <c r="V517" s="47" t="s">
        <v>5331</v>
      </c>
      <c r="W517" s="47" t="s">
        <v>5331</v>
      </c>
      <c r="X517" s="47" t="s">
        <v>5331</v>
      </c>
      <c r="Y517" s="47" t="s">
        <v>5331</v>
      </c>
      <c r="Z517" s="28"/>
      <c r="AA517" s="27"/>
      <c r="AB517" s="27"/>
      <c r="AC517" s="27"/>
      <c r="AD517" s="30"/>
      <c r="AE517" s="1"/>
      <c r="AF517" s="23" t="s">
        <v>5331</v>
      </c>
      <c r="AG517" s="26"/>
      <c r="AH517" s="53"/>
    </row>
    <row r="518" spans="1:34" ht="51.6" customHeight="1" x14ac:dyDescent="0.45">
      <c r="A518" s="23">
        <v>512</v>
      </c>
      <c r="B518" s="25"/>
      <c r="C518" s="25"/>
      <c r="D518" s="29"/>
      <c r="E518" s="1"/>
      <c r="F518" s="1"/>
      <c r="G518" s="25"/>
      <c r="H518" s="71"/>
      <c r="I518" s="83"/>
      <c r="J518" s="50" t="str">
        <f t="shared" si="16"/>
        <v/>
      </c>
      <c r="K518" s="23" t="s">
        <v>7120</v>
      </c>
      <c r="L518" s="49" t="e">
        <f>VLOOKUP(E518&amp;F518,団体コード!$A$1:$C$1743,3,FALSE)</f>
        <v>#N/A</v>
      </c>
      <c r="M518" s="49" t="e">
        <f>VLOOKUP(E518&amp;F518,団体コード!$A$1:$C$1743,2,FALSE)</f>
        <v>#N/A</v>
      </c>
      <c r="N518" s="51" t="e">
        <f>VLOOKUP(E518,団体コード!$E$1:$F$48,2,FALSE)</f>
        <v>#N/A</v>
      </c>
      <c r="O518" s="51" t="e">
        <f t="shared" si="17"/>
        <v>#N/A</v>
      </c>
      <c r="P518" s="51">
        <v>1</v>
      </c>
      <c r="Q518" s="51" t="s">
        <v>5341</v>
      </c>
      <c r="R518" s="54" t="b">
        <v>1</v>
      </c>
      <c r="S518" s="52" t="s">
        <v>7126</v>
      </c>
      <c r="T518" s="67" t="s">
        <v>7127</v>
      </c>
      <c r="U518" s="75" t="s">
        <v>5331</v>
      </c>
      <c r="V518" s="47" t="s">
        <v>5331</v>
      </c>
      <c r="W518" s="47" t="s">
        <v>5331</v>
      </c>
      <c r="X518" s="47" t="s">
        <v>5331</v>
      </c>
      <c r="Y518" s="47" t="s">
        <v>5331</v>
      </c>
      <c r="Z518" s="28"/>
      <c r="AA518" s="27"/>
      <c r="AB518" s="27"/>
      <c r="AC518" s="27"/>
      <c r="AD518" s="30"/>
      <c r="AE518" s="1"/>
      <c r="AF518" s="23" t="s">
        <v>5331</v>
      </c>
      <c r="AG518" s="26"/>
      <c r="AH518" s="53"/>
    </row>
    <row r="519" spans="1:34" ht="51.6" customHeight="1" x14ac:dyDescent="0.45">
      <c r="A519" s="23">
        <v>513</v>
      </c>
      <c r="B519" s="25"/>
      <c r="C519" s="25"/>
      <c r="D519" s="29"/>
      <c r="E519" s="1"/>
      <c r="F519" s="1"/>
      <c r="G519" s="25"/>
      <c r="H519" s="71"/>
      <c r="I519" s="83"/>
      <c r="J519" s="50" t="str">
        <f t="shared" si="16"/>
        <v/>
      </c>
      <c r="K519" s="23" t="s">
        <v>7120</v>
      </c>
      <c r="L519" s="49" t="e">
        <f>VLOOKUP(E519&amp;F519,団体コード!$A$1:$C$1743,3,FALSE)</f>
        <v>#N/A</v>
      </c>
      <c r="M519" s="49" t="e">
        <f>VLOOKUP(E519&amp;F519,団体コード!$A$1:$C$1743,2,FALSE)</f>
        <v>#N/A</v>
      </c>
      <c r="N519" s="51" t="e">
        <f>VLOOKUP(E519,団体コード!$E$1:$F$48,2,FALSE)</f>
        <v>#N/A</v>
      </c>
      <c r="O519" s="51" t="e">
        <f t="shared" si="17"/>
        <v>#N/A</v>
      </c>
      <c r="P519" s="51">
        <v>1</v>
      </c>
      <c r="Q519" s="51" t="s">
        <v>5341</v>
      </c>
      <c r="R519" s="54" t="b">
        <v>1</v>
      </c>
      <c r="S519" s="52" t="s">
        <v>7126</v>
      </c>
      <c r="T519" s="67" t="s">
        <v>7127</v>
      </c>
      <c r="U519" s="75" t="s">
        <v>5331</v>
      </c>
      <c r="V519" s="47" t="s">
        <v>5331</v>
      </c>
      <c r="W519" s="47" t="s">
        <v>5331</v>
      </c>
      <c r="X519" s="47" t="s">
        <v>5331</v>
      </c>
      <c r="Y519" s="47" t="s">
        <v>5331</v>
      </c>
      <c r="Z519" s="28"/>
      <c r="AA519" s="27"/>
      <c r="AB519" s="27"/>
      <c r="AC519" s="27"/>
      <c r="AD519" s="30"/>
      <c r="AE519" s="1"/>
      <c r="AF519" s="23" t="s">
        <v>5331</v>
      </c>
      <c r="AG519" s="26"/>
      <c r="AH519" s="53"/>
    </row>
    <row r="520" spans="1:34" ht="51.6" customHeight="1" x14ac:dyDescent="0.45">
      <c r="A520" s="23">
        <v>514</v>
      </c>
      <c r="B520" s="25"/>
      <c r="C520" s="25"/>
      <c r="D520" s="29"/>
      <c r="E520" s="1"/>
      <c r="F520" s="1"/>
      <c r="G520" s="25"/>
      <c r="H520" s="71"/>
      <c r="I520" s="83"/>
      <c r="J520" s="50" t="str">
        <f t="shared" ref="J520:J583" si="18">E520&amp;F520&amp;G520</f>
        <v/>
      </c>
      <c r="K520" s="23" t="s">
        <v>7120</v>
      </c>
      <c r="L520" s="49" t="e">
        <f>VLOOKUP(E520&amp;F520,団体コード!$A$1:$C$1743,3,FALSE)</f>
        <v>#N/A</v>
      </c>
      <c r="M520" s="49" t="e">
        <f>VLOOKUP(E520&amp;F520,団体コード!$A$1:$C$1743,2,FALSE)</f>
        <v>#N/A</v>
      </c>
      <c r="N520" s="51" t="e">
        <f>VLOOKUP(E520,団体コード!$E$1:$F$48,2,FALSE)</f>
        <v>#N/A</v>
      </c>
      <c r="O520" s="51" t="e">
        <f t="shared" ref="O520:O583" si="19">N520</f>
        <v>#N/A</v>
      </c>
      <c r="P520" s="51">
        <v>1</v>
      </c>
      <c r="Q520" s="51" t="s">
        <v>5341</v>
      </c>
      <c r="R520" s="54" t="b">
        <v>1</v>
      </c>
      <c r="S520" s="52" t="s">
        <v>7126</v>
      </c>
      <c r="T520" s="67" t="s">
        <v>7127</v>
      </c>
      <c r="U520" s="75" t="s">
        <v>5331</v>
      </c>
      <c r="V520" s="47" t="s">
        <v>5331</v>
      </c>
      <c r="W520" s="47" t="s">
        <v>5331</v>
      </c>
      <c r="X520" s="47" t="s">
        <v>5331</v>
      </c>
      <c r="Y520" s="47" t="s">
        <v>5331</v>
      </c>
      <c r="Z520" s="28"/>
      <c r="AA520" s="27"/>
      <c r="AB520" s="27"/>
      <c r="AC520" s="27"/>
      <c r="AD520" s="30"/>
      <c r="AE520" s="1"/>
      <c r="AF520" s="23" t="s">
        <v>5331</v>
      </c>
      <c r="AG520" s="26"/>
      <c r="AH520" s="53"/>
    </row>
    <row r="521" spans="1:34" ht="51.6" customHeight="1" x14ac:dyDescent="0.45">
      <c r="A521" s="23">
        <v>515</v>
      </c>
      <c r="B521" s="25"/>
      <c r="C521" s="25"/>
      <c r="D521" s="29"/>
      <c r="E521" s="1"/>
      <c r="F521" s="1"/>
      <c r="G521" s="25"/>
      <c r="H521" s="71"/>
      <c r="I521" s="83"/>
      <c r="J521" s="50" t="str">
        <f t="shared" si="18"/>
        <v/>
      </c>
      <c r="K521" s="23" t="s">
        <v>7120</v>
      </c>
      <c r="L521" s="49" t="e">
        <f>VLOOKUP(E521&amp;F521,団体コード!$A$1:$C$1743,3,FALSE)</f>
        <v>#N/A</v>
      </c>
      <c r="M521" s="49" t="e">
        <f>VLOOKUP(E521&amp;F521,団体コード!$A$1:$C$1743,2,FALSE)</f>
        <v>#N/A</v>
      </c>
      <c r="N521" s="51" t="e">
        <f>VLOOKUP(E521,団体コード!$E$1:$F$48,2,FALSE)</f>
        <v>#N/A</v>
      </c>
      <c r="O521" s="51" t="e">
        <f t="shared" si="19"/>
        <v>#N/A</v>
      </c>
      <c r="P521" s="51">
        <v>1</v>
      </c>
      <c r="Q521" s="51" t="s">
        <v>5341</v>
      </c>
      <c r="R521" s="54" t="b">
        <v>1</v>
      </c>
      <c r="S521" s="52" t="s">
        <v>7126</v>
      </c>
      <c r="T521" s="67" t="s">
        <v>7127</v>
      </c>
      <c r="U521" s="75" t="s">
        <v>5331</v>
      </c>
      <c r="V521" s="47" t="s">
        <v>5331</v>
      </c>
      <c r="W521" s="47" t="s">
        <v>5331</v>
      </c>
      <c r="X521" s="47" t="s">
        <v>5331</v>
      </c>
      <c r="Y521" s="47" t="s">
        <v>5331</v>
      </c>
      <c r="Z521" s="28"/>
      <c r="AA521" s="27"/>
      <c r="AB521" s="27"/>
      <c r="AC521" s="27"/>
      <c r="AD521" s="30"/>
      <c r="AE521" s="1"/>
      <c r="AF521" s="23" t="s">
        <v>5331</v>
      </c>
      <c r="AG521" s="26"/>
      <c r="AH521" s="53"/>
    </row>
    <row r="522" spans="1:34" ht="51.6" customHeight="1" x14ac:dyDescent="0.45">
      <c r="A522" s="23">
        <v>516</v>
      </c>
      <c r="B522" s="25"/>
      <c r="C522" s="25"/>
      <c r="D522" s="29"/>
      <c r="E522" s="1"/>
      <c r="F522" s="1"/>
      <c r="G522" s="25"/>
      <c r="H522" s="71"/>
      <c r="I522" s="83"/>
      <c r="J522" s="50" t="str">
        <f t="shared" si="18"/>
        <v/>
      </c>
      <c r="K522" s="23" t="s">
        <v>7120</v>
      </c>
      <c r="L522" s="49" t="e">
        <f>VLOOKUP(E522&amp;F522,団体コード!$A$1:$C$1743,3,FALSE)</f>
        <v>#N/A</v>
      </c>
      <c r="M522" s="49" t="e">
        <f>VLOOKUP(E522&amp;F522,団体コード!$A$1:$C$1743,2,FALSE)</f>
        <v>#N/A</v>
      </c>
      <c r="N522" s="51" t="e">
        <f>VLOOKUP(E522,団体コード!$E$1:$F$48,2,FALSE)</f>
        <v>#N/A</v>
      </c>
      <c r="O522" s="51" t="e">
        <f t="shared" si="19"/>
        <v>#N/A</v>
      </c>
      <c r="P522" s="51">
        <v>1</v>
      </c>
      <c r="Q522" s="51" t="s">
        <v>5341</v>
      </c>
      <c r="R522" s="54" t="b">
        <v>1</v>
      </c>
      <c r="S522" s="52" t="s">
        <v>7126</v>
      </c>
      <c r="T522" s="67" t="s">
        <v>7127</v>
      </c>
      <c r="U522" s="75" t="s">
        <v>5331</v>
      </c>
      <c r="V522" s="47" t="s">
        <v>5331</v>
      </c>
      <c r="W522" s="47" t="s">
        <v>5331</v>
      </c>
      <c r="X522" s="47" t="s">
        <v>5331</v>
      </c>
      <c r="Y522" s="47" t="s">
        <v>5331</v>
      </c>
      <c r="Z522" s="28"/>
      <c r="AA522" s="27"/>
      <c r="AB522" s="27"/>
      <c r="AC522" s="27"/>
      <c r="AD522" s="30"/>
      <c r="AE522" s="1"/>
      <c r="AF522" s="23" t="s">
        <v>5331</v>
      </c>
      <c r="AG522" s="26"/>
      <c r="AH522" s="53"/>
    </row>
    <row r="523" spans="1:34" ht="51.6" customHeight="1" x14ac:dyDescent="0.45">
      <c r="A523" s="23">
        <v>517</v>
      </c>
      <c r="B523" s="25"/>
      <c r="C523" s="25"/>
      <c r="D523" s="29"/>
      <c r="E523" s="1"/>
      <c r="F523" s="1"/>
      <c r="G523" s="25"/>
      <c r="H523" s="71"/>
      <c r="I523" s="83"/>
      <c r="J523" s="50" t="str">
        <f t="shared" si="18"/>
        <v/>
      </c>
      <c r="K523" s="23" t="s">
        <v>7120</v>
      </c>
      <c r="L523" s="49" t="e">
        <f>VLOOKUP(E523&amp;F523,団体コード!$A$1:$C$1743,3,FALSE)</f>
        <v>#N/A</v>
      </c>
      <c r="M523" s="49" t="e">
        <f>VLOOKUP(E523&amp;F523,団体コード!$A$1:$C$1743,2,FALSE)</f>
        <v>#N/A</v>
      </c>
      <c r="N523" s="51" t="e">
        <f>VLOOKUP(E523,団体コード!$E$1:$F$48,2,FALSE)</f>
        <v>#N/A</v>
      </c>
      <c r="O523" s="51" t="e">
        <f t="shared" si="19"/>
        <v>#N/A</v>
      </c>
      <c r="P523" s="51">
        <v>1</v>
      </c>
      <c r="Q523" s="51" t="s">
        <v>5341</v>
      </c>
      <c r="R523" s="54" t="b">
        <v>1</v>
      </c>
      <c r="S523" s="52" t="s">
        <v>7126</v>
      </c>
      <c r="T523" s="67" t="s">
        <v>7127</v>
      </c>
      <c r="U523" s="75" t="s">
        <v>5331</v>
      </c>
      <c r="V523" s="47" t="s">
        <v>5331</v>
      </c>
      <c r="W523" s="47" t="s">
        <v>5331</v>
      </c>
      <c r="X523" s="47" t="s">
        <v>5331</v>
      </c>
      <c r="Y523" s="47" t="s">
        <v>5331</v>
      </c>
      <c r="Z523" s="28"/>
      <c r="AA523" s="27"/>
      <c r="AB523" s="27"/>
      <c r="AC523" s="27"/>
      <c r="AD523" s="30"/>
      <c r="AE523" s="1"/>
      <c r="AF523" s="23" t="s">
        <v>5331</v>
      </c>
      <c r="AG523" s="26"/>
      <c r="AH523" s="53"/>
    </row>
    <row r="524" spans="1:34" ht="51.6" customHeight="1" x14ac:dyDescent="0.45">
      <c r="A524" s="23">
        <v>518</v>
      </c>
      <c r="B524" s="25"/>
      <c r="C524" s="25"/>
      <c r="D524" s="29"/>
      <c r="E524" s="1"/>
      <c r="F524" s="1"/>
      <c r="G524" s="25"/>
      <c r="H524" s="71"/>
      <c r="I524" s="83"/>
      <c r="J524" s="50" t="str">
        <f t="shared" si="18"/>
        <v/>
      </c>
      <c r="K524" s="23" t="s">
        <v>7120</v>
      </c>
      <c r="L524" s="49" t="e">
        <f>VLOOKUP(E524&amp;F524,団体コード!$A$1:$C$1743,3,FALSE)</f>
        <v>#N/A</v>
      </c>
      <c r="M524" s="49" t="e">
        <f>VLOOKUP(E524&amp;F524,団体コード!$A$1:$C$1743,2,FALSE)</f>
        <v>#N/A</v>
      </c>
      <c r="N524" s="51" t="e">
        <f>VLOOKUP(E524,団体コード!$E$1:$F$48,2,FALSE)</f>
        <v>#N/A</v>
      </c>
      <c r="O524" s="51" t="e">
        <f t="shared" si="19"/>
        <v>#N/A</v>
      </c>
      <c r="P524" s="51">
        <v>1</v>
      </c>
      <c r="Q524" s="51" t="s">
        <v>5341</v>
      </c>
      <c r="R524" s="54" t="b">
        <v>1</v>
      </c>
      <c r="S524" s="52" t="s">
        <v>7126</v>
      </c>
      <c r="T524" s="67" t="s">
        <v>7127</v>
      </c>
      <c r="U524" s="75" t="s">
        <v>5331</v>
      </c>
      <c r="V524" s="47" t="s">
        <v>5331</v>
      </c>
      <c r="W524" s="47" t="s">
        <v>5331</v>
      </c>
      <c r="X524" s="47" t="s">
        <v>5331</v>
      </c>
      <c r="Y524" s="47" t="s">
        <v>5331</v>
      </c>
      <c r="Z524" s="28"/>
      <c r="AA524" s="27"/>
      <c r="AB524" s="27"/>
      <c r="AC524" s="27"/>
      <c r="AD524" s="30"/>
      <c r="AE524" s="1"/>
      <c r="AF524" s="23" t="s">
        <v>5331</v>
      </c>
      <c r="AG524" s="26"/>
      <c r="AH524" s="53"/>
    </row>
    <row r="525" spans="1:34" ht="51.6" customHeight="1" x14ac:dyDescent="0.45">
      <c r="A525" s="23">
        <v>519</v>
      </c>
      <c r="B525" s="25"/>
      <c r="C525" s="25"/>
      <c r="D525" s="29"/>
      <c r="E525" s="1"/>
      <c r="F525" s="1"/>
      <c r="G525" s="25"/>
      <c r="H525" s="71"/>
      <c r="I525" s="83"/>
      <c r="J525" s="50" t="str">
        <f t="shared" si="18"/>
        <v/>
      </c>
      <c r="K525" s="23" t="s">
        <v>7120</v>
      </c>
      <c r="L525" s="49" t="e">
        <f>VLOOKUP(E525&amp;F525,団体コード!$A$1:$C$1743,3,FALSE)</f>
        <v>#N/A</v>
      </c>
      <c r="M525" s="49" t="e">
        <f>VLOOKUP(E525&amp;F525,団体コード!$A$1:$C$1743,2,FALSE)</f>
        <v>#N/A</v>
      </c>
      <c r="N525" s="51" t="e">
        <f>VLOOKUP(E525,団体コード!$E$1:$F$48,2,FALSE)</f>
        <v>#N/A</v>
      </c>
      <c r="O525" s="51" t="e">
        <f t="shared" si="19"/>
        <v>#N/A</v>
      </c>
      <c r="P525" s="51">
        <v>1</v>
      </c>
      <c r="Q525" s="51" t="s">
        <v>5341</v>
      </c>
      <c r="R525" s="54" t="b">
        <v>1</v>
      </c>
      <c r="S525" s="52" t="s">
        <v>7126</v>
      </c>
      <c r="T525" s="67" t="s">
        <v>7127</v>
      </c>
      <c r="U525" s="75" t="s">
        <v>5331</v>
      </c>
      <c r="V525" s="47" t="s">
        <v>5331</v>
      </c>
      <c r="W525" s="47" t="s">
        <v>5331</v>
      </c>
      <c r="X525" s="47" t="s">
        <v>5331</v>
      </c>
      <c r="Y525" s="47" t="s">
        <v>5331</v>
      </c>
      <c r="Z525" s="28"/>
      <c r="AA525" s="27"/>
      <c r="AB525" s="27"/>
      <c r="AC525" s="27"/>
      <c r="AD525" s="30"/>
      <c r="AE525" s="1"/>
      <c r="AF525" s="23" t="s">
        <v>5331</v>
      </c>
      <c r="AG525" s="26"/>
      <c r="AH525" s="53"/>
    </row>
    <row r="526" spans="1:34" ht="51.6" customHeight="1" x14ac:dyDescent="0.45">
      <c r="A526" s="23">
        <v>520</v>
      </c>
      <c r="B526" s="25"/>
      <c r="C526" s="25"/>
      <c r="D526" s="29"/>
      <c r="E526" s="1"/>
      <c r="F526" s="1"/>
      <c r="G526" s="25"/>
      <c r="H526" s="71"/>
      <c r="I526" s="83"/>
      <c r="J526" s="50" t="str">
        <f t="shared" si="18"/>
        <v/>
      </c>
      <c r="K526" s="23" t="s">
        <v>7120</v>
      </c>
      <c r="L526" s="49" t="e">
        <f>VLOOKUP(E526&amp;F526,団体コード!$A$1:$C$1743,3,FALSE)</f>
        <v>#N/A</v>
      </c>
      <c r="M526" s="49" t="e">
        <f>VLOOKUP(E526&amp;F526,団体コード!$A$1:$C$1743,2,FALSE)</f>
        <v>#N/A</v>
      </c>
      <c r="N526" s="51" t="e">
        <f>VLOOKUP(E526,団体コード!$E$1:$F$48,2,FALSE)</f>
        <v>#N/A</v>
      </c>
      <c r="O526" s="51" t="e">
        <f t="shared" si="19"/>
        <v>#N/A</v>
      </c>
      <c r="P526" s="51">
        <v>1</v>
      </c>
      <c r="Q526" s="51" t="s">
        <v>5341</v>
      </c>
      <c r="R526" s="54" t="b">
        <v>1</v>
      </c>
      <c r="S526" s="52" t="s">
        <v>7126</v>
      </c>
      <c r="T526" s="67" t="s">
        <v>7127</v>
      </c>
      <c r="U526" s="75" t="s">
        <v>5331</v>
      </c>
      <c r="V526" s="47" t="s">
        <v>5331</v>
      </c>
      <c r="W526" s="47" t="s">
        <v>5331</v>
      </c>
      <c r="X526" s="47" t="s">
        <v>5331</v>
      </c>
      <c r="Y526" s="47" t="s">
        <v>5331</v>
      </c>
      <c r="Z526" s="28"/>
      <c r="AA526" s="27"/>
      <c r="AB526" s="27"/>
      <c r="AC526" s="27"/>
      <c r="AD526" s="30"/>
      <c r="AE526" s="1"/>
      <c r="AF526" s="23" t="s">
        <v>5331</v>
      </c>
      <c r="AG526" s="26"/>
      <c r="AH526" s="53"/>
    </row>
    <row r="527" spans="1:34" ht="51.6" customHeight="1" x14ac:dyDescent="0.45">
      <c r="A527" s="23">
        <v>521</v>
      </c>
      <c r="B527" s="25"/>
      <c r="C527" s="25"/>
      <c r="D527" s="29"/>
      <c r="E527" s="1"/>
      <c r="F527" s="1"/>
      <c r="G527" s="25"/>
      <c r="H527" s="71"/>
      <c r="I527" s="83"/>
      <c r="J527" s="50" t="str">
        <f t="shared" si="18"/>
        <v/>
      </c>
      <c r="K527" s="23" t="s">
        <v>7120</v>
      </c>
      <c r="L527" s="49" t="e">
        <f>VLOOKUP(E527&amp;F527,団体コード!$A$1:$C$1743,3,FALSE)</f>
        <v>#N/A</v>
      </c>
      <c r="M527" s="49" t="e">
        <f>VLOOKUP(E527&amp;F527,団体コード!$A$1:$C$1743,2,FALSE)</f>
        <v>#N/A</v>
      </c>
      <c r="N527" s="51" t="e">
        <f>VLOOKUP(E527,団体コード!$E$1:$F$48,2,FALSE)</f>
        <v>#N/A</v>
      </c>
      <c r="O527" s="51" t="e">
        <f t="shared" si="19"/>
        <v>#N/A</v>
      </c>
      <c r="P527" s="51">
        <v>1</v>
      </c>
      <c r="Q527" s="51" t="s">
        <v>5341</v>
      </c>
      <c r="R527" s="54" t="b">
        <v>1</v>
      </c>
      <c r="S527" s="52" t="s">
        <v>7126</v>
      </c>
      <c r="T527" s="67" t="s">
        <v>7127</v>
      </c>
      <c r="U527" s="75" t="s">
        <v>5331</v>
      </c>
      <c r="V527" s="47" t="s">
        <v>5331</v>
      </c>
      <c r="W527" s="47" t="s">
        <v>5331</v>
      </c>
      <c r="X527" s="47" t="s">
        <v>5331</v>
      </c>
      <c r="Y527" s="47" t="s">
        <v>5331</v>
      </c>
      <c r="Z527" s="28"/>
      <c r="AA527" s="27"/>
      <c r="AB527" s="27"/>
      <c r="AC527" s="27"/>
      <c r="AD527" s="30"/>
      <c r="AE527" s="1"/>
      <c r="AF527" s="23" t="s">
        <v>5331</v>
      </c>
      <c r="AG527" s="26"/>
      <c r="AH527" s="53"/>
    </row>
    <row r="528" spans="1:34" ht="51.6" customHeight="1" x14ac:dyDescent="0.45">
      <c r="A528" s="23">
        <v>522</v>
      </c>
      <c r="B528" s="25"/>
      <c r="C528" s="25"/>
      <c r="D528" s="29"/>
      <c r="E528" s="1"/>
      <c r="F528" s="1"/>
      <c r="G528" s="25"/>
      <c r="H528" s="71"/>
      <c r="I528" s="83"/>
      <c r="J528" s="50" t="str">
        <f t="shared" si="18"/>
        <v/>
      </c>
      <c r="K528" s="23" t="s">
        <v>7120</v>
      </c>
      <c r="L528" s="49" t="e">
        <f>VLOOKUP(E528&amp;F528,団体コード!$A$1:$C$1743,3,FALSE)</f>
        <v>#N/A</v>
      </c>
      <c r="M528" s="49" t="e">
        <f>VLOOKUP(E528&amp;F528,団体コード!$A$1:$C$1743,2,FALSE)</f>
        <v>#N/A</v>
      </c>
      <c r="N528" s="51" t="e">
        <f>VLOOKUP(E528,団体コード!$E$1:$F$48,2,FALSE)</f>
        <v>#N/A</v>
      </c>
      <c r="O528" s="51" t="e">
        <f t="shared" si="19"/>
        <v>#N/A</v>
      </c>
      <c r="P528" s="51">
        <v>1</v>
      </c>
      <c r="Q528" s="51" t="s">
        <v>5341</v>
      </c>
      <c r="R528" s="54" t="b">
        <v>1</v>
      </c>
      <c r="S528" s="52" t="s">
        <v>7126</v>
      </c>
      <c r="T528" s="67" t="s">
        <v>7127</v>
      </c>
      <c r="U528" s="75" t="s">
        <v>5331</v>
      </c>
      <c r="V528" s="47" t="s">
        <v>5331</v>
      </c>
      <c r="W528" s="47" t="s">
        <v>5331</v>
      </c>
      <c r="X528" s="47" t="s">
        <v>5331</v>
      </c>
      <c r="Y528" s="47" t="s">
        <v>5331</v>
      </c>
      <c r="Z528" s="28"/>
      <c r="AA528" s="27"/>
      <c r="AB528" s="27"/>
      <c r="AC528" s="27"/>
      <c r="AD528" s="30"/>
      <c r="AE528" s="1"/>
      <c r="AF528" s="23" t="s">
        <v>5331</v>
      </c>
      <c r="AG528" s="26"/>
      <c r="AH528" s="53"/>
    </row>
    <row r="529" spans="1:34" ht="51.6" customHeight="1" x14ac:dyDescent="0.45">
      <c r="A529" s="23">
        <v>523</v>
      </c>
      <c r="B529" s="25"/>
      <c r="C529" s="25"/>
      <c r="D529" s="29"/>
      <c r="E529" s="1"/>
      <c r="F529" s="1"/>
      <c r="G529" s="25"/>
      <c r="H529" s="71"/>
      <c r="I529" s="83"/>
      <c r="J529" s="50" t="str">
        <f t="shared" si="18"/>
        <v/>
      </c>
      <c r="K529" s="23" t="s">
        <v>7120</v>
      </c>
      <c r="L529" s="49" t="e">
        <f>VLOOKUP(E529&amp;F529,団体コード!$A$1:$C$1743,3,FALSE)</f>
        <v>#N/A</v>
      </c>
      <c r="M529" s="49" t="e">
        <f>VLOOKUP(E529&amp;F529,団体コード!$A$1:$C$1743,2,FALSE)</f>
        <v>#N/A</v>
      </c>
      <c r="N529" s="51" t="e">
        <f>VLOOKUP(E529,団体コード!$E$1:$F$48,2,FALSE)</f>
        <v>#N/A</v>
      </c>
      <c r="O529" s="51" t="e">
        <f t="shared" si="19"/>
        <v>#N/A</v>
      </c>
      <c r="P529" s="51">
        <v>1</v>
      </c>
      <c r="Q529" s="51" t="s">
        <v>5341</v>
      </c>
      <c r="R529" s="54" t="b">
        <v>1</v>
      </c>
      <c r="S529" s="52" t="s">
        <v>7126</v>
      </c>
      <c r="T529" s="67" t="s">
        <v>7127</v>
      </c>
      <c r="U529" s="75" t="s">
        <v>5331</v>
      </c>
      <c r="V529" s="47" t="s">
        <v>5331</v>
      </c>
      <c r="W529" s="47" t="s">
        <v>5331</v>
      </c>
      <c r="X529" s="47" t="s">
        <v>5331</v>
      </c>
      <c r="Y529" s="47" t="s">
        <v>5331</v>
      </c>
      <c r="Z529" s="28"/>
      <c r="AA529" s="27"/>
      <c r="AB529" s="27"/>
      <c r="AC529" s="27"/>
      <c r="AD529" s="30"/>
      <c r="AE529" s="1"/>
      <c r="AF529" s="23" t="s">
        <v>5331</v>
      </c>
      <c r="AG529" s="26"/>
      <c r="AH529" s="53"/>
    </row>
    <row r="530" spans="1:34" ht="51.6" customHeight="1" x14ac:dyDescent="0.45">
      <c r="A530" s="23">
        <v>524</v>
      </c>
      <c r="B530" s="25"/>
      <c r="C530" s="25"/>
      <c r="D530" s="29"/>
      <c r="E530" s="1"/>
      <c r="F530" s="1"/>
      <c r="G530" s="25"/>
      <c r="H530" s="71"/>
      <c r="I530" s="83"/>
      <c r="J530" s="50" t="str">
        <f t="shared" si="18"/>
        <v/>
      </c>
      <c r="K530" s="23" t="s">
        <v>7120</v>
      </c>
      <c r="L530" s="49" t="e">
        <f>VLOOKUP(E530&amp;F530,団体コード!$A$1:$C$1743,3,FALSE)</f>
        <v>#N/A</v>
      </c>
      <c r="M530" s="49" t="e">
        <f>VLOOKUP(E530&amp;F530,団体コード!$A$1:$C$1743,2,FALSE)</f>
        <v>#N/A</v>
      </c>
      <c r="N530" s="51" t="e">
        <f>VLOOKUP(E530,団体コード!$E$1:$F$48,2,FALSE)</f>
        <v>#N/A</v>
      </c>
      <c r="O530" s="51" t="e">
        <f t="shared" si="19"/>
        <v>#N/A</v>
      </c>
      <c r="P530" s="51">
        <v>1</v>
      </c>
      <c r="Q530" s="51" t="s">
        <v>5341</v>
      </c>
      <c r="R530" s="54" t="b">
        <v>1</v>
      </c>
      <c r="S530" s="52" t="s">
        <v>7126</v>
      </c>
      <c r="T530" s="67" t="s">
        <v>7127</v>
      </c>
      <c r="U530" s="75" t="s">
        <v>5331</v>
      </c>
      <c r="V530" s="47" t="s">
        <v>5331</v>
      </c>
      <c r="W530" s="47" t="s">
        <v>5331</v>
      </c>
      <c r="X530" s="47" t="s">
        <v>5331</v>
      </c>
      <c r="Y530" s="47" t="s">
        <v>5331</v>
      </c>
      <c r="Z530" s="28"/>
      <c r="AA530" s="27"/>
      <c r="AB530" s="27"/>
      <c r="AC530" s="27"/>
      <c r="AD530" s="30"/>
      <c r="AE530" s="1"/>
      <c r="AF530" s="23" t="s">
        <v>5331</v>
      </c>
      <c r="AG530" s="26"/>
      <c r="AH530" s="53"/>
    </row>
    <row r="531" spans="1:34" ht="51.6" customHeight="1" x14ac:dyDescent="0.45">
      <c r="A531" s="23">
        <v>525</v>
      </c>
      <c r="B531" s="25"/>
      <c r="C531" s="25"/>
      <c r="D531" s="29"/>
      <c r="E531" s="1"/>
      <c r="F531" s="1"/>
      <c r="G531" s="25"/>
      <c r="H531" s="71"/>
      <c r="I531" s="83"/>
      <c r="J531" s="50" t="str">
        <f t="shared" si="18"/>
        <v/>
      </c>
      <c r="K531" s="23" t="s">
        <v>7120</v>
      </c>
      <c r="L531" s="49" t="e">
        <f>VLOOKUP(E531&amp;F531,団体コード!$A$1:$C$1743,3,FALSE)</f>
        <v>#N/A</v>
      </c>
      <c r="M531" s="49" t="e">
        <f>VLOOKUP(E531&amp;F531,団体コード!$A$1:$C$1743,2,FALSE)</f>
        <v>#N/A</v>
      </c>
      <c r="N531" s="51" t="e">
        <f>VLOOKUP(E531,団体コード!$E$1:$F$48,2,FALSE)</f>
        <v>#N/A</v>
      </c>
      <c r="O531" s="51" t="e">
        <f t="shared" si="19"/>
        <v>#N/A</v>
      </c>
      <c r="P531" s="51">
        <v>1</v>
      </c>
      <c r="Q531" s="51" t="s">
        <v>5341</v>
      </c>
      <c r="R531" s="54" t="b">
        <v>1</v>
      </c>
      <c r="S531" s="52" t="s">
        <v>7126</v>
      </c>
      <c r="T531" s="67" t="s">
        <v>7127</v>
      </c>
      <c r="U531" s="75" t="s">
        <v>5331</v>
      </c>
      <c r="V531" s="47" t="s">
        <v>5331</v>
      </c>
      <c r="W531" s="47" t="s">
        <v>5331</v>
      </c>
      <c r="X531" s="47" t="s">
        <v>5331</v>
      </c>
      <c r="Y531" s="47" t="s">
        <v>5331</v>
      </c>
      <c r="Z531" s="28"/>
      <c r="AA531" s="27"/>
      <c r="AB531" s="27"/>
      <c r="AC531" s="27"/>
      <c r="AD531" s="30"/>
      <c r="AE531" s="1"/>
      <c r="AF531" s="23" t="s">
        <v>5331</v>
      </c>
      <c r="AG531" s="26"/>
      <c r="AH531" s="53"/>
    </row>
    <row r="532" spans="1:34" ht="51.6" customHeight="1" x14ac:dyDescent="0.45">
      <c r="A532" s="23">
        <v>526</v>
      </c>
      <c r="B532" s="25"/>
      <c r="C532" s="25"/>
      <c r="D532" s="29"/>
      <c r="E532" s="1"/>
      <c r="F532" s="1"/>
      <c r="G532" s="25"/>
      <c r="H532" s="71"/>
      <c r="I532" s="83"/>
      <c r="J532" s="50" t="str">
        <f t="shared" si="18"/>
        <v/>
      </c>
      <c r="K532" s="23" t="s">
        <v>7120</v>
      </c>
      <c r="L532" s="49" t="e">
        <f>VLOOKUP(E532&amp;F532,団体コード!$A$1:$C$1743,3,FALSE)</f>
        <v>#N/A</v>
      </c>
      <c r="M532" s="49" t="e">
        <f>VLOOKUP(E532&amp;F532,団体コード!$A$1:$C$1743,2,FALSE)</f>
        <v>#N/A</v>
      </c>
      <c r="N532" s="51" t="e">
        <f>VLOOKUP(E532,団体コード!$E$1:$F$48,2,FALSE)</f>
        <v>#N/A</v>
      </c>
      <c r="O532" s="51" t="e">
        <f t="shared" si="19"/>
        <v>#N/A</v>
      </c>
      <c r="P532" s="51">
        <v>1</v>
      </c>
      <c r="Q532" s="51" t="s">
        <v>5341</v>
      </c>
      <c r="R532" s="54" t="b">
        <v>1</v>
      </c>
      <c r="S532" s="52" t="s">
        <v>7126</v>
      </c>
      <c r="T532" s="67" t="s">
        <v>7127</v>
      </c>
      <c r="U532" s="75" t="s">
        <v>5331</v>
      </c>
      <c r="V532" s="47" t="s">
        <v>5331</v>
      </c>
      <c r="W532" s="47" t="s">
        <v>5331</v>
      </c>
      <c r="X532" s="47" t="s">
        <v>5331</v>
      </c>
      <c r="Y532" s="47" t="s">
        <v>5331</v>
      </c>
      <c r="Z532" s="28"/>
      <c r="AA532" s="27"/>
      <c r="AB532" s="27"/>
      <c r="AC532" s="27"/>
      <c r="AD532" s="30"/>
      <c r="AE532" s="1"/>
      <c r="AF532" s="23" t="s">
        <v>5331</v>
      </c>
      <c r="AG532" s="26"/>
      <c r="AH532" s="53"/>
    </row>
    <row r="533" spans="1:34" ht="51.6" customHeight="1" x14ac:dyDescent="0.45">
      <c r="A533" s="23">
        <v>527</v>
      </c>
      <c r="B533" s="25"/>
      <c r="C533" s="25"/>
      <c r="D533" s="29"/>
      <c r="E533" s="1"/>
      <c r="F533" s="1"/>
      <c r="G533" s="25"/>
      <c r="H533" s="71"/>
      <c r="I533" s="83"/>
      <c r="J533" s="50" t="str">
        <f t="shared" si="18"/>
        <v/>
      </c>
      <c r="K533" s="23" t="s">
        <v>7120</v>
      </c>
      <c r="L533" s="49" t="e">
        <f>VLOOKUP(E533&amp;F533,団体コード!$A$1:$C$1743,3,FALSE)</f>
        <v>#N/A</v>
      </c>
      <c r="M533" s="49" t="e">
        <f>VLOOKUP(E533&amp;F533,団体コード!$A$1:$C$1743,2,FALSE)</f>
        <v>#N/A</v>
      </c>
      <c r="N533" s="51" t="e">
        <f>VLOOKUP(E533,団体コード!$E$1:$F$48,2,FALSE)</f>
        <v>#N/A</v>
      </c>
      <c r="O533" s="51" t="e">
        <f t="shared" si="19"/>
        <v>#N/A</v>
      </c>
      <c r="P533" s="51">
        <v>1</v>
      </c>
      <c r="Q533" s="51" t="s">
        <v>5341</v>
      </c>
      <c r="R533" s="54" t="b">
        <v>1</v>
      </c>
      <c r="S533" s="52" t="s">
        <v>7126</v>
      </c>
      <c r="T533" s="67" t="s">
        <v>7127</v>
      </c>
      <c r="U533" s="75" t="s">
        <v>5331</v>
      </c>
      <c r="V533" s="47" t="s">
        <v>5331</v>
      </c>
      <c r="W533" s="47" t="s">
        <v>5331</v>
      </c>
      <c r="X533" s="47" t="s">
        <v>5331</v>
      </c>
      <c r="Y533" s="47" t="s">
        <v>5331</v>
      </c>
      <c r="Z533" s="28"/>
      <c r="AA533" s="27"/>
      <c r="AB533" s="27"/>
      <c r="AC533" s="27"/>
      <c r="AD533" s="30"/>
      <c r="AE533" s="1"/>
      <c r="AF533" s="23" t="s">
        <v>5331</v>
      </c>
      <c r="AG533" s="26"/>
      <c r="AH533" s="53"/>
    </row>
    <row r="534" spans="1:34" ht="51.6" customHeight="1" x14ac:dyDescent="0.45">
      <c r="A534" s="23">
        <v>528</v>
      </c>
      <c r="B534" s="25"/>
      <c r="C534" s="25"/>
      <c r="D534" s="29"/>
      <c r="E534" s="1"/>
      <c r="F534" s="1"/>
      <c r="G534" s="25"/>
      <c r="H534" s="71"/>
      <c r="I534" s="83"/>
      <c r="J534" s="50" t="str">
        <f t="shared" si="18"/>
        <v/>
      </c>
      <c r="K534" s="23" t="s">
        <v>7120</v>
      </c>
      <c r="L534" s="49" t="e">
        <f>VLOOKUP(E534&amp;F534,団体コード!$A$1:$C$1743,3,FALSE)</f>
        <v>#N/A</v>
      </c>
      <c r="M534" s="49" t="e">
        <f>VLOOKUP(E534&amp;F534,団体コード!$A$1:$C$1743,2,FALSE)</f>
        <v>#N/A</v>
      </c>
      <c r="N534" s="51" t="e">
        <f>VLOOKUP(E534,団体コード!$E$1:$F$48,2,FALSE)</f>
        <v>#N/A</v>
      </c>
      <c r="O534" s="51" t="e">
        <f t="shared" si="19"/>
        <v>#N/A</v>
      </c>
      <c r="P534" s="51">
        <v>1</v>
      </c>
      <c r="Q534" s="51" t="s">
        <v>5341</v>
      </c>
      <c r="R534" s="54" t="b">
        <v>1</v>
      </c>
      <c r="S534" s="52" t="s">
        <v>7126</v>
      </c>
      <c r="T534" s="67" t="s">
        <v>7127</v>
      </c>
      <c r="U534" s="75" t="s">
        <v>5331</v>
      </c>
      <c r="V534" s="47" t="s">
        <v>5331</v>
      </c>
      <c r="W534" s="47" t="s">
        <v>5331</v>
      </c>
      <c r="X534" s="47" t="s">
        <v>5331</v>
      </c>
      <c r="Y534" s="47" t="s">
        <v>5331</v>
      </c>
      <c r="Z534" s="28"/>
      <c r="AA534" s="27"/>
      <c r="AB534" s="27"/>
      <c r="AC534" s="27"/>
      <c r="AD534" s="30"/>
      <c r="AE534" s="1"/>
      <c r="AF534" s="23" t="s">
        <v>5331</v>
      </c>
      <c r="AG534" s="26"/>
      <c r="AH534" s="53"/>
    </row>
    <row r="535" spans="1:34" ht="51.6" customHeight="1" x14ac:dyDescent="0.45">
      <c r="A535" s="23">
        <v>529</v>
      </c>
      <c r="B535" s="25"/>
      <c r="C535" s="25"/>
      <c r="D535" s="29"/>
      <c r="E535" s="1"/>
      <c r="F535" s="1"/>
      <c r="G535" s="25"/>
      <c r="H535" s="71"/>
      <c r="I535" s="83"/>
      <c r="J535" s="50" t="str">
        <f t="shared" si="18"/>
        <v/>
      </c>
      <c r="K535" s="23" t="s">
        <v>7120</v>
      </c>
      <c r="L535" s="49" t="e">
        <f>VLOOKUP(E535&amp;F535,団体コード!$A$1:$C$1743,3,FALSE)</f>
        <v>#N/A</v>
      </c>
      <c r="M535" s="49" t="e">
        <f>VLOOKUP(E535&amp;F535,団体コード!$A$1:$C$1743,2,FALSE)</f>
        <v>#N/A</v>
      </c>
      <c r="N535" s="51" t="e">
        <f>VLOOKUP(E535,団体コード!$E$1:$F$48,2,FALSE)</f>
        <v>#N/A</v>
      </c>
      <c r="O535" s="51" t="e">
        <f t="shared" si="19"/>
        <v>#N/A</v>
      </c>
      <c r="P535" s="51">
        <v>1</v>
      </c>
      <c r="Q535" s="51" t="s">
        <v>5341</v>
      </c>
      <c r="R535" s="54" t="b">
        <v>1</v>
      </c>
      <c r="S535" s="52" t="s">
        <v>7126</v>
      </c>
      <c r="T535" s="67" t="s">
        <v>7127</v>
      </c>
      <c r="U535" s="75" t="s">
        <v>5331</v>
      </c>
      <c r="V535" s="47" t="s">
        <v>5331</v>
      </c>
      <c r="W535" s="47" t="s">
        <v>5331</v>
      </c>
      <c r="X535" s="47" t="s">
        <v>5331</v>
      </c>
      <c r="Y535" s="47" t="s">
        <v>5331</v>
      </c>
      <c r="Z535" s="28"/>
      <c r="AA535" s="27"/>
      <c r="AB535" s="27"/>
      <c r="AC535" s="27"/>
      <c r="AD535" s="30"/>
      <c r="AE535" s="1"/>
      <c r="AF535" s="23" t="s">
        <v>5331</v>
      </c>
      <c r="AG535" s="26"/>
      <c r="AH535" s="53"/>
    </row>
    <row r="536" spans="1:34" ht="51.6" customHeight="1" x14ac:dyDescent="0.45">
      <c r="A536" s="23">
        <v>530</v>
      </c>
      <c r="B536" s="25"/>
      <c r="C536" s="25"/>
      <c r="D536" s="29"/>
      <c r="E536" s="1"/>
      <c r="F536" s="1"/>
      <c r="G536" s="25"/>
      <c r="H536" s="71"/>
      <c r="I536" s="83"/>
      <c r="J536" s="50" t="str">
        <f t="shared" si="18"/>
        <v/>
      </c>
      <c r="K536" s="23" t="s">
        <v>7120</v>
      </c>
      <c r="L536" s="49" t="e">
        <f>VLOOKUP(E536&amp;F536,団体コード!$A$1:$C$1743,3,FALSE)</f>
        <v>#N/A</v>
      </c>
      <c r="M536" s="49" t="e">
        <f>VLOOKUP(E536&amp;F536,団体コード!$A$1:$C$1743,2,FALSE)</f>
        <v>#N/A</v>
      </c>
      <c r="N536" s="51" t="e">
        <f>VLOOKUP(E536,団体コード!$E$1:$F$48,2,FALSE)</f>
        <v>#N/A</v>
      </c>
      <c r="O536" s="51" t="e">
        <f t="shared" si="19"/>
        <v>#N/A</v>
      </c>
      <c r="P536" s="51">
        <v>1</v>
      </c>
      <c r="Q536" s="51" t="s">
        <v>5341</v>
      </c>
      <c r="R536" s="54" t="b">
        <v>1</v>
      </c>
      <c r="S536" s="52" t="s">
        <v>7126</v>
      </c>
      <c r="T536" s="67" t="s">
        <v>7127</v>
      </c>
      <c r="U536" s="75" t="s">
        <v>5331</v>
      </c>
      <c r="V536" s="47" t="s">
        <v>5331</v>
      </c>
      <c r="W536" s="47" t="s">
        <v>5331</v>
      </c>
      <c r="X536" s="47" t="s">
        <v>5331</v>
      </c>
      <c r="Y536" s="47" t="s">
        <v>5331</v>
      </c>
      <c r="Z536" s="28"/>
      <c r="AA536" s="27"/>
      <c r="AB536" s="27"/>
      <c r="AC536" s="27"/>
      <c r="AD536" s="30"/>
      <c r="AE536" s="1"/>
      <c r="AF536" s="23" t="s">
        <v>5331</v>
      </c>
      <c r="AG536" s="26"/>
      <c r="AH536" s="53"/>
    </row>
    <row r="537" spans="1:34" ht="51.6" customHeight="1" x14ac:dyDescent="0.45">
      <c r="A537" s="23">
        <v>531</v>
      </c>
      <c r="B537" s="25"/>
      <c r="C537" s="25"/>
      <c r="D537" s="29"/>
      <c r="E537" s="1"/>
      <c r="F537" s="1"/>
      <c r="G537" s="25"/>
      <c r="H537" s="71"/>
      <c r="I537" s="83"/>
      <c r="J537" s="50" t="str">
        <f t="shared" si="18"/>
        <v/>
      </c>
      <c r="K537" s="23" t="s">
        <v>7120</v>
      </c>
      <c r="L537" s="49" t="e">
        <f>VLOOKUP(E537&amp;F537,団体コード!$A$1:$C$1743,3,FALSE)</f>
        <v>#N/A</v>
      </c>
      <c r="M537" s="49" t="e">
        <f>VLOOKUP(E537&amp;F537,団体コード!$A$1:$C$1743,2,FALSE)</f>
        <v>#N/A</v>
      </c>
      <c r="N537" s="51" t="e">
        <f>VLOOKUP(E537,団体コード!$E$1:$F$48,2,FALSE)</f>
        <v>#N/A</v>
      </c>
      <c r="O537" s="51" t="e">
        <f t="shared" si="19"/>
        <v>#N/A</v>
      </c>
      <c r="P537" s="51">
        <v>1</v>
      </c>
      <c r="Q537" s="51" t="s">
        <v>5341</v>
      </c>
      <c r="R537" s="54" t="b">
        <v>1</v>
      </c>
      <c r="S537" s="52" t="s">
        <v>7126</v>
      </c>
      <c r="T537" s="67" t="s">
        <v>7127</v>
      </c>
      <c r="U537" s="75" t="s">
        <v>5331</v>
      </c>
      <c r="V537" s="47" t="s">
        <v>5331</v>
      </c>
      <c r="W537" s="47" t="s">
        <v>5331</v>
      </c>
      <c r="X537" s="47" t="s">
        <v>5331</v>
      </c>
      <c r="Y537" s="47" t="s">
        <v>5331</v>
      </c>
      <c r="Z537" s="28"/>
      <c r="AA537" s="27"/>
      <c r="AB537" s="27"/>
      <c r="AC537" s="27"/>
      <c r="AD537" s="30"/>
      <c r="AE537" s="1"/>
      <c r="AF537" s="23" t="s">
        <v>5331</v>
      </c>
      <c r="AG537" s="26"/>
      <c r="AH537" s="53"/>
    </row>
    <row r="538" spans="1:34" ht="51.6" customHeight="1" x14ac:dyDescent="0.45">
      <c r="A538" s="23">
        <v>532</v>
      </c>
      <c r="B538" s="25"/>
      <c r="C538" s="25"/>
      <c r="D538" s="29"/>
      <c r="E538" s="1"/>
      <c r="F538" s="1"/>
      <c r="G538" s="25"/>
      <c r="H538" s="71"/>
      <c r="I538" s="83"/>
      <c r="J538" s="50" t="str">
        <f t="shared" si="18"/>
        <v/>
      </c>
      <c r="K538" s="23" t="s">
        <v>7120</v>
      </c>
      <c r="L538" s="49" t="e">
        <f>VLOOKUP(E538&amp;F538,団体コード!$A$1:$C$1743,3,FALSE)</f>
        <v>#N/A</v>
      </c>
      <c r="M538" s="49" t="e">
        <f>VLOOKUP(E538&amp;F538,団体コード!$A$1:$C$1743,2,FALSE)</f>
        <v>#N/A</v>
      </c>
      <c r="N538" s="51" t="e">
        <f>VLOOKUP(E538,団体コード!$E$1:$F$48,2,FALSE)</f>
        <v>#N/A</v>
      </c>
      <c r="O538" s="51" t="e">
        <f t="shared" si="19"/>
        <v>#N/A</v>
      </c>
      <c r="P538" s="51">
        <v>1</v>
      </c>
      <c r="Q538" s="51" t="s">
        <v>5341</v>
      </c>
      <c r="R538" s="54" t="b">
        <v>1</v>
      </c>
      <c r="S538" s="52" t="s">
        <v>7126</v>
      </c>
      <c r="T538" s="67" t="s">
        <v>7127</v>
      </c>
      <c r="U538" s="75" t="s">
        <v>5331</v>
      </c>
      <c r="V538" s="47" t="s">
        <v>5331</v>
      </c>
      <c r="W538" s="47" t="s">
        <v>5331</v>
      </c>
      <c r="X538" s="47" t="s">
        <v>5331</v>
      </c>
      <c r="Y538" s="47" t="s">
        <v>5331</v>
      </c>
      <c r="Z538" s="28"/>
      <c r="AA538" s="27"/>
      <c r="AB538" s="27"/>
      <c r="AC538" s="27"/>
      <c r="AD538" s="30"/>
      <c r="AE538" s="1"/>
      <c r="AF538" s="23" t="s">
        <v>5331</v>
      </c>
      <c r="AG538" s="26"/>
      <c r="AH538" s="53"/>
    </row>
    <row r="539" spans="1:34" ht="51.6" customHeight="1" x14ac:dyDescent="0.45">
      <c r="A539" s="23">
        <v>533</v>
      </c>
      <c r="B539" s="25"/>
      <c r="C539" s="25"/>
      <c r="D539" s="29"/>
      <c r="E539" s="1"/>
      <c r="F539" s="1"/>
      <c r="G539" s="25"/>
      <c r="H539" s="71"/>
      <c r="I539" s="83"/>
      <c r="J539" s="50" t="str">
        <f t="shared" si="18"/>
        <v/>
      </c>
      <c r="K539" s="23" t="s">
        <v>7120</v>
      </c>
      <c r="L539" s="49" t="e">
        <f>VLOOKUP(E539&amp;F539,団体コード!$A$1:$C$1743,3,FALSE)</f>
        <v>#N/A</v>
      </c>
      <c r="M539" s="49" t="e">
        <f>VLOOKUP(E539&amp;F539,団体コード!$A$1:$C$1743,2,FALSE)</f>
        <v>#N/A</v>
      </c>
      <c r="N539" s="51" t="e">
        <f>VLOOKUP(E539,団体コード!$E$1:$F$48,2,FALSE)</f>
        <v>#N/A</v>
      </c>
      <c r="O539" s="51" t="e">
        <f t="shared" si="19"/>
        <v>#N/A</v>
      </c>
      <c r="P539" s="51">
        <v>1</v>
      </c>
      <c r="Q539" s="51" t="s">
        <v>5341</v>
      </c>
      <c r="R539" s="54" t="b">
        <v>1</v>
      </c>
      <c r="S539" s="52" t="s">
        <v>7126</v>
      </c>
      <c r="T539" s="67" t="s">
        <v>7127</v>
      </c>
      <c r="U539" s="75" t="s">
        <v>5331</v>
      </c>
      <c r="V539" s="47" t="s">
        <v>5331</v>
      </c>
      <c r="W539" s="47" t="s">
        <v>5331</v>
      </c>
      <c r="X539" s="47" t="s">
        <v>5331</v>
      </c>
      <c r="Y539" s="47" t="s">
        <v>5331</v>
      </c>
      <c r="Z539" s="28"/>
      <c r="AA539" s="27"/>
      <c r="AB539" s="27"/>
      <c r="AC539" s="27"/>
      <c r="AD539" s="30"/>
      <c r="AE539" s="1"/>
      <c r="AF539" s="23" t="s">
        <v>5331</v>
      </c>
      <c r="AG539" s="26"/>
      <c r="AH539" s="53"/>
    </row>
    <row r="540" spans="1:34" ht="51.6" customHeight="1" x14ac:dyDescent="0.45">
      <c r="A540" s="23">
        <v>534</v>
      </c>
      <c r="B540" s="25"/>
      <c r="C540" s="25"/>
      <c r="D540" s="29"/>
      <c r="E540" s="1"/>
      <c r="F540" s="1"/>
      <c r="G540" s="25"/>
      <c r="H540" s="71"/>
      <c r="I540" s="83"/>
      <c r="J540" s="50" t="str">
        <f t="shared" si="18"/>
        <v/>
      </c>
      <c r="K540" s="23" t="s">
        <v>7120</v>
      </c>
      <c r="L540" s="49" t="e">
        <f>VLOOKUP(E540&amp;F540,団体コード!$A$1:$C$1743,3,FALSE)</f>
        <v>#N/A</v>
      </c>
      <c r="M540" s="49" t="e">
        <f>VLOOKUP(E540&amp;F540,団体コード!$A$1:$C$1743,2,FALSE)</f>
        <v>#N/A</v>
      </c>
      <c r="N540" s="51" t="e">
        <f>VLOOKUP(E540,団体コード!$E$1:$F$48,2,FALSE)</f>
        <v>#N/A</v>
      </c>
      <c r="O540" s="51" t="e">
        <f t="shared" si="19"/>
        <v>#N/A</v>
      </c>
      <c r="P540" s="51">
        <v>1</v>
      </c>
      <c r="Q540" s="51" t="s">
        <v>5341</v>
      </c>
      <c r="R540" s="54" t="b">
        <v>1</v>
      </c>
      <c r="S540" s="52" t="s">
        <v>7126</v>
      </c>
      <c r="T540" s="67" t="s">
        <v>7127</v>
      </c>
      <c r="U540" s="75" t="s">
        <v>5331</v>
      </c>
      <c r="V540" s="47" t="s">
        <v>5331</v>
      </c>
      <c r="W540" s="47" t="s">
        <v>5331</v>
      </c>
      <c r="X540" s="47" t="s">
        <v>5331</v>
      </c>
      <c r="Y540" s="47" t="s">
        <v>5331</v>
      </c>
      <c r="Z540" s="28"/>
      <c r="AA540" s="27"/>
      <c r="AB540" s="27"/>
      <c r="AC540" s="27"/>
      <c r="AD540" s="30"/>
      <c r="AE540" s="1"/>
      <c r="AF540" s="23" t="s">
        <v>5331</v>
      </c>
      <c r="AG540" s="26"/>
      <c r="AH540" s="53"/>
    </row>
    <row r="541" spans="1:34" ht="51.6" customHeight="1" x14ac:dyDescent="0.45">
      <c r="A541" s="23">
        <v>535</v>
      </c>
      <c r="B541" s="25"/>
      <c r="C541" s="25"/>
      <c r="D541" s="29"/>
      <c r="E541" s="1"/>
      <c r="F541" s="1"/>
      <c r="G541" s="25"/>
      <c r="H541" s="71"/>
      <c r="I541" s="83"/>
      <c r="J541" s="50" t="str">
        <f t="shared" si="18"/>
        <v/>
      </c>
      <c r="K541" s="23" t="s">
        <v>7120</v>
      </c>
      <c r="L541" s="49" t="e">
        <f>VLOOKUP(E541&amp;F541,団体コード!$A$1:$C$1743,3,FALSE)</f>
        <v>#N/A</v>
      </c>
      <c r="M541" s="49" t="e">
        <f>VLOOKUP(E541&amp;F541,団体コード!$A$1:$C$1743,2,FALSE)</f>
        <v>#N/A</v>
      </c>
      <c r="N541" s="51" t="e">
        <f>VLOOKUP(E541,団体コード!$E$1:$F$48,2,FALSE)</f>
        <v>#N/A</v>
      </c>
      <c r="O541" s="51" t="e">
        <f t="shared" si="19"/>
        <v>#N/A</v>
      </c>
      <c r="P541" s="51">
        <v>1</v>
      </c>
      <c r="Q541" s="51" t="s">
        <v>5341</v>
      </c>
      <c r="R541" s="54" t="b">
        <v>1</v>
      </c>
      <c r="S541" s="52" t="s">
        <v>7126</v>
      </c>
      <c r="T541" s="67" t="s">
        <v>7127</v>
      </c>
      <c r="U541" s="75" t="s">
        <v>5331</v>
      </c>
      <c r="V541" s="47" t="s">
        <v>5331</v>
      </c>
      <c r="W541" s="47" t="s">
        <v>5331</v>
      </c>
      <c r="X541" s="47" t="s">
        <v>5331</v>
      </c>
      <c r="Y541" s="47" t="s">
        <v>5331</v>
      </c>
      <c r="Z541" s="28"/>
      <c r="AA541" s="27"/>
      <c r="AB541" s="27"/>
      <c r="AC541" s="27"/>
      <c r="AD541" s="30"/>
      <c r="AE541" s="1"/>
      <c r="AF541" s="23" t="s">
        <v>5331</v>
      </c>
      <c r="AG541" s="26"/>
      <c r="AH541" s="53"/>
    </row>
    <row r="542" spans="1:34" ht="51.6" customHeight="1" x14ac:dyDescent="0.45">
      <c r="A542" s="23">
        <v>536</v>
      </c>
      <c r="B542" s="25"/>
      <c r="C542" s="25"/>
      <c r="D542" s="29"/>
      <c r="E542" s="1"/>
      <c r="F542" s="1"/>
      <c r="G542" s="25"/>
      <c r="H542" s="71"/>
      <c r="I542" s="83"/>
      <c r="J542" s="50" t="str">
        <f t="shared" si="18"/>
        <v/>
      </c>
      <c r="K542" s="23" t="s">
        <v>7120</v>
      </c>
      <c r="L542" s="49" t="e">
        <f>VLOOKUP(E542&amp;F542,団体コード!$A$1:$C$1743,3,FALSE)</f>
        <v>#N/A</v>
      </c>
      <c r="M542" s="49" t="e">
        <f>VLOOKUP(E542&amp;F542,団体コード!$A$1:$C$1743,2,FALSE)</f>
        <v>#N/A</v>
      </c>
      <c r="N542" s="51" t="e">
        <f>VLOOKUP(E542,団体コード!$E$1:$F$48,2,FALSE)</f>
        <v>#N/A</v>
      </c>
      <c r="O542" s="51" t="e">
        <f t="shared" si="19"/>
        <v>#N/A</v>
      </c>
      <c r="P542" s="51">
        <v>1</v>
      </c>
      <c r="Q542" s="51" t="s">
        <v>5341</v>
      </c>
      <c r="R542" s="54" t="b">
        <v>1</v>
      </c>
      <c r="S542" s="52" t="s">
        <v>7126</v>
      </c>
      <c r="T542" s="67" t="s">
        <v>7127</v>
      </c>
      <c r="U542" s="75" t="s">
        <v>5331</v>
      </c>
      <c r="V542" s="47" t="s">
        <v>5331</v>
      </c>
      <c r="W542" s="47" t="s">
        <v>5331</v>
      </c>
      <c r="X542" s="47" t="s">
        <v>5331</v>
      </c>
      <c r="Y542" s="47" t="s">
        <v>5331</v>
      </c>
      <c r="Z542" s="28"/>
      <c r="AA542" s="27"/>
      <c r="AB542" s="27"/>
      <c r="AC542" s="27"/>
      <c r="AD542" s="30"/>
      <c r="AE542" s="1"/>
      <c r="AF542" s="23" t="s">
        <v>5331</v>
      </c>
      <c r="AG542" s="26"/>
      <c r="AH542" s="53"/>
    </row>
    <row r="543" spans="1:34" ht="51.6" customHeight="1" x14ac:dyDescent="0.45">
      <c r="A543" s="23">
        <v>537</v>
      </c>
      <c r="B543" s="25"/>
      <c r="C543" s="25"/>
      <c r="D543" s="29"/>
      <c r="E543" s="1"/>
      <c r="F543" s="1"/>
      <c r="G543" s="25"/>
      <c r="H543" s="71"/>
      <c r="I543" s="83"/>
      <c r="J543" s="50" t="str">
        <f t="shared" si="18"/>
        <v/>
      </c>
      <c r="K543" s="23" t="s">
        <v>7120</v>
      </c>
      <c r="L543" s="49" t="e">
        <f>VLOOKUP(E543&amp;F543,団体コード!$A$1:$C$1743,3,FALSE)</f>
        <v>#N/A</v>
      </c>
      <c r="M543" s="49" t="e">
        <f>VLOOKUP(E543&amp;F543,団体コード!$A$1:$C$1743,2,FALSE)</f>
        <v>#N/A</v>
      </c>
      <c r="N543" s="51" t="e">
        <f>VLOOKUP(E543,団体コード!$E$1:$F$48,2,FALSE)</f>
        <v>#N/A</v>
      </c>
      <c r="O543" s="51" t="e">
        <f t="shared" si="19"/>
        <v>#N/A</v>
      </c>
      <c r="P543" s="51">
        <v>1</v>
      </c>
      <c r="Q543" s="51" t="s">
        <v>5341</v>
      </c>
      <c r="R543" s="54" t="b">
        <v>1</v>
      </c>
      <c r="S543" s="52" t="s">
        <v>7126</v>
      </c>
      <c r="T543" s="67" t="s">
        <v>7127</v>
      </c>
      <c r="U543" s="75" t="s">
        <v>5331</v>
      </c>
      <c r="V543" s="47" t="s">
        <v>5331</v>
      </c>
      <c r="W543" s="47" t="s">
        <v>5331</v>
      </c>
      <c r="X543" s="47" t="s">
        <v>5331</v>
      </c>
      <c r="Y543" s="47" t="s">
        <v>5331</v>
      </c>
      <c r="Z543" s="28"/>
      <c r="AA543" s="27"/>
      <c r="AB543" s="27"/>
      <c r="AC543" s="27"/>
      <c r="AD543" s="30"/>
      <c r="AE543" s="1"/>
      <c r="AF543" s="23" t="s">
        <v>5331</v>
      </c>
      <c r="AG543" s="26"/>
      <c r="AH543" s="53"/>
    </row>
    <row r="544" spans="1:34" ht="51.6" customHeight="1" x14ac:dyDescent="0.45">
      <c r="A544" s="23">
        <v>538</v>
      </c>
      <c r="B544" s="25"/>
      <c r="C544" s="25"/>
      <c r="D544" s="29"/>
      <c r="E544" s="1"/>
      <c r="F544" s="1"/>
      <c r="G544" s="25"/>
      <c r="H544" s="71"/>
      <c r="I544" s="83"/>
      <c r="J544" s="50" t="str">
        <f t="shared" si="18"/>
        <v/>
      </c>
      <c r="K544" s="23" t="s">
        <v>7120</v>
      </c>
      <c r="L544" s="49" t="e">
        <f>VLOOKUP(E544&amp;F544,団体コード!$A$1:$C$1743,3,FALSE)</f>
        <v>#N/A</v>
      </c>
      <c r="M544" s="49" t="e">
        <f>VLOOKUP(E544&amp;F544,団体コード!$A$1:$C$1743,2,FALSE)</f>
        <v>#N/A</v>
      </c>
      <c r="N544" s="51" t="e">
        <f>VLOOKUP(E544,団体コード!$E$1:$F$48,2,FALSE)</f>
        <v>#N/A</v>
      </c>
      <c r="O544" s="51" t="e">
        <f t="shared" si="19"/>
        <v>#N/A</v>
      </c>
      <c r="P544" s="51">
        <v>1</v>
      </c>
      <c r="Q544" s="51" t="s">
        <v>5341</v>
      </c>
      <c r="R544" s="54" t="b">
        <v>1</v>
      </c>
      <c r="S544" s="52" t="s">
        <v>7126</v>
      </c>
      <c r="T544" s="67" t="s">
        <v>7127</v>
      </c>
      <c r="U544" s="75" t="s">
        <v>5331</v>
      </c>
      <c r="V544" s="47" t="s">
        <v>5331</v>
      </c>
      <c r="W544" s="47" t="s">
        <v>5331</v>
      </c>
      <c r="X544" s="47" t="s">
        <v>5331</v>
      </c>
      <c r="Y544" s="47" t="s">
        <v>5331</v>
      </c>
      <c r="Z544" s="28"/>
      <c r="AA544" s="27"/>
      <c r="AB544" s="27"/>
      <c r="AC544" s="27"/>
      <c r="AD544" s="30"/>
      <c r="AE544" s="1"/>
      <c r="AF544" s="23" t="s">
        <v>5331</v>
      </c>
      <c r="AG544" s="26"/>
      <c r="AH544" s="53"/>
    </row>
    <row r="545" spans="1:34" ht="51.6" customHeight="1" x14ac:dyDescent="0.45">
      <c r="A545" s="23">
        <v>539</v>
      </c>
      <c r="B545" s="25"/>
      <c r="C545" s="25"/>
      <c r="D545" s="29"/>
      <c r="E545" s="1"/>
      <c r="F545" s="1"/>
      <c r="G545" s="25"/>
      <c r="H545" s="71"/>
      <c r="I545" s="83"/>
      <c r="J545" s="50" t="str">
        <f t="shared" si="18"/>
        <v/>
      </c>
      <c r="K545" s="23" t="s">
        <v>7120</v>
      </c>
      <c r="L545" s="49" t="e">
        <f>VLOOKUP(E545&amp;F545,団体コード!$A$1:$C$1743,3,FALSE)</f>
        <v>#N/A</v>
      </c>
      <c r="M545" s="49" t="e">
        <f>VLOOKUP(E545&amp;F545,団体コード!$A$1:$C$1743,2,FALSE)</f>
        <v>#N/A</v>
      </c>
      <c r="N545" s="51" t="e">
        <f>VLOOKUP(E545,団体コード!$E$1:$F$48,2,FALSE)</f>
        <v>#N/A</v>
      </c>
      <c r="O545" s="51" t="e">
        <f t="shared" si="19"/>
        <v>#N/A</v>
      </c>
      <c r="P545" s="51">
        <v>1</v>
      </c>
      <c r="Q545" s="51" t="s">
        <v>5341</v>
      </c>
      <c r="R545" s="54" t="b">
        <v>1</v>
      </c>
      <c r="S545" s="52" t="s">
        <v>7126</v>
      </c>
      <c r="T545" s="67" t="s">
        <v>7127</v>
      </c>
      <c r="U545" s="75" t="s">
        <v>5331</v>
      </c>
      <c r="V545" s="47" t="s">
        <v>5331</v>
      </c>
      <c r="W545" s="47" t="s">
        <v>5331</v>
      </c>
      <c r="X545" s="47" t="s">
        <v>5331</v>
      </c>
      <c r="Y545" s="47" t="s">
        <v>5331</v>
      </c>
      <c r="Z545" s="28"/>
      <c r="AA545" s="27"/>
      <c r="AB545" s="27"/>
      <c r="AC545" s="27"/>
      <c r="AD545" s="30"/>
      <c r="AE545" s="1"/>
      <c r="AF545" s="23" t="s">
        <v>5331</v>
      </c>
      <c r="AG545" s="26"/>
      <c r="AH545" s="53"/>
    </row>
    <row r="546" spans="1:34" ht="51.6" customHeight="1" x14ac:dyDescent="0.45">
      <c r="A546" s="23">
        <v>540</v>
      </c>
      <c r="B546" s="25"/>
      <c r="C546" s="25"/>
      <c r="D546" s="29"/>
      <c r="E546" s="1"/>
      <c r="F546" s="1"/>
      <c r="G546" s="25"/>
      <c r="H546" s="71"/>
      <c r="I546" s="83"/>
      <c r="J546" s="50" t="str">
        <f t="shared" si="18"/>
        <v/>
      </c>
      <c r="K546" s="23" t="s">
        <v>7120</v>
      </c>
      <c r="L546" s="49" t="e">
        <f>VLOOKUP(E546&amp;F546,団体コード!$A$1:$C$1743,3,FALSE)</f>
        <v>#N/A</v>
      </c>
      <c r="M546" s="49" t="e">
        <f>VLOOKUP(E546&amp;F546,団体コード!$A$1:$C$1743,2,FALSE)</f>
        <v>#N/A</v>
      </c>
      <c r="N546" s="51" t="e">
        <f>VLOOKUP(E546,団体コード!$E$1:$F$48,2,FALSE)</f>
        <v>#N/A</v>
      </c>
      <c r="O546" s="51" t="e">
        <f t="shared" si="19"/>
        <v>#N/A</v>
      </c>
      <c r="P546" s="51">
        <v>1</v>
      </c>
      <c r="Q546" s="51" t="s">
        <v>5341</v>
      </c>
      <c r="R546" s="54" t="b">
        <v>1</v>
      </c>
      <c r="S546" s="52" t="s">
        <v>7126</v>
      </c>
      <c r="T546" s="67" t="s">
        <v>7127</v>
      </c>
      <c r="U546" s="75" t="s">
        <v>5331</v>
      </c>
      <c r="V546" s="47" t="s">
        <v>5331</v>
      </c>
      <c r="W546" s="47" t="s">
        <v>5331</v>
      </c>
      <c r="X546" s="47" t="s">
        <v>5331</v>
      </c>
      <c r="Y546" s="47" t="s">
        <v>5331</v>
      </c>
      <c r="Z546" s="28"/>
      <c r="AA546" s="27"/>
      <c r="AB546" s="27"/>
      <c r="AC546" s="27"/>
      <c r="AD546" s="30"/>
      <c r="AE546" s="1"/>
      <c r="AF546" s="23" t="s">
        <v>5331</v>
      </c>
      <c r="AG546" s="26"/>
      <c r="AH546" s="53"/>
    </row>
    <row r="547" spans="1:34" ht="51.6" customHeight="1" x14ac:dyDescent="0.45">
      <c r="A547" s="23">
        <v>541</v>
      </c>
      <c r="B547" s="25"/>
      <c r="C547" s="25"/>
      <c r="D547" s="29"/>
      <c r="E547" s="1"/>
      <c r="F547" s="1"/>
      <c r="G547" s="25"/>
      <c r="H547" s="71"/>
      <c r="I547" s="83"/>
      <c r="J547" s="50" t="str">
        <f t="shared" si="18"/>
        <v/>
      </c>
      <c r="K547" s="23" t="s">
        <v>7120</v>
      </c>
      <c r="L547" s="49" t="e">
        <f>VLOOKUP(E547&amp;F547,団体コード!$A$1:$C$1743,3,FALSE)</f>
        <v>#N/A</v>
      </c>
      <c r="M547" s="49" t="e">
        <f>VLOOKUP(E547&amp;F547,団体コード!$A$1:$C$1743,2,FALSE)</f>
        <v>#N/A</v>
      </c>
      <c r="N547" s="51" t="e">
        <f>VLOOKUP(E547,団体コード!$E$1:$F$48,2,FALSE)</f>
        <v>#N/A</v>
      </c>
      <c r="O547" s="51" t="e">
        <f t="shared" si="19"/>
        <v>#N/A</v>
      </c>
      <c r="P547" s="51">
        <v>1</v>
      </c>
      <c r="Q547" s="51" t="s">
        <v>5341</v>
      </c>
      <c r="R547" s="54" t="b">
        <v>1</v>
      </c>
      <c r="S547" s="52" t="s">
        <v>7126</v>
      </c>
      <c r="T547" s="67" t="s">
        <v>7127</v>
      </c>
      <c r="U547" s="75" t="s">
        <v>5331</v>
      </c>
      <c r="V547" s="47" t="s">
        <v>5331</v>
      </c>
      <c r="W547" s="47" t="s">
        <v>5331</v>
      </c>
      <c r="X547" s="47" t="s">
        <v>5331</v>
      </c>
      <c r="Y547" s="47" t="s">
        <v>5331</v>
      </c>
      <c r="Z547" s="28"/>
      <c r="AA547" s="27"/>
      <c r="AB547" s="27"/>
      <c r="AC547" s="27"/>
      <c r="AD547" s="30"/>
      <c r="AE547" s="1"/>
      <c r="AF547" s="23" t="s">
        <v>5331</v>
      </c>
      <c r="AG547" s="26"/>
      <c r="AH547" s="53"/>
    </row>
    <row r="548" spans="1:34" ht="51.6" customHeight="1" x14ac:dyDescent="0.45">
      <c r="A548" s="23">
        <v>542</v>
      </c>
      <c r="B548" s="25"/>
      <c r="C548" s="25"/>
      <c r="D548" s="29"/>
      <c r="E548" s="1"/>
      <c r="F548" s="1"/>
      <c r="G548" s="25"/>
      <c r="H548" s="71"/>
      <c r="I548" s="83"/>
      <c r="J548" s="50" t="str">
        <f t="shared" si="18"/>
        <v/>
      </c>
      <c r="K548" s="23" t="s">
        <v>7120</v>
      </c>
      <c r="L548" s="49" t="e">
        <f>VLOOKUP(E548&amp;F548,団体コード!$A$1:$C$1743,3,FALSE)</f>
        <v>#N/A</v>
      </c>
      <c r="M548" s="49" t="e">
        <f>VLOOKUP(E548&amp;F548,団体コード!$A$1:$C$1743,2,FALSE)</f>
        <v>#N/A</v>
      </c>
      <c r="N548" s="51" t="e">
        <f>VLOOKUP(E548,団体コード!$E$1:$F$48,2,FALSE)</f>
        <v>#N/A</v>
      </c>
      <c r="O548" s="51" t="e">
        <f t="shared" si="19"/>
        <v>#N/A</v>
      </c>
      <c r="P548" s="51">
        <v>1</v>
      </c>
      <c r="Q548" s="51" t="s">
        <v>5341</v>
      </c>
      <c r="R548" s="54" t="b">
        <v>1</v>
      </c>
      <c r="S548" s="52" t="s">
        <v>7126</v>
      </c>
      <c r="T548" s="67" t="s">
        <v>7127</v>
      </c>
      <c r="U548" s="75" t="s">
        <v>5331</v>
      </c>
      <c r="V548" s="47" t="s">
        <v>5331</v>
      </c>
      <c r="W548" s="47" t="s">
        <v>5331</v>
      </c>
      <c r="X548" s="47" t="s">
        <v>5331</v>
      </c>
      <c r="Y548" s="47" t="s">
        <v>5331</v>
      </c>
      <c r="Z548" s="28"/>
      <c r="AA548" s="27"/>
      <c r="AB548" s="27"/>
      <c r="AC548" s="27"/>
      <c r="AD548" s="30"/>
      <c r="AE548" s="1"/>
      <c r="AF548" s="23" t="s">
        <v>5331</v>
      </c>
      <c r="AG548" s="26"/>
      <c r="AH548" s="53"/>
    </row>
    <row r="549" spans="1:34" ht="51.6" customHeight="1" x14ac:dyDescent="0.45">
      <c r="A549" s="23">
        <v>543</v>
      </c>
      <c r="B549" s="25"/>
      <c r="C549" s="25"/>
      <c r="D549" s="29"/>
      <c r="E549" s="1"/>
      <c r="F549" s="1"/>
      <c r="G549" s="25"/>
      <c r="H549" s="71"/>
      <c r="I549" s="83"/>
      <c r="J549" s="50" t="str">
        <f t="shared" si="18"/>
        <v/>
      </c>
      <c r="K549" s="23" t="s">
        <v>7120</v>
      </c>
      <c r="L549" s="49" t="e">
        <f>VLOOKUP(E549&amp;F549,団体コード!$A$1:$C$1743,3,FALSE)</f>
        <v>#N/A</v>
      </c>
      <c r="M549" s="49" t="e">
        <f>VLOOKUP(E549&amp;F549,団体コード!$A$1:$C$1743,2,FALSE)</f>
        <v>#N/A</v>
      </c>
      <c r="N549" s="51" t="e">
        <f>VLOOKUP(E549,団体コード!$E$1:$F$48,2,FALSE)</f>
        <v>#N/A</v>
      </c>
      <c r="O549" s="51" t="e">
        <f t="shared" si="19"/>
        <v>#N/A</v>
      </c>
      <c r="P549" s="51">
        <v>1</v>
      </c>
      <c r="Q549" s="51" t="s">
        <v>5341</v>
      </c>
      <c r="R549" s="54" t="b">
        <v>1</v>
      </c>
      <c r="S549" s="52" t="s">
        <v>7126</v>
      </c>
      <c r="T549" s="67" t="s">
        <v>7127</v>
      </c>
      <c r="U549" s="75" t="s">
        <v>5331</v>
      </c>
      <c r="V549" s="47" t="s">
        <v>5331</v>
      </c>
      <c r="W549" s="47" t="s">
        <v>5331</v>
      </c>
      <c r="X549" s="47" t="s">
        <v>5331</v>
      </c>
      <c r="Y549" s="47" t="s">
        <v>5331</v>
      </c>
      <c r="Z549" s="28"/>
      <c r="AA549" s="27"/>
      <c r="AB549" s="27"/>
      <c r="AC549" s="27"/>
      <c r="AD549" s="30"/>
      <c r="AE549" s="1"/>
      <c r="AF549" s="23" t="s">
        <v>5331</v>
      </c>
      <c r="AG549" s="26"/>
      <c r="AH549" s="53"/>
    </row>
    <row r="550" spans="1:34" ht="51.6" customHeight="1" x14ac:dyDescent="0.45">
      <c r="A550" s="23">
        <v>544</v>
      </c>
      <c r="B550" s="25"/>
      <c r="C550" s="25"/>
      <c r="D550" s="29"/>
      <c r="E550" s="1"/>
      <c r="F550" s="1"/>
      <c r="G550" s="25"/>
      <c r="H550" s="71"/>
      <c r="I550" s="83"/>
      <c r="J550" s="50" t="str">
        <f t="shared" si="18"/>
        <v/>
      </c>
      <c r="K550" s="23" t="s">
        <v>7120</v>
      </c>
      <c r="L550" s="49" t="e">
        <f>VLOOKUP(E550&amp;F550,団体コード!$A$1:$C$1743,3,FALSE)</f>
        <v>#N/A</v>
      </c>
      <c r="M550" s="49" t="e">
        <f>VLOOKUP(E550&amp;F550,団体コード!$A$1:$C$1743,2,FALSE)</f>
        <v>#N/A</v>
      </c>
      <c r="N550" s="51" t="e">
        <f>VLOOKUP(E550,団体コード!$E$1:$F$48,2,FALSE)</f>
        <v>#N/A</v>
      </c>
      <c r="O550" s="51" t="e">
        <f t="shared" si="19"/>
        <v>#N/A</v>
      </c>
      <c r="P550" s="51">
        <v>1</v>
      </c>
      <c r="Q550" s="51" t="s">
        <v>5341</v>
      </c>
      <c r="R550" s="54" t="b">
        <v>1</v>
      </c>
      <c r="S550" s="52" t="s">
        <v>7126</v>
      </c>
      <c r="T550" s="67" t="s">
        <v>7127</v>
      </c>
      <c r="U550" s="75" t="s">
        <v>5331</v>
      </c>
      <c r="V550" s="47" t="s">
        <v>5331</v>
      </c>
      <c r="W550" s="47" t="s">
        <v>5331</v>
      </c>
      <c r="X550" s="47" t="s">
        <v>5331</v>
      </c>
      <c r="Y550" s="47" t="s">
        <v>5331</v>
      </c>
      <c r="Z550" s="28"/>
      <c r="AA550" s="27"/>
      <c r="AB550" s="27"/>
      <c r="AC550" s="27"/>
      <c r="AD550" s="30"/>
      <c r="AE550" s="1"/>
      <c r="AF550" s="23" t="s">
        <v>5331</v>
      </c>
      <c r="AG550" s="26"/>
      <c r="AH550" s="53"/>
    </row>
    <row r="551" spans="1:34" ht="51.6" customHeight="1" x14ac:dyDescent="0.45">
      <c r="A551" s="23">
        <v>545</v>
      </c>
      <c r="B551" s="25"/>
      <c r="C551" s="25"/>
      <c r="D551" s="29"/>
      <c r="E551" s="1"/>
      <c r="F551" s="1"/>
      <c r="G551" s="25"/>
      <c r="H551" s="71"/>
      <c r="I551" s="83"/>
      <c r="J551" s="50" t="str">
        <f t="shared" si="18"/>
        <v/>
      </c>
      <c r="K551" s="23" t="s">
        <v>7120</v>
      </c>
      <c r="L551" s="49" t="e">
        <f>VLOOKUP(E551&amp;F551,団体コード!$A$1:$C$1743,3,FALSE)</f>
        <v>#N/A</v>
      </c>
      <c r="M551" s="49" t="e">
        <f>VLOOKUP(E551&amp;F551,団体コード!$A$1:$C$1743,2,FALSE)</f>
        <v>#N/A</v>
      </c>
      <c r="N551" s="51" t="e">
        <f>VLOOKUP(E551,団体コード!$E$1:$F$48,2,FALSE)</f>
        <v>#N/A</v>
      </c>
      <c r="O551" s="51" t="e">
        <f t="shared" si="19"/>
        <v>#N/A</v>
      </c>
      <c r="P551" s="51">
        <v>1</v>
      </c>
      <c r="Q551" s="51" t="s">
        <v>5341</v>
      </c>
      <c r="R551" s="54" t="b">
        <v>1</v>
      </c>
      <c r="S551" s="52" t="s">
        <v>7126</v>
      </c>
      <c r="T551" s="67" t="s">
        <v>7127</v>
      </c>
      <c r="U551" s="75" t="s">
        <v>5331</v>
      </c>
      <c r="V551" s="47" t="s">
        <v>5331</v>
      </c>
      <c r="W551" s="47" t="s">
        <v>5331</v>
      </c>
      <c r="X551" s="47" t="s">
        <v>5331</v>
      </c>
      <c r="Y551" s="47" t="s">
        <v>5331</v>
      </c>
      <c r="Z551" s="28"/>
      <c r="AA551" s="27"/>
      <c r="AB551" s="27"/>
      <c r="AC551" s="27"/>
      <c r="AD551" s="30"/>
      <c r="AE551" s="1"/>
      <c r="AF551" s="23" t="s">
        <v>5331</v>
      </c>
      <c r="AG551" s="26"/>
      <c r="AH551" s="53"/>
    </row>
    <row r="552" spans="1:34" ht="51.6" customHeight="1" x14ac:dyDescent="0.45">
      <c r="A552" s="23">
        <v>546</v>
      </c>
      <c r="B552" s="25"/>
      <c r="C552" s="25"/>
      <c r="D552" s="29"/>
      <c r="E552" s="1"/>
      <c r="F552" s="1"/>
      <c r="G552" s="25"/>
      <c r="H552" s="71"/>
      <c r="I552" s="83"/>
      <c r="J552" s="50" t="str">
        <f t="shared" si="18"/>
        <v/>
      </c>
      <c r="K552" s="23" t="s">
        <v>7120</v>
      </c>
      <c r="L552" s="49" t="e">
        <f>VLOOKUP(E552&amp;F552,団体コード!$A$1:$C$1743,3,FALSE)</f>
        <v>#N/A</v>
      </c>
      <c r="M552" s="49" t="e">
        <f>VLOOKUP(E552&amp;F552,団体コード!$A$1:$C$1743,2,FALSE)</f>
        <v>#N/A</v>
      </c>
      <c r="N552" s="51" t="e">
        <f>VLOOKUP(E552,団体コード!$E$1:$F$48,2,FALSE)</f>
        <v>#N/A</v>
      </c>
      <c r="O552" s="51" t="e">
        <f t="shared" si="19"/>
        <v>#N/A</v>
      </c>
      <c r="P552" s="51">
        <v>1</v>
      </c>
      <c r="Q552" s="51" t="s">
        <v>5341</v>
      </c>
      <c r="R552" s="54" t="b">
        <v>1</v>
      </c>
      <c r="S552" s="52" t="s">
        <v>7126</v>
      </c>
      <c r="T552" s="67" t="s">
        <v>7127</v>
      </c>
      <c r="U552" s="75" t="s">
        <v>5331</v>
      </c>
      <c r="V552" s="47" t="s">
        <v>5331</v>
      </c>
      <c r="W552" s="47" t="s">
        <v>5331</v>
      </c>
      <c r="X552" s="47" t="s">
        <v>5331</v>
      </c>
      <c r="Y552" s="47" t="s">
        <v>5331</v>
      </c>
      <c r="Z552" s="28"/>
      <c r="AA552" s="27"/>
      <c r="AB552" s="27"/>
      <c r="AC552" s="27"/>
      <c r="AD552" s="30"/>
      <c r="AE552" s="1"/>
      <c r="AF552" s="23" t="s">
        <v>5331</v>
      </c>
      <c r="AG552" s="26"/>
      <c r="AH552" s="53"/>
    </row>
    <row r="553" spans="1:34" ht="51.6" customHeight="1" x14ac:dyDescent="0.45">
      <c r="A553" s="23">
        <v>547</v>
      </c>
      <c r="B553" s="25"/>
      <c r="C553" s="25"/>
      <c r="D553" s="29"/>
      <c r="E553" s="1"/>
      <c r="F553" s="1"/>
      <c r="G553" s="25"/>
      <c r="H553" s="71"/>
      <c r="I553" s="83"/>
      <c r="J553" s="50" t="str">
        <f t="shared" si="18"/>
        <v/>
      </c>
      <c r="K553" s="23" t="s">
        <v>7120</v>
      </c>
      <c r="L553" s="49" t="e">
        <f>VLOOKUP(E553&amp;F553,団体コード!$A$1:$C$1743,3,FALSE)</f>
        <v>#N/A</v>
      </c>
      <c r="M553" s="49" t="e">
        <f>VLOOKUP(E553&amp;F553,団体コード!$A$1:$C$1743,2,FALSE)</f>
        <v>#N/A</v>
      </c>
      <c r="N553" s="51" t="e">
        <f>VLOOKUP(E553,団体コード!$E$1:$F$48,2,FALSE)</f>
        <v>#N/A</v>
      </c>
      <c r="O553" s="51" t="e">
        <f t="shared" si="19"/>
        <v>#N/A</v>
      </c>
      <c r="P553" s="51">
        <v>1</v>
      </c>
      <c r="Q553" s="51" t="s">
        <v>5341</v>
      </c>
      <c r="R553" s="54" t="b">
        <v>1</v>
      </c>
      <c r="S553" s="52" t="s">
        <v>7126</v>
      </c>
      <c r="T553" s="67" t="s">
        <v>7127</v>
      </c>
      <c r="U553" s="75" t="s">
        <v>5331</v>
      </c>
      <c r="V553" s="47" t="s">
        <v>5331</v>
      </c>
      <c r="W553" s="47" t="s">
        <v>5331</v>
      </c>
      <c r="X553" s="47" t="s">
        <v>5331</v>
      </c>
      <c r="Y553" s="47" t="s">
        <v>5331</v>
      </c>
      <c r="Z553" s="28"/>
      <c r="AA553" s="27"/>
      <c r="AB553" s="27"/>
      <c r="AC553" s="27"/>
      <c r="AD553" s="30"/>
      <c r="AE553" s="1"/>
      <c r="AF553" s="23" t="s">
        <v>5331</v>
      </c>
      <c r="AG553" s="26"/>
      <c r="AH553" s="53"/>
    </row>
    <row r="554" spans="1:34" ht="51.6" customHeight="1" x14ac:dyDescent="0.45">
      <c r="A554" s="23">
        <v>548</v>
      </c>
      <c r="B554" s="25"/>
      <c r="C554" s="25"/>
      <c r="D554" s="29"/>
      <c r="E554" s="1"/>
      <c r="F554" s="1"/>
      <c r="G554" s="25"/>
      <c r="H554" s="71"/>
      <c r="I554" s="83"/>
      <c r="J554" s="50" t="str">
        <f t="shared" si="18"/>
        <v/>
      </c>
      <c r="K554" s="23" t="s">
        <v>7120</v>
      </c>
      <c r="L554" s="49" t="e">
        <f>VLOOKUP(E554&amp;F554,団体コード!$A$1:$C$1743,3,FALSE)</f>
        <v>#N/A</v>
      </c>
      <c r="M554" s="49" t="e">
        <f>VLOOKUP(E554&amp;F554,団体コード!$A$1:$C$1743,2,FALSE)</f>
        <v>#N/A</v>
      </c>
      <c r="N554" s="51" t="e">
        <f>VLOOKUP(E554,団体コード!$E$1:$F$48,2,FALSE)</f>
        <v>#N/A</v>
      </c>
      <c r="O554" s="51" t="e">
        <f t="shared" si="19"/>
        <v>#N/A</v>
      </c>
      <c r="P554" s="51">
        <v>1</v>
      </c>
      <c r="Q554" s="51" t="s">
        <v>5341</v>
      </c>
      <c r="R554" s="54" t="b">
        <v>1</v>
      </c>
      <c r="S554" s="52" t="s">
        <v>7126</v>
      </c>
      <c r="T554" s="67" t="s">
        <v>7127</v>
      </c>
      <c r="U554" s="75" t="s">
        <v>5331</v>
      </c>
      <c r="V554" s="47" t="s">
        <v>5331</v>
      </c>
      <c r="W554" s="47" t="s">
        <v>5331</v>
      </c>
      <c r="X554" s="47" t="s">
        <v>5331</v>
      </c>
      <c r="Y554" s="47" t="s">
        <v>5331</v>
      </c>
      <c r="Z554" s="28"/>
      <c r="AA554" s="27"/>
      <c r="AB554" s="27"/>
      <c r="AC554" s="27"/>
      <c r="AD554" s="30"/>
      <c r="AE554" s="1"/>
      <c r="AF554" s="23" t="s">
        <v>5331</v>
      </c>
      <c r="AG554" s="26"/>
      <c r="AH554" s="53"/>
    </row>
    <row r="555" spans="1:34" ht="51.6" customHeight="1" x14ac:dyDescent="0.45">
      <c r="A555" s="23">
        <v>549</v>
      </c>
      <c r="B555" s="25"/>
      <c r="C555" s="25"/>
      <c r="D555" s="29"/>
      <c r="E555" s="1"/>
      <c r="F555" s="1"/>
      <c r="G555" s="25"/>
      <c r="H555" s="71"/>
      <c r="I555" s="83"/>
      <c r="J555" s="50" t="str">
        <f t="shared" si="18"/>
        <v/>
      </c>
      <c r="K555" s="23" t="s">
        <v>7120</v>
      </c>
      <c r="L555" s="49" t="e">
        <f>VLOOKUP(E555&amp;F555,団体コード!$A$1:$C$1743,3,FALSE)</f>
        <v>#N/A</v>
      </c>
      <c r="M555" s="49" t="e">
        <f>VLOOKUP(E555&amp;F555,団体コード!$A$1:$C$1743,2,FALSE)</f>
        <v>#N/A</v>
      </c>
      <c r="N555" s="51" t="e">
        <f>VLOOKUP(E555,団体コード!$E$1:$F$48,2,FALSE)</f>
        <v>#N/A</v>
      </c>
      <c r="O555" s="51" t="e">
        <f t="shared" si="19"/>
        <v>#N/A</v>
      </c>
      <c r="P555" s="51">
        <v>1</v>
      </c>
      <c r="Q555" s="51" t="s">
        <v>5341</v>
      </c>
      <c r="R555" s="54" t="b">
        <v>1</v>
      </c>
      <c r="S555" s="52" t="s">
        <v>7126</v>
      </c>
      <c r="T555" s="67" t="s">
        <v>7127</v>
      </c>
      <c r="U555" s="75" t="s">
        <v>5331</v>
      </c>
      <c r="V555" s="47" t="s">
        <v>5331</v>
      </c>
      <c r="W555" s="47" t="s">
        <v>5331</v>
      </c>
      <c r="X555" s="47" t="s">
        <v>5331</v>
      </c>
      <c r="Y555" s="47" t="s">
        <v>5331</v>
      </c>
      <c r="Z555" s="28"/>
      <c r="AA555" s="27"/>
      <c r="AB555" s="27"/>
      <c r="AC555" s="27"/>
      <c r="AD555" s="30"/>
      <c r="AE555" s="1"/>
      <c r="AF555" s="23" t="s">
        <v>5331</v>
      </c>
      <c r="AG555" s="26"/>
      <c r="AH555" s="53"/>
    </row>
    <row r="556" spans="1:34" ht="51.6" customHeight="1" x14ac:dyDescent="0.45">
      <c r="A556" s="23">
        <v>550</v>
      </c>
      <c r="B556" s="25"/>
      <c r="C556" s="25"/>
      <c r="D556" s="29"/>
      <c r="E556" s="1"/>
      <c r="F556" s="1"/>
      <c r="G556" s="25"/>
      <c r="H556" s="71"/>
      <c r="I556" s="83"/>
      <c r="J556" s="50" t="str">
        <f t="shared" si="18"/>
        <v/>
      </c>
      <c r="K556" s="23" t="s">
        <v>7120</v>
      </c>
      <c r="L556" s="49" t="e">
        <f>VLOOKUP(E556&amp;F556,団体コード!$A$1:$C$1743,3,FALSE)</f>
        <v>#N/A</v>
      </c>
      <c r="M556" s="49" t="e">
        <f>VLOOKUP(E556&amp;F556,団体コード!$A$1:$C$1743,2,FALSE)</f>
        <v>#N/A</v>
      </c>
      <c r="N556" s="51" t="e">
        <f>VLOOKUP(E556,団体コード!$E$1:$F$48,2,FALSE)</f>
        <v>#N/A</v>
      </c>
      <c r="O556" s="51" t="e">
        <f t="shared" si="19"/>
        <v>#N/A</v>
      </c>
      <c r="P556" s="51">
        <v>1</v>
      </c>
      <c r="Q556" s="51" t="s">
        <v>5341</v>
      </c>
      <c r="R556" s="54" t="b">
        <v>1</v>
      </c>
      <c r="S556" s="52" t="s">
        <v>7126</v>
      </c>
      <c r="T556" s="67" t="s">
        <v>7127</v>
      </c>
      <c r="U556" s="75" t="s">
        <v>5331</v>
      </c>
      <c r="V556" s="47" t="s">
        <v>5331</v>
      </c>
      <c r="W556" s="47" t="s">
        <v>5331</v>
      </c>
      <c r="X556" s="47" t="s">
        <v>5331</v>
      </c>
      <c r="Y556" s="47" t="s">
        <v>5331</v>
      </c>
      <c r="Z556" s="28"/>
      <c r="AA556" s="27"/>
      <c r="AB556" s="27"/>
      <c r="AC556" s="27"/>
      <c r="AD556" s="30"/>
      <c r="AE556" s="1"/>
      <c r="AF556" s="23" t="s">
        <v>5331</v>
      </c>
      <c r="AG556" s="26"/>
      <c r="AH556" s="53"/>
    </row>
    <row r="557" spans="1:34" ht="51.6" customHeight="1" x14ac:dyDescent="0.45">
      <c r="A557" s="23">
        <v>551</v>
      </c>
      <c r="B557" s="25"/>
      <c r="C557" s="25"/>
      <c r="D557" s="29"/>
      <c r="E557" s="1"/>
      <c r="F557" s="1"/>
      <c r="G557" s="25"/>
      <c r="H557" s="71"/>
      <c r="I557" s="83"/>
      <c r="J557" s="50" t="str">
        <f t="shared" si="18"/>
        <v/>
      </c>
      <c r="K557" s="23" t="s">
        <v>7120</v>
      </c>
      <c r="L557" s="49" t="e">
        <f>VLOOKUP(E557&amp;F557,団体コード!$A$1:$C$1743,3,FALSE)</f>
        <v>#N/A</v>
      </c>
      <c r="M557" s="49" t="e">
        <f>VLOOKUP(E557&amp;F557,団体コード!$A$1:$C$1743,2,FALSE)</f>
        <v>#N/A</v>
      </c>
      <c r="N557" s="51" t="e">
        <f>VLOOKUP(E557,団体コード!$E$1:$F$48,2,FALSE)</f>
        <v>#N/A</v>
      </c>
      <c r="O557" s="51" t="e">
        <f t="shared" si="19"/>
        <v>#N/A</v>
      </c>
      <c r="P557" s="51">
        <v>1</v>
      </c>
      <c r="Q557" s="51" t="s">
        <v>5341</v>
      </c>
      <c r="R557" s="54" t="b">
        <v>1</v>
      </c>
      <c r="S557" s="52" t="s">
        <v>7126</v>
      </c>
      <c r="T557" s="67" t="s">
        <v>7127</v>
      </c>
      <c r="U557" s="75" t="s">
        <v>5331</v>
      </c>
      <c r="V557" s="47" t="s">
        <v>5331</v>
      </c>
      <c r="W557" s="47" t="s">
        <v>5331</v>
      </c>
      <c r="X557" s="47" t="s">
        <v>5331</v>
      </c>
      <c r="Y557" s="47" t="s">
        <v>5331</v>
      </c>
      <c r="Z557" s="28"/>
      <c r="AA557" s="27"/>
      <c r="AB557" s="27"/>
      <c r="AC557" s="27"/>
      <c r="AD557" s="30"/>
      <c r="AE557" s="1"/>
      <c r="AF557" s="23" t="s">
        <v>5331</v>
      </c>
      <c r="AG557" s="26"/>
      <c r="AH557" s="53"/>
    </row>
    <row r="558" spans="1:34" ht="51.6" customHeight="1" x14ac:dyDescent="0.45">
      <c r="A558" s="23">
        <v>552</v>
      </c>
      <c r="B558" s="25"/>
      <c r="C558" s="25"/>
      <c r="D558" s="29"/>
      <c r="E558" s="1"/>
      <c r="F558" s="1"/>
      <c r="G558" s="25"/>
      <c r="H558" s="71"/>
      <c r="I558" s="83"/>
      <c r="J558" s="50" t="str">
        <f t="shared" si="18"/>
        <v/>
      </c>
      <c r="K558" s="23" t="s">
        <v>7120</v>
      </c>
      <c r="L558" s="49" t="e">
        <f>VLOOKUP(E558&amp;F558,団体コード!$A$1:$C$1743,3,FALSE)</f>
        <v>#N/A</v>
      </c>
      <c r="M558" s="49" t="e">
        <f>VLOOKUP(E558&amp;F558,団体コード!$A$1:$C$1743,2,FALSE)</f>
        <v>#N/A</v>
      </c>
      <c r="N558" s="51" t="e">
        <f>VLOOKUP(E558,団体コード!$E$1:$F$48,2,FALSE)</f>
        <v>#N/A</v>
      </c>
      <c r="O558" s="51" t="e">
        <f t="shared" si="19"/>
        <v>#N/A</v>
      </c>
      <c r="P558" s="51">
        <v>1</v>
      </c>
      <c r="Q558" s="51" t="s">
        <v>5341</v>
      </c>
      <c r="R558" s="54" t="b">
        <v>1</v>
      </c>
      <c r="S558" s="52" t="s">
        <v>7126</v>
      </c>
      <c r="T558" s="67" t="s">
        <v>7127</v>
      </c>
      <c r="U558" s="75" t="s">
        <v>5331</v>
      </c>
      <c r="V558" s="47" t="s">
        <v>5331</v>
      </c>
      <c r="W558" s="47" t="s">
        <v>5331</v>
      </c>
      <c r="X558" s="47" t="s">
        <v>5331</v>
      </c>
      <c r="Y558" s="47" t="s">
        <v>5331</v>
      </c>
      <c r="Z558" s="28"/>
      <c r="AA558" s="27"/>
      <c r="AB558" s="27"/>
      <c r="AC558" s="27"/>
      <c r="AD558" s="30"/>
      <c r="AE558" s="1"/>
      <c r="AF558" s="23" t="s">
        <v>5331</v>
      </c>
      <c r="AG558" s="26"/>
      <c r="AH558" s="53"/>
    </row>
    <row r="559" spans="1:34" ht="51.6" customHeight="1" x14ac:dyDescent="0.45">
      <c r="A559" s="23">
        <v>553</v>
      </c>
      <c r="B559" s="25"/>
      <c r="C559" s="25"/>
      <c r="D559" s="29"/>
      <c r="E559" s="1"/>
      <c r="F559" s="1"/>
      <c r="G559" s="25"/>
      <c r="H559" s="71"/>
      <c r="I559" s="83"/>
      <c r="J559" s="50" t="str">
        <f t="shared" si="18"/>
        <v/>
      </c>
      <c r="K559" s="23" t="s">
        <v>7120</v>
      </c>
      <c r="L559" s="49" t="e">
        <f>VLOOKUP(E559&amp;F559,団体コード!$A$1:$C$1743,3,FALSE)</f>
        <v>#N/A</v>
      </c>
      <c r="M559" s="49" t="e">
        <f>VLOOKUP(E559&amp;F559,団体コード!$A$1:$C$1743,2,FALSE)</f>
        <v>#N/A</v>
      </c>
      <c r="N559" s="51" t="e">
        <f>VLOOKUP(E559,団体コード!$E$1:$F$48,2,FALSE)</f>
        <v>#N/A</v>
      </c>
      <c r="O559" s="51" t="e">
        <f t="shared" si="19"/>
        <v>#N/A</v>
      </c>
      <c r="P559" s="51">
        <v>1</v>
      </c>
      <c r="Q559" s="51" t="s">
        <v>5341</v>
      </c>
      <c r="R559" s="54" t="b">
        <v>1</v>
      </c>
      <c r="S559" s="52" t="s">
        <v>7126</v>
      </c>
      <c r="T559" s="67" t="s">
        <v>7127</v>
      </c>
      <c r="U559" s="75" t="s">
        <v>5331</v>
      </c>
      <c r="V559" s="47" t="s">
        <v>5331</v>
      </c>
      <c r="W559" s="47" t="s">
        <v>5331</v>
      </c>
      <c r="X559" s="47" t="s">
        <v>5331</v>
      </c>
      <c r="Y559" s="47" t="s">
        <v>5331</v>
      </c>
      <c r="Z559" s="28"/>
      <c r="AA559" s="27"/>
      <c r="AB559" s="27"/>
      <c r="AC559" s="27"/>
      <c r="AD559" s="30"/>
      <c r="AE559" s="1"/>
      <c r="AF559" s="23" t="s">
        <v>5331</v>
      </c>
      <c r="AG559" s="26"/>
      <c r="AH559" s="53"/>
    </row>
    <row r="560" spans="1:34" ht="51.6" customHeight="1" x14ac:dyDescent="0.45">
      <c r="A560" s="23">
        <v>554</v>
      </c>
      <c r="B560" s="25"/>
      <c r="C560" s="25"/>
      <c r="D560" s="29"/>
      <c r="E560" s="1"/>
      <c r="F560" s="1"/>
      <c r="G560" s="25"/>
      <c r="H560" s="71"/>
      <c r="I560" s="83"/>
      <c r="J560" s="50" t="str">
        <f t="shared" si="18"/>
        <v/>
      </c>
      <c r="K560" s="23" t="s">
        <v>7120</v>
      </c>
      <c r="L560" s="49" t="e">
        <f>VLOOKUP(E560&amp;F560,団体コード!$A$1:$C$1743,3,FALSE)</f>
        <v>#N/A</v>
      </c>
      <c r="M560" s="49" t="e">
        <f>VLOOKUP(E560&amp;F560,団体コード!$A$1:$C$1743,2,FALSE)</f>
        <v>#N/A</v>
      </c>
      <c r="N560" s="51" t="e">
        <f>VLOOKUP(E560,団体コード!$E$1:$F$48,2,FALSE)</f>
        <v>#N/A</v>
      </c>
      <c r="O560" s="51" t="e">
        <f t="shared" si="19"/>
        <v>#N/A</v>
      </c>
      <c r="P560" s="51">
        <v>1</v>
      </c>
      <c r="Q560" s="51" t="s">
        <v>5341</v>
      </c>
      <c r="R560" s="54" t="b">
        <v>1</v>
      </c>
      <c r="S560" s="52" t="s">
        <v>7126</v>
      </c>
      <c r="T560" s="67" t="s">
        <v>7127</v>
      </c>
      <c r="U560" s="75" t="s">
        <v>5331</v>
      </c>
      <c r="V560" s="47" t="s">
        <v>5331</v>
      </c>
      <c r="W560" s="47" t="s">
        <v>5331</v>
      </c>
      <c r="X560" s="47" t="s">
        <v>5331</v>
      </c>
      <c r="Y560" s="47" t="s">
        <v>5331</v>
      </c>
      <c r="Z560" s="28"/>
      <c r="AA560" s="27"/>
      <c r="AB560" s="27"/>
      <c r="AC560" s="27"/>
      <c r="AD560" s="30"/>
      <c r="AE560" s="1"/>
      <c r="AF560" s="23" t="s">
        <v>5331</v>
      </c>
      <c r="AG560" s="26"/>
      <c r="AH560" s="53"/>
    </row>
    <row r="561" spans="1:34" ht="51.6" customHeight="1" x14ac:dyDescent="0.45">
      <c r="A561" s="23">
        <v>555</v>
      </c>
      <c r="B561" s="25"/>
      <c r="C561" s="25"/>
      <c r="D561" s="29"/>
      <c r="E561" s="1"/>
      <c r="F561" s="1"/>
      <c r="G561" s="25"/>
      <c r="H561" s="71"/>
      <c r="I561" s="83"/>
      <c r="J561" s="50" t="str">
        <f t="shared" si="18"/>
        <v/>
      </c>
      <c r="K561" s="23" t="s">
        <v>7120</v>
      </c>
      <c r="L561" s="49" t="e">
        <f>VLOOKUP(E561&amp;F561,団体コード!$A$1:$C$1743,3,FALSE)</f>
        <v>#N/A</v>
      </c>
      <c r="M561" s="49" t="e">
        <f>VLOOKUP(E561&amp;F561,団体コード!$A$1:$C$1743,2,FALSE)</f>
        <v>#N/A</v>
      </c>
      <c r="N561" s="51" t="e">
        <f>VLOOKUP(E561,団体コード!$E$1:$F$48,2,FALSE)</f>
        <v>#N/A</v>
      </c>
      <c r="O561" s="51" t="e">
        <f t="shared" si="19"/>
        <v>#N/A</v>
      </c>
      <c r="P561" s="51">
        <v>1</v>
      </c>
      <c r="Q561" s="51" t="s">
        <v>5341</v>
      </c>
      <c r="R561" s="54" t="b">
        <v>1</v>
      </c>
      <c r="S561" s="52" t="s">
        <v>7126</v>
      </c>
      <c r="T561" s="67" t="s">
        <v>7127</v>
      </c>
      <c r="U561" s="75" t="s">
        <v>5331</v>
      </c>
      <c r="V561" s="47" t="s">
        <v>5331</v>
      </c>
      <c r="W561" s="47" t="s">
        <v>5331</v>
      </c>
      <c r="X561" s="47" t="s">
        <v>5331</v>
      </c>
      <c r="Y561" s="47" t="s">
        <v>5331</v>
      </c>
      <c r="Z561" s="28"/>
      <c r="AA561" s="27"/>
      <c r="AB561" s="27"/>
      <c r="AC561" s="27"/>
      <c r="AD561" s="30"/>
      <c r="AE561" s="1"/>
      <c r="AF561" s="23" t="s">
        <v>5331</v>
      </c>
      <c r="AG561" s="26"/>
      <c r="AH561" s="53"/>
    </row>
    <row r="562" spans="1:34" ht="51.6" customHeight="1" x14ac:dyDescent="0.45">
      <c r="A562" s="23">
        <v>556</v>
      </c>
      <c r="B562" s="25"/>
      <c r="C562" s="25"/>
      <c r="D562" s="29"/>
      <c r="E562" s="1"/>
      <c r="F562" s="1"/>
      <c r="G562" s="25"/>
      <c r="H562" s="71"/>
      <c r="I562" s="83"/>
      <c r="J562" s="50" t="str">
        <f t="shared" si="18"/>
        <v/>
      </c>
      <c r="K562" s="23" t="s">
        <v>7120</v>
      </c>
      <c r="L562" s="49" t="e">
        <f>VLOOKUP(E562&amp;F562,団体コード!$A$1:$C$1743,3,FALSE)</f>
        <v>#N/A</v>
      </c>
      <c r="M562" s="49" t="e">
        <f>VLOOKUP(E562&amp;F562,団体コード!$A$1:$C$1743,2,FALSE)</f>
        <v>#N/A</v>
      </c>
      <c r="N562" s="51" t="e">
        <f>VLOOKUP(E562,団体コード!$E$1:$F$48,2,FALSE)</f>
        <v>#N/A</v>
      </c>
      <c r="O562" s="51" t="e">
        <f t="shared" si="19"/>
        <v>#N/A</v>
      </c>
      <c r="P562" s="51">
        <v>1</v>
      </c>
      <c r="Q562" s="51" t="s">
        <v>5341</v>
      </c>
      <c r="R562" s="54" t="b">
        <v>1</v>
      </c>
      <c r="S562" s="52" t="s">
        <v>7126</v>
      </c>
      <c r="T562" s="67" t="s">
        <v>7127</v>
      </c>
      <c r="U562" s="75" t="s">
        <v>5331</v>
      </c>
      <c r="V562" s="47" t="s">
        <v>5331</v>
      </c>
      <c r="W562" s="47" t="s">
        <v>5331</v>
      </c>
      <c r="X562" s="47" t="s">
        <v>5331</v>
      </c>
      <c r="Y562" s="47" t="s">
        <v>5331</v>
      </c>
      <c r="Z562" s="28"/>
      <c r="AA562" s="27"/>
      <c r="AB562" s="27"/>
      <c r="AC562" s="27"/>
      <c r="AD562" s="30"/>
      <c r="AE562" s="1"/>
      <c r="AF562" s="23" t="s">
        <v>5331</v>
      </c>
      <c r="AG562" s="26"/>
      <c r="AH562" s="53"/>
    </row>
    <row r="563" spans="1:34" ht="51.6" customHeight="1" x14ac:dyDescent="0.45">
      <c r="A563" s="23">
        <v>557</v>
      </c>
      <c r="B563" s="25"/>
      <c r="C563" s="25"/>
      <c r="D563" s="29"/>
      <c r="E563" s="1"/>
      <c r="F563" s="1"/>
      <c r="G563" s="25"/>
      <c r="H563" s="71"/>
      <c r="I563" s="83"/>
      <c r="J563" s="50" t="str">
        <f t="shared" si="18"/>
        <v/>
      </c>
      <c r="K563" s="23" t="s">
        <v>7120</v>
      </c>
      <c r="L563" s="49" t="e">
        <f>VLOOKUP(E563&amp;F563,団体コード!$A$1:$C$1743,3,FALSE)</f>
        <v>#N/A</v>
      </c>
      <c r="M563" s="49" t="e">
        <f>VLOOKUP(E563&amp;F563,団体コード!$A$1:$C$1743,2,FALSE)</f>
        <v>#N/A</v>
      </c>
      <c r="N563" s="51" t="e">
        <f>VLOOKUP(E563,団体コード!$E$1:$F$48,2,FALSE)</f>
        <v>#N/A</v>
      </c>
      <c r="O563" s="51" t="e">
        <f t="shared" si="19"/>
        <v>#N/A</v>
      </c>
      <c r="P563" s="51">
        <v>1</v>
      </c>
      <c r="Q563" s="51" t="s">
        <v>5341</v>
      </c>
      <c r="R563" s="54" t="b">
        <v>1</v>
      </c>
      <c r="S563" s="52" t="s">
        <v>7126</v>
      </c>
      <c r="T563" s="67" t="s">
        <v>7127</v>
      </c>
      <c r="U563" s="75" t="s">
        <v>5331</v>
      </c>
      <c r="V563" s="47" t="s">
        <v>5331</v>
      </c>
      <c r="W563" s="47" t="s">
        <v>5331</v>
      </c>
      <c r="X563" s="47" t="s">
        <v>5331</v>
      </c>
      <c r="Y563" s="47" t="s">
        <v>5331</v>
      </c>
      <c r="Z563" s="28"/>
      <c r="AA563" s="27"/>
      <c r="AB563" s="27"/>
      <c r="AC563" s="27"/>
      <c r="AD563" s="30"/>
      <c r="AE563" s="1"/>
      <c r="AF563" s="23" t="s">
        <v>5331</v>
      </c>
      <c r="AG563" s="26"/>
      <c r="AH563" s="53"/>
    </row>
    <row r="564" spans="1:34" ht="51.6" customHeight="1" x14ac:dyDescent="0.45">
      <c r="A564" s="23">
        <v>558</v>
      </c>
      <c r="B564" s="25"/>
      <c r="C564" s="25"/>
      <c r="D564" s="29"/>
      <c r="E564" s="1"/>
      <c r="F564" s="1"/>
      <c r="G564" s="25"/>
      <c r="H564" s="71"/>
      <c r="I564" s="83"/>
      <c r="J564" s="50" t="str">
        <f t="shared" si="18"/>
        <v/>
      </c>
      <c r="K564" s="23" t="s">
        <v>7120</v>
      </c>
      <c r="L564" s="49" t="e">
        <f>VLOOKUP(E564&amp;F564,団体コード!$A$1:$C$1743,3,FALSE)</f>
        <v>#N/A</v>
      </c>
      <c r="M564" s="49" t="e">
        <f>VLOOKUP(E564&amp;F564,団体コード!$A$1:$C$1743,2,FALSE)</f>
        <v>#N/A</v>
      </c>
      <c r="N564" s="51" t="e">
        <f>VLOOKUP(E564,団体コード!$E$1:$F$48,2,FALSE)</f>
        <v>#N/A</v>
      </c>
      <c r="O564" s="51" t="e">
        <f t="shared" si="19"/>
        <v>#N/A</v>
      </c>
      <c r="P564" s="51">
        <v>1</v>
      </c>
      <c r="Q564" s="51" t="s">
        <v>5341</v>
      </c>
      <c r="R564" s="54" t="b">
        <v>1</v>
      </c>
      <c r="S564" s="52" t="s">
        <v>7126</v>
      </c>
      <c r="T564" s="67" t="s">
        <v>7127</v>
      </c>
      <c r="U564" s="75" t="s">
        <v>5331</v>
      </c>
      <c r="V564" s="47" t="s">
        <v>5331</v>
      </c>
      <c r="W564" s="47" t="s">
        <v>5331</v>
      </c>
      <c r="X564" s="47" t="s">
        <v>5331</v>
      </c>
      <c r="Y564" s="47" t="s">
        <v>5331</v>
      </c>
      <c r="Z564" s="28"/>
      <c r="AA564" s="27"/>
      <c r="AB564" s="27"/>
      <c r="AC564" s="27"/>
      <c r="AD564" s="30"/>
      <c r="AE564" s="1"/>
      <c r="AF564" s="23" t="s">
        <v>5331</v>
      </c>
      <c r="AG564" s="26"/>
      <c r="AH564" s="53"/>
    </row>
    <row r="565" spans="1:34" ht="51.6" customHeight="1" x14ac:dyDescent="0.45">
      <c r="A565" s="23">
        <v>559</v>
      </c>
      <c r="B565" s="25"/>
      <c r="C565" s="25"/>
      <c r="D565" s="29"/>
      <c r="E565" s="1"/>
      <c r="F565" s="1"/>
      <c r="G565" s="25"/>
      <c r="H565" s="71"/>
      <c r="I565" s="83"/>
      <c r="J565" s="50" t="str">
        <f t="shared" si="18"/>
        <v/>
      </c>
      <c r="K565" s="23" t="s">
        <v>7120</v>
      </c>
      <c r="L565" s="49" t="e">
        <f>VLOOKUP(E565&amp;F565,団体コード!$A$1:$C$1743,3,FALSE)</f>
        <v>#N/A</v>
      </c>
      <c r="M565" s="49" t="e">
        <f>VLOOKUP(E565&amp;F565,団体コード!$A$1:$C$1743,2,FALSE)</f>
        <v>#N/A</v>
      </c>
      <c r="N565" s="51" t="e">
        <f>VLOOKUP(E565,団体コード!$E$1:$F$48,2,FALSE)</f>
        <v>#N/A</v>
      </c>
      <c r="O565" s="51" t="e">
        <f t="shared" si="19"/>
        <v>#N/A</v>
      </c>
      <c r="P565" s="51">
        <v>1</v>
      </c>
      <c r="Q565" s="51" t="s">
        <v>5341</v>
      </c>
      <c r="R565" s="54" t="b">
        <v>1</v>
      </c>
      <c r="S565" s="52" t="s">
        <v>7126</v>
      </c>
      <c r="T565" s="67" t="s">
        <v>7127</v>
      </c>
      <c r="U565" s="75" t="s">
        <v>5331</v>
      </c>
      <c r="V565" s="47" t="s">
        <v>5331</v>
      </c>
      <c r="W565" s="47" t="s">
        <v>5331</v>
      </c>
      <c r="X565" s="47" t="s">
        <v>5331</v>
      </c>
      <c r="Y565" s="47" t="s">
        <v>5331</v>
      </c>
      <c r="Z565" s="28"/>
      <c r="AA565" s="27"/>
      <c r="AB565" s="27"/>
      <c r="AC565" s="27"/>
      <c r="AD565" s="30"/>
      <c r="AE565" s="1"/>
      <c r="AF565" s="23" t="s">
        <v>5331</v>
      </c>
      <c r="AG565" s="26"/>
      <c r="AH565" s="53"/>
    </row>
    <row r="566" spans="1:34" ht="51.6" customHeight="1" x14ac:dyDescent="0.45">
      <c r="A566" s="23">
        <v>560</v>
      </c>
      <c r="B566" s="25"/>
      <c r="C566" s="25"/>
      <c r="D566" s="29"/>
      <c r="E566" s="1"/>
      <c r="F566" s="1"/>
      <c r="G566" s="25"/>
      <c r="H566" s="71"/>
      <c r="I566" s="83"/>
      <c r="J566" s="50" t="str">
        <f t="shared" si="18"/>
        <v/>
      </c>
      <c r="K566" s="23" t="s">
        <v>7120</v>
      </c>
      <c r="L566" s="49" t="e">
        <f>VLOOKUP(E566&amp;F566,団体コード!$A$1:$C$1743,3,FALSE)</f>
        <v>#N/A</v>
      </c>
      <c r="M566" s="49" t="e">
        <f>VLOOKUP(E566&amp;F566,団体コード!$A$1:$C$1743,2,FALSE)</f>
        <v>#N/A</v>
      </c>
      <c r="N566" s="51" t="e">
        <f>VLOOKUP(E566,団体コード!$E$1:$F$48,2,FALSE)</f>
        <v>#N/A</v>
      </c>
      <c r="O566" s="51" t="e">
        <f t="shared" si="19"/>
        <v>#N/A</v>
      </c>
      <c r="P566" s="51">
        <v>1</v>
      </c>
      <c r="Q566" s="51" t="s">
        <v>5341</v>
      </c>
      <c r="R566" s="54" t="b">
        <v>1</v>
      </c>
      <c r="S566" s="52" t="s">
        <v>7126</v>
      </c>
      <c r="T566" s="67" t="s">
        <v>7127</v>
      </c>
      <c r="U566" s="75" t="s">
        <v>5331</v>
      </c>
      <c r="V566" s="47" t="s">
        <v>5331</v>
      </c>
      <c r="W566" s="47" t="s">
        <v>5331</v>
      </c>
      <c r="X566" s="47" t="s">
        <v>5331</v>
      </c>
      <c r="Y566" s="47" t="s">
        <v>5331</v>
      </c>
      <c r="Z566" s="28"/>
      <c r="AA566" s="27"/>
      <c r="AB566" s="27"/>
      <c r="AC566" s="27"/>
      <c r="AD566" s="30"/>
      <c r="AE566" s="1"/>
      <c r="AF566" s="23" t="s">
        <v>5331</v>
      </c>
      <c r="AG566" s="26"/>
      <c r="AH566" s="53"/>
    </row>
    <row r="567" spans="1:34" ht="51.6" customHeight="1" x14ac:dyDescent="0.45">
      <c r="A567" s="23">
        <v>561</v>
      </c>
      <c r="B567" s="25"/>
      <c r="C567" s="25"/>
      <c r="D567" s="29"/>
      <c r="E567" s="1"/>
      <c r="F567" s="1"/>
      <c r="G567" s="25"/>
      <c r="H567" s="71"/>
      <c r="I567" s="83"/>
      <c r="J567" s="50" t="str">
        <f t="shared" si="18"/>
        <v/>
      </c>
      <c r="K567" s="23" t="s">
        <v>7120</v>
      </c>
      <c r="L567" s="49" t="e">
        <f>VLOOKUP(E567&amp;F567,団体コード!$A$1:$C$1743,3,FALSE)</f>
        <v>#N/A</v>
      </c>
      <c r="M567" s="49" t="e">
        <f>VLOOKUP(E567&amp;F567,団体コード!$A$1:$C$1743,2,FALSE)</f>
        <v>#N/A</v>
      </c>
      <c r="N567" s="51" t="e">
        <f>VLOOKUP(E567,団体コード!$E$1:$F$48,2,FALSE)</f>
        <v>#N/A</v>
      </c>
      <c r="O567" s="51" t="e">
        <f t="shared" si="19"/>
        <v>#N/A</v>
      </c>
      <c r="P567" s="51">
        <v>1</v>
      </c>
      <c r="Q567" s="51" t="s">
        <v>5341</v>
      </c>
      <c r="R567" s="54" t="b">
        <v>1</v>
      </c>
      <c r="S567" s="52" t="s">
        <v>7126</v>
      </c>
      <c r="T567" s="67" t="s">
        <v>7127</v>
      </c>
      <c r="U567" s="75" t="s">
        <v>5331</v>
      </c>
      <c r="V567" s="47" t="s">
        <v>5331</v>
      </c>
      <c r="W567" s="47" t="s">
        <v>5331</v>
      </c>
      <c r="X567" s="47" t="s">
        <v>5331</v>
      </c>
      <c r="Y567" s="47" t="s">
        <v>5331</v>
      </c>
      <c r="Z567" s="28"/>
      <c r="AA567" s="27"/>
      <c r="AB567" s="27"/>
      <c r="AC567" s="27"/>
      <c r="AD567" s="30"/>
      <c r="AE567" s="1"/>
      <c r="AF567" s="23" t="s">
        <v>5331</v>
      </c>
      <c r="AG567" s="26"/>
      <c r="AH567" s="53"/>
    </row>
    <row r="568" spans="1:34" ht="51.6" customHeight="1" x14ac:dyDescent="0.45">
      <c r="A568" s="23">
        <v>562</v>
      </c>
      <c r="B568" s="25"/>
      <c r="C568" s="25"/>
      <c r="D568" s="29"/>
      <c r="E568" s="1"/>
      <c r="F568" s="1"/>
      <c r="G568" s="25"/>
      <c r="H568" s="71"/>
      <c r="I568" s="83"/>
      <c r="J568" s="50" t="str">
        <f t="shared" si="18"/>
        <v/>
      </c>
      <c r="K568" s="23" t="s">
        <v>7120</v>
      </c>
      <c r="L568" s="49" t="e">
        <f>VLOOKUP(E568&amp;F568,団体コード!$A$1:$C$1743,3,FALSE)</f>
        <v>#N/A</v>
      </c>
      <c r="M568" s="49" t="e">
        <f>VLOOKUP(E568&amp;F568,団体コード!$A$1:$C$1743,2,FALSE)</f>
        <v>#N/A</v>
      </c>
      <c r="N568" s="51" t="e">
        <f>VLOOKUP(E568,団体コード!$E$1:$F$48,2,FALSE)</f>
        <v>#N/A</v>
      </c>
      <c r="O568" s="51" t="e">
        <f t="shared" si="19"/>
        <v>#N/A</v>
      </c>
      <c r="P568" s="51">
        <v>1</v>
      </c>
      <c r="Q568" s="51" t="s">
        <v>5341</v>
      </c>
      <c r="R568" s="54" t="b">
        <v>1</v>
      </c>
      <c r="S568" s="52" t="s">
        <v>7126</v>
      </c>
      <c r="T568" s="67" t="s">
        <v>7127</v>
      </c>
      <c r="U568" s="75" t="s">
        <v>5331</v>
      </c>
      <c r="V568" s="47" t="s">
        <v>5331</v>
      </c>
      <c r="W568" s="47" t="s">
        <v>5331</v>
      </c>
      <c r="X568" s="47" t="s">
        <v>5331</v>
      </c>
      <c r="Y568" s="47" t="s">
        <v>5331</v>
      </c>
      <c r="Z568" s="28"/>
      <c r="AA568" s="27"/>
      <c r="AB568" s="27"/>
      <c r="AC568" s="27"/>
      <c r="AD568" s="30"/>
      <c r="AE568" s="1"/>
      <c r="AF568" s="23" t="s">
        <v>5331</v>
      </c>
      <c r="AG568" s="26"/>
      <c r="AH568" s="53"/>
    </row>
    <row r="569" spans="1:34" ht="51.6" customHeight="1" x14ac:dyDescent="0.45">
      <c r="A569" s="23">
        <v>563</v>
      </c>
      <c r="B569" s="25"/>
      <c r="C569" s="25"/>
      <c r="D569" s="29"/>
      <c r="E569" s="1"/>
      <c r="F569" s="1"/>
      <c r="G569" s="25"/>
      <c r="H569" s="71"/>
      <c r="I569" s="83"/>
      <c r="J569" s="50" t="str">
        <f t="shared" si="18"/>
        <v/>
      </c>
      <c r="K569" s="23" t="s">
        <v>7120</v>
      </c>
      <c r="L569" s="49" t="e">
        <f>VLOOKUP(E569&amp;F569,団体コード!$A$1:$C$1743,3,FALSE)</f>
        <v>#N/A</v>
      </c>
      <c r="M569" s="49" t="e">
        <f>VLOOKUP(E569&amp;F569,団体コード!$A$1:$C$1743,2,FALSE)</f>
        <v>#N/A</v>
      </c>
      <c r="N569" s="51" t="e">
        <f>VLOOKUP(E569,団体コード!$E$1:$F$48,2,FALSE)</f>
        <v>#N/A</v>
      </c>
      <c r="O569" s="51" t="e">
        <f t="shared" si="19"/>
        <v>#N/A</v>
      </c>
      <c r="P569" s="51">
        <v>1</v>
      </c>
      <c r="Q569" s="51" t="s">
        <v>5341</v>
      </c>
      <c r="R569" s="54" t="b">
        <v>1</v>
      </c>
      <c r="S569" s="52" t="s">
        <v>7126</v>
      </c>
      <c r="T569" s="67" t="s">
        <v>7127</v>
      </c>
      <c r="U569" s="75" t="s">
        <v>5331</v>
      </c>
      <c r="V569" s="47" t="s">
        <v>5331</v>
      </c>
      <c r="W569" s="47" t="s">
        <v>5331</v>
      </c>
      <c r="X569" s="47" t="s">
        <v>5331</v>
      </c>
      <c r="Y569" s="47" t="s">
        <v>5331</v>
      </c>
      <c r="Z569" s="28"/>
      <c r="AA569" s="27"/>
      <c r="AB569" s="27"/>
      <c r="AC569" s="27"/>
      <c r="AD569" s="30"/>
      <c r="AE569" s="1"/>
      <c r="AF569" s="23" t="s">
        <v>5331</v>
      </c>
      <c r="AG569" s="26"/>
      <c r="AH569" s="53"/>
    </row>
    <row r="570" spans="1:34" ht="51.6" customHeight="1" x14ac:dyDescent="0.45">
      <c r="A570" s="23">
        <v>564</v>
      </c>
      <c r="B570" s="25"/>
      <c r="C570" s="25"/>
      <c r="D570" s="29"/>
      <c r="E570" s="1"/>
      <c r="F570" s="1"/>
      <c r="G570" s="25"/>
      <c r="H570" s="71"/>
      <c r="I570" s="83"/>
      <c r="J570" s="50" t="str">
        <f t="shared" si="18"/>
        <v/>
      </c>
      <c r="K570" s="23" t="s">
        <v>7120</v>
      </c>
      <c r="L570" s="49" t="e">
        <f>VLOOKUP(E570&amp;F570,団体コード!$A$1:$C$1743,3,FALSE)</f>
        <v>#N/A</v>
      </c>
      <c r="M570" s="49" t="e">
        <f>VLOOKUP(E570&amp;F570,団体コード!$A$1:$C$1743,2,FALSE)</f>
        <v>#N/A</v>
      </c>
      <c r="N570" s="51" t="e">
        <f>VLOOKUP(E570,団体コード!$E$1:$F$48,2,FALSE)</f>
        <v>#N/A</v>
      </c>
      <c r="O570" s="51" t="e">
        <f t="shared" si="19"/>
        <v>#N/A</v>
      </c>
      <c r="P570" s="51">
        <v>1</v>
      </c>
      <c r="Q570" s="51" t="s">
        <v>5341</v>
      </c>
      <c r="R570" s="54" t="b">
        <v>1</v>
      </c>
      <c r="S570" s="52" t="s">
        <v>7126</v>
      </c>
      <c r="T570" s="67" t="s">
        <v>7127</v>
      </c>
      <c r="U570" s="75" t="s">
        <v>5331</v>
      </c>
      <c r="V570" s="47" t="s">
        <v>5331</v>
      </c>
      <c r="W570" s="47" t="s">
        <v>5331</v>
      </c>
      <c r="X570" s="47" t="s">
        <v>5331</v>
      </c>
      <c r="Y570" s="47" t="s">
        <v>5331</v>
      </c>
      <c r="Z570" s="28"/>
      <c r="AA570" s="27"/>
      <c r="AB570" s="27"/>
      <c r="AC570" s="27"/>
      <c r="AD570" s="30"/>
      <c r="AE570" s="1"/>
      <c r="AF570" s="23" t="s">
        <v>5331</v>
      </c>
      <c r="AG570" s="26"/>
      <c r="AH570" s="53"/>
    </row>
    <row r="571" spans="1:34" ht="51.6" customHeight="1" x14ac:dyDescent="0.45">
      <c r="A571" s="23">
        <v>565</v>
      </c>
      <c r="B571" s="25"/>
      <c r="C571" s="25"/>
      <c r="D571" s="29"/>
      <c r="E571" s="1"/>
      <c r="F571" s="1"/>
      <c r="G571" s="25"/>
      <c r="H571" s="71"/>
      <c r="I571" s="83"/>
      <c r="J571" s="50" t="str">
        <f t="shared" si="18"/>
        <v/>
      </c>
      <c r="K571" s="23" t="s">
        <v>7120</v>
      </c>
      <c r="L571" s="49" t="e">
        <f>VLOOKUP(E571&amp;F571,団体コード!$A$1:$C$1743,3,FALSE)</f>
        <v>#N/A</v>
      </c>
      <c r="M571" s="49" t="e">
        <f>VLOOKUP(E571&amp;F571,団体コード!$A$1:$C$1743,2,FALSE)</f>
        <v>#N/A</v>
      </c>
      <c r="N571" s="51" t="e">
        <f>VLOOKUP(E571,団体コード!$E$1:$F$48,2,FALSE)</f>
        <v>#N/A</v>
      </c>
      <c r="O571" s="51" t="e">
        <f t="shared" si="19"/>
        <v>#N/A</v>
      </c>
      <c r="P571" s="51">
        <v>1</v>
      </c>
      <c r="Q571" s="51" t="s">
        <v>5341</v>
      </c>
      <c r="R571" s="54" t="b">
        <v>1</v>
      </c>
      <c r="S571" s="52" t="s">
        <v>7126</v>
      </c>
      <c r="T571" s="67" t="s">
        <v>7127</v>
      </c>
      <c r="U571" s="75" t="s">
        <v>5331</v>
      </c>
      <c r="V571" s="47" t="s">
        <v>5331</v>
      </c>
      <c r="W571" s="47" t="s">
        <v>5331</v>
      </c>
      <c r="X571" s="47" t="s">
        <v>5331</v>
      </c>
      <c r="Y571" s="47" t="s">
        <v>5331</v>
      </c>
      <c r="Z571" s="28"/>
      <c r="AA571" s="27"/>
      <c r="AB571" s="27"/>
      <c r="AC571" s="27"/>
      <c r="AD571" s="30"/>
      <c r="AE571" s="1"/>
      <c r="AF571" s="23" t="s">
        <v>5331</v>
      </c>
      <c r="AG571" s="26"/>
      <c r="AH571" s="53"/>
    </row>
    <row r="572" spans="1:34" ht="51.6" customHeight="1" x14ac:dyDescent="0.45">
      <c r="A572" s="23">
        <v>566</v>
      </c>
      <c r="B572" s="25"/>
      <c r="C572" s="25"/>
      <c r="D572" s="29"/>
      <c r="E572" s="1"/>
      <c r="F572" s="1"/>
      <c r="G572" s="25"/>
      <c r="H572" s="71"/>
      <c r="I572" s="83"/>
      <c r="J572" s="50" t="str">
        <f t="shared" si="18"/>
        <v/>
      </c>
      <c r="K572" s="23" t="s">
        <v>7120</v>
      </c>
      <c r="L572" s="49" t="e">
        <f>VLOOKUP(E572&amp;F572,団体コード!$A$1:$C$1743,3,FALSE)</f>
        <v>#N/A</v>
      </c>
      <c r="M572" s="49" t="e">
        <f>VLOOKUP(E572&amp;F572,団体コード!$A$1:$C$1743,2,FALSE)</f>
        <v>#N/A</v>
      </c>
      <c r="N572" s="51" t="e">
        <f>VLOOKUP(E572,団体コード!$E$1:$F$48,2,FALSE)</f>
        <v>#N/A</v>
      </c>
      <c r="O572" s="51" t="e">
        <f t="shared" si="19"/>
        <v>#N/A</v>
      </c>
      <c r="P572" s="51">
        <v>1</v>
      </c>
      <c r="Q572" s="51" t="s">
        <v>5341</v>
      </c>
      <c r="R572" s="54" t="b">
        <v>1</v>
      </c>
      <c r="S572" s="52" t="s">
        <v>7126</v>
      </c>
      <c r="T572" s="67" t="s">
        <v>7127</v>
      </c>
      <c r="U572" s="75" t="s">
        <v>5331</v>
      </c>
      <c r="V572" s="47" t="s">
        <v>5331</v>
      </c>
      <c r="W572" s="47" t="s">
        <v>5331</v>
      </c>
      <c r="X572" s="47" t="s">
        <v>5331</v>
      </c>
      <c r="Y572" s="47" t="s">
        <v>5331</v>
      </c>
      <c r="Z572" s="28"/>
      <c r="AA572" s="27"/>
      <c r="AB572" s="27"/>
      <c r="AC572" s="27"/>
      <c r="AD572" s="30"/>
      <c r="AE572" s="1"/>
      <c r="AF572" s="23" t="s">
        <v>5331</v>
      </c>
      <c r="AG572" s="26"/>
      <c r="AH572" s="53"/>
    </row>
    <row r="573" spans="1:34" ht="51.6" customHeight="1" x14ac:dyDescent="0.45">
      <c r="A573" s="23">
        <v>567</v>
      </c>
      <c r="B573" s="25"/>
      <c r="C573" s="25"/>
      <c r="D573" s="29"/>
      <c r="E573" s="1"/>
      <c r="F573" s="1"/>
      <c r="G573" s="25"/>
      <c r="H573" s="71"/>
      <c r="I573" s="83"/>
      <c r="J573" s="50" t="str">
        <f t="shared" si="18"/>
        <v/>
      </c>
      <c r="K573" s="23" t="s">
        <v>7120</v>
      </c>
      <c r="L573" s="49" t="e">
        <f>VLOOKUP(E573&amp;F573,団体コード!$A$1:$C$1743,3,FALSE)</f>
        <v>#N/A</v>
      </c>
      <c r="M573" s="49" t="e">
        <f>VLOOKUP(E573&amp;F573,団体コード!$A$1:$C$1743,2,FALSE)</f>
        <v>#N/A</v>
      </c>
      <c r="N573" s="51" t="e">
        <f>VLOOKUP(E573,団体コード!$E$1:$F$48,2,FALSE)</f>
        <v>#N/A</v>
      </c>
      <c r="O573" s="51" t="e">
        <f t="shared" si="19"/>
        <v>#N/A</v>
      </c>
      <c r="P573" s="51">
        <v>1</v>
      </c>
      <c r="Q573" s="51" t="s">
        <v>5341</v>
      </c>
      <c r="R573" s="54" t="b">
        <v>1</v>
      </c>
      <c r="S573" s="52" t="s">
        <v>7126</v>
      </c>
      <c r="T573" s="67" t="s">
        <v>7127</v>
      </c>
      <c r="U573" s="75" t="s">
        <v>5331</v>
      </c>
      <c r="V573" s="47" t="s">
        <v>5331</v>
      </c>
      <c r="W573" s="47" t="s">
        <v>5331</v>
      </c>
      <c r="X573" s="47" t="s">
        <v>5331</v>
      </c>
      <c r="Y573" s="47" t="s">
        <v>5331</v>
      </c>
      <c r="Z573" s="28"/>
      <c r="AA573" s="27"/>
      <c r="AB573" s="27"/>
      <c r="AC573" s="27"/>
      <c r="AD573" s="30"/>
      <c r="AE573" s="1"/>
      <c r="AF573" s="23" t="s">
        <v>5331</v>
      </c>
      <c r="AG573" s="26"/>
      <c r="AH573" s="53"/>
    </row>
    <row r="574" spans="1:34" ht="51.6" customHeight="1" x14ac:dyDescent="0.45">
      <c r="A574" s="23">
        <v>568</v>
      </c>
      <c r="B574" s="25"/>
      <c r="C574" s="25"/>
      <c r="D574" s="29"/>
      <c r="E574" s="1"/>
      <c r="F574" s="1"/>
      <c r="G574" s="25"/>
      <c r="H574" s="71"/>
      <c r="I574" s="83"/>
      <c r="J574" s="50" t="str">
        <f t="shared" si="18"/>
        <v/>
      </c>
      <c r="K574" s="23" t="s">
        <v>7120</v>
      </c>
      <c r="L574" s="49" t="e">
        <f>VLOOKUP(E574&amp;F574,団体コード!$A$1:$C$1743,3,FALSE)</f>
        <v>#N/A</v>
      </c>
      <c r="M574" s="49" t="e">
        <f>VLOOKUP(E574&amp;F574,団体コード!$A$1:$C$1743,2,FALSE)</f>
        <v>#N/A</v>
      </c>
      <c r="N574" s="51" t="e">
        <f>VLOOKUP(E574,団体コード!$E$1:$F$48,2,FALSE)</f>
        <v>#N/A</v>
      </c>
      <c r="O574" s="51" t="e">
        <f t="shared" si="19"/>
        <v>#N/A</v>
      </c>
      <c r="P574" s="51">
        <v>1</v>
      </c>
      <c r="Q574" s="51" t="s">
        <v>5341</v>
      </c>
      <c r="R574" s="54" t="b">
        <v>1</v>
      </c>
      <c r="S574" s="52" t="s">
        <v>7126</v>
      </c>
      <c r="T574" s="67" t="s">
        <v>7127</v>
      </c>
      <c r="U574" s="75" t="s">
        <v>5331</v>
      </c>
      <c r="V574" s="47" t="s">
        <v>5331</v>
      </c>
      <c r="W574" s="47" t="s">
        <v>5331</v>
      </c>
      <c r="X574" s="47" t="s">
        <v>5331</v>
      </c>
      <c r="Y574" s="47" t="s">
        <v>5331</v>
      </c>
      <c r="Z574" s="28"/>
      <c r="AA574" s="27"/>
      <c r="AB574" s="27"/>
      <c r="AC574" s="27"/>
      <c r="AD574" s="30"/>
      <c r="AE574" s="1"/>
      <c r="AF574" s="23" t="s">
        <v>5331</v>
      </c>
      <c r="AG574" s="26"/>
      <c r="AH574" s="53"/>
    </row>
    <row r="575" spans="1:34" ht="51.6" customHeight="1" x14ac:dyDescent="0.45">
      <c r="A575" s="23">
        <v>569</v>
      </c>
      <c r="B575" s="25"/>
      <c r="C575" s="25"/>
      <c r="D575" s="29"/>
      <c r="E575" s="1"/>
      <c r="F575" s="1"/>
      <c r="G575" s="25"/>
      <c r="H575" s="71"/>
      <c r="I575" s="83"/>
      <c r="J575" s="50" t="str">
        <f t="shared" si="18"/>
        <v/>
      </c>
      <c r="K575" s="23" t="s">
        <v>7120</v>
      </c>
      <c r="L575" s="49" t="e">
        <f>VLOOKUP(E575&amp;F575,団体コード!$A$1:$C$1743,3,FALSE)</f>
        <v>#N/A</v>
      </c>
      <c r="M575" s="49" t="e">
        <f>VLOOKUP(E575&amp;F575,団体コード!$A$1:$C$1743,2,FALSE)</f>
        <v>#N/A</v>
      </c>
      <c r="N575" s="51" t="e">
        <f>VLOOKUP(E575,団体コード!$E$1:$F$48,2,FALSE)</f>
        <v>#N/A</v>
      </c>
      <c r="O575" s="51" t="e">
        <f t="shared" si="19"/>
        <v>#N/A</v>
      </c>
      <c r="P575" s="51">
        <v>1</v>
      </c>
      <c r="Q575" s="51" t="s">
        <v>5341</v>
      </c>
      <c r="R575" s="54" t="b">
        <v>1</v>
      </c>
      <c r="S575" s="52" t="s">
        <v>7126</v>
      </c>
      <c r="T575" s="67" t="s">
        <v>7127</v>
      </c>
      <c r="U575" s="75" t="s">
        <v>5331</v>
      </c>
      <c r="V575" s="47" t="s">
        <v>5331</v>
      </c>
      <c r="W575" s="47" t="s">
        <v>5331</v>
      </c>
      <c r="X575" s="47" t="s">
        <v>5331</v>
      </c>
      <c r="Y575" s="47" t="s">
        <v>5331</v>
      </c>
      <c r="Z575" s="28"/>
      <c r="AA575" s="27"/>
      <c r="AB575" s="27"/>
      <c r="AC575" s="27"/>
      <c r="AD575" s="30"/>
      <c r="AE575" s="1"/>
      <c r="AF575" s="23" t="s">
        <v>5331</v>
      </c>
      <c r="AG575" s="26"/>
      <c r="AH575" s="53"/>
    </row>
    <row r="576" spans="1:34" ht="51.6" customHeight="1" x14ac:dyDescent="0.45">
      <c r="A576" s="23">
        <v>570</v>
      </c>
      <c r="B576" s="25"/>
      <c r="C576" s="25"/>
      <c r="D576" s="29"/>
      <c r="E576" s="1"/>
      <c r="F576" s="1"/>
      <c r="G576" s="25"/>
      <c r="H576" s="71"/>
      <c r="I576" s="83"/>
      <c r="J576" s="50" t="str">
        <f t="shared" si="18"/>
        <v/>
      </c>
      <c r="K576" s="23" t="s">
        <v>7120</v>
      </c>
      <c r="L576" s="49" t="e">
        <f>VLOOKUP(E576&amp;F576,団体コード!$A$1:$C$1743,3,FALSE)</f>
        <v>#N/A</v>
      </c>
      <c r="M576" s="49" t="e">
        <f>VLOOKUP(E576&amp;F576,団体コード!$A$1:$C$1743,2,FALSE)</f>
        <v>#N/A</v>
      </c>
      <c r="N576" s="51" t="e">
        <f>VLOOKUP(E576,団体コード!$E$1:$F$48,2,FALSE)</f>
        <v>#N/A</v>
      </c>
      <c r="O576" s="51" t="e">
        <f t="shared" si="19"/>
        <v>#N/A</v>
      </c>
      <c r="P576" s="51">
        <v>1</v>
      </c>
      <c r="Q576" s="51" t="s">
        <v>5341</v>
      </c>
      <c r="R576" s="54" t="b">
        <v>1</v>
      </c>
      <c r="S576" s="52" t="s">
        <v>7126</v>
      </c>
      <c r="T576" s="67" t="s">
        <v>7127</v>
      </c>
      <c r="U576" s="75" t="s">
        <v>5331</v>
      </c>
      <c r="V576" s="47" t="s">
        <v>5331</v>
      </c>
      <c r="W576" s="47" t="s">
        <v>5331</v>
      </c>
      <c r="X576" s="47" t="s">
        <v>5331</v>
      </c>
      <c r="Y576" s="47" t="s">
        <v>5331</v>
      </c>
      <c r="Z576" s="28"/>
      <c r="AA576" s="27"/>
      <c r="AB576" s="27"/>
      <c r="AC576" s="27"/>
      <c r="AD576" s="30"/>
      <c r="AE576" s="1"/>
      <c r="AF576" s="23" t="s">
        <v>5331</v>
      </c>
      <c r="AG576" s="26"/>
      <c r="AH576" s="53"/>
    </row>
    <row r="577" spans="1:34" ht="51.6" customHeight="1" x14ac:dyDescent="0.45">
      <c r="A577" s="23">
        <v>571</v>
      </c>
      <c r="B577" s="25"/>
      <c r="C577" s="25"/>
      <c r="D577" s="29"/>
      <c r="E577" s="1"/>
      <c r="F577" s="1"/>
      <c r="G577" s="25"/>
      <c r="H577" s="71"/>
      <c r="I577" s="83"/>
      <c r="J577" s="50" t="str">
        <f t="shared" si="18"/>
        <v/>
      </c>
      <c r="K577" s="23" t="s">
        <v>7120</v>
      </c>
      <c r="L577" s="49" t="e">
        <f>VLOOKUP(E577&amp;F577,団体コード!$A$1:$C$1743,3,FALSE)</f>
        <v>#N/A</v>
      </c>
      <c r="M577" s="49" t="e">
        <f>VLOOKUP(E577&amp;F577,団体コード!$A$1:$C$1743,2,FALSE)</f>
        <v>#N/A</v>
      </c>
      <c r="N577" s="51" t="e">
        <f>VLOOKUP(E577,団体コード!$E$1:$F$48,2,FALSE)</f>
        <v>#N/A</v>
      </c>
      <c r="O577" s="51" t="e">
        <f t="shared" si="19"/>
        <v>#N/A</v>
      </c>
      <c r="P577" s="51">
        <v>1</v>
      </c>
      <c r="Q577" s="51" t="s">
        <v>5341</v>
      </c>
      <c r="R577" s="54" t="b">
        <v>1</v>
      </c>
      <c r="S577" s="52" t="s">
        <v>7126</v>
      </c>
      <c r="T577" s="67" t="s">
        <v>7127</v>
      </c>
      <c r="U577" s="75" t="s">
        <v>5331</v>
      </c>
      <c r="V577" s="47" t="s">
        <v>5331</v>
      </c>
      <c r="W577" s="47" t="s">
        <v>5331</v>
      </c>
      <c r="X577" s="47" t="s">
        <v>5331</v>
      </c>
      <c r="Y577" s="47" t="s">
        <v>5331</v>
      </c>
      <c r="Z577" s="28"/>
      <c r="AA577" s="27"/>
      <c r="AB577" s="27"/>
      <c r="AC577" s="27"/>
      <c r="AD577" s="30"/>
      <c r="AE577" s="1"/>
      <c r="AF577" s="23" t="s">
        <v>5331</v>
      </c>
      <c r="AG577" s="26"/>
      <c r="AH577" s="53"/>
    </row>
    <row r="578" spans="1:34" ht="51.6" customHeight="1" x14ac:dyDescent="0.45">
      <c r="A578" s="23">
        <v>572</v>
      </c>
      <c r="B578" s="25"/>
      <c r="C578" s="25"/>
      <c r="D578" s="29"/>
      <c r="E578" s="1"/>
      <c r="F578" s="1"/>
      <c r="G578" s="25"/>
      <c r="H578" s="71"/>
      <c r="I578" s="83"/>
      <c r="J578" s="50" t="str">
        <f t="shared" si="18"/>
        <v/>
      </c>
      <c r="K578" s="23" t="s">
        <v>7120</v>
      </c>
      <c r="L578" s="49" t="e">
        <f>VLOOKUP(E578&amp;F578,団体コード!$A$1:$C$1743,3,FALSE)</f>
        <v>#N/A</v>
      </c>
      <c r="M578" s="49" t="e">
        <f>VLOOKUP(E578&amp;F578,団体コード!$A$1:$C$1743,2,FALSE)</f>
        <v>#N/A</v>
      </c>
      <c r="N578" s="51" t="e">
        <f>VLOOKUP(E578,団体コード!$E$1:$F$48,2,FALSE)</f>
        <v>#N/A</v>
      </c>
      <c r="O578" s="51" t="e">
        <f t="shared" si="19"/>
        <v>#N/A</v>
      </c>
      <c r="P578" s="51">
        <v>1</v>
      </c>
      <c r="Q578" s="51" t="s">
        <v>5341</v>
      </c>
      <c r="R578" s="54" t="b">
        <v>1</v>
      </c>
      <c r="S578" s="52" t="s">
        <v>7126</v>
      </c>
      <c r="T578" s="67" t="s">
        <v>7127</v>
      </c>
      <c r="U578" s="75" t="s">
        <v>5331</v>
      </c>
      <c r="V578" s="47" t="s">
        <v>5331</v>
      </c>
      <c r="W578" s="47" t="s">
        <v>5331</v>
      </c>
      <c r="X578" s="47" t="s">
        <v>5331</v>
      </c>
      <c r="Y578" s="47" t="s">
        <v>5331</v>
      </c>
      <c r="Z578" s="28"/>
      <c r="AA578" s="27"/>
      <c r="AB578" s="27"/>
      <c r="AC578" s="27"/>
      <c r="AD578" s="30"/>
      <c r="AE578" s="1"/>
      <c r="AF578" s="23" t="s">
        <v>5331</v>
      </c>
      <c r="AG578" s="26"/>
      <c r="AH578" s="53"/>
    </row>
    <row r="579" spans="1:34" ht="51.6" customHeight="1" x14ac:dyDescent="0.45">
      <c r="A579" s="23">
        <v>573</v>
      </c>
      <c r="B579" s="25"/>
      <c r="C579" s="25"/>
      <c r="D579" s="29"/>
      <c r="E579" s="1"/>
      <c r="F579" s="1"/>
      <c r="G579" s="25"/>
      <c r="H579" s="71"/>
      <c r="I579" s="83"/>
      <c r="J579" s="50" t="str">
        <f t="shared" si="18"/>
        <v/>
      </c>
      <c r="K579" s="23" t="s">
        <v>7120</v>
      </c>
      <c r="L579" s="49" t="e">
        <f>VLOOKUP(E579&amp;F579,団体コード!$A$1:$C$1743,3,FALSE)</f>
        <v>#N/A</v>
      </c>
      <c r="M579" s="49" t="e">
        <f>VLOOKUP(E579&amp;F579,団体コード!$A$1:$C$1743,2,FALSE)</f>
        <v>#N/A</v>
      </c>
      <c r="N579" s="51" t="e">
        <f>VLOOKUP(E579,団体コード!$E$1:$F$48,2,FALSE)</f>
        <v>#N/A</v>
      </c>
      <c r="O579" s="51" t="e">
        <f t="shared" si="19"/>
        <v>#N/A</v>
      </c>
      <c r="P579" s="51">
        <v>1</v>
      </c>
      <c r="Q579" s="51" t="s">
        <v>5341</v>
      </c>
      <c r="R579" s="54" t="b">
        <v>1</v>
      </c>
      <c r="S579" s="52" t="s">
        <v>7126</v>
      </c>
      <c r="T579" s="67" t="s">
        <v>7127</v>
      </c>
      <c r="U579" s="75" t="s">
        <v>5331</v>
      </c>
      <c r="V579" s="47" t="s">
        <v>5331</v>
      </c>
      <c r="W579" s="47" t="s">
        <v>5331</v>
      </c>
      <c r="X579" s="47" t="s">
        <v>5331</v>
      </c>
      <c r="Y579" s="47" t="s">
        <v>5331</v>
      </c>
      <c r="Z579" s="28"/>
      <c r="AA579" s="27"/>
      <c r="AB579" s="27"/>
      <c r="AC579" s="27"/>
      <c r="AD579" s="30"/>
      <c r="AE579" s="1"/>
      <c r="AF579" s="23" t="s">
        <v>5331</v>
      </c>
      <c r="AG579" s="26"/>
      <c r="AH579" s="53"/>
    </row>
    <row r="580" spans="1:34" ht="51.6" customHeight="1" x14ac:dyDescent="0.45">
      <c r="A580" s="23">
        <v>574</v>
      </c>
      <c r="B580" s="25"/>
      <c r="C580" s="25"/>
      <c r="D580" s="29"/>
      <c r="E580" s="1"/>
      <c r="F580" s="1"/>
      <c r="G580" s="25"/>
      <c r="H580" s="71"/>
      <c r="I580" s="83"/>
      <c r="J580" s="50" t="str">
        <f t="shared" si="18"/>
        <v/>
      </c>
      <c r="K580" s="23" t="s">
        <v>7120</v>
      </c>
      <c r="L580" s="49" t="e">
        <f>VLOOKUP(E580&amp;F580,団体コード!$A$1:$C$1743,3,FALSE)</f>
        <v>#N/A</v>
      </c>
      <c r="M580" s="49" t="e">
        <f>VLOOKUP(E580&amp;F580,団体コード!$A$1:$C$1743,2,FALSE)</f>
        <v>#N/A</v>
      </c>
      <c r="N580" s="51" t="e">
        <f>VLOOKUP(E580,団体コード!$E$1:$F$48,2,FALSE)</f>
        <v>#N/A</v>
      </c>
      <c r="O580" s="51" t="e">
        <f t="shared" si="19"/>
        <v>#N/A</v>
      </c>
      <c r="P580" s="51">
        <v>1</v>
      </c>
      <c r="Q580" s="51" t="s">
        <v>5341</v>
      </c>
      <c r="R580" s="54" t="b">
        <v>1</v>
      </c>
      <c r="S580" s="52" t="s">
        <v>7126</v>
      </c>
      <c r="T580" s="67" t="s">
        <v>7127</v>
      </c>
      <c r="U580" s="75" t="s">
        <v>5331</v>
      </c>
      <c r="V580" s="47" t="s">
        <v>5331</v>
      </c>
      <c r="W580" s="47" t="s">
        <v>5331</v>
      </c>
      <c r="X580" s="47" t="s">
        <v>5331</v>
      </c>
      <c r="Y580" s="47" t="s">
        <v>5331</v>
      </c>
      <c r="Z580" s="28"/>
      <c r="AA580" s="27"/>
      <c r="AB580" s="27"/>
      <c r="AC580" s="27"/>
      <c r="AD580" s="30"/>
      <c r="AE580" s="1"/>
      <c r="AF580" s="23" t="s">
        <v>5331</v>
      </c>
      <c r="AG580" s="26"/>
      <c r="AH580" s="53"/>
    </row>
    <row r="581" spans="1:34" ht="51.6" customHeight="1" x14ac:dyDescent="0.45">
      <c r="A581" s="23">
        <v>575</v>
      </c>
      <c r="B581" s="25"/>
      <c r="C581" s="25"/>
      <c r="D581" s="29"/>
      <c r="E581" s="1"/>
      <c r="F581" s="1"/>
      <c r="G581" s="25"/>
      <c r="H581" s="71"/>
      <c r="I581" s="83"/>
      <c r="J581" s="50" t="str">
        <f t="shared" si="18"/>
        <v/>
      </c>
      <c r="K581" s="23" t="s">
        <v>7120</v>
      </c>
      <c r="L581" s="49" t="e">
        <f>VLOOKUP(E581&amp;F581,団体コード!$A$1:$C$1743,3,FALSE)</f>
        <v>#N/A</v>
      </c>
      <c r="M581" s="49" t="e">
        <f>VLOOKUP(E581&amp;F581,団体コード!$A$1:$C$1743,2,FALSE)</f>
        <v>#N/A</v>
      </c>
      <c r="N581" s="51" t="e">
        <f>VLOOKUP(E581,団体コード!$E$1:$F$48,2,FALSE)</f>
        <v>#N/A</v>
      </c>
      <c r="O581" s="51" t="e">
        <f t="shared" si="19"/>
        <v>#N/A</v>
      </c>
      <c r="P581" s="51">
        <v>1</v>
      </c>
      <c r="Q581" s="51" t="s">
        <v>5341</v>
      </c>
      <c r="R581" s="54" t="b">
        <v>1</v>
      </c>
      <c r="S581" s="52" t="s">
        <v>7126</v>
      </c>
      <c r="T581" s="67" t="s">
        <v>7127</v>
      </c>
      <c r="U581" s="75" t="s">
        <v>5331</v>
      </c>
      <c r="V581" s="47" t="s">
        <v>5331</v>
      </c>
      <c r="W581" s="47" t="s">
        <v>5331</v>
      </c>
      <c r="X581" s="47" t="s">
        <v>5331</v>
      </c>
      <c r="Y581" s="47" t="s">
        <v>5331</v>
      </c>
      <c r="Z581" s="28"/>
      <c r="AA581" s="27"/>
      <c r="AB581" s="27"/>
      <c r="AC581" s="27"/>
      <c r="AD581" s="30"/>
      <c r="AE581" s="1"/>
      <c r="AF581" s="23" t="s">
        <v>5331</v>
      </c>
      <c r="AG581" s="26"/>
      <c r="AH581" s="53"/>
    </row>
    <row r="582" spans="1:34" ht="51.6" customHeight="1" x14ac:dyDescent="0.45">
      <c r="A582" s="23">
        <v>576</v>
      </c>
      <c r="B582" s="25"/>
      <c r="C582" s="25"/>
      <c r="D582" s="29"/>
      <c r="E582" s="1"/>
      <c r="F582" s="1"/>
      <c r="G582" s="25"/>
      <c r="H582" s="71"/>
      <c r="I582" s="83"/>
      <c r="J582" s="50" t="str">
        <f t="shared" si="18"/>
        <v/>
      </c>
      <c r="K582" s="23" t="s">
        <v>7120</v>
      </c>
      <c r="L582" s="49" t="e">
        <f>VLOOKUP(E582&amp;F582,団体コード!$A$1:$C$1743,3,FALSE)</f>
        <v>#N/A</v>
      </c>
      <c r="M582" s="49" t="e">
        <f>VLOOKUP(E582&amp;F582,団体コード!$A$1:$C$1743,2,FALSE)</f>
        <v>#N/A</v>
      </c>
      <c r="N582" s="51" t="e">
        <f>VLOOKUP(E582,団体コード!$E$1:$F$48,2,FALSE)</f>
        <v>#N/A</v>
      </c>
      <c r="O582" s="51" t="e">
        <f t="shared" si="19"/>
        <v>#N/A</v>
      </c>
      <c r="P582" s="51">
        <v>1</v>
      </c>
      <c r="Q582" s="51" t="s">
        <v>5341</v>
      </c>
      <c r="R582" s="54" t="b">
        <v>1</v>
      </c>
      <c r="S582" s="52" t="s">
        <v>7126</v>
      </c>
      <c r="T582" s="67" t="s">
        <v>7127</v>
      </c>
      <c r="U582" s="75" t="s">
        <v>5331</v>
      </c>
      <c r="V582" s="47" t="s">
        <v>5331</v>
      </c>
      <c r="W582" s="47" t="s">
        <v>5331</v>
      </c>
      <c r="X582" s="47" t="s">
        <v>5331</v>
      </c>
      <c r="Y582" s="47" t="s">
        <v>5331</v>
      </c>
      <c r="Z582" s="28"/>
      <c r="AA582" s="27"/>
      <c r="AB582" s="27"/>
      <c r="AC582" s="27"/>
      <c r="AD582" s="30"/>
      <c r="AE582" s="1"/>
      <c r="AF582" s="23" t="s">
        <v>5331</v>
      </c>
      <c r="AG582" s="26"/>
      <c r="AH582" s="53"/>
    </row>
    <row r="583" spans="1:34" ht="51.6" customHeight="1" x14ac:dyDescent="0.45">
      <c r="A583" s="23">
        <v>577</v>
      </c>
      <c r="B583" s="25"/>
      <c r="C583" s="25"/>
      <c r="D583" s="29"/>
      <c r="E583" s="1"/>
      <c r="F583" s="1"/>
      <c r="G583" s="25"/>
      <c r="H583" s="71"/>
      <c r="I583" s="83"/>
      <c r="J583" s="50" t="str">
        <f t="shared" si="18"/>
        <v/>
      </c>
      <c r="K583" s="23" t="s">
        <v>7120</v>
      </c>
      <c r="L583" s="49" t="e">
        <f>VLOOKUP(E583&amp;F583,団体コード!$A$1:$C$1743,3,FALSE)</f>
        <v>#N/A</v>
      </c>
      <c r="M583" s="49" t="e">
        <f>VLOOKUP(E583&amp;F583,団体コード!$A$1:$C$1743,2,FALSE)</f>
        <v>#N/A</v>
      </c>
      <c r="N583" s="51" t="e">
        <f>VLOOKUP(E583,団体コード!$E$1:$F$48,2,FALSE)</f>
        <v>#N/A</v>
      </c>
      <c r="O583" s="51" t="e">
        <f t="shared" si="19"/>
        <v>#N/A</v>
      </c>
      <c r="P583" s="51">
        <v>1</v>
      </c>
      <c r="Q583" s="51" t="s">
        <v>5341</v>
      </c>
      <c r="R583" s="54" t="b">
        <v>1</v>
      </c>
      <c r="S583" s="52" t="s">
        <v>7126</v>
      </c>
      <c r="T583" s="67" t="s">
        <v>7127</v>
      </c>
      <c r="U583" s="75" t="s">
        <v>5331</v>
      </c>
      <c r="V583" s="47" t="s">
        <v>5331</v>
      </c>
      <c r="W583" s="47" t="s">
        <v>5331</v>
      </c>
      <c r="X583" s="47" t="s">
        <v>5331</v>
      </c>
      <c r="Y583" s="47" t="s">
        <v>5331</v>
      </c>
      <c r="Z583" s="28"/>
      <c r="AA583" s="27"/>
      <c r="AB583" s="27"/>
      <c r="AC583" s="27"/>
      <c r="AD583" s="30"/>
      <c r="AE583" s="1"/>
      <c r="AF583" s="23" t="s">
        <v>5331</v>
      </c>
      <c r="AG583" s="26"/>
      <c r="AH583" s="53"/>
    </row>
    <row r="584" spans="1:34" ht="51.6" customHeight="1" x14ac:dyDescent="0.45">
      <c r="A584" s="23">
        <v>578</v>
      </c>
      <c r="B584" s="25"/>
      <c r="C584" s="25"/>
      <c r="D584" s="29"/>
      <c r="E584" s="1"/>
      <c r="F584" s="1"/>
      <c r="G584" s="25"/>
      <c r="H584" s="71"/>
      <c r="I584" s="83"/>
      <c r="J584" s="50" t="str">
        <f t="shared" ref="J584:J647" si="20">E584&amp;F584&amp;G584</f>
        <v/>
      </c>
      <c r="K584" s="23" t="s">
        <v>7120</v>
      </c>
      <c r="L584" s="49" t="e">
        <f>VLOOKUP(E584&amp;F584,団体コード!$A$1:$C$1743,3,FALSE)</f>
        <v>#N/A</v>
      </c>
      <c r="M584" s="49" t="e">
        <f>VLOOKUP(E584&amp;F584,団体コード!$A$1:$C$1743,2,FALSE)</f>
        <v>#N/A</v>
      </c>
      <c r="N584" s="51" t="e">
        <f>VLOOKUP(E584,団体コード!$E$1:$F$48,2,FALSE)</f>
        <v>#N/A</v>
      </c>
      <c r="O584" s="51" t="e">
        <f t="shared" ref="O584:O647" si="21">N584</f>
        <v>#N/A</v>
      </c>
      <c r="P584" s="51">
        <v>1</v>
      </c>
      <c r="Q584" s="51" t="s">
        <v>5341</v>
      </c>
      <c r="R584" s="54" t="b">
        <v>1</v>
      </c>
      <c r="S584" s="52" t="s">
        <v>7126</v>
      </c>
      <c r="T584" s="67" t="s">
        <v>7127</v>
      </c>
      <c r="U584" s="75" t="s">
        <v>5331</v>
      </c>
      <c r="V584" s="47" t="s">
        <v>5331</v>
      </c>
      <c r="W584" s="47" t="s">
        <v>5331</v>
      </c>
      <c r="X584" s="47" t="s">
        <v>5331</v>
      </c>
      <c r="Y584" s="47" t="s">
        <v>5331</v>
      </c>
      <c r="Z584" s="28"/>
      <c r="AA584" s="27"/>
      <c r="AB584" s="27"/>
      <c r="AC584" s="27"/>
      <c r="AD584" s="30"/>
      <c r="AE584" s="1"/>
      <c r="AF584" s="23" t="s">
        <v>5331</v>
      </c>
      <c r="AG584" s="26"/>
      <c r="AH584" s="53"/>
    </row>
    <row r="585" spans="1:34" ht="51.6" customHeight="1" x14ac:dyDescent="0.45">
      <c r="A585" s="23">
        <v>579</v>
      </c>
      <c r="B585" s="25"/>
      <c r="C585" s="25"/>
      <c r="D585" s="29"/>
      <c r="E585" s="1"/>
      <c r="F585" s="1"/>
      <c r="G585" s="25"/>
      <c r="H585" s="71"/>
      <c r="I585" s="83"/>
      <c r="J585" s="50" t="str">
        <f t="shared" si="20"/>
        <v/>
      </c>
      <c r="K585" s="23" t="s">
        <v>7120</v>
      </c>
      <c r="L585" s="49" t="e">
        <f>VLOOKUP(E585&amp;F585,団体コード!$A$1:$C$1743,3,FALSE)</f>
        <v>#N/A</v>
      </c>
      <c r="M585" s="49" t="e">
        <f>VLOOKUP(E585&amp;F585,団体コード!$A$1:$C$1743,2,FALSE)</f>
        <v>#N/A</v>
      </c>
      <c r="N585" s="51" t="e">
        <f>VLOOKUP(E585,団体コード!$E$1:$F$48,2,FALSE)</f>
        <v>#N/A</v>
      </c>
      <c r="O585" s="51" t="e">
        <f t="shared" si="21"/>
        <v>#N/A</v>
      </c>
      <c r="P585" s="51">
        <v>1</v>
      </c>
      <c r="Q585" s="51" t="s">
        <v>5341</v>
      </c>
      <c r="R585" s="54" t="b">
        <v>1</v>
      </c>
      <c r="S585" s="52" t="s">
        <v>7126</v>
      </c>
      <c r="T585" s="67" t="s">
        <v>7127</v>
      </c>
      <c r="U585" s="75" t="s">
        <v>5331</v>
      </c>
      <c r="V585" s="47" t="s">
        <v>5331</v>
      </c>
      <c r="W585" s="47" t="s">
        <v>5331</v>
      </c>
      <c r="X585" s="47" t="s">
        <v>5331</v>
      </c>
      <c r="Y585" s="47" t="s">
        <v>5331</v>
      </c>
      <c r="Z585" s="28"/>
      <c r="AA585" s="27"/>
      <c r="AB585" s="27"/>
      <c r="AC585" s="27"/>
      <c r="AD585" s="30"/>
      <c r="AE585" s="1"/>
      <c r="AF585" s="23" t="s">
        <v>5331</v>
      </c>
      <c r="AG585" s="26"/>
      <c r="AH585" s="53"/>
    </row>
    <row r="586" spans="1:34" ht="51.6" customHeight="1" x14ac:dyDescent="0.45">
      <c r="A586" s="23">
        <v>580</v>
      </c>
      <c r="B586" s="25"/>
      <c r="C586" s="25"/>
      <c r="D586" s="29"/>
      <c r="E586" s="1"/>
      <c r="F586" s="1"/>
      <c r="G586" s="25"/>
      <c r="H586" s="71"/>
      <c r="I586" s="83"/>
      <c r="J586" s="50" t="str">
        <f t="shared" si="20"/>
        <v/>
      </c>
      <c r="K586" s="23" t="s">
        <v>7120</v>
      </c>
      <c r="L586" s="49" t="e">
        <f>VLOOKUP(E586&amp;F586,団体コード!$A$1:$C$1743,3,FALSE)</f>
        <v>#N/A</v>
      </c>
      <c r="M586" s="49" t="e">
        <f>VLOOKUP(E586&amp;F586,団体コード!$A$1:$C$1743,2,FALSE)</f>
        <v>#N/A</v>
      </c>
      <c r="N586" s="51" t="e">
        <f>VLOOKUP(E586,団体コード!$E$1:$F$48,2,FALSE)</f>
        <v>#N/A</v>
      </c>
      <c r="O586" s="51" t="e">
        <f t="shared" si="21"/>
        <v>#N/A</v>
      </c>
      <c r="P586" s="51">
        <v>1</v>
      </c>
      <c r="Q586" s="51" t="s">
        <v>5341</v>
      </c>
      <c r="R586" s="54" t="b">
        <v>1</v>
      </c>
      <c r="S586" s="52" t="s">
        <v>7126</v>
      </c>
      <c r="T586" s="67" t="s">
        <v>7127</v>
      </c>
      <c r="U586" s="75" t="s">
        <v>5331</v>
      </c>
      <c r="V586" s="47" t="s">
        <v>5331</v>
      </c>
      <c r="W586" s="47" t="s">
        <v>5331</v>
      </c>
      <c r="X586" s="47" t="s">
        <v>5331</v>
      </c>
      <c r="Y586" s="47" t="s">
        <v>5331</v>
      </c>
      <c r="Z586" s="28"/>
      <c r="AA586" s="27"/>
      <c r="AB586" s="27"/>
      <c r="AC586" s="27"/>
      <c r="AD586" s="30"/>
      <c r="AE586" s="1"/>
      <c r="AF586" s="23" t="s">
        <v>5331</v>
      </c>
      <c r="AG586" s="26"/>
      <c r="AH586" s="53"/>
    </row>
    <row r="587" spans="1:34" ht="51.6" customHeight="1" x14ac:dyDescent="0.45">
      <c r="A587" s="23">
        <v>581</v>
      </c>
      <c r="B587" s="25"/>
      <c r="C587" s="25"/>
      <c r="D587" s="29"/>
      <c r="E587" s="1"/>
      <c r="F587" s="1"/>
      <c r="G587" s="25"/>
      <c r="H587" s="71"/>
      <c r="I587" s="83"/>
      <c r="J587" s="50" t="str">
        <f t="shared" si="20"/>
        <v/>
      </c>
      <c r="K587" s="23" t="s">
        <v>7120</v>
      </c>
      <c r="L587" s="49" t="e">
        <f>VLOOKUP(E587&amp;F587,団体コード!$A$1:$C$1743,3,FALSE)</f>
        <v>#N/A</v>
      </c>
      <c r="M587" s="49" t="e">
        <f>VLOOKUP(E587&amp;F587,団体コード!$A$1:$C$1743,2,FALSE)</f>
        <v>#N/A</v>
      </c>
      <c r="N587" s="51" t="e">
        <f>VLOOKUP(E587,団体コード!$E$1:$F$48,2,FALSE)</f>
        <v>#N/A</v>
      </c>
      <c r="O587" s="51" t="e">
        <f t="shared" si="21"/>
        <v>#N/A</v>
      </c>
      <c r="P587" s="51">
        <v>1</v>
      </c>
      <c r="Q587" s="51" t="s">
        <v>5341</v>
      </c>
      <c r="R587" s="54" t="b">
        <v>1</v>
      </c>
      <c r="S587" s="52" t="s">
        <v>7126</v>
      </c>
      <c r="T587" s="67" t="s">
        <v>7127</v>
      </c>
      <c r="U587" s="75" t="s">
        <v>5331</v>
      </c>
      <c r="V587" s="47" t="s">
        <v>5331</v>
      </c>
      <c r="W587" s="47" t="s">
        <v>5331</v>
      </c>
      <c r="X587" s="47" t="s">
        <v>5331</v>
      </c>
      <c r="Y587" s="47" t="s">
        <v>5331</v>
      </c>
      <c r="Z587" s="28"/>
      <c r="AA587" s="27"/>
      <c r="AB587" s="27"/>
      <c r="AC587" s="27"/>
      <c r="AD587" s="30"/>
      <c r="AE587" s="1"/>
      <c r="AF587" s="23" t="s">
        <v>5331</v>
      </c>
      <c r="AG587" s="26"/>
      <c r="AH587" s="53"/>
    </row>
    <row r="588" spans="1:34" ht="51.6" customHeight="1" x14ac:dyDescent="0.45">
      <c r="A588" s="23">
        <v>582</v>
      </c>
      <c r="B588" s="25"/>
      <c r="C588" s="25"/>
      <c r="D588" s="29"/>
      <c r="E588" s="1"/>
      <c r="F588" s="1"/>
      <c r="G588" s="25"/>
      <c r="H588" s="71"/>
      <c r="I588" s="83"/>
      <c r="J588" s="50" t="str">
        <f t="shared" si="20"/>
        <v/>
      </c>
      <c r="K588" s="23" t="s">
        <v>7120</v>
      </c>
      <c r="L588" s="49" t="e">
        <f>VLOOKUP(E588&amp;F588,団体コード!$A$1:$C$1743,3,FALSE)</f>
        <v>#N/A</v>
      </c>
      <c r="M588" s="49" t="e">
        <f>VLOOKUP(E588&amp;F588,団体コード!$A$1:$C$1743,2,FALSE)</f>
        <v>#N/A</v>
      </c>
      <c r="N588" s="51" t="e">
        <f>VLOOKUP(E588,団体コード!$E$1:$F$48,2,FALSE)</f>
        <v>#N/A</v>
      </c>
      <c r="O588" s="51" t="e">
        <f t="shared" si="21"/>
        <v>#N/A</v>
      </c>
      <c r="P588" s="51">
        <v>1</v>
      </c>
      <c r="Q588" s="51" t="s">
        <v>5341</v>
      </c>
      <c r="R588" s="54" t="b">
        <v>1</v>
      </c>
      <c r="S588" s="52" t="s">
        <v>7126</v>
      </c>
      <c r="T588" s="67" t="s">
        <v>7127</v>
      </c>
      <c r="U588" s="75" t="s">
        <v>5331</v>
      </c>
      <c r="V588" s="47" t="s">
        <v>5331</v>
      </c>
      <c r="W588" s="47" t="s">
        <v>5331</v>
      </c>
      <c r="X588" s="47" t="s">
        <v>5331</v>
      </c>
      <c r="Y588" s="47" t="s">
        <v>5331</v>
      </c>
      <c r="Z588" s="28"/>
      <c r="AA588" s="27"/>
      <c r="AB588" s="27"/>
      <c r="AC588" s="27"/>
      <c r="AD588" s="30"/>
      <c r="AE588" s="1"/>
      <c r="AF588" s="23" t="s">
        <v>5331</v>
      </c>
      <c r="AG588" s="26"/>
      <c r="AH588" s="53"/>
    </row>
    <row r="589" spans="1:34" ht="51.6" customHeight="1" x14ac:dyDescent="0.45">
      <c r="A589" s="23">
        <v>583</v>
      </c>
      <c r="B589" s="25"/>
      <c r="C589" s="25"/>
      <c r="D589" s="29"/>
      <c r="E589" s="1"/>
      <c r="F589" s="1"/>
      <c r="G589" s="25"/>
      <c r="H589" s="71"/>
      <c r="I589" s="83"/>
      <c r="J589" s="50" t="str">
        <f t="shared" si="20"/>
        <v/>
      </c>
      <c r="K589" s="23" t="s">
        <v>7120</v>
      </c>
      <c r="L589" s="49" t="e">
        <f>VLOOKUP(E589&amp;F589,団体コード!$A$1:$C$1743,3,FALSE)</f>
        <v>#N/A</v>
      </c>
      <c r="M589" s="49" t="e">
        <f>VLOOKUP(E589&amp;F589,団体コード!$A$1:$C$1743,2,FALSE)</f>
        <v>#N/A</v>
      </c>
      <c r="N589" s="51" t="e">
        <f>VLOOKUP(E589,団体コード!$E$1:$F$48,2,FALSE)</f>
        <v>#N/A</v>
      </c>
      <c r="O589" s="51" t="e">
        <f t="shared" si="21"/>
        <v>#N/A</v>
      </c>
      <c r="P589" s="51">
        <v>1</v>
      </c>
      <c r="Q589" s="51" t="s">
        <v>5341</v>
      </c>
      <c r="R589" s="54" t="b">
        <v>1</v>
      </c>
      <c r="S589" s="52" t="s">
        <v>7126</v>
      </c>
      <c r="T589" s="67" t="s">
        <v>7127</v>
      </c>
      <c r="U589" s="75" t="s">
        <v>5331</v>
      </c>
      <c r="V589" s="47" t="s">
        <v>5331</v>
      </c>
      <c r="W589" s="47" t="s">
        <v>5331</v>
      </c>
      <c r="X589" s="47" t="s">
        <v>5331</v>
      </c>
      <c r="Y589" s="47" t="s">
        <v>5331</v>
      </c>
      <c r="Z589" s="28"/>
      <c r="AA589" s="27"/>
      <c r="AB589" s="27"/>
      <c r="AC589" s="27"/>
      <c r="AD589" s="30"/>
      <c r="AE589" s="1"/>
      <c r="AF589" s="23" t="s">
        <v>5331</v>
      </c>
      <c r="AG589" s="26"/>
      <c r="AH589" s="53"/>
    </row>
    <row r="590" spans="1:34" ht="51.6" customHeight="1" x14ac:dyDescent="0.45">
      <c r="A590" s="23">
        <v>584</v>
      </c>
      <c r="B590" s="25"/>
      <c r="C590" s="25"/>
      <c r="D590" s="29"/>
      <c r="E590" s="1"/>
      <c r="F590" s="1"/>
      <c r="G590" s="25"/>
      <c r="H590" s="71"/>
      <c r="I590" s="83"/>
      <c r="J590" s="50" t="str">
        <f t="shared" si="20"/>
        <v/>
      </c>
      <c r="K590" s="23" t="s">
        <v>7120</v>
      </c>
      <c r="L590" s="49" t="e">
        <f>VLOOKUP(E590&amp;F590,団体コード!$A$1:$C$1743,3,FALSE)</f>
        <v>#N/A</v>
      </c>
      <c r="M590" s="49" t="e">
        <f>VLOOKUP(E590&amp;F590,団体コード!$A$1:$C$1743,2,FALSE)</f>
        <v>#N/A</v>
      </c>
      <c r="N590" s="51" t="e">
        <f>VLOOKUP(E590,団体コード!$E$1:$F$48,2,FALSE)</f>
        <v>#N/A</v>
      </c>
      <c r="O590" s="51" t="e">
        <f t="shared" si="21"/>
        <v>#N/A</v>
      </c>
      <c r="P590" s="51">
        <v>1</v>
      </c>
      <c r="Q590" s="51" t="s">
        <v>5341</v>
      </c>
      <c r="R590" s="54" t="b">
        <v>1</v>
      </c>
      <c r="S590" s="52" t="s">
        <v>7126</v>
      </c>
      <c r="T590" s="67" t="s">
        <v>7127</v>
      </c>
      <c r="U590" s="75" t="s">
        <v>5331</v>
      </c>
      <c r="V590" s="47" t="s">
        <v>5331</v>
      </c>
      <c r="W590" s="47" t="s">
        <v>5331</v>
      </c>
      <c r="X590" s="47" t="s">
        <v>5331</v>
      </c>
      <c r="Y590" s="47" t="s">
        <v>5331</v>
      </c>
      <c r="Z590" s="28"/>
      <c r="AA590" s="27"/>
      <c r="AB590" s="27"/>
      <c r="AC590" s="27"/>
      <c r="AD590" s="30"/>
      <c r="AE590" s="1"/>
      <c r="AF590" s="23" t="s">
        <v>5331</v>
      </c>
      <c r="AG590" s="26"/>
      <c r="AH590" s="53"/>
    </row>
    <row r="591" spans="1:34" ht="51.6" customHeight="1" x14ac:dyDescent="0.45">
      <c r="A591" s="23">
        <v>585</v>
      </c>
      <c r="B591" s="25"/>
      <c r="C591" s="25"/>
      <c r="D591" s="29"/>
      <c r="E591" s="1"/>
      <c r="F591" s="1"/>
      <c r="G591" s="25"/>
      <c r="H591" s="71"/>
      <c r="I591" s="83"/>
      <c r="J591" s="50" t="str">
        <f t="shared" si="20"/>
        <v/>
      </c>
      <c r="K591" s="23" t="s">
        <v>7120</v>
      </c>
      <c r="L591" s="49" t="e">
        <f>VLOOKUP(E591&amp;F591,団体コード!$A$1:$C$1743,3,FALSE)</f>
        <v>#N/A</v>
      </c>
      <c r="M591" s="49" t="e">
        <f>VLOOKUP(E591&amp;F591,団体コード!$A$1:$C$1743,2,FALSE)</f>
        <v>#N/A</v>
      </c>
      <c r="N591" s="51" t="e">
        <f>VLOOKUP(E591,団体コード!$E$1:$F$48,2,FALSE)</f>
        <v>#N/A</v>
      </c>
      <c r="O591" s="51" t="e">
        <f t="shared" si="21"/>
        <v>#N/A</v>
      </c>
      <c r="P591" s="51">
        <v>1</v>
      </c>
      <c r="Q591" s="51" t="s">
        <v>5341</v>
      </c>
      <c r="R591" s="54" t="b">
        <v>1</v>
      </c>
      <c r="S591" s="52" t="s">
        <v>7126</v>
      </c>
      <c r="T591" s="67" t="s">
        <v>7127</v>
      </c>
      <c r="U591" s="75" t="s">
        <v>5331</v>
      </c>
      <c r="V591" s="47" t="s">
        <v>5331</v>
      </c>
      <c r="W591" s="47" t="s">
        <v>5331</v>
      </c>
      <c r="X591" s="47" t="s">
        <v>5331</v>
      </c>
      <c r="Y591" s="47" t="s">
        <v>5331</v>
      </c>
      <c r="Z591" s="28"/>
      <c r="AA591" s="27"/>
      <c r="AB591" s="27"/>
      <c r="AC591" s="27"/>
      <c r="AD591" s="30"/>
      <c r="AE591" s="1"/>
      <c r="AF591" s="23" t="s">
        <v>5331</v>
      </c>
      <c r="AG591" s="26"/>
      <c r="AH591" s="53"/>
    </row>
    <row r="592" spans="1:34" ht="51.6" customHeight="1" x14ac:dyDescent="0.45">
      <c r="A592" s="23">
        <v>586</v>
      </c>
      <c r="B592" s="25"/>
      <c r="C592" s="25"/>
      <c r="D592" s="29"/>
      <c r="E592" s="1"/>
      <c r="F592" s="1"/>
      <c r="G592" s="25"/>
      <c r="H592" s="71"/>
      <c r="I592" s="83"/>
      <c r="J592" s="50" t="str">
        <f t="shared" si="20"/>
        <v/>
      </c>
      <c r="K592" s="23" t="s">
        <v>7120</v>
      </c>
      <c r="L592" s="49" t="e">
        <f>VLOOKUP(E592&amp;F592,団体コード!$A$1:$C$1743,3,FALSE)</f>
        <v>#N/A</v>
      </c>
      <c r="M592" s="49" t="e">
        <f>VLOOKUP(E592&amp;F592,団体コード!$A$1:$C$1743,2,FALSE)</f>
        <v>#N/A</v>
      </c>
      <c r="N592" s="51" t="e">
        <f>VLOOKUP(E592,団体コード!$E$1:$F$48,2,FALSE)</f>
        <v>#N/A</v>
      </c>
      <c r="O592" s="51" t="e">
        <f t="shared" si="21"/>
        <v>#N/A</v>
      </c>
      <c r="P592" s="51">
        <v>1</v>
      </c>
      <c r="Q592" s="51" t="s">
        <v>5341</v>
      </c>
      <c r="R592" s="54" t="b">
        <v>1</v>
      </c>
      <c r="S592" s="52" t="s">
        <v>7126</v>
      </c>
      <c r="T592" s="67" t="s">
        <v>7127</v>
      </c>
      <c r="U592" s="75" t="s">
        <v>5331</v>
      </c>
      <c r="V592" s="47" t="s">
        <v>5331</v>
      </c>
      <c r="W592" s="47" t="s">
        <v>5331</v>
      </c>
      <c r="X592" s="47" t="s">
        <v>5331</v>
      </c>
      <c r="Y592" s="47" t="s">
        <v>5331</v>
      </c>
      <c r="Z592" s="28"/>
      <c r="AA592" s="27"/>
      <c r="AB592" s="27"/>
      <c r="AC592" s="27"/>
      <c r="AD592" s="30"/>
      <c r="AE592" s="1"/>
      <c r="AF592" s="23" t="s">
        <v>5331</v>
      </c>
      <c r="AG592" s="26"/>
      <c r="AH592" s="53"/>
    </row>
    <row r="593" spans="1:34" ht="51.6" customHeight="1" x14ac:dyDescent="0.45">
      <c r="A593" s="23">
        <v>587</v>
      </c>
      <c r="B593" s="25"/>
      <c r="C593" s="25"/>
      <c r="D593" s="29"/>
      <c r="E593" s="1"/>
      <c r="F593" s="1"/>
      <c r="G593" s="25"/>
      <c r="H593" s="71"/>
      <c r="I593" s="83"/>
      <c r="J593" s="50" t="str">
        <f t="shared" si="20"/>
        <v/>
      </c>
      <c r="K593" s="23" t="s">
        <v>7120</v>
      </c>
      <c r="L593" s="49" t="e">
        <f>VLOOKUP(E593&amp;F593,団体コード!$A$1:$C$1743,3,FALSE)</f>
        <v>#N/A</v>
      </c>
      <c r="M593" s="49" t="e">
        <f>VLOOKUP(E593&amp;F593,団体コード!$A$1:$C$1743,2,FALSE)</f>
        <v>#N/A</v>
      </c>
      <c r="N593" s="51" t="e">
        <f>VLOOKUP(E593,団体コード!$E$1:$F$48,2,FALSE)</f>
        <v>#N/A</v>
      </c>
      <c r="O593" s="51" t="e">
        <f t="shared" si="21"/>
        <v>#N/A</v>
      </c>
      <c r="P593" s="51">
        <v>1</v>
      </c>
      <c r="Q593" s="51" t="s">
        <v>5341</v>
      </c>
      <c r="R593" s="54" t="b">
        <v>1</v>
      </c>
      <c r="S593" s="52" t="s">
        <v>7126</v>
      </c>
      <c r="T593" s="67" t="s">
        <v>7127</v>
      </c>
      <c r="U593" s="75" t="s">
        <v>5331</v>
      </c>
      <c r="V593" s="47" t="s">
        <v>5331</v>
      </c>
      <c r="W593" s="47" t="s">
        <v>5331</v>
      </c>
      <c r="X593" s="47" t="s">
        <v>5331</v>
      </c>
      <c r="Y593" s="47" t="s">
        <v>5331</v>
      </c>
      <c r="Z593" s="28"/>
      <c r="AA593" s="27"/>
      <c r="AB593" s="27"/>
      <c r="AC593" s="27"/>
      <c r="AD593" s="30"/>
      <c r="AE593" s="1"/>
      <c r="AF593" s="23" t="s">
        <v>5331</v>
      </c>
      <c r="AG593" s="26"/>
      <c r="AH593" s="53"/>
    </row>
    <row r="594" spans="1:34" ht="51.6" customHeight="1" x14ac:dyDescent="0.45">
      <c r="A594" s="23">
        <v>588</v>
      </c>
      <c r="B594" s="25"/>
      <c r="C594" s="25"/>
      <c r="D594" s="29"/>
      <c r="E594" s="1"/>
      <c r="F594" s="1"/>
      <c r="G594" s="25"/>
      <c r="H594" s="71"/>
      <c r="I594" s="83"/>
      <c r="J594" s="50" t="str">
        <f t="shared" si="20"/>
        <v/>
      </c>
      <c r="K594" s="23" t="s">
        <v>7120</v>
      </c>
      <c r="L594" s="49" t="e">
        <f>VLOOKUP(E594&amp;F594,団体コード!$A$1:$C$1743,3,FALSE)</f>
        <v>#N/A</v>
      </c>
      <c r="M594" s="49" t="e">
        <f>VLOOKUP(E594&amp;F594,団体コード!$A$1:$C$1743,2,FALSE)</f>
        <v>#N/A</v>
      </c>
      <c r="N594" s="51" t="e">
        <f>VLOOKUP(E594,団体コード!$E$1:$F$48,2,FALSE)</f>
        <v>#N/A</v>
      </c>
      <c r="O594" s="51" t="e">
        <f t="shared" si="21"/>
        <v>#N/A</v>
      </c>
      <c r="P594" s="51">
        <v>1</v>
      </c>
      <c r="Q594" s="51" t="s">
        <v>5341</v>
      </c>
      <c r="R594" s="54" t="b">
        <v>1</v>
      </c>
      <c r="S594" s="52" t="s">
        <v>7126</v>
      </c>
      <c r="T594" s="67" t="s">
        <v>7127</v>
      </c>
      <c r="U594" s="75" t="s">
        <v>5331</v>
      </c>
      <c r="V594" s="47" t="s">
        <v>5331</v>
      </c>
      <c r="W594" s="47" t="s">
        <v>5331</v>
      </c>
      <c r="X594" s="47" t="s">
        <v>5331</v>
      </c>
      <c r="Y594" s="47" t="s">
        <v>5331</v>
      </c>
      <c r="Z594" s="28"/>
      <c r="AA594" s="27"/>
      <c r="AB594" s="27"/>
      <c r="AC594" s="27"/>
      <c r="AD594" s="30"/>
      <c r="AE594" s="1"/>
      <c r="AF594" s="23" t="s">
        <v>5331</v>
      </c>
      <c r="AG594" s="26"/>
      <c r="AH594" s="53"/>
    </row>
    <row r="595" spans="1:34" ht="51.6" customHeight="1" x14ac:dyDescent="0.45">
      <c r="A595" s="23">
        <v>589</v>
      </c>
      <c r="B595" s="25"/>
      <c r="C595" s="25"/>
      <c r="D595" s="29"/>
      <c r="E595" s="1"/>
      <c r="F595" s="1"/>
      <c r="G595" s="25"/>
      <c r="H595" s="71"/>
      <c r="I595" s="83"/>
      <c r="J595" s="50" t="str">
        <f t="shared" si="20"/>
        <v/>
      </c>
      <c r="K595" s="23" t="s">
        <v>7120</v>
      </c>
      <c r="L595" s="49" t="e">
        <f>VLOOKUP(E595&amp;F595,団体コード!$A$1:$C$1743,3,FALSE)</f>
        <v>#N/A</v>
      </c>
      <c r="M595" s="49" t="e">
        <f>VLOOKUP(E595&amp;F595,団体コード!$A$1:$C$1743,2,FALSE)</f>
        <v>#N/A</v>
      </c>
      <c r="N595" s="51" t="e">
        <f>VLOOKUP(E595,団体コード!$E$1:$F$48,2,FALSE)</f>
        <v>#N/A</v>
      </c>
      <c r="O595" s="51" t="e">
        <f t="shared" si="21"/>
        <v>#N/A</v>
      </c>
      <c r="P595" s="51">
        <v>1</v>
      </c>
      <c r="Q595" s="51" t="s">
        <v>5341</v>
      </c>
      <c r="R595" s="54" t="b">
        <v>1</v>
      </c>
      <c r="S595" s="52" t="s">
        <v>7126</v>
      </c>
      <c r="T595" s="67" t="s">
        <v>7127</v>
      </c>
      <c r="U595" s="75" t="s">
        <v>5331</v>
      </c>
      <c r="V595" s="47" t="s">
        <v>5331</v>
      </c>
      <c r="W595" s="47" t="s">
        <v>5331</v>
      </c>
      <c r="X595" s="47" t="s">
        <v>5331</v>
      </c>
      <c r="Y595" s="47" t="s">
        <v>5331</v>
      </c>
      <c r="Z595" s="28"/>
      <c r="AA595" s="27"/>
      <c r="AB595" s="27"/>
      <c r="AC595" s="27"/>
      <c r="AD595" s="30"/>
      <c r="AE595" s="1"/>
      <c r="AF595" s="23" t="s">
        <v>5331</v>
      </c>
      <c r="AG595" s="26"/>
      <c r="AH595" s="53"/>
    </row>
    <row r="596" spans="1:34" ht="51.6" customHeight="1" x14ac:dyDescent="0.45">
      <c r="A596" s="23">
        <v>590</v>
      </c>
      <c r="B596" s="25"/>
      <c r="C596" s="25"/>
      <c r="D596" s="29"/>
      <c r="E596" s="1"/>
      <c r="F596" s="1"/>
      <c r="G596" s="25"/>
      <c r="H596" s="71"/>
      <c r="I596" s="83"/>
      <c r="J596" s="50" t="str">
        <f t="shared" si="20"/>
        <v/>
      </c>
      <c r="K596" s="23" t="s">
        <v>7120</v>
      </c>
      <c r="L596" s="49" t="e">
        <f>VLOOKUP(E596&amp;F596,団体コード!$A$1:$C$1743,3,FALSE)</f>
        <v>#N/A</v>
      </c>
      <c r="M596" s="49" t="e">
        <f>VLOOKUP(E596&amp;F596,団体コード!$A$1:$C$1743,2,FALSE)</f>
        <v>#N/A</v>
      </c>
      <c r="N596" s="51" t="e">
        <f>VLOOKUP(E596,団体コード!$E$1:$F$48,2,FALSE)</f>
        <v>#N/A</v>
      </c>
      <c r="O596" s="51" t="e">
        <f t="shared" si="21"/>
        <v>#N/A</v>
      </c>
      <c r="P596" s="51">
        <v>1</v>
      </c>
      <c r="Q596" s="51" t="s">
        <v>5341</v>
      </c>
      <c r="R596" s="54" t="b">
        <v>1</v>
      </c>
      <c r="S596" s="52" t="s">
        <v>7126</v>
      </c>
      <c r="T596" s="67" t="s">
        <v>7127</v>
      </c>
      <c r="U596" s="75" t="s">
        <v>5331</v>
      </c>
      <c r="V596" s="47" t="s">
        <v>5331</v>
      </c>
      <c r="W596" s="47" t="s">
        <v>5331</v>
      </c>
      <c r="X596" s="47" t="s">
        <v>5331</v>
      </c>
      <c r="Y596" s="47" t="s">
        <v>5331</v>
      </c>
      <c r="Z596" s="28"/>
      <c r="AA596" s="27"/>
      <c r="AB596" s="27"/>
      <c r="AC596" s="27"/>
      <c r="AD596" s="30"/>
      <c r="AE596" s="1"/>
      <c r="AF596" s="23" t="s">
        <v>5331</v>
      </c>
      <c r="AG596" s="26"/>
      <c r="AH596" s="53"/>
    </row>
    <row r="597" spans="1:34" ht="51.6" customHeight="1" x14ac:dyDescent="0.45">
      <c r="A597" s="23">
        <v>591</v>
      </c>
      <c r="B597" s="25"/>
      <c r="C597" s="25"/>
      <c r="D597" s="29"/>
      <c r="E597" s="1"/>
      <c r="F597" s="1"/>
      <c r="G597" s="25"/>
      <c r="H597" s="71"/>
      <c r="I597" s="83"/>
      <c r="J597" s="50" t="str">
        <f t="shared" si="20"/>
        <v/>
      </c>
      <c r="K597" s="23" t="s">
        <v>7120</v>
      </c>
      <c r="L597" s="49" t="e">
        <f>VLOOKUP(E597&amp;F597,団体コード!$A$1:$C$1743,3,FALSE)</f>
        <v>#N/A</v>
      </c>
      <c r="M597" s="49" t="e">
        <f>VLOOKUP(E597&amp;F597,団体コード!$A$1:$C$1743,2,FALSE)</f>
        <v>#N/A</v>
      </c>
      <c r="N597" s="51" t="e">
        <f>VLOOKUP(E597,団体コード!$E$1:$F$48,2,FALSE)</f>
        <v>#N/A</v>
      </c>
      <c r="O597" s="51" t="e">
        <f t="shared" si="21"/>
        <v>#N/A</v>
      </c>
      <c r="P597" s="51">
        <v>1</v>
      </c>
      <c r="Q597" s="51" t="s">
        <v>5341</v>
      </c>
      <c r="R597" s="54" t="b">
        <v>1</v>
      </c>
      <c r="S597" s="52" t="s">
        <v>7126</v>
      </c>
      <c r="T597" s="67" t="s">
        <v>7127</v>
      </c>
      <c r="U597" s="75" t="s">
        <v>5331</v>
      </c>
      <c r="V597" s="47" t="s">
        <v>5331</v>
      </c>
      <c r="W597" s="47" t="s">
        <v>5331</v>
      </c>
      <c r="X597" s="47" t="s">
        <v>5331</v>
      </c>
      <c r="Y597" s="47" t="s">
        <v>5331</v>
      </c>
      <c r="Z597" s="28"/>
      <c r="AA597" s="27"/>
      <c r="AB597" s="27"/>
      <c r="AC597" s="27"/>
      <c r="AD597" s="30"/>
      <c r="AE597" s="1"/>
      <c r="AF597" s="23" t="s">
        <v>5331</v>
      </c>
      <c r="AG597" s="26"/>
      <c r="AH597" s="53"/>
    </row>
    <row r="598" spans="1:34" ht="51.6" customHeight="1" x14ac:dyDescent="0.45">
      <c r="A598" s="23">
        <v>592</v>
      </c>
      <c r="B598" s="25"/>
      <c r="C598" s="25"/>
      <c r="D598" s="29"/>
      <c r="E598" s="1"/>
      <c r="F598" s="1"/>
      <c r="G598" s="25"/>
      <c r="H598" s="71"/>
      <c r="I598" s="83"/>
      <c r="J598" s="50" t="str">
        <f t="shared" si="20"/>
        <v/>
      </c>
      <c r="K598" s="23" t="s">
        <v>7120</v>
      </c>
      <c r="L598" s="49" t="e">
        <f>VLOOKUP(E598&amp;F598,団体コード!$A$1:$C$1743,3,FALSE)</f>
        <v>#N/A</v>
      </c>
      <c r="M598" s="49" t="e">
        <f>VLOOKUP(E598&amp;F598,団体コード!$A$1:$C$1743,2,FALSE)</f>
        <v>#N/A</v>
      </c>
      <c r="N598" s="51" t="e">
        <f>VLOOKUP(E598,団体コード!$E$1:$F$48,2,FALSE)</f>
        <v>#N/A</v>
      </c>
      <c r="O598" s="51" t="e">
        <f t="shared" si="21"/>
        <v>#N/A</v>
      </c>
      <c r="P598" s="51">
        <v>1</v>
      </c>
      <c r="Q598" s="51" t="s">
        <v>5341</v>
      </c>
      <c r="R598" s="54" t="b">
        <v>1</v>
      </c>
      <c r="S598" s="52" t="s">
        <v>7126</v>
      </c>
      <c r="T598" s="67" t="s">
        <v>7127</v>
      </c>
      <c r="U598" s="75" t="s">
        <v>5331</v>
      </c>
      <c r="V598" s="47" t="s">
        <v>5331</v>
      </c>
      <c r="W598" s="47" t="s">
        <v>5331</v>
      </c>
      <c r="X598" s="47" t="s">
        <v>5331</v>
      </c>
      <c r="Y598" s="47" t="s">
        <v>5331</v>
      </c>
      <c r="Z598" s="28"/>
      <c r="AA598" s="27"/>
      <c r="AB598" s="27"/>
      <c r="AC598" s="27"/>
      <c r="AD598" s="30"/>
      <c r="AE598" s="1"/>
      <c r="AF598" s="23" t="s">
        <v>5331</v>
      </c>
      <c r="AG598" s="26"/>
      <c r="AH598" s="53"/>
    </row>
    <row r="599" spans="1:34" ht="51.6" customHeight="1" x14ac:dyDescent="0.45">
      <c r="A599" s="23">
        <v>593</v>
      </c>
      <c r="B599" s="25"/>
      <c r="C599" s="25"/>
      <c r="D599" s="29"/>
      <c r="E599" s="1"/>
      <c r="F599" s="1"/>
      <c r="G599" s="25"/>
      <c r="H599" s="71"/>
      <c r="I599" s="83"/>
      <c r="J599" s="50" t="str">
        <f t="shared" si="20"/>
        <v/>
      </c>
      <c r="K599" s="23" t="s">
        <v>7120</v>
      </c>
      <c r="L599" s="49" t="e">
        <f>VLOOKUP(E599&amp;F599,団体コード!$A$1:$C$1743,3,FALSE)</f>
        <v>#N/A</v>
      </c>
      <c r="M599" s="49" t="e">
        <f>VLOOKUP(E599&amp;F599,団体コード!$A$1:$C$1743,2,FALSE)</f>
        <v>#N/A</v>
      </c>
      <c r="N599" s="51" t="e">
        <f>VLOOKUP(E599,団体コード!$E$1:$F$48,2,FALSE)</f>
        <v>#N/A</v>
      </c>
      <c r="O599" s="51" t="e">
        <f t="shared" si="21"/>
        <v>#N/A</v>
      </c>
      <c r="P599" s="51">
        <v>1</v>
      </c>
      <c r="Q599" s="51" t="s">
        <v>5341</v>
      </c>
      <c r="R599" s="54" t="b">
        <v>1</v>
      </c>
      <c r="S599" s="52" t="s">
        <v>7126</v>
      </c>
      <c r="T599" s="67" t="s">
        <v>7127</v>
      </c>
      <c r="U599" s="75" t="s">
        <v>5331</v>
      </c>
      <c r="V599" s="47" t="s">
        <v>5331</v>
      </c>
      <c r="W599" s="47" t="s">
        <v>5331</v>
      </c>
      <c r="X599" s="47" t="s">
        <v>5331</v>
      </c>
      <c r="Y599" s="47" t="s">
        <v>5331</v>
      </c>
      <c r="Z599" s="28"/>
      <c r="AA599" s="27"/>
      <c r="AB599" s="27"/>
      <c r="AC599" s="27"/>
      <c r="AD599" s="30"/>
      <c r="AE599" s="1"/>
      <c r="AF599" s="23" t="s">
        <v>5331</v>
      </c>
      <c r="AG599" s="26"/>
      <c r="AH599" s="53"/>
    </row>
    <row r="600" spans="1:34" ht="51.6" customHeight="1" x14ac:dyDescent="0.45">
      <c r="A600" s="23">
        <v>594</v>
      </c>
      <c r="B600" s="25"/>
      <c r="C600" s="25"/>
      <c r="D600" s="29"/>
      <c r="E600" s="1"/>
      <c r="F600" s="1"/>
      <c r="G600" s="25"/>
      <c r="H600" s="71"/>
      <c r="I600" s="83"/>
      <c r="J600" s="50" t="str">
        <f t="shared" si="20"/>
        <v/>
      </c>
      <c r="K600" s="23" t="s">
        <v>7120</v>
      </c>
      <c r="L600" s="49" t="e">
        <f>VLOOKUP(E600&amp;F600,団体コード!$A$1:$C$1743,3,FALSE)</f>
        <v>#N/A</v>
      </c>
      <c r="M600" s="49" t="e">
        <f>VLOOKUP(E600&amp;F600,団体コード!$A$1:$C$1743,2,FALSE)</f>
        <v>#N/A</v>
      </c>
      <c r="N600" s="51" t="e">
        <f>VLOOKUP(E600,団体コード!$E$1:$F$48,2,FALSE)</f>
        <v>#N/A</v>
      </c>
      <c r="O600" s="51" t="e">
        <f t="shared" si="21"/>
        <v>#N/A</v>
      </c>
      <c r="P600" s="51">
        <v>1</v>
      </c>
      <c r="Q600" s="51" t="s">
        <v>5341</v>
      </c>
      <c r="R600" s="54" t="b">
        <v>1</v>
      </c>
      <c r="S600" s="52" t="s">
        <v>7126</v>
      </c>
      <c r="T600" s="67" t="s">
        <v>7127</v>
      </c>
      <c r="U600" s="75" t="s">
        <v>5331</v>
      </c>
      <c r="V600" s="47" t="s">
        <v>5331</v>
      </c>
      <c r="W600" s="47" t="s">
        <v>5331</v>
      </c>
      <c r="X600" s="47" t="s">
        <v>5331</v>
      </c>
      <c r="Y600" s="47" t="s">
        <v>5331</v>
      </c>
      <c r="Z600" s="28"/>
      <c r="AA600" s="27"/>
      <c r="AB600" s="27"/>
      <c r="AC600" s="27"/>
      <c r="AD600" s="30"/>
      <c r="AE600" s="1"/>
      <c r="AF600" s="23" t="s">
        <v>5331</v>
      </c>
      <c r="AG600" s="26"/>
      <c r="AH600" s="53"/>
    </row>
    <row r="601" spans="1:34" ht="51.6" customHeight="1" x14ac:dyDescent="0.45">
      <c r="A601" s="23">
        <v>595</v>
      </c>
      <c r="B601" s="25"/>
      <c r="C601" s="25"/>
      <c r="D601" s="29"/>
      <c r="E601" s="1"/>
      <c r="F601" s="1"/>
      <c r="G601" s="25"/>
      <c r="H601" s="71"/>
      <c r="I601" s="83"/>
      <c r="J601" s="50" t="str">
        <f t="shared" si="20"/>
        <v/>
      </c>
      <c r="K601" s="23" t="s">
        <v>7120</v>
      </c>
      <c r="L601" s="49" t="e">
        <f>VLOOKUP(E601&amp;F601,団体コード!$A$1:$C$1743,3,FALSE)</f>
        <v>#N/A</v>
      </c>
      <c r="M601" s="49" t="e">
        <f>VLOOKUP(E601&amp;F601,団体コード!$A$1:$C$1743,2,FALSE)</f>
        <v>#N/A</v>
      </c>
      <c r="N601" s="51" t="e">
        <f>VLOOKUP(E601,団体コード!$E$1:$F$48,2,FALSE)</f>
        <v>#N/A</v>
      </c>
      <c r="O601" s="51" t="e">
        <f t="shared" si="21"/>
        <v>#N/A</v>
      </c>
      <c r="P601" s="51">
        <v>1</v>
      </c>
      <c r="Q601" s="51" t="s">
        <v>5341</v>
      </c>
      <c r="R601" s="54" t="b">
        <v>1</v>
      </c>
      <c r="S601" s="52" t="s">
        <v>7126</v>
      </c>
      <c r="T601" s="67" t="s">
        <v>7127</v>
      </c>
      <c r="U601" s="75" t="s">
        <v>5331</v>
      </c>
      <c r="V601" s="47" t="s">
        <v>5331</v>
      </c>
      <c r="W601" s="47" t="s">
        <v>5331</v>
      </c>
      <c r="X601" s="47" t="s">
        <v>5331</v>
      </c>
      <c r="Y601" s="47" t="s">
        <v>5331</v>
      </c>
      <c r="Z601" s="28"/>
      <c r="AA601" s="27"/>
      <c r="AB601" s="27"/>
      <c r="AC601" s="27"/>
      <c r="AD601" s="30"/>
      <c r="AE601" s="1"/>
      <c r="AF601" s="23" t="s">
        <v>5331</v>
      </c>
      <c r="AG601" s="26"/>
      <c r="AH601" s="53"/>
    </row>
    <row r="602" spans="1:34" ht="51.6" customHeight="1" x14ac:dyDescent="0.45">
      <c r="A602" s="23">
        <v>596</v>
      </c>
      <c r="B602" s="25"/>
      <c r="C602" s="25"/>
      <c r="D602" s="29"/>
      <c r="E602" s="1"/>
      <c r="F602" s="1"/>
      <c r="G602" s="25"/>
      <c r="H602" s="71"/>
      <c r="I602" s="83"/>
      <c r="J602" s="50" t="str">
        <f t="shared" si="20"/>
        <v/>
      </c>
      <c r="K602" s="23" t="s">
        <v>7120</v>
      </c>
      <c r="L602" s="49" t="e">
        <f>VLOOKUP(E602&amp;F602,団体コード!$A$1:$C$1743,3,FALSE)</f>
        <v>#N/A</v>
      </c>
      <c r="M602" s="49" t="e">
        <f>VLOOKUP(E602&amp;F602,団体コード!$A$1:$C$1743,2,FALSE)</f>
        <v>#N/A</v>
      </c>
      <c r="N602" s="51" t="e">
        <f>VLOOKUP(E602,団体コード!$E$1:$F$48,2,FALSE)</f>
        <v>#N/A</v>
      </c>
      <c r="O602" s="51" t="e">
        <f t="shared" si="21"/>
        <v>#N/A</v>
      </c>
      <c r="P602" s="51">
        <v>1</v>
      </c>
      <c r="Q602" s="51" t="s">
        <v>5341</v>
      </c>
      <c r="R602" s="54" t="b">
        <v>1</v>
      </c>
      <c r="S602" s="52" t="s">
        <v>7126</v>
      </c>
      <c r="T602" s="67" t="s">
        <v>7127</v>
      </c>
      <c r="U602" s="75" t="s">
        <v>5331</v>
      </c>
      <c r="V602" s="47" t="s">
        <v>5331</v>
      </c>
      <c r="W602" s="47" t="s">
        <v>5331</v>
      </c>
      <c r="X602" s="47" t="s">
        <v>5331</v>
      </c>
      <c r="Y602" s="47" t="s">
        <v>5331</v>
      </c>
      <c r="Z602" s="28"/>
      <c r="AA602" s="27"/>
      <c r="AB602" s="27"/>
      <c r="AC602" s="27"/>
      <c r="AD602" s="30"/>
      <c r="AE602" s="1"/>
      <c r="AF602" s="23" t="s">
        <v>5331</v>
      </c>
      <c r="AG602" s="26"/>
      <c r="AH602" s="53"/>
    </row>
    <row r="603" spans="1:34" ht="51.6" customHeight="1" x14ac:dyDescent="0.45">
      <c r="A603" s="23">
        <v>597</v>
      </c>
      <c r="B603" s="25"/>
      <c r="C603" s="25"/>
      <c r="D603" s="29"/>
      <c r="E603" s="1"/>
      <c r="F603" s="1"/>
      <c r="G603" s="25"/>
      <c r="H603" s="71"/>
      <c r="I603" s="83"/>
      <c r="J603" s="50" t="str">
        <f t="shared" si="20"/>
        <v/>
      </c>
      <c r="K603" s="23" t="s">
        <v>7120</v>
      </c>
      <c r="L603" s="49" t="e">
        <f>VLOOKUP(E603&amp;F603,団体コード!$A$1:$C$1743,3,FALSE)</f>
        <v>#N/A</v>
      </c>
      <c r="M603" s="49" t="e">
        <f>VLOOKUP(E603&amp;F603,団体コード!$A$1:$C$1743,2,FALSE)</f>
        <v>#N/A</v>
      </c>
      <c r="N603" s="51" t="e">
        <f>VLOOKUP(E603,団体コード!$E$1:$F$48,2,FALSE)</f>
        <v>#N/A</v>
      </c>
      <c r="O603" s="51" t="e">
        <f t="shared" si="21"/>
        <v>#N/A</v>
      </c>
      <c r="P603" s="51">
        <v>1</v>
      </c>
      <c r="Q603" s="51" t="s">
        <v>5341</v>
      </c>
      <c r="R603" s="54" t="b">
        <v>1</v>
      </c>
      <c r="S603" s="52" t="s">
        <v>7126</v>
      </c>
      <c r="T603" s="67" t="s">
        <v>7127</v>
      </c>
      <c r="U603" s="75" t="s">
        <v>5331</v>
      </c>
      <c r="V603" s="47" t="s">
        <v>5331</v>
      </c>
      <c r="W603" s="47" t="s">
        <v>5331</v>
      </c>
      <c r="X603" s="47" t="s">
        <v>5331</v>
      </c>
      <c r="Y603" s="47" t="s">
        <v>5331</v>
      </c>
      <c r="Z603" s="28"/>
      <c r="AA603" s="27"/>
      <c r="AB603" s="27"/>
      <c r="AC603" s="27"/>
      <c r="AD603" s="30"/>
      <c r="AE603" s="1"/>
      <c r="AF603" s="23" t="s">
        <v>5331</v>
      </c>
      <c r="AG603" s="26"/>
      <c r="AH603" s="53"/>
    </row>
    <row r="604" spans="1:34" ht="51.6" customHeight="1" x14ac:dyDescent="0.45">
      <c r="A604" s="23">
        <v>598</v>
      </c>
      <c r="B604" s="25"/>
      <c r="C604" s="25"/>
      <c r="D604" s="29"/>
      <c r="E604" s="1"/>
      <c r="F604" s="1"/>
      <c r="G604" s="25"/>
      <c r="H604" s="71"/>
      <c r="I604" s="83"/>
      <c r="J604" s="50" t="str">
        <f t="shared" si="20"/>
        <v/>
      </c>
      <c r="K604" s="23" t="s">
        <v>7120</v>
      </c>
      <c r="L604" s="49" t="e">
        <f>VLOOKUP(E604&amp;F604,団体コード!$A$1:$C$1743,3,FALSE)</f>
        <v>#N/A</v>
      </c>
      <c r="M604" s="49" t="e">
        <f>VLOOKUP(E604&amp;F604,団体コード!$A$1:$C$1743,2,FALSE)</f>
        <v>#N/A</v>
      </c>
      <c r="N604" s="51" t="e">
        <f>VLOOKUP(E604,団体コード!$E$1:$F$48,2,FALSE)</f>
        <v>#N/A</v>
      </c>
      <c r="O604" s="51" t="e">
        <f t="shared" si="21"/>
        <v>#N/A</v>
      </c>
      <c r="P604" s="51">
        <v>1</v>
      </c>
      <c r="Q604" s="51" t="s">
        <v>5341</v>
      </c>
      <c r="R604" s="54" t="b">
        <v>1</v>
      </c>
      <c r="S604" s="52" t="s">
        <v>7126</v>
      </c>
      <c r="T604" s="67" t="s">
        <v>7127</v>
      </c>
      <c r="U604" s="75" t="s">
        <v>5331</v>
      </c>
      <c r="V604" s="47" t="s">
        <v>5331</v>
      </c>
      <c r="W604" s="47" t="s">
        <v>5331</v>
      </c>
      <c r="X604" s="47" t="s">
        <v>5331</v>
      </c>
      <c r="Y604" s="47" t="s">
        <v>5331</v>
      </c>
      <c r="Z604" s="28"/>
      <c r="AA604" s="27"/>
      <c r="AB604" s="27"/>
      <c r="AC604" s="27"/>
      <c r="AD604" s="30"/>
      <c r="AE604" s="1"/>
      <c r="AF604" s="23" t="s">
        <v>5331</v>
      </c>
      <c r="AG604" s="26"/>
      <c r="AH604" s="53"/>
    </row>
    <row r="605" spans="1:34" ht="51.6" customHeight="1" x14ac:dyDescent="0.45">
      <c r="A605" s="23">
        <v>599</v>
      </c>
      <c r="B605" s="25"/>
      <c r="C605" s="25"/>
      <c r="D605" s="29"/>
      <c r="E605" s="1"/>
      <c r="F605" s="1"/>
      <c r="G605" s="25"/>
      <c r="H605" s="71"/>
      <c r="I605" s="83"/>
      <c r="J605" s="50" t="str">
        <f t="shared" si="20"/>
        <v/>
      </c>
      <c r="K605" s="23" t="s">
        <v>7120</v>
      </c>
      <c r="L605" s="49" t="e">
        <f>VLOOKUP(E605&amp;F605,団体コード!$A$1:$C$1743,3,FALSE)</f>
        <v>#N/A</v>
      </c>
      <c r="M605" s="49" t="e">
        <f>VLOOKUP(E605&amp;F605,団体コード!$A$1:$C$1743,2,FALSE)</f>
        <v>#N/A</v>
      </c>
      <c r="N605" s="51" t="e">
        <f>VLOOKUP(E605,団体コード!$E$1:$F$48,2,FALSE)</f>
        <v>#N/A</v>
      </c>
      <c r="O605" s="51" t="e">
        <f t="shared" si="21"/>
        <v>#N/A</v>
      </c>
      <c r="P605" s="51">
        <v>1</v>
      </c>
      <c r="Q605" s="51" t="s">
        <v>5341</v>
      </c>
      <c r="R605" s="54" t="b">
        <v>1</v>
      </c>
      <c r="S605" s="52" t="s">
        <v>7126</v>
      </c>
      <c r="T605" s="67" t="s">
        <v>7127</v>
      </c>
      <c r="U605" s="75" t="s">
        <v>5331</v>
      </c>
      <c r="V605" s="47" t="s">
        <v>5331</v>
      </c>
      <c r="W605" s="47" t="s">
        <v>5331</v>
      </c>
      <c r="X605" s="47" t="s">
        <v>5331</v>
      </c>
      <c r="Y605" s="47" t="s">
        <v>5331</v>
      </c>
      <c r="Z605" s="28"/>
      <c r="AA605" s="27"/>
      <c r="AB605" s="27"/>
      <c r="AC605" s="27"/>
      <c r="AD605" s="30"/>
      <c r="AE605" s="1"/>
      <c r="AF605" s="23" t="s">
        <v>5331</v>
      </c>
      <c r="AG605" s="26"/>
      <c r="AH605" s="53"/>
    </row>
    <row r="606" spans="1:34" ht="51.6" customHeight="1" x14ac:dyDescent="0.45">
      <c r="A606" s="23">
        <v>600</v>
      </c>
      <c r="B606" s="25"/>
      <c r="C606" s="25"/>
      <c r="D606" s="29"/>
      <c r="E606" s="1"/>
      <c r="F606" s="1"/>
      <c r="G606" s="25"/>
      <c r="H606" s="71"/>
      <c r="I606" s="83"/>
      <c r="J606" s="50" t="str">
        <f t="shared" si="20"/>
        <v/>
      </c>
      <c r="K606" s="23" t="s">
        <v>7120</v>
      </c>
      <c r="L606" s="49" t="e">
        <f>VLOOKUP(E606&amp;F606,団体コード!$A$1:$C$1743,3,FALSE)</f>
        <v>#N/A</v>
      </c>
      <c r="M606" s="49" t="e">
        <f>VLOOKUP(E606&amp;F606,団体コード!$A$1:$C$1743,2,FALSE)</f>
        <v>#N/A</v>
      </c>
      <c r="N606" s="51" t="e">
        <f>VLOOKUP(E606,団体コード!$E$1:$F$48,2,FALSE)</f>
        <v>#N/A</v>
      </c>
      <c r="O606" s="51" t="e">
        <f t="shared" si="21"/>
        <v>#N/A</v>
      </c>
      <c r="P606" s="51">
        <v>1</v>
      </c>
      <c r="Q606" s="51" t="s">
        <v>5341</v>
      </c>
      <c r="R606" s="54" t="b">
        <v>1</v>
      </c>
      <c r="S606" s="52" t="s">
        <v>7126</v>
      </c>
      <c r="T606" s="67" t="s">
        <v>7127</v>
      </c>
      <c r="U606" s="75" t="s">
        <v>5331</v>
      </c>
      <c r="V606" s="47" t="s">
        <v>5331</v>
      </c>
      <c r="W606" s="47" t="s">
        <v>5331</v>
      </c>
      <c r="X606" s="47" t="s">
        <v>5331</v>
      </c>
      <c r="Y606" s="47" t="s">
        <v>5331</v>
      </c>
      <c r="Z606" s="28"/>
      <c r="AA606" s="27"/>
      <c r="AB606" s="27"/>
      <c r="AC606" s="27"/>
      <c r="AD606" s="30"/>
      <c r="AE606" s="1"/>
      <c r="AF606" s="23" t="s">
        <v>5331</v>
      </c>
      <c r="AG606" s="26"/>
      <c r="AH606" s="53"/>
    </row>
    <row r="607" spans="1:34" ht="51.6" customHeight="1" x14ac:dyDescent="0.45">
      <c r="A607" s="23">
        <v>601</v>
      </c>
      <c r="B607" s="25"/>
      <c r="C607" s="25"/>
      <c r="D607" s="29"/>
      <c r="E607" s="1"/>
      <c r="F607" s="1"/>
      <c r="G607" s="25"/>
      <c r="H607" s="71"/>
      <c r="I607" s="83"/>
      <c r="J607" s="50" t="str">
        <f t="shared" si="20"/>
        <v/>
      </c>
      <c r="K607" s="23" t="s">
        <v>7120</v>
      </c>
      <c r="L607" s="49" t="e">
        <f>VLOOKUP(E607&amp;F607,団体コード!$A$1:$C$1743,3,FALSE)</f>
        <v>#N/A</v>
      </c>
      <c r="M607" s="49" t="e">
        <f>VLOOKUP(E607&amp;F607,団体コード!$A$1:$C$1743,2,FALSE)</f>
        <v>#N/A</v>
      </c>
      <c r="N607" s="51" t="e">
        <f>VLOOKUP(E607,団体コード!$E$1:$F$48,2,FALSE)</f>
        <v>#N/A</v>
      </c>
      <c r="O607" s="51" t="e">
        <f t="shared" si="21"/>
        <v>#N/A</v>
      </c>
      <c r="P607" s="51">
        <v>1</v>
      </c>
      <c r="Q607" s="51" t="s">
        <v>5341</v>
      </c>
      <c r="R607" s="54" t="b">
        <v>1</v>
      </c>
      <c r="S607" s="52" t="s">
        <v>7126</v>
      </c>
      <c r="T607" s="67" t="s">
        <v>7127</v>
      </c>
      <c r="U607" s="75" t="s">
        <v>5331</v>
      </c>
      <c r="V607" s="47" t="s">
        <v>5331</v>
      </c>
      <c r="W607" s="47" t="s">
        <v>5331</v>
      </c>
      <c r="X607" s="47" t="s">
        <v>5331</v>
      </c>
      <c r="Y607" s="47" t="s">
        <v>5331</v>
      </c>
      <c r="Z607" s="28"/>
      <c r="AA607" s="27"/>
      <c r="AB607" s="27"/>
      <c r="AC607" s="27"/>
      <c r="AD607" s="30"/>
      <c r="AE607" s="1"/>
      <c r="AF607" s="23" t="s">
        <v>5331</v>
      </c>
      <c r="AG607" s="26"/>
      <c r="AH607" s="53"/>
    </row>
    <row r="608" spans="1:34" ht="51.6" customHeight="1" x14ac:dyDescent="0.45">
      <c r="A608" s="23">
        <v>602</v>
      </c>
      <c r="B608" s="25"/>
      <c r="C608" s="25"/>
      <c r="D608" s="29"/>
      <c r="E608" s="1"/>
      <c r="F608" s="1"/>
      <c r="G608" s="25"/>
      <c r="H608" s="71"/>
      <c r="I608" s="83"/>
      <c r="J608" s="50" t="str">
        <f t="shared" si="20"/>
        <v/>
      </c>
      <c r="K608" s="23" t="s">
        <v>7120</v>
      </c>
      <c r="L608" s="49" t="e">
        <f>VLOOKUP(E608&amp;F608,団体コード!$A$1:$C$1743,3,FALSE)</f>
        <v>#N/A</v>
      </c>
      <c r="M608" s="49" t="e">
        <f>VLOOKUP(E608&amp;F608,団体コード!$A$1:$C$1743,2,FALSE)</f>
        <v>#N/A</v>
      </c>
      <c r="N608" s="51" t="e">
        <f>VLOOKUP(E608,団体コード!$E$1:$F$48,2,FALSE)</f>
        <v>#N/A</v>
      </c>
      <c r="O608" s="51" t="e">
        <f t="shared" si="21"/>
        <v>#N/A</v>
      </c>
      <c r="P608" s="51">
        <v>1</v>
      </c>
      <c r="Q608" s="51" t="s">
        <v>5341</v>
      </c>
      <c r="R608" s="54" t="b">
        <v>1</v>
      </c>
      <c r="S608" s="52" t="s">
        <v>7126</v>
      </c>
      <c r="T608" s="67" t="s">
        <v>7127</v>
      </c>
      <c r="U608" s="75" t="s">
        <v>5331</v>
      </c>
      <c r="V608" s="47" t="s">
        <v>5331</v>
      </c>
      <c r="W608" s="47" t="s">
        <v>5331</v>
      </c>
      <c r="X608" s="47" t="s">
        <v>5331</v>
      </c>
      <c r="Y608" s="47" t="s">
        <v>5331</v>
      </c>
      <c r="Z608" s="28"/>
      <c r="AA608" s="27"/>
      <c r="AB608" s="27"/>
      <c r="AC608" s="27"/>
      <c r="AD608" s="30"/>
      <c r="AE608" s="1"/>
      <c r="AF608" s="23" t="s">
        <v>5331</v>
      </c>
      <c r="AG608" s="26"/>
      <c r="AH608" s="53"/>
    </row>
    <row r="609" spans="1:34" ht="51.6" customHeight="1" x14ac:dyDescent="0.45">
      <c r="A609" s="23">
        <v>603</v>
      </c>
      <c r="B609" s="25"/>
      <c r="C609" s="25"/>
      <c r="D609" s="29"/>
      <c r="E609" s="1"/>
      <c r="F609" s="1"/>
      <c r="G609" s="25"/>
      <c r="H609" s="71"/>
      <c r="I609" s="83"/>
      <c r="J609" s="50" t="str">
        <f t="shared" si="20"/>
        <v/>
      </c>
      <c r="K609" s="23" t="s">
        <v>7120</v>
      </c>
      <c r="L609" s="49" t="e">
        <f>VLOOKUP(E609&amp;F609,団体コード!$A$1:$C$1743,3,FALSE)</f>
        <v>#N/A</v>
      </c>
      <c r="M609" s="49" t="e">
        <f>VLOOKUP(E609&amp;F609,団体コード!$A$1:$C$1743,2,FALSE)</f>
        <v>#N/A</v>
      </c>
      <c r="N609" s="51" t="e">
        <f>VLOOKUP(E609,団体コード!$E$1:$F$48,2,FALSE)</f>
        <v>#N/A</v>
      </c>
      <c r="O609" s="51" t="e">
        <f t="shared" si="21"/>
        <v>#N/A</v>
      </c>
      <c r="P609" s="51">
        <v>1</v>
      </c>
      <c r="Q609" s="51" t="s">
        <v>5341</v>
      </c>
      <c r="R609" s="54" t="b">
        <v>1</v>
      </c>
      <c r="S609" s="52" t="s">
        <v>7126</v>
      </c>
      <c r="T609" s="67" t="s">
        <v>7127</v>
      </c>
      <c r="U609" s="75" t="s">
        <v>5331</v>
      </c>
      <c r="V609" s="47" t="s">
        <v>5331</v>
      </c>
      <c r="W609" s="47" t="s">
        <v>5331</v>
      </c>
      <c r="X609" s="47" t="s">
        <v>5331</v>
      </c>
      <c r="Y609" s="47" t="s">
        <v>5331</v>
      </c>
      <c r="Z609" s="28"/>
      <c r="AA609" s="27"/>
      <c r="AB609" s="27"/>
      <c r="AC609" s="27"/>
      <c r="AD609" s="30"/>
      <c r="AE609" s="1"/>
      <c r="AF609" s="23" t="s">
        <v>5331</v>
      </c>
      <c r="AG609" s="26"/>
      <c r="AH609" s="53"/>
    </row>
    <row r="610" spans="1:34" ht="51.6" customHeight="1" x14ac:dyDescent="0.45">
      <c r="A610" s="23">
        <v>604</v>
      </c>
      <c r="B610" s="25"/>
      <c r="C610" s="25"/>
      <c r="D610" s="29"/>
      <c r="E610" s="1"/>
      <c r="F610" s="1"/>
      <c r="G610" s="25"/>
      <c r="H610" s="71"/>
      <c r="I610" s="83"/>
      <c r="J610" s="50" t="str">
        <f t="shared" si="20"/>
        <v/>
      </c>
      <c r="K610" s="23" t="s">
        <v>7120</v>
      </c>
      <c r="L610" s="49" t="e">
        <f>VLOOKUP(E610&amp;F610,団体コード!$A$1:$C$1743,3,FALSE)</f>
        <v>#N/A</v>
      </c>
      <c r="M610" s="49" t="e">
        <f>VLOOKUP(E610&amp;F610,団体コード!$A$1:$C$1743,2,FALSE)</f>
        <v>#N/A</v>
      </c>
      <c r="N610" s="51" t="e">
        <f>VLOOKUP(E610,団体コード!$E$1:$F$48,2,FALSE)</f>
        <v>#N/A</v>
      </c>
      <c r="O610" s="51" t="e">
        <f t="shared" si="21"/>
        <v>#N/A</v>
      </c>
      <c r="P610" s="51">
        <v>1</v>
      </c>
      <c r="Q610" s="51" t="s">
        <v>5341</v>
      </c>
      <c r="R610" s="54" t="b">
        <v>1</v>
      </c>
      <c r="S610" s="52" t="s">
        <v>7126</v>
      </c>
      <c r="T610" s="67" t="s">
        <v>7127</v>
      </c>
      <c r="U610" s="75" t="s">
        <v>5331</v>
      </c>
      <c r="V610" s="47" t="s">
        <v>5331</v>
      </c>
      <c r="W610" s="47" t="s">
        <v>5331</v>
      </c>
      <c r="X610" s="47" t="s">
        <v>5331</v>
      </c>
      <c r="Y610" s="47" t="s">
        <v>5331</v>
      </c>
      <c r="Z610" s="28"/>
      <c r="AA610" s="27"/>
      <c r="AB610" s="27"/>
      <c r="AC610" s="27"/>
      <c r="AD610" s="30"/>
      <c r="AE610" s="1"/>
      <c r="AF610" s="23" t="s">
        <v>5331</v>
      </c>
      <c r="AG610" s="26"/>
      <c r="AH610" s="53"/>
    </row>
    <row r="611" spans="1:34" ht="51.6" customHeight="1" x14ac:dyDescent="0.45">
      <c r="A611" s="23">
        <v>605</v>
      </c>
      <c r="B611" s="25"/>
      <c r="C611" s="25"/>
      <c r="D611" s="29"/>
      <c r="E611" s="1"/>
      <c r="F611" s="1"/>
      <c r="G611" s="25"/>
      <c r="H611" s="71"/>
      <c r="I611" s="83"/>
      <c r="J611" s="50" t="str">
        <f t="shared" si="20"/>
        <v/>
      </c>
      <c r="K611" s="23" t="s">
        <v>7120</v>
      </c>
      <c r="L611" s="49" t="e">
        <f>VLOOKUP(E611&amp;F611,団体コード!$A$1:$C$1743,3,FALSE)</f>
        <v>#N/A</v>
      </c>
      <c r="M611" s="49" t="e">
        <f>VLOOKUP(E611&amp;F611,団体コード!$A$1:$C$1743,2,FALSE)</f>
        <v>#N/A</v>
      </c>
      <c r="N611" s="51" t="e">
        <f>VLOOKUP(E611,団体コード!$E$1:$F$48,2,FALSE)</f>
        <v>#N/A</v>
      </c>
      <c r="O611" s="51" t="e">
        <f t="shared" si="21"/>
        <v>#N/A</v>
      </c>
      <c r="P611" s="51">
        <v>1</v>
      </c>
      <c r="Q611" s="51" t="s">
        <v>5341</v>
      </c>
      <c r="R611" s="54" t="b">
        <v>1</v>
      </c>
      <c r="S611" s="52" t="s">
        <v>7126</v>
      </c>
      <c r="T611" s="67" t="s">
        <v>7127</v>
      </c>
      <c r="U611" s="75" t="s">
        <v>5331</v>
      </c>
      <c r="V611" s="47" t="s">
        <v>5331</v>
      </c>
      <c r="W611" s="47" t="s">
        <v>5331</v>
      </c>
      <c r="X611" s="47" t="s">
        <v>5331</v>
      </c>
      <c r="Y611" s="47" t="s">
        <v>5331</v>
      </c>
      <c r="Z611" s="28"/>
      <c r="AA611" s="27"/>
      <c r="AB611" s="27"/>
      <c r="AC611" s="27"/>
      <c r="AD611" s="30"/>
      <c r="AE611" s="1"/>
      <c r="AF611" s="23" t="s">
        <v>5331</v>
      </c>
      <c r="AG611" s="26"/>
      <c r="AH611" s="53"/>
    </row>
    <row r="612" spans="1:34" ht="51.6" customHeight="1" x14ac:dyDescent="0.45">
      <c r="A612" s="23">
        <v>606</v>
      </c>
      <c r="B612" s="25"/>
      <c r="C612" s="25"/>
      <c r="D612" s="29"/>
      <c r="E612" s="1"/>
      <c r="F612" s="1"/>
      <c r="G612" s="25"/>
      <c r="H612" s="71"/>
      <c r="I612" s="83"/>
      <c r="J612" s="50" t="str">
        <f t="shared" si="20"/>
        <v/>
      </c>
      <c r="K612" s="23" t="s">
        <v>7120</v>
      </c>
      <c r="L612" s="49" t="e">
        <f>VLOOKUP(E612&amp;F612,団体コード!$A$1:$C$1743,3,FALSE)</f>
        <v>#N/A</v>
      </c>
      <c r="M612" s="49" t="e">
        <f>VLOOKUP(E612&amp;F612,団体コード!$A$1:$C$1743,2,FALSE)</f>
        <v>#N/A</v>
      </c>
      <c r="N612" s="51" t="e">
        <f>VLOOKUP(E612,団体コード!$E$1:$F$48,2,FALSE)</f>
        <v>#N/A</v>
      </c>
      <c r="O612" s="51" t="e">
        <f t="shared" si="21"/>
        <v>#N/A</v>
      </c>
      <c r="P612" s="51">
        <v>1</v>
      </c>
      <c r="Q612" s="51" t="s">
        <v>5341</v>
      </c>
      <c r="R612" s="54" t="b">
        <v>1</v>
      </c>
      <c r="S612" s="52" t="s">
        <v>7126</v>
      </c>
      <c r="T612" s="67" t="s">
        <v>7127</v>
      </c>
      <c r="U612" s="75" t="s">
        <v>5331</v>
      </c>
      <c r="V612" s="47" t="s">
        <v>5331</v>
      </c>
      <c r="W612" s="47" t="s">
        <v>5331</v>
      </c>
      <c r="X612" s="47" t="s">
        <v>5331</v>
      </c>
      <c r="Y612" s="47" t="s">
        <v>5331</v>
      </c>
      <c r="Z612" s="28"/>
      <c r="AA612" s="27"/>
      <c r="AB612" s="27"/>
      <c r="AC612" s="27"/>
      <c r="AD612" s="30"/>
      <c r="AE612" s="1"/>
      <c r="AF612" s="23" t="s">
        <v>5331</v>
      </c>
      <c r="AG612" s="26"/>
      <c r="AH612" s="53"/>
    </row>
    <row r="613" spans="1:34" ht="51.6" customHeight="1" x14ac:dyDescent="0.45">
      <c r="A613" s="23">
        <v>607</v>
      </c>
      <c r="B613" s="25"/>
      <c r="C613" s="25"/>
      <c r="D613" s="29"/>
      <c r="E613" s="1"/>
      <c r="F613" s="1"/>
      <c r="G613" s="25"/>
      <c r="H613" s="71"/>
      <c r="I613" s="83"/>
      <c r="J613" s="50" t="str">
        <f t="shared" si="20"/>
        <v/>
      </c>
      <c r="K613" s="23" t="s">
        <v>7120</v>
      </c>
      <c r="L613" s="49" t="e">
        <f>VLOOKUP(E613&amp;F613,団体コード!$A$1:$C$1743,3,FALSE)</f>
        <v>#N/A</v>
      </c>
      <c r="M613" s="49" t="e">
        <f>VLOOKUP(E613&amp;F613,団体コード!$A$1:$C$1743,2,FALSE)</f>
        <v>#N/A</v>
      </c>
      <c r="N613" s="51" t="e">
        <f>VLOOKUP(E613,団体コード!$E$1:$F$48,2,FALSE)</f>
        <v>#N/A</v>
      </c>
      <c r="O613" s="51" t="e">
        <f t="shared" si="21"/>
        <v>#N/A</v>
      </c>
      <c r="P613" s="51">
        <v>1</v>
      </c>
      <c r="Q613" s="51" t="s">
        <v>5341</v>
      </c>
      <c r="R613" s="54" t="b">
        <v>1</v>
      </c>
      <c r="S613" s="52" t="s">
        <v>7126</v>
      </c>
      <c r="T613" s="67" t="s">
        <v>7127</v>
      </c>
      <c r="U613" s="75" t="s">
        <v>5331</v>
      </c>
      <c r="V613" s="47" t="s">
        <v>5331</v>
      </c>
      <c r="W613" s="47" t="s">
        <v>5331</v>
      </c>
      <c r="X613" s="47" t="s">
        <v>5331</v>
      </c>
      <c r="Y613" s="47" t="s">
        <v>5331</v>
      </c>
      <c r="Z613" s="28"/>
      <c r="AA613" s="27"/>
      <c r="AB613" s="27"/>
      <c r="AC613" s="27"/>
      <c r="AD613" s="30"/>
      <c r="AE613" s="1"/>
      <c r="AF613" s="23" t="s">
        <v>5331</v>
      </c>
      <c r="AG613" s="26"/>
      <c r="AH613" s="53"/>
    </row>
    <row r="614" spans="1:34" ht="51.6" customHeight="1" x14ac:dyDescent="0.45">
      <c r="A614" s="23">
        <v>608</v>
      </c>
      <c r="B614" s="25"/>
      <c r="C614" s="25"/>
      <c r="D614" s="29"/>
      <c r="E614" s="1"/>
      <c r="F614" s="1"/>
      <c r="G614" s="25"/>
      <c r="H614" s="71"/>
      <c r="I614" s="83"/>
      <c r="J614" s="50" t="str">
        <f t="shared" si="20"/>
        <v/>
      </c>
      <c r="K614" s="23" t="s">
        <v>7120</v>
      </c>
      <c r="L614" s="49" t="e">
        <f>VLOOKUP(E614&amp;F614,団体コード!$A$1:$C$1743,3,FALSE)</f>
        <v>#N/A</v>
      </c>
      <c r="M614" s="49" t="e">
        <f>VLOOKUP(E614&amp;F614,団体コード!$A$1:$C$1743,2,FALSE)</f>
        <v>#N/A</v>
      </c>
      <c r="N614" s="51" t="e">
        <f>VLOOKUP(E614,団体コード!$E$1:$F$48,2,FALSE)</f>
        <v>#N/A</v>
      </c>
      <c r="O614" s="51" t="e">
        <f t="shared" si="21"/>
        <v>#N/A</v>
      </c>
      <c r="P614" s="51">
        <v>1</v>
      </c>
      <c r="Q614" s="51" t="s">
        <v>5341</v>
      </c>
      <c r="R614" s="54" t="b">
        <v>1</v>
      </c>
      <c r="S614" s="52" t="s">
        <v>7126</v>
      </c>
      <c r="T614" s="67" t="s">
        <v>7127</v>
      </c>
      <c r="U614" s="75" t="s">
        <v>5331</v>
      </c>
      <c r="V614" s="47" t="s">
        <v>5331</v>
      </c>
      <c r="W614" s="47" t="s">
        <v>5331</v>
      </c>
      <c r="X614" s="47" t="s">
        <v>5331</v>
      </c>
      <c r="Y614" s="47" t="s">
        <v>5331</v>
      </c>
      <c r="Z614" s="28"/>
      <c r="AA614" s="27"/>
      <c r="AB614" s="27"/>
      <c r="AC614" s="27"/>
      <c r="AD614" s="30"/>
      <c r="AE614" s="1"/>
      <c r="AF614" s="23" t="s">
        <v>5331</v>
      </c>
      <c r="AG614" s="26"/>
      <c r="AH614" s="53"/>
    </row>
    <row r="615" spans="1:34" ht="51.6" customHeight="1" x14ac:dyDescent="0.45">
      <c r="A615" s="23">
        <v>609</v>
      </c>
      <c r="B615" s="25"/>
      <c r="C615" s="25"/>
      <c r="D615" s="29"/>
      <c r="E615" s="1"/>
      <c r="F615" s="1"/>
      <c r="G615" s="25"/>
      <c r="H615" s="71"/>
      <c r="I615" s="83"/>
      <c r="J615" s="50" t="str">
        <f t="shared" si="20"/>
        <v/>
      </c>
      <c r="K615" s="23" t="s">
        <v>7120</v>
      </c>
      <c r="L615" s="49" t="e">
        <f>VLOOKUP(E615&amp;F615,団体コード!$A$1:$C$1743,3,FALSE)</f>
        <v>#N/A</v>
      </c>
      <c r="M615" s="49" t="e">
        <f>VLOOKUP(E615&amp;F615,団体コード!$A$1:$C$1743,2,FALSE)</f>
        <v>#N/A</v>
      </c>
      <c r="N615" s="51" t="e">
        <f>VLOOKUP(E615,団体コード!$E$1:$F$48,2,FALSE)</f>
        <v>#N/A</v>
      </c>
      <c r="O615" s="51" t="e">
        <f t="shared" si="21"/>
        <v>#N/A</v>
      </c>
      <c r="P615" s="51">
        <v>1</v>
      </c>
      <c r="Q615" s="51" t="s">
        <v>5341</v>
      </c>
      <c r="R615" s="54" t="b">
        <v>1</v>
      </c>
      <c r="S615" s="52" t="s">
        <v>7126</v>
      </c>
      <c r="T615" s="67" t="s">
        <v>7127</v>
      </c>
      <c r="U615" s="75" t="s">
        <v>5331</v>
      </c>
      <c r="V615" s="47" t="s">
        <v>5331</v>
      </c>
      <c r="W615" s="47" t="s">
        <v>5331</v>
      </c>
      <c r="X615" s="47" t="s">
        <v>5331</v>
      </c>
      <c r="Y615" s="47" t="s">
        <v>5331</v>
      </c>
      <c r="Z615" s="28"/>
      <c r="AA615" s="27"/>
      <c r="AB615" s="27"/>
      <c r="AC615" s="27"/>
      <c r="AD615" s="30"/>
      <c r="AE615" s="1"/>
      <c r="AF615" s="23" t="s">
        <v>5331</v>
      </c>
      <c r="AG615" s="26"/>
      <c r="AH615" s="53"/>
    </row>
    <row r="616" spans="1:34" ht="51.6" customHeight="1" x14ac:dyDescent="0.45">
      <c r="A616" s="23">
        <v>610</v>
      </c>
      <c r="B616" s="25"/>
      <c r="C616" s="25"/>
      <c r="D616" s="29"/>
      <c r="E616" s="1"/>
      <c r="F616" s="1"/>
      <c r="G616" s="25"/>
      <c r="H616" s="71"/>
      <c r="I616" s="83"/>
      <c r="J616" s="50" t="str">
        <f t="shared" si="20"/>
        <v/>
      </c>
      <c r="K616" s="23" t="s">
        <v>7120</v>
      </c>
      <c r="L616" s="49" t="e">
        <f>VLOOKUP(E616&amp;F616,団体コード!$A$1:$C$1743,3,FALSE)</f>
        <v>#N/A</v>
      </c>
      <c r="M616" s="49" t="e">
        <f>VLOOKUP(E616&amp;F616,団体コード!$A$1:$C$1743,2,FALSE)</f>
        <v>#N/A</v>
      </c>
      <c r="N616" s="51" t="e">
        <f>VLOOKUP(E616,団体コード!$E$1:$F$48,2,FALSE)</f>
        <v>#N/A</v>
      </c>
      <c r="O616" s="51" t="e">
        <f t="shared" si="21"/>
        <v>#N/A</v>
      </c>
      <c r="P616" s="51">
        <v>1</v>
      </c>
      <c r="Q616" s="51" t="s">
        <v>5341</v>
      </c>
      <c r="R616" s="54" t="b">
        <v>1</v>
      </c>
      <c r="S616" s="52" t="s">
        <v>7126</v>
      </c>
      <c r="T616" s="67" t="s">
        <v>7127</v>
      </c>
      <c r="U616" s="75" t="s">
        <v>5331</v>
      </c>
      <c r="V616" s="47" t="s">
        <v>5331</v>
      </c>
      <c r="W616" s="47" t="s">
        <v>5331</v>
      </c>
      <c r="X616" s="47" t="s">
        <v>5331</v>
      </c>
      <c r="Y616" s="47" t="s">
        <v>5331</v>
      </c>
      <c r="Z616" s="28"/>
      <c r="AA616" s="27"/>
      <c r="AB616" s="27"/>
      <c r="AC616" s="27"/>
      <c r="AD616" s="30"/>
      <c r="AE616" s="1"/>
      <c r="AF616" s="23" t="s">
        <v>5331</v>
      </c>
      <c r="AG616" s="26"/>
      <c r="AH616" s="53"/>
    </row>
    <row r="617" spans="1:34" ht="51.6" customHeight="1" x14ac:dyDescent="0.45">
      <c r="A617" s="23">
        <v>611</v>
      </c>
      <c r="B617" s="25"/>
      <c r="C617" s="25"/>
      <c r="D617" s="29"/>
      <c r="E617" s="1"/>
      <c r="F617" s="1"/>
      <c r="G617" s="25"/>
      <c r="H617" s="71"/>
      <c r="I617" s="83"/>
      <c r="J617" s="50" t="str">
        <f t="shared" si="20"/>
        <v/>
      </c>
      <c r="K617" s="23" t="s">
        <v>7120</v>
      </c>
      <c r="L617" s="49" t="e">
        <f>VLOOKUP(E617&amp;F617,団体コード!$A$1:$C$1743,3,FALSE)</f>
        <v>#N/A</v>
      </c>
      <c r="M617" s="49" t="e">
        <f>VLOOKUP(E617&amp;F617,団体コード!$A$1:$C$1743,2,FALSE)</f>
        <v>#N/A</v>
      </c>
      <c r="N617" s="51" t="e">
        <f>VLOOKUP(E617,団体コード!$E$1:$F$48,2,FALSE)</f>
        <v>#N/A</v>
      </c>
      <c r="O617" s="51" t="e">
        <f t="shared" si="21"/>
        <v>#N/A</v>
      </c>
      <c r="P617" s="51">
        <v>1</v>
      </c>
      <c r="Q617" s="51" t="s">
        <v>5341</v>
      </c>
      <c r="R617" s="54" t="b">
        <v>1</v>
      </c>
      <c r="S617" s="52" t="s">
        <v>7126</v>
      </c>
      <c r="T617" s="67" t="s">
        <v>7127</v>
      </c>
      <c r="U617" s="75" t="s">
        <v>5331</v>
      </c>
      <c r="V617" s="47" t="s">
        <v>5331</v>
      </c>
      <c r="W617" s="47" t="s">
        <v>5331</v>
      </c>
      <c r="X617" s="47" t="s">
        <v>5331</v>
      </c>
      <c r="Y617" s="47" t="s">
        <v>5331</v>
      </c>
      <c r="Z617" s="28"/>
      <c r="AA617" s="27"/>
      <c r="AB617" s="27"/>
      <c r="AC617" s="27"/>
      <c r="AD617" s="30"/>
      <c r="AE617" s="1"/>
      <c r="AF617" s="23" t="s">
        <v>5331</v>
      </c>
      <c r="AG617" s="26"/>
      <c r="AH617" s="53"/>
    </row>
    <row r="618" spans="1:34" ht="51.6" customHeight="1" x14ac:dyDescent="0.45">
      <c r="A618" s="23">
        <v>612</v>
      </c>
      <c r="B618" s="25"/>
      <c r="C618" s="25"/>
      <c r="D618" s="29"/>
      <c r="E618" s="1"/>
      <c r="F618" s="1"/>
      <c r="G618" s="25"/>
      <c r="H618" s="71"/>
      <c r="I618" s="83"/>
      <c r="J618" s="50" t="str">
        <f t="shared" si="20"/>
        <v/>
      </c>
      <c r="K618" s="23" t="s">
        <v>7120</v>
      </c>
      <c r="L618" s="49" t="e">
        <f>VLOOKUP(E618&amp;F618,団体コード!$A$1:$C$1743,3,FALSE)</f>
        <v>#N/A</v>
      </c>
      <c r="M618" s="49" t="e">
        <f>VLOOKUP(E618&amp;F618,団体コード!$A$1:$C$1743,2,FALSE)</f>
        <v>#N/A</v>
      </c>
      <c r="N618" s="51" t="e">
        <f>VLOOKUP(E618,団体コード!$E$1:$F$48,2,FALSE)</f>
        <v>#N/A</v>
      </c>
      <c r="O618" s="51" t="e">
        <f t="shared" si="21"/>
        <v>#N/A</v>
      </c>
      <c r="P618" s="51">
        <v>1</v>
      </c>
      <c r="Q618" s="51" t="s">
        <v>5341</v>
      </c>
      <c r="R618" s="54" t="b">
        <v>1</v>
      </c>
      <c r="S618" s="52" t="s">
        <v>7126</v>
      </c>
      <c r="T618" s="67" t="s">
        <v>7127</v>
      </c>
      <c r="U618" s="75" t="s">
        <v>5331</v>
      </c>
      <c r="V618" s="47" t="s">
        <v>5331</v>
      </c>
      <c r="W618" s="47" t="s">
        <v>5331</v>
      </c>
      <c r="X618" s="47" t="s">
        <v>5331</v>
      </c>
      <c r="Y618" s="47" t="s">
        <v>5331</v>
      </c>
      <c r="Z618" s="28"/>
      <c r="AA618" s="27"/>
      <c r="AB618" s="27"/>
      <c r="AC618" s="27"/>
      <c r="AD618" s="30"/>
      <c r="AE618" s="1"/>
      <c r="AF618" s="23" t="s">
        <v>5331</v>
      </c>
      <c r="AG618" s="26"/>
      <c r="AH618" s="53"/>
    </row>
    <row r="619" spans="1:34" ht="51.6" customHeight="1" x14ac:dyDescent="0.45">
      <c r="A619" s="23">
        <v>613</v>
      </c>
      <c r="B619" s="25"/>
      <c r="C619" s="25"/>
      <c r="D619" s="29"/>
      <c r="E619" s="1"/>
      <c r="F619" s="1"/>
      <c r="G619" s="25"/>
      <c r="H619" s="71"/>
      <c r="I619" s="83"/>
      <c r="J619" s="50" t="str">
        <f t="shared" si="20"/>
        <v/>
      </c>
      <c r="K619" s="23" t="s">
        <v>7120</v>
      </c>
      <c r="L619" s="49" t="e">
        <f>VLOOKUP(E619&amp;F619,団体コード!$A$1:$C$1743,3,FALSE)</f>
        <v>#N/A</v>
      </c>
      <c r="M619" s="49" t="e">
        <f>VLOOKUP(E619&amp;F619,団体コード!$A$1:$C$1743,2,FALSE)</f>
        <v>#N/A</v>
      </c>
      <c r="N619" s="51" t="e">
        <f>VLOOKUP(E619,団体コード!$E$1:$F$48,2,FALSE)</f>
        <v>#N/A</v>
      </c>
      <c r="O619" s="51" t="e">
        <f t="shared" si="21"/>
        <v>#N/A</v>
      </c>
      <c r="P619" s="51">
        <v>1</v>
      </c>
      <c r="Q619" s="51" t="s">
        <v>5341</v>
      </c>
      <c r="R619" s="54" t="b">
        <v>1</v>
      </c>
      <c r="S619" s="52" t="s">
        <v>7126</v>
      </c>
      <c r="T619" s="67" t="s">
        <v>7127</v>
      </c>
      <c r="U619" s="75" t="s">
        <v>5331</v>
      </c>
      <c r="V619" s="47" t="s">
        <v>5331</v>
      </c>
      <c r="W619" s="47" t="s">
        <v>5331</v>
      </c>
      <c r="X619" s="47" t="s">
        <v>5331</v>
      </c>
      <c r="Y619" s="47" t="s">
        <v>5331</v>
      </c>
      <c r="Z619" s="28"/>
      <c r="AA619" s="27"/>
      <c r="AB619" s="27"/>
      <c r="AC619" s="27"/>
      <c r="AD619" s="30"/>
      <c r="AE619" s="1"/>
      <c r="AF619" s="23" t="s">
        <v>5331</v>
      </c>
      <c r="AG619" s="26"/>
      <c r="AH619" s="53"/>
    </row>
    <row r="620" spans="1:34" ht="51.6" customHeight="1" x14ac:dyDescent="0.45">
      <c r="A620" s="23">
        <v>614</v>
      </c>
      <c r="B620" s="25"/>
      <c r="C620" s="25"/>
      <c r="D620" s="29"/>
      <c r="E620" s="1"/>
      <c r="F620" s="1"/>
      <c r="G620" s="25"/>
      <c r="H620" s="71"/>
      <c r="I620" s="83"/>
      <c r="J620" s="50" t="str">
        <f t="shared" si="20"/>
        <v/>
      </c>
      <c r="K620" s="23" t="s">
        <v>7120</v>
      </c>
      <c r="L620" s="49" t="e">
        <f>VLOOKUP(E620&amp;F620,団体コード!$A$1:$C$1743,3,FALSE)</f>
        <v>#N/A</v>
      </c>
      <c r="M620" s="49" t="e">
        <f>VLOOKUP(E620&amp;F620,団体コード!$A$1:$C$1743,2,FALSE)</f>
        <v>#N/A</v>
      </c>
      <c r="N620" s="51" t="e">
        <f>VLOOKUP(E620,団体コード!$E$1:$F$48,2,FALSE)</f>
        <v>#N/A</v>
      </c>
      <c r="O620" s="51" t="e">
        <f t="shared" si="21"/>
        <v>#N/A</v>
      </c>
      <c r="P620" s="51">
        <v>1</v>
      </c>
      <c r="Q620" s="51" t="s">
        <v>5341</v>
      </c>
      <c r="R620" s="54" t="b">
        <v>1</v>
      </c>
      <c r="S620" s="52" t="s">
        <v>7126</v>
      </c>
      <c r="T620" s="67" t="s">
        <v>7127</v>
      </c>
      <c r="U620" s="75" t="s">
        <v>5331</v>
      </c>
      <c r="V620" s="47" t="s">
        <v>5331</v>
      </c>
      <c r="W620" s="47" t="s">
        <v>5331</v>
      </c>
      <c r="X620" s="47" t="s">
        <v>5331</v>
      </c>
      <c r="Y620" s="47" t="s">
        <v>5331</v>
      </c>
      <c r="Z620" s="28"/>
      <c r="AA620" s="27"/>
      <c r="AB620" s="27"/>
      <c r="AC620" s="27"/>
      <c r="AD620" s="30"/>
      <c r="AE620" s="1"/>
      <c r="AF620" s="23" t="s">
        <v>5331</v>
      </c>
      <c r="AG620" s="26"/>
      <c r="AH620" s="53"/>
    </row>
    <row r="621" spans="1:34" ht="51.6" customHeight="1" x14ac:dyDescent="0.45">
      <c r="A621" s="23">
        <v>615</v>
      </c>
      <c r="B621" s="25"/>
      <c r="C621" s="25"/>
      <c r="D621" s="29"/>
      <c r="E621" s="1"/>
      <c r="F621" s="1"/>
      <c r="G621" s="25"/>
      <c r="H621" s="71"/>
      <c r="I621" s="83"/>
      <c r="J621" s="50" t="str">
        <f t="shared" si="20"/>
        <v/>
      </c>
      <c r="K621" s="23" t="s">
        <v>7120</v>
      </c>
      <c r="L621" s="49" t="e">
        <f>VLOOKUP(E621&amp;F621,団体コード!$A$1:$C$1743,3,FALSE)</f>
        <v>#N/A</v>
      </c>
      <c r="M621" s="49" t="e">
        <f>VLOOKUP(E621&amp;F621,団体コード!$A$1:$C$1743,2,FALSE)</f>
        <v>#N/A</v>
      </c>
      <c r="N621" s="51" t="e">
        <f>VLOOKUP(E621,団体コード!$E$1:$F$48,2,FALSE)</f>
        <v>#N/A</v>
      </c>
      <c r="O621" s="51" t="e">
        <f t="shared" si="21"/>
        <v>#N/A</v>
      </c>
      <c r="P621" s="51">
        <v>1</v>
      </c>
      <c r="Q621" s="51" t="s">
        <v>5341</v>
      </c>
      <c r="R621" s="54" t="b">
        <v>1</v>
      </c>
      <c r="S621" s="52" t="s">
        <v>7126</v>
      </c>
      <c r="T621" s="67" t="s">
        <v>7127</v>
      </c>
      <c r="U621" s="75" t="s">
        <v>5331</v>
      </c>
      <c r="V621" s="47" t="s">
        <v>5331</v>
      </c>
      <c r="W621" s="47" t="s">
        <v>5331</v>
      </c>
      <c r="X621" s="47" t="s">
        <v>5331</v>
      </c>
      <c r="Y621" s="47" t="s">
        <v>5331</v>
      </c>
      <c r="Z621" s="28"/>
      <c r="AA621" s="27"/>
      <c r="AB621" s="27"/>
      <c r="AC621" s="27"/>
      <c r="AD621" s="30"/>
      <c r="AE621" s="1"/>
      <c r="AF621" s="23" t="s">
        <v>5331</v>
      </c>
      <c r="AG621" s="26"/>
      <c r="AH621" s="53"/>
    </row>
    <row r="622" spans="1:34" ht="51.6" customHeight="1" x14ac:dyDescent="0.45">
      <c r="A622" s="23">
        <v>616</v>
      </c>
      <c r="B622" s="25"/>
      <c r="C622" s="25"/>
      <c r="D622" s="29"/>
      <c r="E622" s="1"/>
      <c r="F622" s="1"/>
      <c r="G622" s="25"/>
      <c r="H622" s="71"/>
      <c r="I622" s="83"/>
      <c r="J622" s="50" t="str">
        <f t="shared" si="20"/>
        <v/>
      </c>
      <c r="K622" s="23" t="s">
        <v>7120</v>
      </c>
      <c r="L622" s="49" t="e">
        <f>VLOOKUP(E622&amp;F622,団体コード!$A$1:$C$1743,3,FALSE)</f>
        <v>#N/A</v>
      </c>
      <c r="M622" s="49" t="e">
        <f>VLOOKUP(E622&amp;F622,団体コード!$A$1:$C$1743,2,FALSE)</f>
        <v>#N/A</v>
      </c>
      <c r="N622" s="51" t="e">
        <f>VLOOKUP(E622,団体コード!$E$1:$F$48,2,FALSE)</f>
        <v>#N/A</v>
      </c>
      <c r="O622" s="51" t="e">
        <f t="shared" si="21"/>
        <v>#N/A</v>
      </c>
      <c r="P622" s="51">
        <v>1</v>
      </c>
      <c r="Q622" s="51" t="s">
        <v>5341</v>
      </c>
      <c r="R622" s="54" t="b">
        <v>1</v>
      </c>
      <c r="S622" s="52" t="s">
        <v>7126</v>
      </c>
      <c r="T622" s="67" t="s">
        <v>7127</v>
      </c>
      <c r="U622" s="75" t="s">
        <v>5331</v>
      </c>
      <c r="V622" s="47" t="s">
        <v>5331</v>
      </c>
      <c r="W622" s="47" t="s">
        <v>5331</v>
      </c>
      <c r="X622" s="47" t="s">
        <v>5331</v>
      </c>
      <c r="Y622" s="47" t="s">
        <v>5331</v>
      </c>
      <c r="Z622" s="28"/>
      <c r="AA622" s="27"/>
      <c r="AB622" s="27"/>
      <c r="AC622" s="27"/>
      <c r="AD622" s="30"/>
      <c r="AE622" s="1"/>
      <c r="AF622" s="23" t="s">
        <v>5331</v>
      </c>
      <c r="AG622" s="26"/>
      <c r="AH622" s="53"/>
    </row>
    <row r="623" spans="1:34" ht="51.6" customHeight="1" x14ac:dyDescent="0.45">
      <c r="A623" s="23">
        <v>617</v>
      </c>
      <c r="B623" s="25"/>
      <c r="C623" s="25"/>
      <c r="D623" s="29"/>
      <c r="E623" s="1"/>
      <c r="F623" s="1"/>
      <c r="G623" s="25"/>
      <c r="H623" s="71"/>
      <c r="I623" s="83"/>
      <c r="J623" s="50" t="str">
        <f t="shared" si="20"/>
        <v/>
      </c>
      <c r="K623" s="23" t="s">
        <v>7120</v>
      </c>
      <c r="L623" s="49" t="e">
        <f>VLOOKUP(E623&amp;F623,団体コード!$A$1:$C$1743,3,FALSE)</f>
        <v>#N/A</v>
      </c>
      <c r="M623" s="49" t="e">
        <f>VLOOKUP(E623&amp;F623,団体コード!$A$1:$C$1743,2,FALSE)</f>
        <v>#N/A</v>
      </c>
      <c r="N623" s="51" t="e">
        <f>VLOOKUP(E623,団体コード!$E$1:$F$48,2,FALSE)</f>
        <v>#N/A</v>
      </c>
      <c r="O623" s="51" t="e">
        <f t="shared" si="21"/>
        <v>#N/A</v>
      </c>
      <c r="P623" s="51">
        <v>1</v>
      </c>
      <c r="Q623" s="51" t="s">
        <v>5341</v>
      </c>
      <c r="R623" s="54" t="b">
        <v>1</v>
      </c>
      <c r="S623" s="52" t="s">
        <v>7126</v>
      </c>
      <c r="T623" s="67" t="s">
        <v>7127</v>
      </c>
      <c r="U623" s="75" t="s">
        <v>5331</v>
      </c>
      <c r="V623" s="47" t="s">
        <v>5331</v>
      </c>
      <c r="W623" s="47" t="s">
        <v>5331</v>
      </c>
      <c r="X623" s="47" t="s">
        <v>5331</v>
      </c>
      <c r="Y623" s="47" t="s">
        <v>5331</v>
      </c>
      <c r="Z623" s="28"/>
      <c r="AA623" s="27"/>
      <c r="AB623" s="27"/>
      <c r="AC623" s="27"/>
      <c r="AD623" s="30"/>
      <c r="AE623" s="1"/>
      <c r="AF623" s="23" t="s">
        <v>5331</v>
      </c>
      <c r="AG623" s="26"/>
      <c r="AH623" s="53"/>
    </row>
    <row r="624" spans="1:34" ht="51.6" customHeight="1" x14ac:dyDescent="0.45">
      <c r="A624" s="23">
        <v>618</v>
      </c>
      <c r="B624" s="25"/>
      <c r="C624" s="25"/>
      <c r="D624" s="29"/>
      <c r="E624" s="1"/>
      <c r="F624" s="1"/>
      <c r="G624" s="25"/>
      <c r="H624" s="71"/>
      <c r="I624" s="83"/>
      <c r="J624" s="50" t="str">
        <f t="shared" si="20"/>
        <v/>
      </c>
      <c r="K624" s="23" t="s">
        <v>7120</v>
      </c>
      <c r="L624" s="49" t="e">
        <f>VLOOKUP(E624&amp;F624,団体コード!$A$1:$C$1743,3,FALSE)</f>
        <v>#N/A</v>
      </c>
      <c r="M624" s="49" t="e">
        <f>VLOOKUP(E624&amp;F624,団体コード!$A$1:$C$1743,2,FALSE)</f>
        <v>#N/A</v>
      </c>
      <c r="N624" s="51" t="e">
        <f>VLOOKUP(E624,団体コード!$E$1:$F$48,2,FALSE)</f>
        <v>#N/A</v>
      </c>
      <c r="O624" s="51" t="e">
        <f t="shared" si="21"/>
        <v>#N/A</v>
      </c>
      <c r="P624" s="51">
        <v>1</v>
      </c>
      <c r="Q624" s="51" t="s">
        <v>5341</v>
      </c>
      <c r="R624" s="54" t="b">
        <v>1</v>
      </c>
      <c r="S624" s="52" t="s">
        <v>7126</v>
      </c>
      <c r="T624" s="67" t="s">
        <v>7127</v>
      </c>
      <c r="U624" s="75" t="s">
        <v>5331</v>
      </c>
      <c r="V624" s="47" t="s">
        <v>5331</v>
      </c>
      <c r="W624" s="47" t="s">
        <v>5331</v>
      </c>
      <c r="X624" s="47" t="s">
        <v>5331</v>
      </c>
      <c r="Y624" s="47" t="s">
        <v>5331</v>
      </c>
      <c r="Z624" s="28"/>
      <c r="AA624" s="27"/>
      <c r="AB624" s="27"/>
      <c r="AC624" s="27"/>
      <c r="AD624" s="30"/>
      <c r="AE624" s="1"/>
      <c r="AF624" s="23" t="s">
        <v>5331</v>
      </c>
      <c r="AG624" s="26"/>
      <c r="AH624" s="53"/>
    </row>
    <row r="625" spans="1:34" ht="51.6" customHeight="1" x14ac:dyDescent="0.45">
      <c r="A625" s="23">
        <v>619</v>
      </c>
      <c r="B625" s="25"/>
      <c r="C625" s="25"/>
      <c r="D625" s="29"/>
      <c r="E625" s="1"/>
      <c r="F625" s="1"/>
      <c r="G625" s="25"/>
      <c r="H625" s="71"/>
      <c r="I625" s="83"/>
      <c r="J625" s="50" t="str">
        <f t="shared" si="20"/>
        <v/>
      </c>
      <c r="K625" s="23" t="s">
        <v>7120</v>
      </c>
      <c r="L625" s="49" t="e">
        <f>VLOOKUP(E625&amp;F625,団体コード!$A$1:$C$1743,3,FALSE)</f>
        <v>#N/A</v>
      </c>
      <c r="M625" s="49" t="e">
        <f>VLOOKUP(E625&amp;F625,団体コード!$A$1:$C$1743,2,FALSE)</f>
        <v>#N/A</v>
      </c>
      <c r="N625" s="51" t="e">
        <f>VLOOKUP(E625,団体コード!$E$1:$F$48,2,FALSE)</f>
        <v>#N/A</v>
      </c>
      <c r="O625" s="51" t="e">
        <f t="shared" si="21"/>
        <v>#N/A</v>
      </c>
      <c r="P625" s="51">
        <v>1</v>
      </c>
      <c r="Q625" s="51" t="s">
        <v>5341</v>
      </c>
      <c r="R625" s="54" t="b">
        <v>1</v>
      </c>
      <c r="S625" s="52" t="s">
        <v>7126</v>
      </c>
      <c r="T625" s="67" t="s">
        <v>7127</v>
      </c>
      <c r="U625" s="75" t="s">
        <v>5331</v>
      </c>
      <c r="V625" s="47" t="s">
        <v>5331</v>
      </c>
      <c r="W625" s="47" t="s">
        <v>5331</v>
      </c>
      <c r="X625" s="47" t="s">
        <v>5331</v>
      </c>
      <c r="Y625" s="47" t="s">
        <v>5331</v>
      </c>
      <c r="Z625" s="28"/>
      <c r="AA625" s="27"/>
      <c r="AB625" s="27"/>
      <c r="AC625" s="27"/>
      <c r="AD625" s="30"/>
      <c r="AE625" s="1"/>
      <c r="AF625" s="23" t="s">
        <v>5331</v>
      </c>
      <c r="AG625" s="26"/>
      <c r="AH625" s="53"/>
    </row>
    <row r="626" spans="1:34" ht="51.6" customHeight="1" x14ac:dyDescent="0.45">
      <c r="A626" s="23">
        <v>620</v>
      </c>
      <c r="B626" s="25"/>
      <c r="C626" s="25"/>
      <c r="D626" s="29"/>
      <c r="E626" s="1"/>
      <c r="F626" s="1"/>
      <c r="G626" s="25"/>
      <c r="H626" s="71"/>
      <c r="I626" s="83"/>
      <c r="J626" s="50" t="str">
        <f t="shared" si="20"/>
        <v/>
      </c>
      <c r="K626" s="23" t="s">
        <v>7120</v>
      </c>
      <c r="L626" s="49" t="e">
        <f>VLOOKUP(E626&amp;F626,団体コード!$A$1:$C$1743,3,FALSE)</f>
        <v>#N/A</v>
      </c>
      <c r="M626" s="49" t="e">
        <f>VLOOKUP(E626&amp;F626,団体コード!$A$1:$C$1743,2,FALSE)</f>
        <v>#N/A</v>
      </c>
      <c r="N626" s="51" t="e">
        <f>VLOOKUP(E626,団体コード!$E$1:$F$48,2,FALSE)</f>
        <v>#N/A</v>
      </c>
      <c r="O626" s="51" t="e">
        <f t="shared" si="21"/>
        <v>#N/A</v>
      </c>
      <c r="P626" s="51">
        <v>1</v>
      </c>
      <c r="Q626" s="51" t="s">
        <v>5341</v>
      </c>
      <c r="R626" s="54" t="b">
        <v>1</v>
      </c>
      <c r="S626" s="52" t="s">
        <v>7126</v>
      </c>
      <c r="T626" s="67" t="s">
        <v>7127</v>
      </c>
      <c r="U626" s="75" t="s">
        <v>5331</v>
      </c>
      <c r="V626" s="47" t="s">
        <v>5331</v>
      </c>
      <c r="W626" s="47" t="s">
        <v>5331</v>
      </c>
      <c r="X626" s="47" t="s">
        <v>5331</v>
      </c>
      <c r="Y626" s="47" t="s">
        <v>5331</v>
      </c>
      <c r="Z626" s="28"/>
      <c r="AA626" s="27"/>
      <c r="AB626" s="27"/>
      <c r="AC626" s="27"/>
      <c r="AD626" s="30"/>
      <c r="AE626" s="1"/>
      <c r="AF626" s="23" t="s">
        <v>5331</v>
      </c>
      <c r="AG626" s="26"/>
      <c r="AH626" s="53"/>
    </row>
    <row r="627" spans="1:34" ht="51.6" customHeight="1" x14ac:dyDescent="0.45">
      <c r="A627" s="23">
        <v>621</v>
      </c>
      <c r="B627" s="25"/>
      <c r="C627" s="25"/>
      <c r="D627" s="29"/>
      <c r="E627" s="1"/>
      <c r="F627" s="1"/>
      <c r="G627" s="25"/>
      <c r="H627" s="71"/>
      <c r="I627" s="83"/>
      <c r="J627" s="50" t="str">
        <f t="shared" si="20"/>
        <v/>
      </c>
      <c r="K627" s="23" t="s">
        <v>7120</v>
      </c>
      <c r="L627" s="49" t="e">
        <f>VLOOKUP(E627&amp;F627,団体コード!$A$1:$C$1743,3,FALSE)</f>
        <v>#N/A</v>
      </c>
      <c r="M627" s="49" t="e">
        <f>VLOOKUP(E627&amp;F627,団体コード!$A$1:$C$1743,2,FALSE)</f>
        <v>#N/A</v>
      </c>
      <c r="N627" s="51" t="e">
        <f>VLOOKUP(E627,団体コード!$E$1:$F$48,2,FALSE)</f>
        <v>#N/A</v>
      </c>
      <c r="O627" s="51" t="e">
        <f t="shared" si="21"/>
        <v>#N/A</v>
      </c>
      <c r="P627" s="51">
        <v>1</v>
      </c>
      <c r="Q627" s="51" t="s">
        <v>5341</v>
      </c>
      <c r="R627" s="54" t="b">
        <v>1</v>
      </c>
      <c r="S627" s="52" t="s">
        <v>7126</v>
      </c>
      <c r="T627" s="67" t="s">
        <v>7127</v>
      </c>
      <c r="U627" s="75" t="s">
        <v>5331</v>
      </c>
      <c r="V627" s="47" t="s">
        <v>5331</v>
      </c>
      <c r="W627" s="47" t="s">
        <v>5331</v>
      </c>
      <c r="X627" s="47" t="s">
        <v>5331</v>
      </c>
      <c r="Y627" s="47" t="s">
        <v>5331</v>
      </c>
      <c r="Z627" s="28"/>
      <c r="AA627" s="27"/>
      <c r="AB627" s="27"/>
      <c r="AC627" s="27"/>
      <c r="AD627" s="30"/>
      <c r="AE627" s="1"/>
      <c r="AF627" s="23" t="s">
        <v>5331</v>
      </c>
      <c r="AG627" s="26"/>
      <c r="AH627" s="53"/>
    </row>
    <row r="628" spans="1:34" ht="51.6" customHeight="1" x14ac:dyDescent="0.45">
      <c r="A628" s="23">
        <v>622</v>
      </c>
      <c r="B628" s="25"/>
      <c r="C628" s="25"/>
      <c r="D628" s="29"/>
      <c r="E628" s="1"/>
      <c r="F628" s="1"/>
      <c r="G628" s="25"/>
      <c r="H628" s="71"/>
      <c r="I628" s="83"/>
      <c r="J628" s="50" t="str">
        <f t="shared" si="20"/>
        <v/>
      </c>
      <c r="K628" s="23" t="s">
        <v>7120</v>
      </c>
      <c r="L628" s="49" t="e">
        <f>VLOOKUP(E628&amp;F628,団体コード!$A$1:$C$1743,3,FALSE)</f>
        <v>#N/A</v>
      </c>
      <c r="M628" s="49" t="e">
        <f>VLOOKUP(E628&amp;F628,団体コード!$A$1:$C$1743,2,FALSE)</f>
        <v>#N/A</v>
      </c>
      <c r="N628" s="51" t="e">
        <f>VLOOKUP(E628,団体コード!$E$1:$F$48,2,FALSE)</f>
        <v>#N/A</v>
      </c>
      <c r="O628" s="51" t="e">
        <f t="shared" si="21"/>
        <v>#N/A</v>
      </c>
      <c r="P628" s="51">
        <v>1</v>
      </c>
      <c r="Q628" s="51" t="s">
        <v>5341</v>
      </c>
      <c r="R628" s="54" t="b">
        <v>1</v>
      </c>
      <c r="S628" s="52" t="s">
        <v>7126</v>
      </c>
      <c r="T628" s="67" t="s">
        <v>7127</v>
      </c>
      <c r="U628" s="75" t="s">
        <v>5331</v>
      </c>
      <c r="V628" s="47" t="s">
        <v>5331</v>
      </c>
      <c r="W628" s="47" t="s">
        <v>5331</v>
      </c>
      <c r="X628" s="47" t="s">
        <v>5331</v>
      </c>
      <c r="Y628" s="47" t="s">
        <v>5331</v>
      </c>
      <c r="Z628" s="28"/>
      <c r="AA628" s="27"/>
      <c r="AB628" s="27"/>
      <c r="AC628" s="27"/>
      <c r="AD628" s="30"/>
      <c r="AE628" s="1"/>
      <c r="AF628" s="23" t="s">
        <v>5331</v>
      </c>
      <c r="AG628" s="26"/>
      <c r="AH628" s="53"/>
    </row>
    <row r="629" spans="1:34" ht="51.6" customHeight="1" x14ac:dyDescent="0.45">
      <c r="A629" s="23">
        <v>623</v>
      </c>
      <c r="B629" s="25"/>
      <c r="C629" s="25"/>
      <c r="D629" s="29"/>
      <c r="E629" s="1"/>
      <c r="F629" s="1"/>
      <c r="G629" s="25"/>
      <c r="H629" s="71"/>
      <c r="I629" s="83"/>
      <c r="J629" s="50" t="str">
        <f t="shared" si="20"/>
        <v/>
      </c>
      <c r="K629" s="23" t="s">
        <v>7120</v>
      </c>
      <c r="L629" s="49" t="e">
        <f>VLOOKUP(E629&amp;F629,団体コード!$A$1:$C$1743,3,FALSE)</f>
        <v>#N/A</v>
      </c>
      <c r="M629" s="49" t="e">
        <f>VLOOKUP(E629&amp;F629,団体コード!$A$1:$C$1743,2,FALSE)</f>
        <v>#N/A</v>
      </c>
      <c r="N629" s="51" t="e">
        <f>VLOOKUP(E629,団体コード!$E$1:$F$48,2,FALSE)</f>
        <v>#N/A</v>
      </c>
      <c r="O629" s="51" t="e">
        <f t="shared" si="21"/>
        <v>#N/A</v>
      </c>
      <c r="P629" s="51">
        <v>1</v>
      </c>
      <c r="Q629" s="51" t="s">
        <v>5341</v>
      </c>
      <c r="R629" s="54" t="b">
        <v>1</v>
      </c>
      <c r="S629" s="52" t="s">
        <v>7126</v>
      </c>
      <c r="T629" s="67" t="s">
        <v>7127</v>
      </c>
      <c r="U629" s="75" t="s">
        <v>5331</v>
      </c>
      <c r="V629" s="47" t="s">
        <v>5331</v>
      </c>
      <c r="W629" s="47" t="s">
        <v>5331</v>
      </c>
      <c r="X629" s="47" t="s">
        <v>5331</v>
      </c>
      <c r="Y629" s="47" t="s">
        <v>5331</v>
      </c>
      <c r="Z629" s="28"/>
      <c r="AA629" s="27"/>
      <c r="AB629" s="27"/>
      <c r="AC629" s="27"/>
      <c r="AD629" s="30"/>
      <c r="AE629" s="1"/>
      <c r="AF629" s="23" t="s">
        <v>5331</v>
      </c>
      <c r="AG629" s="26"/>
      <c r="AH629" s="53"/>
    </row>
    <row r="630" spans="1:34" ht="51.6" customHeight="1" x14ac:dyDescent="0.45">
      <c r="A630" s="23">
        <v>624</v>
      </c>
      <c r="B630" s="25"/>
      <c r="C630" s="25"/>
      <c r="D630" s="29"/>
      <c r="E630" s="1"/>
      <c r="F630" s="1"/>
      <c r="G630" s="25"/>
      <c r="H630" s="71"/>
      <c r="I630" s="83"/>
      <c r="J630" s="50" t="str">
        <f t="shared" si="20"/>
        <v/>
      </c>
      <c r="K630" s="23" t="s">
        <v>7120</v>
      </c>
      <c r="L630" s="49" t="e">
        <f>VLOOKUP(E630&amp;F630,団体コード!$A$1:$C$1743,3,FALSE)</f>
        <v>#N/A</v>
      </c>
      <c r="M630" s="49" t="e">
        <f>VLOOKUP(E630&amp;F630,団体コード!$A$1:$C$1743,2,FALSE)</f>
        <v>#N/A</v>
      </c>
      <c r="N630" s="51" t="e">
        <f>VLOOKUP(E630,団体コード!$E$1:$F$48,2,FALSE)</f>
        <v>#N/A</v>
      </c>
      <c r="O630" s="51" t="e">
        <f t="shared" si="21"/>
        <v>#N/A</v>
      </c>
      <c r="P630" s="51">
        <v>1</v>
      </c>
      <c r="Q630" s="51" t="s">
        <v>5341</v>
      </c>
      <c r="R630" s="54" t="b">
        <v>1</v>
      </c>
      <c r="S630" s="52" t="s">
        <v>7126</v>
      </c>
      <c r="T630" s="67" t="s">
        <v>7127</v>
      </c>
      <c r="U630" s="75" t="s">
        <v>5331</v>
      </c>
      <c r="V630" s="47" t="s">
        <v>5331</v>
      </c>
      <c r="W630" s="47" t="s">
        <v>5331</v>
      </c>
      <c r="X630" s="47" t="s">
        <v>5331</v>
      </c>
      <c r="Y630" s="47" t="s">
        <v>5331</v>
      </c>
      <c r="Z630" s="28"/>
      <c r="AA630" s="27"/>
      <c r="AB630" s="27"/>
      <c r="AC630" s="27"/>
      <c r="AD630" s="30"/>
      <c r="AE630" s="1"/>
      <c r="AF630" s="23" t="s">
        <v>5331</v>
      </c>
      <c r="AG630" s="26"/>
      <c r="AH630" s="53"/>
    </row>
    <row r="631" spans="1:34" ht="51.6" customHeight="1" x14ac:dyDescent="0.45">
      <c r="A631" s="23">
        <v>625</v>
      </c>
      <c r="B631" s="25"/>
      <c r="C631" s="25"/>
      <c r="D631" s="29"/>
      <c r="E631" s="1"/>
      <c r="F631" s="1"/>
      <c r="G631" s="25"/>
      <c r="H631" s="71"/>
      <c r="I631" s="83"/>
      <c r="J631" s="50" t="str">
        <f t="shared" si="20"/>
        <v/>
      </c>
      <c r="K631" s="23" t="s">
        <v>7120</v>
      </c>
      <c r="L631" s="49" t="e">
        <f>VLOOKUP(E631&amp;F631,団体コード!$A$1:$C$1743,3,FALSE)</f>
        <v>#N/A</v>
      </c>
      <c r="M631" s="49" t="e">
        <f>VLOOKUP(E631&amp;F631,団体コード!$A$1:$C$1743,2,FALSE)</f>
        <v>#N/A</v>
      </c>
      <c r="N631" s="51" t="e">
        <f>VLOOKUP(E631,団体コード!$E$1:$F$48,2,FALSE)</f>
        <v>#N/A</v>
      </c>
      <c r="O631" s="51" t="e">
        <f t="shared" si="21"/>
        <v>#N/A</v>
      </c>
      <c r="P631" s="51">
        <v>1</v>
      </c>
      <c r="Q631" s="51" t="s">
        <v>5341</v>
      </c>
      <c r="R631" s="54" t="b">
        <v>1</v>
      </c>
      <c r="S631" s="52" t="s">
        <v>7126</v>
      </c>
      <c r="T631" s="67" t="s">
        <v>7127</v>
      </c>
      <c r="U631" s="75" t="s">
        <v>5331</v>
      </c>
      <c r="V631" s="47" t="s">
        <v>5331</v>
      </c>
      <c r="W631" s="47" t="s">
        <v>5331</v>
      </c>
      <c r="X631" s="47" t="s">
        <v>5331</v>
      </c>
      <c r="Y631" s="47" t="s">
        <v>5331</v>
      </c>
      <c r="Z631" s="28"/>
      <c r="AA631" s="27"/>
      <c r="AB631" s="27"/>
      <c r="AC631" s="27"/>
      <c r="AD631" s="30"/>
      <c r="AE631" s="1"/>
      <c r="AF631" s="23" t="s">
        <v>5331</v>
      </c>
      <c r="AG631" s="26"/>
      <c r="AH631" s="53"/>
    </row>
    <row r="632" spans="1:34" ht="51.6" customHeight="1" x14ac:dyDescent="0.45">
      <c r="A632" s="23">
        <v>626</v>
      </c>
      <c r="B632" s="25"/>
      <c r="C632" s="25"/>
      <c r="D632" s="29"/>
      <c r="E632" s="1"/>
      <c r="F632" s="1"/>
      <c r="G632" s="25"/>
      <c r="H632" s="71"/>
      <c r="I632" s="83"/>
      <c r="J632" s="50" t="str">
        <f t="shared" si="20"/>
        <v/>
      </c>
      <c r="K632" s="23" t="s">
        <v>7120</v>
      </c>
      <c r="L632" s="49" t="e">
        <f>VLOOKUP(E632&amp;F632,団体コード!$A$1:$C$1743,3,FALSE)</f>
        <v>#N/A</v>
      </c>
      <c r="M632" s="49" t="e">
        <f>VLOOKUP(E632&amp;F632,団体コード!$A$1:$C$1743,2,FALSE)</f>
        <v>#N/A</v>
      </c>
      <c r="N632" s="51" t="e">
        <f>VLOOKUP(E632,団体コード!$E$1:$F$48,2,FALSE)</f>
        <v>#N/A</v>
      </c>
      <c r="O632" s="51" t="e">
        <f t="shared" si="21"/>
        <v>#N/A</v>
      </c>
      <c r="P632" s="51">
        <v>1</v>
      </c>
      <c r="Q632" s="51" t="s">
        <v>5341</v>
      </c>
      <c r="R632" s="54" t="b">
        <v>1</v>
      </c>
      <c r="S632" s="52" t="s">
        <v>7126</v>
      </c>
      <c r="T632" s="67" t="s">
        <v>7127</v>
      </c>
      <c r="U632" s="75" t="s">
        <v>5331</v>
      </c>
      <c r="V632" s="47" t="s">
        <v>5331</v>
      </c>
      <c r="W632" s="47" t="s">
        <v>5331</v>
      </c>
      <c r="X632" s="47" t="s">
        <v>5331</v>
      </c>
      <c r="Y632" s="47" t="s">
        <v>5331</v>
      </c>
      <c r="Z632" s="28"/>
      <c r="AA632" s="27"/>
      <c r="AB632" s="27"/>
      <c r="AC632" s="27"/>
      <c r="AD632" s="30"/>
      <c r="AE632" s="1"/>
      <c r="AF632" s="23" t="s">
        <v>5331</v>
      </c>
      <c r="AG632" s="26"/>
      <c r="AH632" s="53"/>
    </row>
    <row r="633" spans="1:34" ht="51.6" customHeight="1" x14ac:dyDescent="0.45">
      <c r="A633" s="23">
        <v>627</v>
      </c>
      <c r="B633" s="25"/>
      <c r="C633" s="25"/>
      <c r="D633" s="29"/>
      <c r="E633" s="1"/>
      <c r="F633" s="1"/>
      <c r="G633" s="25"/>
      <c r="H633" s="71"/>
      <c r="I633" s="83"/>
      <c r="J633" s="50" t="str">
        <f t="shared" si="20"/>
        <v/>
      </c>
      <c r="K633" s="23" t="s">
        <v>7120</v>
      </c>
      <c r="L633" s="49" t="e">
        <f>VLOOKUP(E633&amp;F633,団体コード!$A$1:$C$1743,3,FALSE)</f>
        <v>#N/A</v>
      </c>
      <c r="M633" s="49" t="e">
        <f>VLOOKUP(E633&amp;F633,団体コード!$A$1:$C$1743,2,FALSE)</f>
        <v>#N/A</v>
      </c>
      <c r="N633" s="51" t="e">
        <f>VLOOKUP(E633,団体コード!$E$1:$F$48,2,FALSE)</f>
        <v>#N/A</v>
      </c>
      <c r="O633" s="51" t="e">
        <f t="shared" si="21"/>
        <v>#N/A</v>
      </c>
      <c r="P633" s="51">
        <v>1</v>
      </c>
      <c r="Q633" s="51" t="s">
        <v>5341</v>
      </c>
      <c r="R633" s="54" t="b">
        <v>1</v>
      </c>
      <c r="S633" s="52" t="s">
        <v>7126</v>
      </c>
      <c r="T633" s="67" t="s">
        <v>7127</v>
      </c>
      <c r="U633" s="75" t="s">
        <v>5331</v>
      </c>
      <c r="V633" s="47" t="s">
        <v>5331</v>
      </c>
      <c r="W633" s="47" t="s">
        <v>5331</v>
      </c>
      <c r="X633" s="47" t="s">
        <v>5331</v>
      </c>
      <c r="Y633" s="47" t="s">
        <v>5331</v>
      </c>
      <c r="Z633" s="28"/>
      <c r="AA633" s="27"/>
      <c r="AB633" s="27"/>
      <c r="AC633" s="27"/>
      <c r="AD633" s="30"/>
      <c r="AE633" s="1"/>
      <c r="AF633" s="23" t="s">
        <v>5331</v>
      </c>
      <c r="AG633" s="26"/>
      <c r="AH633" s="53"/>
    </row>
    <row r="634" spans="1:34" ht="51.6" customHeight="1" x14ac:dyDescent="0.45">
      <c r="A634" s="23">
        <v>628</v>
      </c>
      <c r="B634" s="25"/>
      <c r="C634" s="25"/>
      <c r="D634" s="29"/>
      <c r="E634" s="1"/>
      <c r="F634" s="1"/>
      <c r="G634" s="25"/>
      <c r="H634" s="71"/>
      <c r="I634" s="83"/>
      <c r="J634" s="50" t="str">
        <f t="shared" si="20"/>
        <v/>
      </c>
      <c r="K634" s="23" t="s">
        <v>7120</v>
      </c>
      <c r="L634" s="49" t="e">
        <f>VLOOKUP(E634&amp;F634,団体コード!$A$1:$C$1743,3,FALSE)</f>
        <v>#N/A</v>
      </c>
      <c r="M634" s="49" t="e">
        <f>VLOOKUP(E634&amp;F634,団体コード!$A$1:$C$1743,2,FALSE)</f>
        <v>#N/A</v>
      </c>
      <c r="N634" s="51" t="e">
        <f>VLOOKUP(E634,団体コード!$E$1:$F$48,2,FALSE)</f>
        <v>#N/A</v>
      </c>
      <c r="O634" s="51" t="e">
        <f t="shared" si="21"/>
        <v>#N/A</v>
      </c>
      <c r="P634" s="51">
        <v>1</v>
      </c>
      <c r="Q634" s="51" t="s">
        <v>5341</v>
      </c>
      <c r="R634" s="54" t="b">
        <v>1</v>
      </c>
      <c r="S634" s="52" t="s">
        <v>7126</v>
      </c>
      <c r="T634" s="67" t="s">
        <v>7127</v>
      </c>
      <c r="U634" s="75" t="s">
        <v>5331</v>
      </c>
      <c r="V634" s="47" t="s">
        <v>5331</v>
      </c>
      <c r="W634" s="47" t="s">
        <v>5331</v>
      </c>
      <c r="X634" s="47" t="s">
        <v>5331</v>
      </c>
      <c r="Y634" s="47" t="s">
        <v>5331</v>
      </c>
      <c r="Z634" s="28"/>
      <c r="AA634" s="27"/>
      <c r="AB634" s="27"/>
      <c r="AC634" s="27"/>
      <c r="AD634" s="30"/>
      <c r="AE634" s="1"/>
      <c r="AF634" s="23" t="s">
        <v>5331</v>
      </c>
      <c r="AG634" s="26"/>
      <c r="AH634" s="53"/>
    </row>
    <row r="635" spans="1:34" ht="51.6" customHeight="1" x14ac:dyDescent="0.45">
      <c r="A635" s="23">
        <v>629</v>
      </c>
      <c r="B635" s="25"/>
      <c r="C635" s="25"/>
      <c r="D635" s="29"/>
      <c r="E635" s="1"/>
      <c r="F635" s="1"/>
      <c r="G635" s="25"/>
      <c r="H635" s="71"/>
      <c r="I635" s="83"/>
      <c r="J635" s="50" t="str">
        <f t="shared" si="20"/>
        <v/>
      </c>
      <c r="K635" s="23" t="s">
        <v>7120</v>
      </c>
      <c r="L635" s="49" t="e">
        <f>VLOOKUP(E635&amp;F635,団体コード!$A$1:$C$1743,3,FALSE)</f>
        <v>#N/A</v>
      </c>
      <c r="M635" s="49" t="e">
        <f>VLOOKUP(E635&amp;F635,団体コード!$A$1:$C$1743,2,FALSE)</f>
        <v>#N/A</v>
      </c>
      <c r="N635" s="51" t="e">
        <f>VLOOKUP(E635,団体コード!$E$1:$F$48,2,FALSE)</f>
        <v>#N/A</v>
      </c>
      <c r="O635" s="51" t="e">
        <f t="shared" si="21"/>
        <v>#N/A</v>
      </c>
      <c r="P635" s="51">
        <v>1</v>
      </c>
      <c r="Q635" s="51" t="s">
        <v>5341</v>
      </c>
      <c r="R635" s="54" t="b">
        <v>1</v>
      </c>
      <c r="S635" s="52" t="s">
        <v>7126</v>
      </c>
      <c r="T635" s="67" t="s">
        <v>7127</v>
      </c>
      <c r="U635" s="75" t="s">
        <v>5331</v>
      </c>
      <c r="V635" s="47" t="s">
        <v>5331</v>
      </c>
      <c r="W635" s="47" t="s">
        <v>5331</v>
      </c>
      <c r="X635" s="47" t="s">
        <v>5331</v>
      </c>
      <c r="Y635" s="47" t="s">
        <v>5331</v>
      </c>
      <c r="Z635" s="28"/>
      <c r="AA635" s="27"/>
      <c r="AB635" s="27"/>
      <c r="AC635" s="27"/>
      <c r="AD635" s="30"/>
      <c r="AE635" s="1"/>
      <c r="AF635" s="23" t="s">
        <v>5331</v>
      </c>
      <c r="AG635" s="26"/>
      <c r="AH635" s="53"/>
    </row>
    <row r="636" spans="1:34" ht="51.6" customHeight="1" x14ac:dyDescent="0.45">
      <c r="A636" s="23">
        <v>630</v>
      </c>
      <c r="B636" s="25"/>
      <c r="C636" s="25"/>
      <c r="D636" s="29"/>
      <c r="E636" s="1"/>
      <c r="F636" s="1"/>
      <c r="G636" s="25"/>
      <c r="H636" s="71"/>
      <c r="I636" s="83"/>
      <c r="J636" s="50" t="str">
        <f t="shared" si="20"/>
        <v/>
      </c>
      <c r="K636" s="23" t="s">
        <v>7120</v>
      </c>
      <c r="L636" s="49" t="e">
        <f>VLOOKUP(E636&amp;F636,団体コード!$A$1:$C$1743,3,FALSE)</f>
        <v>#N/A</v>
      </c>
      <c r="M636" s="49" t="e">
        <f>VLOOKUP(E636&amp;F636,団体コード!$A$1:$C$1743,2,FALSE)</f>
        <v>#N/A</v>
      </c>
      <c r="N636" s="51" t="e">
        <f>VLOOKUP(E636,団体コード!$E$1:$F$48,2,FALSE)</f>
        <v>#N/A</v>
      </c>
      <c r="O636" s="51" t="e">
        <f t="shared" si="21"/>
        <v>#N/A</v>
      </c>
      <c r="P636" s="51">
        <v>1</v>
      </c>
      <c r="Q636" s="51" t="s">
        <v>5341</v>
      </c>
      <c r="R636" s="54" t="b">
        <v>1</v>
      </c>
      <c r="S636" s="52" t="s">
        <v>7126</v>
      </c>
      <c r="T636" s="67" t="s">
        <v>7127</v>
      </c>
      <c r="U636" s="75" t="s">
        <v>5331</v>
      </c>
      <c r="V636" s="47" t="s">
        <v>5331</v>
      </c>
      <c r="W636" s="47" t="s">
        <v>5331</v>
      </c>
      <c r="X636" s="47" t="s">
        <v>5331</v>
      </c>
      <c r="Y636" s="47" t="s">
        <v>5331</v>
      </c>
      <c r="Z636" s="28"/>
      <c r="AA636" s="27"/>
      <c r="AB636" s="27"/>
      <c r="AC636" s="27"/>
      <c r="AD636" s="30"/>
      <c r="AE636" s="1"/>
      <c r="AF636" s="23" t="s">
        <v>5331</v>
      </c>
      <c r="AG636" s="26"/>
      <c r="AH636" s="53"/>
    </row>
    <row r="637" spans="1:34" ht="51.6" customHeight="1" x14ac:dyDescent="0.45">
      <c r="A637" s="23">
        <v>631</v>
      </c>
      <c r="B637" s="25"/>
      <c r="C637" s="25"/>
      <c r="D637" s="29"/>
      <c r="E637" s="1"/>
      <c r="F637" s="1"/>
      <c r="G637" s="25"/>
      <c r="H637" s="71"/>
      <c r="I637" s="83"/>
      <c r="J637" s="50" t="str">
        <f t="shared" si="20"/>
        <v/>
      </c>
      <c r="K637" s="23" t="s">
        <v>7120</v>
      </c>
      <c r="L637" s="49" t="e">
        <f>VLOOKUP(E637&amp;F637,団体コード!$A$1:$C$1743,3,FALSE)</f>
        <v>#N/A</v>
      </c>
      <c r="M637" s="49" t="e">
        <f>VLOOKUP(E637&amp;F637,団体コード!$A$1:$C$1743,2,FALSE)</f>
        <v>#N/A</v>
      </c>
      <c r="N637" s="51" t="e">
        <f>VLOOKUP(E637,団体コード!$E$1:$F$48,2,FALSE)</f>
        <v>#N/A</v>
      </c>
      <c r="O637" s="51" t="e">
        <f t="shared" si="21"/>
        <v>#N/A</v>
      </c>
      <c r="P637" s="51">
        <v>1</v>
      </c>
      <c r="Q637" s="51" t="s">
        <v>5341</v>
      </c>
      <c r="R637" s="54" t="b">
        <v>1</v>
      </c>
      <c r="S637" s="52" t="s">
        <v>7126</v>
      </c>
      <c r="T637" s="67" t="s">
        <v>7127</v>
      </c>
      <c r="U637" s="75" t="s">
        <v>5331</v>
      </c>
      <c r="V637" s="47" t="s">
        <v>5331</v>
      </c>
      <c r="W637" s="47" t="s">
        <v>5331</v>
      </c>
      <c r="X637" s="47" t="s">
        <v>5331</v>
      </c>
      <c r="Y637" s="47" t="s">
        <v>5331</v>
      </c>
      <c r="Z637" s="28"/>
      <c r="AA637" s="27"/>
      <c r="AB637" s="27"/>
      <c r="AC637" s="27"/>
      <c r="AD637" s="30"/>
      <c r="AE637" s="1"/>
      <c r="AF637" s="23" t="s">
        <v>5331</v>
      </c>
      <c r="AG637" s="26"/>
      <c r="AH637" s="53"/>
    </row>
    <row r="638" spans="1:34" ht="51.6" customHeight="1" x14ac:dyDescent="0.45">
      <c r="A638" s="23">
        <v>632</v>
      </c>
      <c r="B638" s="25"/>
      <c r="C638" s="25"/>
      <c r="D638" s="29"/>
      <c r="E638" s="1"/>
      <c r="F638" s="1"/>
      <c r="G638" s="25"/>
      <c r="H638" s="71"/>
      <c r="I638" s="83"/>
      <c r="J638" s="50" t="str">
        <f t="shared" si="20"/>
        <v/>
      </c>
      <c r="K638" s="23" t="s">
        <v>7120</v>
      </c>
      <c r="L638" s="49" t="e">
        <f>VLOOKUP(E638&amp;F638,団体コード!$A$1:$C$1743,3,FALSE)</f>
        <v>#N/A</v>
      </c>
      <c r="M638" s="49" t="e">
        <f>VLOOKUP(E638&amp;F638,団体コード!$A$1:$C$1743,2,FALSE)</f>
        <v>#N/A</v>
      </c>
      <c r="N638" s="51" t="e">
        <f>VLOOKUP(E638,団体コード!$E$1:$F$48,2,FALSE)</f>
        <v>#N/A</v>
      </c>
      <c r="O638" s="51" t="e">
        <f t="shared" si="21"/>
        <v>#N/A</v>
      </c>
      <c r="P638" s="51">
        <v>1</v>
      </c>
      <c r="Q638" s="51" t="s">
        <v>5341</v>
      </c>
      <c r="R638" s="54" t="b">
        <v>1</v>
      </c>
      <c r="S638" s="52" t="s">
        <v>7126</v>
      </c>
      <c r="T638" s="67" t="s">
        <v>7127</v>
      </c>
      <c r="U638" s="75" t="s">
        <v>5331</v>
      </c>
      <c r="V638" s="47" t="s">
        <v>5331</v>
      </c>
      <c r="W638" s="47" t="s">
        <v>5331</v>
      </c>
      <c r="X638" s="47" t="s">
        <v>5331</v>
      </c>
      <c r="Y638" s="47" t="s">
        <v>5331</v>
      </c>
      <c r="Z638" s="28"/>
      <c r="AA638" s="27"/>
      <c r="AB638" s="27"/>
      <c r="AC638" s="27"/>
      <c r="AD638" s="30"/>
      <c r="AE638" s="1"/>
      <c r="AF638" s="23" t="s">
        <v>5331</v>
      </c>
      <c r="AG638" s="26"/>
      <c r="AH638" s="53"/>
    </row>
    <row r="639" spans="1:34" ht="51.6" customHeight="1" x14ac:dyDescent="0.45">
      <c r="A639" s="23">
        <v>633</v>
      </c>
      <c r="B639" s="25"/>
      <c r="C639" s="25"/>
      <c r="D639" s="29"/>
      <c r="E639" s="1"/>
      <c r="F639" s="1"/>
      <c r="G639" s="25"/>
      <c r="H639" s="71"/>
      <c r="I639" s="83"/>
      <c r="J639" s="50" t="str">
        <f t="shared" si="20"/>
        <v/>
      </c>
      <c r="K639" s="23" t="s">
        <v>7120</v>
      </c>
      <c r="L639" s="49" t="e">
        <f>VLOOKUP(E639&amp;F639,団体コード!$A$1:$C$1743,3,FALSE)</f>
        <v>#N/A</v>
      </c>
      <c r="M639" s="49" t="e">
        <f>VLOOKUP(E639&amp;F639,団体コード!$A$1:$C$1743,2,FALSE)</f>
        <v>#N/A</v>
      </c>
      <c r="N639" s="51" t="e">
        <f>VLOOKUP(E639,団体コード!$E$1:$F$48,2,FALSE)</f>
        <v>#N/A</v>
      </c>
      <c r="O639" s="51" t="e">
        <f t="shared" si="21"/>
        <v>#N/A</v>
      </c>
      <c r="P639" s="51">
        <v>1</v>
      </c>
      <c r="Q639" s="51" t="s">
        <v>5341</v>
      </c>
      <c r="R639" s="54" t="b">
        <v>1</v>
      </c>
      <c r="S639" s="52" t="s">
        <v>7126</v>
      </c>
      <c r="T639" s="67" t="s">
        <v>7127</v>
      </c>
      <c r="U639" s="75" t="s">
        <v>5331</v>
      </c>
      <c r="V639" s="47" t="s">
        <v>5331</v>
      </c>
      <c r="W639" s="47" t="s">
        <v>5331</v>
      </c>
      <c r="X639" s="47" t="s">
        <v>5331</v>
      </c>
      <c r="Y639" s="47" t="s">
        <v>5331</v>
      </c>
      <c r="Z639" s="28"/>
      <c r="AA639" s="27"/>
      <c r="AB639" s="27"/>
      <c r="AC639" s="27"/>
      <c r="AD639" s="30"/>
      <c r="AE639" s="1"/>
      <c r="AF639" s="23" t="s">
        <v>5331</v>
      </c>
      <c r="AG639" s="26"/>
      <c r="AH639" s="53"/>
    </row>
    <row r="640" spans="1:34" ht="51.6" customHeight="1" x14ac:dyDescent="0.45">
      <c r="A640" s="23">
        <v>634</v>
      </c>
      <c r="B640" s="25"/>
      <c r="C640" s="25"/>
      <c r="D640" s="29"/>
      <c r="E640" s="1"/>
      <c r="F640" s="1"/>
      <c r="G640" s="25"/>
      <c r="H640" s="71"/>
      <c r="I640" s="83"/>
      <c r="J640" s="50" t="str">
        <f t="shared" si="20"/>
        <v/>
      </c>
      <c r="K640" s="23" t="s">
        <v>7120</v>
      </c>
      <c r="L640" s="49" t="e">
        <f>VLOOKUP(E640&amp;F640,団体コード!$A$1:$C$1743,3,FALSE)</f>
        <v>#N/A</v>
      </c>
      <c r="M640" s="49" t="e">
        <f>VLOOKUP(E640&amp;F640,団体コード!$A$1:$C$1743,2,FALSE)</f>
        <v>#N/A</v>
      </c>
      <c r="N640" s="51" t="e">
        <f>VLOOKUP(E640,団体コード!$E$1:$F$48,2,FALSE)</f>
        <v>#N/A</v>
      </c>
      <c r="O640" s="51" t="e">
        <f t="shared" si="21"/>
        <v>#N/A</v>
      </c>
      <c r="P640" s="51">
        <v>1</v>
      </c>
      <c r="Q640" s="51" t="s">
        <v>5341</v>
      </c>
      <c r="R640" s="54" t="b">
        <v>1</v>
      </c>
      <c r="S640" s="52" t="s">
        <v>7126</v>
      </c>
      <c r="T640" s="67" t="s">
        <v>7127</v>
      </c>
      <c r="U640" s="75" t="s">
        <v>5331</v>
      </c>
      <c r="V640" s="47" t="s">
        <v>5331</v>
      </c>
      <c r="W640" s="47" t="s">
        <v>5331</v>
      </c>
      <c r="X640" s="47" t="s">
        <v>5331</v>
      </c>
      <c r="Y640" s="47" t="s">
        <v>5331</v>
      </c>
      <c r="Z640" s="28"/>
      <c r="AA640" s="27"/>
      <c r="AB640" s="27"/>
      <c r="AC640" s="27"/>
      <c r="AD640" s="30"/>
      <c r="AE640" s="1"/>
      <c r="AF640" s="23" t="s">
        <v>5331</v>
      </c>
      <c r="AG640" s="26"/>
      <c r="AH640" s="53"/>
    </row>
    <row r="641" spans="1:34" ht="51.6" customHeight="1" x14ac:dyDescent="0.45">
      <c r="A641" s="23">
        <v>635</v>
      </c>
      <c r="B641" s="25"/>
      <c r="C641" s="25"/>
      <c r="D641" s="29"/>
      <c r="E641" s="1"/>
      <c r="F641" s="1"/>
      <c r="G641" s="25"/>
      <c r="H641" s="71"/>
      <c r="I641" s="83"/>
      <c r="J641" s="50" t="str">
        <f t="shared" si="20"/>
        <v/>
      </c>
      <c r="K641" s="23" t="s">
        <v>7120</v>
      </c>
      <c r="L641" s="49" t="e">
        <f>VLOOKUP(E641&amp;F641,団体コード!$A$1:$C$1743,3,FALSE)</f>
        <v>#N/A</v>
      </c>
      <c r="M641" s="49" t="e">
        <f>VLOOKUP(E641&amp;F641,団体コード!$A$1:$C$1743,2,FALSE)</f>
        <v>#N/A</v>
      </c>
      <c r="N641" s="51" t="e">
        <f>VLOOKUP(E641,団体コード!$E$1:$F$48,2,FALSE)</f>
        <v>#N/A</v>
      </c>
      <c r="O641" s="51" t="e">
        <f t="shared" si="21"/>
        <v>#N/A</v>
      </c>
      <c r="P641" s="51">
        <v>1</v>
      </c>
      <c r="Q641" s="51" t="s">
        <v>5341</v>
      </c>
      <c r="R641" s="54" t="b">
        <v>1</v>
      </c>
      <c r="S641" s="52" t="s">
        <v>7126</v>
      </c>
      <c r="T641" s="67" t="s">
        <v>7127</v>
      </c>
      <c r="U641" s="75" t="s">
        <v>5331</v>
      </c>
      <c r="V641" s="47" t="s">
        <v>5331</v>
      </c>
      <c r="W641" s="47" t="s">
        <v>5331</v>
      </c>
      <c r="X641" s="47" t="s">
        <v>5331</v>
      </c>
      <c r="Y641" s="47" t="s">
        <v>5331</v>
      </c>
      <c r="Z641" s="28"/>
      <c r="AA641" s="27"/>
      <c r="AB641" s="27"/>
      <c r="AC641" s="27"/>
      <c r="AD641" s="30"/>
      <c r="AE641" s="1"/>
      <c r="AF641" s="23" t="s">
        <v>5331</v>
      </c>
      <c r="AG641" s="26"/>
      <c r="AH641" s="53"/>
    </row>
    <row r="642" spans="1:34" ht="51.6" customHeight="1" x14ac:dyDescent="0.45">
      <c r="A642" s="23">
        <v>636</v>
      </c>
      <c r="B642" s="25"/>
      <c r="C642" s="25"/>
      <c r="D642" s="29"/>
      <c r="E642" s="1"/>
      <c r="F642" s="1"/>
      <c r="G642" s="25"/>
      <c r="H642" s="71"/>
      <c r="I642" s="83"/>
      <c r="J642" s="50" t="str">
        <f t="shared" si="20"/>
        <v/>
      </c>
      <c r="K642" s="23" t="s">
        <v>7120</v>
      </c>
      <c r="L642" s="49" t="e">
        <f>VLOOKUP(E642&amp;F642,団体コード!$A$1:$C$1743,3,FALSE)</f>
        <v>#N/A</v>
      </c>
      <c r="M642" s="49" t="e">
        <f>VLOOKUP(E642&amp;F642,団体コード!$A$1:$C$1743,2,FALSE)</f>
        <v>#N/A</v>
      </c>
      <c r="N642" s="51" t="e">
        <f>VLOOKUP(E642,団体コード!$E$1:$F$48,2,FALSE)</f>
        <v>#N/A</v>
      </c>
      <c r="O642" s="51" t="e">
        <f t="shared" si="21"/>
        <v>#N/A</v>
      </c>
      <c r="P642" s="51">
        <v>1</v>
      </c>
      <c r="Q642" s="51" t="s">
        <v>5341</v>
      </c>
      <c r="R642" s="54" t="b">
        <v>1</v>
      </c>
      <c r="S642" s="52" t="s">
        <v>7126</v>
      </c>
      <c r="T642" s="67" t="s">
        <v>7127</v>
      </c>
      <c r="U642" s="75" t="s">
        <v>5331</v>
      </c>
      <c r="V642" s="47" t="s">
        <v>5331</v>
      </c>
      <c r="W642" s="47" t="s">
        <v>5331</v>
      </c>
      <c r="X642" s="47" t="s">
        <v>5331</v>
      </c>
      <c r="Y642" s="47" t="s">
        <v>5331</v>
      </c>
      <c r="Z642" s="28"/>
      <c r="AA642" s="27"/>
      <c r="AB642" s="27"/>
      <c r="AC642" s="27"/>
      <c r="AD642" s="30"/>
      <c r="AE642" s="1"/>
      <c r="AF642" s="23" t="s">
        <v>5331</v>
      </c>
      <c r="AG642" s="26"/>
      <c r="AH642" s="53"/>
    </row>
    <row r="643" spans="1:34" ht="51.6" customHeight="1" x14ac:dyDescent="0.45">
      <c r="A643" s="23">
        <v>637</v>
      </c>
      <c r="B643" s="25"/>
      <c r="C643" s="25"/>
      <c r="D643" s="29"/>
      <c r="E643" s="1"/>
      <c r="F643" s="1"/>
      <c r="G643" s="25"/>
      <c r="H643" s="71"/>
      <c r="I643" s="83"/>
      <c r="J643" s="50" t="str">
        <f t="shared" si="20"/>
        <v/>
      </c>
      <c r="K643" s="23" t="s">
        <v>7120</v>
      </c>
      <c r="L643" s="49" t="e">
        <f>VLOOKUP(E643&amp;F643,団体コード!$A$1:$C$1743,3,FALSE)</f>
        <v>#N/A</v>
      </c>
      <c r="M643" s="49" t="e">
        <f>VLOOKUP(E643&amp;F643,団体コード!$A$1:$C$1743,2,FALSE)</f>
        <v>#N/A</v>
      </c>
      <c r="N643" s="51" t="e">
        <f>VLOOKUP(E643,団体コード!$E$1:$F$48,2,FALSE)</f>
        <v>#N/A</v>
      </c>
      <c r="O643" s="51" t="e">
        <f t="shared" si="21"/>
        <v>#N/A</v>
      </c>
      <c r="P643" s="51">
        <v>1</v>
      </c>
      <c r="Q643" s="51" t="s">
        <v>5341</v>
      </c>
      <c r="R643" s="54" t="b">
        <v>1</v>
      </c>
      <c r="S643" s="52" t="s">
        <v>7126</v>
      </c>
      <c r="T643" s="67" t="s">
        <v>7127</v>
      </c>
      <c r="U643" s="75" t="s">
        <v>5331</v>
      </c>
      <c r="V643" s="47" t="s">
        <v>5331</v>
      </c>
      <c r="W643" s="47" t="s">
        <v>5331</v>
      </c>
      <c r="X643" s="47" t="s">
        <v>5331</v>
      </c>
      <c r="Y643" s="47" t="s">
        <v>5331</v>
      </c>
      <c r="Z643" s="28"/>
      <c r="AA643" s="27"/>
      <c r="AB643" s="27"/>
      <c r="AC643" s="27"/>
      <c r="AD643" s="30"/>
      <c r="AE643" s="1"/>
      <c r="AF643" s="23" t="s">
        <v>5331</v>
      </c>
      <c r="AG643" s="26"/>
      <c r="AH643" s="53"/>
    </row>
    <row r="644" spans="1:34" ht="51.6" customHeight="1" x14ac:dyDescent="0.45">
      <c r="A644" s="23">
        <v>638</v>
      </c>
      <c r="B644" s="25"/>
      <c r="C644" s="25"/>
      <c r="D644" s="29"/>
      <c r="E644" s="1"/>
      <c r="F644" s="1"/>
      <c r="G644" s="25"/>
      <c r="H644" s="71"/>
      <c r="I644" s="83"/>
      <c r="J644" s="50" t="str">
        <f t="shared" si="20"/>
        <v/>
      </c>
      <c r="K644" s="23" t="s">
        <v>7120</v>
      </c>
      <c r="L644" s="49" t="e">
        <f>VLOOKUP(E644&amp;F644,団体コード!$A$1:$C$1743,3,FALSE)</f>
        <v>#N/A</v>
      </c>
      <c r="M644" s="49" t="e">
        <f>VLOOKUP(E644&amp;F644,団体コード!$A$1:$C$1743,2,FALSE)</f>
        <v>#N/A</v>
      </c>
      <c r="N644" s="51" t="e">
        <f>VLOOKUP(E644,団体コード!$E$1:$F$48,2,FALSE)</f>
        <v>#N/A</v>
      </c>
      <c r="O644" s="51" t="e">
        <f t="shared" si="21"/>
        <v>#N/A</v>
      </c>
      <c r="P644" s="51">
        <v>1</v>
      </c>
      <c r="Q644" s="51" t="s">
        <v>5341</v>
      </c>
      <c r="R644" s="54" t="b">
        <v>1</v>
      </c>
      <c r="S644" s="52" t="s">
        <v>7126</v>
      </c>
      <c r="T644" s="67" t="s">
        <v>7127</v>
      </c>
      <c r="U644" s="75" t="s">
        <v>5331</v>
      </c>
      <c r="V644" s="47" t="s">
        <v>5331</v>
      </c>
      <c r="W644" s="47" t="s">
        <v>5331</v>
      </c>
      <c r="X644" s="47" t="s">
        <v>5331</v>
      </c>
      <c r="Y644" s="47" t="s">
        <v>5331</v>
      </c>
      <c r="Z644" s="28"/>
      <c r="AA644" s="27"/>
      <c r="AB644" s="27"/>
      <c r="AC644" s="27"/>
      <c r="AD644" s="30"/>
      <c r="AE644" s="1"/>
      <c r="AF644" s="23" t="s">
        <v>5331</v>
      </c>
      <c r="AG644" s="26"/>
      <c r="AH644" s="53"/>
    </row>
    <row r="645" spans="1:34" ht="51.6" customHeight="1" x14ac:dyDescent="0.45">
      <c r="A645" s="23">
        <v>639</v>
      </c>
      <c r="B645" s="25"/>
      <c r="C645" s="25"/>
      <c r="D645" s="29"/>
      <c r="E645" s="1"/>
      <c r="F645" s="1"/>
      <c r="G645" s="25"/>
      <c r="H645" s="71"/>
      <c r="I645" s="83"/>
      <c r="J645" s="50" t="str">
        <f t="shared" si="20"/>
        <v/>
      </c>
      <c r="K645" s="23" t="s">
        <v>7120</v>
      </c>
      <c r="L645" s="49" t="e">
        <f>VLOOKUP(E645&amp;F645,団体コード!$A$1:$C$1743,3,FALSE)</f>
        <v>#N/A</v>
      </c>
      <c r="M645" s="49" t="e">
        <f>VLOOKUP(E645&amp;F645,団体コード!$A$1:$C$1743,2,FALSE)</f>
        <v>#N/A</v>
      </c>
      <c r="N645" s="51" t="e">
        <f>VLOOKUP(E645,団体コード!$E$1:$F$48,2,FALSE)</f>
        <v>#N/A</v>
      </c>
      <c r="O645" s="51" t="e">
        <f t="shared" si="21"/>
        <v>#N/A</v>
      </c>
      <c r="P645" s="51">
        <v>1</v>
      </c>
      <c r="Q645" s="51" t="s">
        <v>5341</v>
      </c>
      <c r="R645" s="54" t="b">
        <v>1</v>
      </c>
      <c r="S645" s="52" t="s">
        <v>7126</v>
      </c>
      <c r="T645" s="67" t="s">
        <v>7127</v>
      </c>
      <c r="U645" s="75" t="s">
        <v>5331</v>
      </c>
      <c r="V645" s="47" t="s">
        <v>5331</v>
      </c>
      <c r="W645" s="47" t="s">
        <v>5331</v>
      </c>
      <c r="X645" s="47" t="s">
        <v>5331</v>
      </c>
      <c r="Y645" s="47" t="s">
        <v>5331</v>
      </c>
      <c r="Z645" s="28"/>
      <c r="AA645" s="27"/>
      <c r="AB645" s="27"/>
      <c r="AC645" s="27"/>
      <c r="AD645" s="30"/>
      <c r="AE645" s="1"/>
      <c r="AF645" s="23" t="s">
        <v>5331</v>
      </c>
      <c r="AG645" s="26"/>
      <c r="AH645" s="53"/>
    </row>
    <row r="646" spans="1:34" ht="51.6" customHeight="1" x14ac:dyDescent="0.45">
      <c r="A646" s="23">
        <v>640</v>
      </c>
      <c r="B646" s="25"/>
      <c r="C646" s="25"/>
      <c r="D646" s="29"/>
      <c r="E646" s="1"/>
      <c r="F646" s="1"/>
      <c r="G646" s="25"/>
      <c r="H646" s="71"/>
      <c r="I646" s="83"/>
      <c r="J646" s="50" t="str">
        <f t="shared" si="20"/>
        <v/>
      </c>
      <c r="K646" s="23" t="s">
        <v>7120</v>
      </c>
      <c r="L646" s="49" t="e">
        <f>VLOOKUP(E646&amp;F646,団体コード!$A$1:$C$1743,3,FALSE)</f>
        <v>#N/A</v>
      </c>
      <c r="M646" s="49" t="e">
        <f>VLOOKUP(E646&amp;F646,団体コード!$A$1:$C$1743,2,FALSE)</f>
        <v>#N/A</v>
      </c>
      <c r="N646" s="51" t="e">
        <f>VLOOKUP(E646,団体コード!$E$1:$F$48,2,FALSE)</f>
        <v>#N/A</v>
      </c>
      <c r="O646" s="51" t="e">
        <f t="shared" si="21"/>
        <v>#N/A</v>
      </c>
      <c r="P646" s="51">
        <v>1</v>
      </c>
      <c r="Q646" s="51" t="s">
        <v>5341</v>
      </c>
      <c r="R646" s="54" t="b">
        <v>1</v>
      </c>
      <c r="S646" s="52" t="s">
        <v>7126</v>
      </c>
      <c r="T646" s="67" t="s">
        <v>7127</v>
      </c>
      <c r="U646" s="75" t="s">
        <v>5331</v>
      </c>
      <c r="V646" s="47" t="s">
        <v>5331</v>
      </c>
      <c r="W646" s="47" t="s">
        <v>5331</v>
      </c>
      <c r="X646" s="47" t="s">
        <v>5331</v>
      </c>
      <c r="Y646" s="47" t="s">
        <v>5331</v>
      </c>
      <c r="Z646" s="28"/>
      <c r="AA646" s="27"/>
      <c r="AB646" s="27"/>
      <c r="AC646" s="27"/>
      <c r="AD646" s="30"/>
      <c r="AE646" s="1"/>
      <c r="AF646" s="23" t="s">
        <v>5331</v>
      </c>
      <c r="AG646" s="26"/>
      <c r="AH646" s="53"/>
    </row>
    <row r="647" spans="1:34" ht="51.6" customHeight="1" x14ac:dyDescent="0.45">
      <c r="A647" s="23">
        <v>641</v>
      </c>
      <c r="B647" s="25"/>
      <c r="C647" s="25"/>
      <c r="D647" s="29"/>
      <c r="E647" s="1"/>
      <c r="F647" s="1"/>
      <c r="G647" s="25"/>
      <c r="H647" s="71"/>
      <c r="I647" s="83"/>
      <c r="J647" s="50" t="str">
        <f t="shared" si="20"/>
        <v/>
      </c>
      <c r="K647" s="23" t="s">
        <v>7120</v>
      </c>
      <c r="L647" s="49" t="e">
        <f>VLOOKUP(E647&amp;F647,団体コード!$A$1:$C$1743,3,FALSE)</f>
        <v>#N/A</v>
      </c>
      <c r="M647" s="49" t="e">
        <f>VLOOKUP(E647&amp;F647,団体コード!$A$1:$C$1743,2,FALSE)</f>
        <v>#N/A</v>
      </c>
      <c r="N647" s="51" t="e">
        <f>VLOOKUP(E647,団体コード!$E$1:$F$48,2,FALSE)</f>
        <v>#N/A</v>
      </c>
      <c r="O647" s="51" t="e">
        <f t="shared" si="21"/>
        <v>#N/A</v>
      </c>
      <c r="P647" s="51">
        <v>1</v>
      </c>
      <c r="Q647" s="51" t="s">
        <v>5341</v>
      </c>
      <c r="R647" s="54" t="b">
        <v>1</v>
      </c>
      <c r="S647" s="52" t="s">
        <v>7126</v>
      </c>
      <c r="T647" s="67" t="s">
        <v>7127</v>
      </c>
      <c r="U647" s="75" t="s">
        <v>5331</v>
      </c>
      <c r="V647" s="47" t="s">
        <v>5331</v>
      </c>
      <c r="W647" s="47" t="s">
        <v>5331</v>
      </c>
      <c r="X647" s="47" t="s">
        <v>5331</v>
      </c>
      <c r="Y647" s="47" t="s">
        <v>5331</v>
      </c>
      <c r="Z647" s="28"/>
      <c r="AA647" s="27"/>
      <c r="AB647" s="27"/>
      <c r="AC647" s="27"/>
      <c r="AD647" s="30"/>
      <c r="AE647" s="1"/>
      <c r="AF647" s="23" t="s">
        <v>5331</v>
      </c>
      <c r="AG647" s="26"/>
      <c r="AH647" s="53"/>
    </row>
    <row r="648" spans="1:34" ht="51.6" customHeight="1" x14ac:dyDescent="0.45">
      <c r="A648" s="23">
        <v>642</v>
      </c>
      <c r="B648" s="25"/>
      <c r="C648" s="25"/>
      <c r="D648" s="29"/>
      <c r="E648" s="1"/>
      <c r="F648" s="1"/>
      <c r="G648" s="25"/>
      <c r="H648" s="71"/>
      <c r="I648" s="83"/>
      <c r="J648" s="50" t="str">
        <f t="shared" ref="J648:J711" si="22">E648&amp;F648&amp;G648</f>
        <v/>
      </c>
      <c r="K648" s="23" t="s">
        <v>7120</v>
      </c>
      <c r="L648" s="49" t="e">
        <f>VLOOKUP(E648&amp;F648,団体コード!$A$1:$C$1743,3,FALSE)</f>
        <v>#N/A</v>
      </c>
      <c r="M648" s="49" t="e">
        <f>VLOOKUP(E648&amp;F648,団体コード!$A$1:$C$1743,2,FALSE)</f>
        <v>#N/A</v>
      </c>
      <c r="N648" s="51" t="e">
        <f>VLOOKUP(E648,団体コード!$E$1:$F$48,2,FALSE)</f>
        <v>#N/A</v>
      </c>
      <c r="O648" s="51" t="e">
        <f t="shared" ref="O648:O711" si="23">N648</f>
        <v>#N/A</v>
      </c>
      <c r="P648" s="51">
        <v>1</v>
      </c>
      <c r="Q648" s="51" t="s">
        <v>5341</v>
      </c>
      <c r="R648" s="54" t="b">
        <v>1</v>
      </c>
      <c r="S648" s="52" t="s">
        <v>7126</v>
      </c>
      <c r="T648" s="67" t="s">
        <v>7127</v>
      </c>
      <c r="U648" s="75" t="s">
        <v>5331</v>
      </c>
      <c r="V648" s="47" t="s">
        <v>5331</v>
      </c>
      <c r="W648" s="47" t="s">
        <v>5331</v>
      </c>
      <c r="X648" s="47" t="s">
        <v>5331</v>
      </c>
      <c r="Y648" s="47" t="s">
        <v>5331</v>
      </c>
      <c r="Z648" s="28"/>
      <c r="AA648" s="27"/>
      <c r="AB648" s="27"/>
      <c r="AC648" s="27"/>
      <c r="AD648" s="30"/>
      <c r="AE648" s="1"/>
      <c r="AF648" s="23" t="s">
        <v>5331</v>
      </c>
      <c r="AG648" s="26"/>
      <c r="AH648" s="53"/>
    </row>
    <row r="649" spans="1:34" ht="51.6" customHeight="1" x14ac:dyDescent="0.45">
      <c r="A649" s="23">
        <v>643</v>
      </c>
      <c r="B649" s="25"/>
      <c r="C649" s="25"/>
      <c r="D649" s="29"/>
      <c r="E649" s="1"/>
      <c r="F649" s="1"/>
      <c r="G649" s="25"/>
      <c r="H649" s="71"/>
      <c r="I649" s="83"/>
      <c r="J649" s="50" t="str">
        <f t="shared" si="22"/>
        <v/>
      </c>
      <c r="K649" s="23" t="s">
        <v>7120</v>
      </c>
      <c r="L649" s="49" t="e">
        <f>VLOOKUP(E649&amp;F649,団体コード!$A$1:$C$1743,3,FALSE)</f>
        <v>#N/A</v>
      </c>
      <c r="M649" s="49" t="e">
        <f>VLOOKUP(E649&amp;F649,団体コード!$A$1:$C$1743,2,FALSE)</f>
        <v>#N/A</v>
      </c>
      <c r="N649" s="51" t="e">
        <f>VLOOKUP(E649,団体コード!$E$1:$F$48,2,FALSE)</f>
        <v>#N/A</v>
      </c>
      <c r="O649" s="51" t="e">
        <f t="shared" si="23"/>
        <v>#N/A</v>
      </c>
      <c r="P649" s="51">
        <v>1</v>
      </c>
      <c r="Q649" s="51" t="s">
        <v>5341</v>
      </c>
      <c r="R649" s="54" t="b">
        <v>1</v>
      </c>
      <c r="S649" s="52" t="s">
        <v>7126</v>
      </c>
      <c r="T649" s="67" t="s">
        <v>7127</v>
      </c>
      <c r="U649" s="75" t="s">
        <v>5331</v>
      </c>
      <c r="V649" s="47" t="s">
        <v>5331</v>
      </c>
      <c r="W649" s="47" t="s">
        <v>5331</v>
      </c>
      <c r="X649" s="47" t="s">
        <v>5331</v>
      </c>
      <c r="Y649" s="47" t="s">
        <v>5331</v>
      </c>
      <c r="Z649" s="28"/>
      <c r="AA649" s="27"/>
      <c r="AB649" s="27"/>
      <c r="AC649" s="27"/>
      <c r="AD649" s="30"/>
      <c r="AE649" s="1"/>
      <c r="AF649" s="23" t="s">
        <v>5331</v>
      </c>
      <c r="AG649" s="26"/>
      <c r="AH649" s="53"/>
    </row>
    <row r="650" spans="1:34" ht="51.6" customHeight="1" x14ac:dyDescent="0.45">
      <c r="A650" s="23">
        <v>644</v>
      </c>
      <c r="B650" s="25"/>
      <c r="C650" s="25"/>
      <c r="D650" s="29"/>
      <c r="E650" s="1"/>
      <c r="F650" s="1"/>
      <c r="G650" s="25"/>
      <c r="H650" s="71"/>
      <c r="I650" s="83"/>
      <c r="J650" s="50" t="str">
        <f t="shared" si="22"/>
        <v/>
      </c>
      <c r="K650" s="23" t="s">
        <v>7120</v>
      </c>
      <c r="L650" s="49" t="e">
        <f>VLOOKUP(E650&amp;F650,団体コード!$A$1:$C$1743,3,FALSE)</f>
        <v>#N/A</v>
      </c>
      <c r="M650" s="49" t="e">
        <f>VLOOKUP(E650&amp;F650,団体コード!$A$1:$C$1743,2,FALSE)</f>
        <v>#N/A</v>
      </c>
      <c r="N650" s="51" t="e">
        <f>VLOOKUP(E650,団体コード!$E$1:$F$48,2,FALSE)</f>
        <v>#N/A</v>
      </c>
      <c r="O650" s="51" t="e">
        <f t="shared" si="23"/>
        <v>#N/A</v>
      </c>
      <c r="P650" s="51">
        <v>1</v>
      </c>
      <c r="Q650" s="51" t="s">
        <v>5341</v>
      </c>
      <c r="R650" s="54" t="b">
        <v>1</v>
      </c>
      <c r="S650" s="52" t="s">
        <v>7126</v>
      </c>
      <c r="T650" s="67" t="s">
        <v>7127</v>
      </c>
      <c r="U650" s="75" t="s">
        <v>5331</v>
      </c>
      <c r="V650" s="47" t="s">
        <v>5331</v>
      </c>
      <c r="W650" s="47" t="s">
        <v>5331</v>
      </c>
      <c r="X650" s="47" t="s">
        <v>5331</v>
      </c>
      <c r="Y650" s="47" t="s">
        <v>5331</v>
      </c>
      <c r="Z650" s="28"/>
      <c r="AA650" s="27"/>
      <c r="AB650" s="27"/>
      <c r="AC650" s="27"/>
      <c r="AD650" s="30"/>
      <c r="AE650" s="1"/>
      <c r="AF650" s="23" t="s">
        <v>5331</v>
      </c>
      <c r="AG650" s="26"/>
      <c r="AH650" s="53"/>
    </row>
    <row r="651" spans="1:34" ht="51.6" customHeight="1" x14ac:dyDescent="0.45">
      <c r="A651" s="23">
        <v>645</v>
      </c>
      <c r="B651" s="25"/>
      <c r="C651" s="25"/>
      <c r="D651" s="29"/>
      <c r="E651" s="1"/>
      <c r="F651" s="1"/>
      <c r="G651" s="25"/>
      <c r="H651" s="71"/>
      <c r="I651" s="83"/>
      <c r="J651" s="50" t="str">
        <f t="shared" si="22"/>
        <v/>
      </c>
      <c r="K651" s="23" t="s">
        <v>7120</v>
      </c>
      <c r="L651" s="49" t="e">
        <f>VLOOKUP(E651&amp;F651,団体コード!$A$1:$C$1743,3,FALSE)</f>
        <v>#N/A</v>
      </c>
      <c r="M651" s="49" t="e">
        <f>VLOOKUP(E651&amp;F651,団体コード!$A$1:$C$1743,2,FALSE)</f>
        <v>#N/A</v>
      </c>
      <c r="N651" s="51" t="e">
        <f>VLOOKUP(E651,団体コード!$E$1:$F$48,2,FALSE)</f>
        <v>#N/A</v>
      </c>
      <c r="O651" s="51" t="e">
        <f t="shared" si="23"/>
        <v>#N/A</v>
      </c>
      <c r="P651" s="51">
        <v>1</v>
      </c>
      <c r="Q651" s="51" t="s">
        <v>5341</v>
      </c>
      <c r="R651" s="54" t="b">
        <v>1</v>
      </c>
      <c r="S651" s="52" t="s">
        <v>7126</v>
      </c>
      <c r="T651" s="67" t="s">
        <v>7127</v>
      </c>
      <c r="U651" s="75" t="s">
        <v>5331</v>
      </c>
      <c r="V651" s="47" t="s">
        <v>5331</v>
      </c>
      <c r="W651" s="47" t="s">
        <v>5331</v>
      </c>
      <c r="X651" s="47" t="s">
        <v>5331</v>
      </c>
      <c r="Y651" s="47" t="s">
        <v>5331</v>
      </c>
      <c r="Z651" s="28"/>
      <c r="AA651" s="27"/>
      <c r="AB651" s="27"/>
      <c r="AC651" s="27"/>
      <c r="AD651" s="30"/>
      <c r="AE651" s="1"/>
      <c r="AF651" s="23" t="s">
        <v>5331</v>
      </c>
      <c r="AG651" s="26"/>
      <c r="AH651" s="53"/>
    </row>
    <row r="652" spans="1:34" ht="51.6" customHeight="1" x14ac:dyDescent="0.45">
      <c r="A652" s="23">
        <v>646</v>
      </c>
      <c r="B652" s="25"/>
      <c r="C652" s="25"/>
      <c r="D652" s="29"/>
      <c r="E652" s="1"/>
      <c r="F652" s="1"/>
      <c r="G652" s="25"/>
      <c r="H652" s="71"/>
      <c r="I652" s="83"/>
      <c r="J652" s="50" t="str">
        <f t="shared" si="22"/>
        <v/>
      </c>
      <c r="K652" s="23" t="s">
        <v>7120</v>
      </c>
      <c r="L652" s="49" t="e">
        <f>VLOOKUP(E652&amp;F652,団体コード!$A$1:$C$1743,3,FALSE)</f>
        <v>#N/A</v>
      </c>
      <c r="M652" s="49" t="e">
        <f>VLOOKUP(E652&amp;F652,団体コード!$A$1:$C$1743,2,FALSE)</f>
        <v>#N/A</v>
      </c>
      <c r="N652" s="51" t="e">
        <f>VLOOKUP(E652,団体コード!$E$1:$F$48,2,FALSE)</f>
        <v>#N/A</v>
      </c>
      <c r="O652" s="51" t="e">
        <f t="shared" si="23"/>
        <v>#N/A</v>
      </c>
      <c r="P652" s="51">
        <v>1</v>
      </c>
      <c r="Q652" s="51" t="s">
        <v>5341</v>
      </c>
      <c r="R652" s="54" t="b">
        <v>1</v>
      </c>
      <c r="S652" s="52" t="s">
        <v>7126</v>
      </c>
      <c r="T652" s="67" t="s">
        <v>7127</v>
      </c>
      <c r="U652" s="75" t="s">
        <v>5331</v>
      </c>
      <c r="V652" s="47" t="s">
        <v>5331</v>
      </c>
      <c r="W652" s="47" t="s">
        <v>5331</v>
      </c>
      <c r="X652" s="47" t="s">
        <v>5331</v>
      </c>
      <c r="Y652" s="47" t="s">
        <v>5331</v>
      </c>
      <c r="Z652" s="28"/>
      <c r="AA652" s="27"/>
      <c r="AB652" s="27"/>
      <c r="AC652" s="27"/>
      <c r="AD652" s="30"/>
      <c r="AE652" s="1"/>
      <c r="AF652" s="23" t="s">
        <v>5331</v>
      </c>
      <c r="AG652" s="26"/>
      <c r="AH652" s="53"/>
    </row>
    <row r="653" spans="1:34" ht="51.6" customHeight="1" x14ac:dyDescent="0.45">
      <c r="A653" s="23">
        <v>647</v>
      </c>
      <c r="B653" s="25"/>
      <c r="C653" s="25"/>
      <c r="D653" s="29"/>
      <c r="E653" s="1"/>
      <c r="F653" s="1"/>
      <c r="G653" s="25"/>
      <c r="H653" s="71"/>
      <c r="I653" s="83"/>
      <c r="J653" s="50" t="str">
        <f t="shared" si="22"/>
        <v/>
      </c>
      <c r="K653" s="23" t="s">
        <v>7120</v>
      </c>
      <c r="L653" s="49" t="e">
        <f>VLOOKUP(E653&amp;F653,団体コード!$A$1:$C$1743,3,FALSE)</f>
        <v>#N/A</v>
      </c>
      <c r="M653" s="49" t="e">
        <f>VLOOKUP(E653&amp;F653,団体コード!$A$1:$C$1743,2,FALSE)</f>
        <v>#N/A</v>
      </c>
      <c r="N653" s="51" t="e">
        <f>VLOOKUP(E653,団体コード!$E$1:$F$48,2,FALSE)</f>
        <v>#N/A</v>
      </c>
      <c r="O653" s="51" t="e">
        <f t="shared" si="23"/>
        <v>#N/A</v>
      </c>
      <c r="P653" s="51">
        <v>1</v>
      </c>
      <c r="Q653" s="51" t="s">
        <v>5341</v>
      </c>
      <c r="R653" s="54" t="b">
        <v>1</v>
      </c>
      <c r="S653" s="52" t="s">
        <v>7126</v>
      </c>
      <c r="T653" s="67" t="s">
        <v>7127</v>
      </c>
      <c r="U653" s="75" t="s">
        <v>5331</v>
      </c>
      <c r="V653" s="47" t="s">
        <v>5331</v>
      </c>
      <c r="W653" s="47" t="s">
        <v>5331</v>
      </c>
      <c r="X653" s="47" t="s">
        <v>5331</v>
      </c>
      <c r="Y653" s="47" t="s">
        <v>5331</v>
      </c>
      <c r="Z653" s="28"/>
      <c r="AA653" s="27"/>
      <c r="AB653" s="27"/>
      <c r="AC653" s="27"/>
      <c r="AD653" s="30"/>
      <c r="AE653" s="1"/>
      <c r="AF653" s="23" t="s">
        <v>5331</v>
      </c>
      <c r="AG653" s="26"/>
      <c r="AH653" s="53"/>
    </row>
    <row r="654" spans="1:34" ht="51.6" customHeight="1" x14ac:dyDescent="0.45">
      <c r="A654" s="23">
        <v>648</v>
      </c>
      <c r="B654" s="25"/>
      <c r="C654" s="25"/>
      <c r="D654" s="29"/>
      <c r="E654" s="1"/>
      <c r="F654" s="1"/>
      <c r="G654" s="25"/>
      <c r="H654" s="71"/>
      <c r="I654" s="83"/>
      <c r="J654" s="50" t="str">
        <f t="shared" si="22"/>
        <v/>
      </c>
      <c r="K654" s="23" t="s">
        <v>7120</v>
      </c>
      <c r="L654" s="49" t="e">
        <f>VLOOKUP(E654&amp;F654,団体コード!$A$1:$C$1743,3,FALSE)</f>
        <v>#N/A</v>
      </c>
      <c r="M654" s="49" t="e">
        <f>VLOOKUP(E654&amp;F654,団体コード!$A$1:$C$1743,2,FALSE)</f>
        <v>#N/A</v>
      </c>
      <c r="N654" s="51" t="e">
        <f>VLOOKUP(E654,団体コード!$E$1:$F$48,2,FALSE)</f>
        <v>#N/A</v>
      </c>
      <c r="O654" s="51" t="e">
        <f t="shared" si="23"/>
        <v>#N/A</v>
      </c>
      <c r="P654" s="51">
        <v>1</v>
      </c>
      <c r="Q654" s="51" t="s">
        <v>5341</v>
      </c>
      <c r="R654" s="54" t="b">
        <v>1</v>
      </c>
      <c r="S654" s="52" t="s">
        <v>7126</v>
      </c>
      <c r="T654" s="67" t="s">
        <v>7127</v>
      </c>
      <c r="U654" s="75" t="s">
        <v>5331</v>
      </c>
      <c r="V654" s="47" t="s">
        <v>5331</v>
      </c>
      <c r="W654" s="47" t="s">
        <v>5331</v>
      </c>
      <c r="X654" s="47" t="s">
        <v>5331</v>
      </c>
      <c r="Y654" s="47" t="s">
        <v>5331</v>
      </c>
      <c r="Z654" s="28"/>
      <c r="AA654" s="27"/>
      <c r="AB654" s="27"/>
      <c r="AC654" s="27"/>
      <c r="AD654" s="30"/>
      <c r="AE654" s="1"/>
      <c r="AF654" s="23" t="s">
        <v>5331</v>
      </c>
      <c r="AG654" s="26"/>
      <c r="AH654" s="53"/>
    </row>
    <row r="655" spans="1:34" ht="51.6" customHeight="1" x14ac:dyDescent="0.45">
      <c r="A655" s="23">
        <v>649</v>
      </c>
      <c r="B655" s="25"/>
      <c r="C655" s="25"/>
      <c r="D655" s="29"/>
      <c r="E655" s="1"/>
      <c r="F655" s="1"/>
      <c r="G655" s="25"/>
      <c r="H655" s="71"/>
      <c r="I655" s="83"/>
      <c r="J655" s="50" t="str">
        <f t="shared" si="22"/>
        <v/>
      </c>
      <c r="K655" s="23" t="s">
        <v>7120</v>
      </c>
      <c r="L655" s="49" t="e">
        <f>VLOOKUP(E655&amp;F655,団体コード!$A$1:$C$1743,3,FALSE)</f>
        <v>#N/A</v>
      </c>
      <c r="M655" s="49" t="e">
        <f>VLOOKUP(E655&amp;F655,団体コード!$A$1:$C$1743,2,FALSE)</f>
        <v>#N/A</v>
      </c>
      <c r="N655" s="51" t="e">
        <f>VLOOKUP(E655,団体コード!$E$1:$F$48,2,FALSE)</f>
        <v>#N/A</v>
      </c>
      <c r="O655" s="51" t="e">
        <f t="shared" si="23"/>
        <v>#N/A</v>
      </c>
      <c r="P655" s="51">
        <v>1</v>
      </c>
      <c r="Q655" s="51" t="s">
        <v>5341</v>
      </c>
      <c r="R655" s="54" t="b">
        <v>1</v>
      </c>
      <c r="S655" s="52" t="s">
        <v>7126</v>
      </c>
      <c r="T655" s="67" t="s">
        <v>7127</v>
      </c>
      <c r="U655" s="75" t="s">
        <v>5331</v>
      </c>
      <c r="V655" s="47" t="s">
        <v>5331</v>
      </c>
      <c r="W655" s="47" t="s">
        <v>5331</v>
      </c>
      <c r="X655" s="47" t="s">
        <v>5331</v>
      </c>
      <c r="Y655" s="47" t="s">
        <v>5331</v>
      </c>
      <c r="Z655" s="28"/>
      <c r="AA655" s="27"/>
      <c r="AB655" s="27"/>
      <c r="AC655" s="27"/>
      <c r="AD655" s="30"/>
      <c r="AE655" s="1"/>
      <c r="AF655" s="23" t="s">
        <v>5331</v>
      </c>
      <c r="AG655" s="26"/>
      <c r="AH655" s="53"/>
    </row>
    <row r="656" spans="1:34" ht="51.6" customHeight="1" x14ac:dyDescent="0.45">
      <c r="A656" s="23">
        <v>650</v>
      </c>
      <c r="B656" s="25"/>
      <c r="C656" s="25"/>
      <c r="D656" s="29"/>
      <c r="E656" s="1"/>
      <c r="F656" s="1"/>
      <c r="G656" s="25"/>
      <c r="H656" s="71"/>
      <c r="I656" s="83"/>
      <c r="J656" s="50" t="str">
        <f t="shared" si="22"/>
        <v/>
      </c>
      <c r="K656" s="23" t="s">
        <v>7120</v>
      </c>
      <c r="L656" s="49" t="e">
        <f>VLOOKUP(E656&amp;F656,団体コード!$A$1:$C$1743,3,FALSE)</f>
        <v>#N/A</v>
      </c>
      <c r="M656" s="49" t="e">
        <f>VLOOKUP(E656&amp;F656,団体コード!$A$1:$C$1743,2,FALSE)</f>
        <v>#N/A</v>
      </c>
      <c r="N656" s="51" t="e">
        <f>VLOOKUP(E656,団体コード!$E$1:$F$48,2,FALSE)</f>
        <v>#N/A</v>
      </c>
      <c r="O656" s="51" t="e">
        <f t="shared" si="23"/>
        <v>#N/A</v>
      </c>
      <c r="P656" s="51">
        <v>1</v>
      </c>
      <c r="Q656" s="51" t="s">
        <v>5341</v>
      </c>
      <c r="R656" s="54" t="b">
        <v>1</v>
      </c>
      <c r="S656" s="52" t="s">
        <v>7126</v>
      </c>
      <c r="T656" s="67" t="s">
        <v>7127</v>
      </c>
      <c r="U656" s="75" t="s">
        <v>5331</v>
      </c>
      <c r="V656" s="47" t="s">
        <v>5331</v>
      </c>
      <c r="W656" s="47" t="s">
        <v>5331</v>
      </c>
      <c r="X656" s="47" t="s">
        <v>5331</v>
      </c>
      <c r="Y656" s="47" t="s">
        <v>5331</v>
      </c>
      <c r="Z656" s="28"/>
      <c r="AA656" s="27"/>
      <c r="AB656" s="27"/>
      <c r="AC656" s="27"/>
      <c r="AD656" s="30"/>
      <c r="AE656" s="1"/>
      <c r="AF656" s="23" t="s">
        <v>5331</v>
      </c>
      <c r="AG656" s="26"/>
      <c r="AH656" s="53"/>
    </row>
    <row r="657" spans="1:34" ht="51.6" customHeight="1" x14ac:dyDescent="0.45">
      <c r="A657" s="23">
        <v>651</v>
      </c>
      <c r="B657" s="25"/>
      <c r="C657" s="25"/>
      <c r="D657" s="29"/>
      <c r="E657" s="1"/>
      <c r="F657" s="1"/>
      <c r="G657" s="25"/>
      <c r="H657" s="71"/>
      <c r="I657" s="83"/>
      <c r="J657" s="50" t="str">
        <f t="shared" si="22"/>
        <v/>
      </c>
      <c r="K657" s="23" t="s">
        <v>7120</v>
      </c>
      <c r="L657" s="49" t="e">
        <f>VLOOKUP(E657&amp;F657,団体コード!$A$1:$C$1743,3,FALSE)</f>
        <v>#N/A</v>
      </c>
      <c r="M657" s="49" t="e">
        <f>VLOOKUP(E657&amp;F657,団体コード!$A$1:$C$1743,2,FALSE)</f>
        <v>#N/A</v>
      </c>
      <c r="N657" s="51" t="e">
        <f>VLOOKUP(E657,団体コード!$E$1:$F$48,2,FALSE)</f>
        <v>#N/A</v>
      </c>
      <c r="O657" s="51" t="e">
        <f t="shared" si="23"/>
        <v>#N/A</v>
      </c>
      <c r="P657" s="51">
        <v>1</v>
      </c>
      <c r="Q657" s="51" t="s">
        <v>5341</v>
      </c>
      <c r="R657" s="54" t="b">
        <v>1</v>
      </c>
      <c r="S657" s="52" t="s">
        <v>7126</v>
      </c>
      <c r="T657" s="67" t="s">
        <v>7127</v>
      </c>
      <c r="U657" s="75" t="s">
        <v>5331</v>
      </c>
      <c r="V657" s="47" t="s">
        <v>5331</v>
      </c>
      <c r="W657" s="47" t="s">
        <v>5331</v>
      </c>
      <c r="X657" s="47" t="s">
        <v>5331</v>
      </c>
      <c r="Y657" s="47" t="s">
        <v>5331</v>
      </c>
      <c r="Z657" s="28"/>
      <c r="AA657" s="27"/>
      <c r="AB657" s="27"/>
      <c r="AC657" s="27"/>
      <c r="AD657" s="30"/>
      <c r="AE657" s="1"/>
      <c r="AF657" s="23" t="s">
        <v>5331</v>
      </c>
      <c r="AG657" s="26"/>
      <c r="AH657" s="53"/>
    </row>
    <row r="658" spans="1:34" ht="51.6" customHeight="1" x14ac:dyDescent="0.45">
      <c r="A658" s="23">
        <v>652</v>
      </c>
      <c r="B658" s="25"/>
      <c r="C658" s="25"/>
      <c r="D658" s="29"/>
      <c r="E658" s="1"/>
      <c r="F658" s="1"/>
      <c r="G658" s="25"/>
      <c r="H658" s="71"/>
      <c r="I658" s="83"/>
      <c r="J658" s="50" t="str">
        <f t="shared" si="22"/>
        <v/>
      </c>
      <c r="K658" s="23" t="s">
        <v>7120</v>
      </c>
      <c r="L658" s="49" t="e">
        <f>VLOOKUP(E658&amp;F658,団体コード!$A$1:$C$1743,3,FALSE)</f>
        <v>#N/A</v>
      </c>
      <c r="M658" s="49" t="e">
        <f>VLOOKUP(E658&amp;F658,団体コード!$A$1:$C$1743,2,FALSE)</f>
        <v>#N/A</v>
      </c>
      <c r="N658" s="51" t="e">
        <f>VLOOKUP(E658,団体コード!$E$1:$F$48,2,FALSE)</f>
        <v>#N/A</v>
      </c>
      <c r="O658" s="51" t="e">
        <f t="shared" si="23"/>
        <v>#N/A</v>
      </c>
      <c r="P658" s="51">
        <v>1</v>
      </c>
      <c r="Q658" s="51" t="s">
        <v>5341</v>
      </c>
      <c r="R658" s="54" t="b">
        <v>1</v>
      </c>
      <c r="S658" s="52" t="s">
        <v>7126</v>
      </c>
      <c r="T658" s="67" t="s">
        <v>7127</v>
      </c>
      <c r="U658" s="75" t="s">
        <v>5331</v>
      </c>
      <c r="V658" s="47" t="s">
        <v>5331</v>
      </c>
      <c r="W658" s="47" t="s">
        <v>5331</v>
      </c>
      <c r="X658" s="47" t="s">
        <v>5331</v>
      </c>
      <c r="Y658" s="47" t="s">
        <v>5331</v>
      </c>
      <c r="Z658" s="28"/>
      <c r="AA658" s="27"/>
      <c r="AB658" s="27"/>
      <c r="AC658" s="27"/>
      <c r="AD658" s="30"/>
      <c r="AE658" s="1"/>
      <c r="AF658" s="23" t="s">
        <v>5331</v>
      </c>
      <c r="AG658" s="26"/>
      <c r="AH658" s="53"/>
    </row>
    <row r="659" spans="1:34" ht="51.6" customHeight="1" x14ac:dyDescent="0.45">
      <c r="A659" s="23">
        <v>653</v>
      </c>
      <c r="B659" s="25"/>
      <c r="C659" s="25"/>
      <c r="D659" s="29"/>
      <c r="E659" s="1"/>
      <c r="F659" s="1"/>
      <c r="G659" s="25"/>
      <c r="H659" s="71"/>
      <c r="I659" s="83"/>
      <c r="J659" s="50" t="str">
        <f t="shared" si="22"/>
        <v/>
      </c>
      <c r="K659" s="23" t="s">
        <v>7120</v>
      </c>
      <c r="L659" s="49" t="e">
        <f>VLOOKUP(E659&amp;F659,団体コード!$A$1:$C$1743,3,FALSE)</f>
        <v>#N/A</v>
      </c>
      <c r="M659" s="49" t="e">
        <f>VLOOKUP(E659&amp;F659,団体コード!$A$1:$C$1743,2,FALSE)</f>
        <v>#N/A</v>
      </c>
      <c r="N659" s="51" t="e">
        <f>VLOOKUP(E659,団体コード!$E$1:$F$48,2,FALSE)</f>
        <v>#N/A</v>
      </c>
      <c r="O659" s="51" t="e">
        <f t="shared" si="23"/>
        <v>#N/A</v>
      </c>
      <c r="P659" s="51">
        <v>1</v>
      </c>
      <c r="Q659" s="51" t="s">
        <v>5341</v>
      </c>
      <c r="R659" s="54" t="b">
        <v>1</v>
      </c>
      <c r="S659" s="52" t="s">
        <v>7126</v>
      </c>
      <c r="T659" s="67" t="s">
        <v>7127</v>
      </c>
      <c r="U659" s="75" t="s">
        <v>5331</v>
      </c>
      <c r="V659" s="47" t="s">
        <v>5331</v>
      </c>
      <c r="W659" s="47" t="s">
        <v>5331</v>
      </c>
      <c r="X659" s="47" t="s">
        <v>5331</v>
      </c>
      <c r="Y659" s="47" t="s">
        <v>5331</v>
      </c>
      <c r="Z659" s="28"/>
      <c r="AA659" s="27"/>
      <c r="AB659" s="27"/>
      <c r="AC659" s="27"/>
      <c r="AD659" s="30"/>
      <c r="AE659" s="1"/>
      <c r="AF659" s="23" t="s">
        <v>5331</v>
      </c>
      <c r="AG659" s="26"/>
      <c r="AH659" s="53"/>
    </row>
    <row r="660" spans="1:34" ht="51.6" customHeight="1" x14ac:dyDescent="0.45">
      <c r="A660" s="23">
        <v>654</v>
      </c>
      <c r="B660" s="25"/>
      <c r="C660" s="25"/>
      <c r="D660" s="29"/>
      <c r="E660" s="1"/>
      <c r="F660" s="1"/>
      <c r="G660" s="25"/>
      <c r="H660" s="71"/>
      <c r="I660" s="83"/>
      <c r="J660" s="50" t="str">
        <f t="shared" si="22"/>
        <v/>
      </c>
      <c r="K660" s="23" t="s">
        <v>7120</v>
      </c>
      <c r="L660" s="49" t="e">
        <f>VLOOKUP(E660&amp;F660,団体コード!$A$1:$C$1743,3,FALSE)</f>
        <v>#N/A</v>
      </c>
      <c r="M660" s="49" t="e">
        <f>VLOOKUP(E660&amp;F660,団体コード!$A$1:$C$1743,2,FALSE)</f>
        <v>#N/A</v>
      </c>
      <c r="N660" s="51" t="e">
        <f>VLOOKUP(E660,団体コード!$E$1:$F$48,2,FALSE)</f>
        <v>#N/A</v>
      </c>
      <c r="O660" s="51" t="e">
        <f t="shared" si="23"/>
        <v>#N/A</v>
      </c>
      <c r="P660" s="51">
        <v>1</v>
      </c>
      <c r="Q660" s="51" t="s">
        <v>5341</v>
      </c>
      <c r="R660" s="54" t="b">
        <v>1</v>
      </c>
      <c r="S660" s="52" t="s">
        <v>7126</v>
      </c>
      <c r="T660" s="67" t="s">
        <v>7127</v>
      </c>
      <c r="U660" s="75" t="s">
        <v>5331</v>
      </c>
      <c r="V660" s="47" t="s">
        <v>5331</v>
      </c>
      <c r="W660" s="47" t="s">
        <v>5331</v>
      </c>
      <c r="X660" s="47" t="s">
        <v>5331</v>
      </c>
      <c r="Y660" s="47" t="s">
        <v>5331</v>
      </c>
      <c r="Z660" s="28"/>
      <c r="AA660" s="27"/>
      <c r="AB660" s="27"/>
      <c r="AC660" s="27"/>
      <c r="AD660" s="30"/>
      <c r="AE660" s="1"/>
      <c r="AF660" s="23" t="s">
        <v>5331</v>
      </c>
      <c r="AG660" s="26"/>
      <c r="AH660" s="53"/>
    </row>
    <row r="661" spans="1:34" ht="51.6" customHeight="1" x14ac:dyDescent="0.45">
      <c r="A661" s="23">
        <v>655</v>
      </c>
      <c r="B661" s="25"/>
      <c r="C661" s="25"/>
      <c r="D661" s="29"/>
      <c r="E661" s="1"/>
      <c r="F661" s="1"/>
      <c r="G661" s="25"/>
      <c r="H661" s="71"/>
      <c r="I661" s="83"/>
      <c r="J661" s="50" t="str">
        <f t="shared" si="22"/>
        <v/>
      </c>
      <c r="K661" s="23" t="s">
        <v>7120</v>
      </c>
      <c r="L661" s="49" t="e">
        <f>VLOOKUP(E661&amp;F661,団体コード!$A$1:$C$1743,3,FALSE)</f>
        <v>#N/A</v>
      </c>
      <c r="M661" s="49" t="e">
        <f>VLOOKUP(E661&amp;F661,団体コード!$A$1:$C$1743,2,FALSE)</f>
        <v>#N/A</v>
      </c>
      <c r="N661" s="51" t="e">
        <f>VLOOKUP(E661,団体コード!$E$1:$F$48,2,FALSE)</f>
        <v>#N/A</v>
      </c>
      <c r="O661" s="51" t="e">
        <f t="shared" si="23"/>
        <v>#N/A</v>
      </c>
      <c r="P661" s="51">
        <v>1</v>
      </c>
      <c r="Q661" s="51" t="s">
        <v>5341</v>
      </c>
      <c r="R661" s="54" t="b">
        <v>1</v>
      </c>
      <c r="S661" s="52" t="s">
        <v>7126</v>
      </c>
      <c r="T661" s="67" t="s">
        <v>7127</v>
      </c>
      <c r="U661" s="75" t="s">
        <v>5331</v>
      </c>
      <c r="V661" s="47" t="s">
        <v>5331</v>
      </c>
      <c r="W661" s="47" t="s">
        <v>5331</v>
      </c>
      <c r="X661" s="47" t="s">
        <v>5331</v>
      </c>
      <c r="Y661" s="47" t="s">
        <v>5331</v>
      </c>
      <c r="Z661" s="28"/>
      <c r="AA661" s="27"/>
      <c r="AB661" s="27"/>
      <c r="AC661" s="27"/>
      <c r="AD661" s="30"/>
      <c r="AE661" s="1"/>
      <c r="AF661" s="23" t="s">
        <v>5331</v>
      </c>
      <c r="AG661" s="26"/>
      <c r="AH661" s="53"/>
    </row>
    <row r="662" spans="1:34" ht="51.6" customHeight="1" x14ac:dyDescent="0.45">
      <c r="A662" s="23">
        <v>656</v>
      </c>
      <c r="B662" s="25"/>
      <c r="C662" s="25"/>
      <c r="D662" s="29"/>
      <c r="E662" s="1"/>
      <c r="F662" s="1"/>
      <c r="G662" s="25"/>
      <c r="H662" s="71"/>
      <c r="I662" s="83"/>
      <c r="J662" s="50" t="str">
        <f t="shared" si="22"/>
        <v/>
      </c>
      <c r="K662" s="23" t="s">
        <v>7120</v>
      </c>
      <c r="L662" s="49" t="e">
        <f>VLOOKUP(E662&amp;F662,団体コード!$A$1:$C$1743,3,FALSE)</f>
        <v>#N/A</v>
      </c>
      <c r="M662" s="49" t="e">
        <f>VLOOKUP(E662&amp;F662,団体コード!$A$1:$C$1743,2,FALSE)</f>
        <v>#N/A</v>
      </c>
      <c r="N662" s="51" t="e">
        <f>VLOOKUP(E662,団体コード!$E$1:$F$48,2,FALSE)</f>
        <v>#N/A</v>
      </c>
      <c r="O662" s="51" t="e">
        <f t="shared" si="23"/>
        <v>#N/A</v>
      </c>
      <c r="P662" s="51">
        <v>1</v>
      </c>
      <c r="Q662" s="51" t="s">
        <v>5341</v>
      </c>
      <c r="R662" s="54" t="b">
        <v>1</v>
      </c>
      <c r="S662" s="52" t="s">
        <v>7126</v>
      </c>
      <c r="T662" s="67" t="s">
        <v>7127</v>
      </c>
      <c r="U662" s="75" t="s">
        <v>5331</v>
      </c>
      <c r="V662" s="47" t="s">
        <v>5331</v>
      </c>
      <c r="W662" s="47" t="s">
        <v>5331</v>
      </c>
      <c r="X662" s="47" t="s">
        <v>5331</v>
      </c>
      <c r="Y662" s="47" t="s">
        <v>5331</v>
      </c>
      <c r="Z662" s="28"/>
      <c r="AA662" s="27"/>
      <c r="AB662" s="27"/>
      <c r="AC662" s="27"/>
      <c r="AD662" s="30"/>
      <c r="AE662" s="1"/>
      <c r="AF662" s="23" t="s">
        <v>5331</v>
      </c>
      <c r="AG662" s="26"/>
      <c r="AH662" s="53"/>
    </row>
    <row r="663" spans="1:34" ht="51.6" customHeight="1" x14ac:dyDescent="0.45">
      <c r="A663" s="23">
        <v>657</v>
      </c>
      <c r="B663" s="25"/>
      <c r="C663" s="25"/>
      <c r="D663" s="29"/>
      <c r="E663" s="1"/>
      <c r="F663" s="1"/>
      <c r="G663" s="25"/>
      <c r="H663" s="71"/>
      <c r="I663" s="83"/>
      <c r="J663" s="50" t="str">
        <f t="shared" si="22"/>
        <v/>
      </c>
      <c r="K663" s="23" t="s">
        <v>7120</v>
      </c>
      <c r="L663" s="49" t="e">
        <f>VLOOKUP(E663&amp;F663,団体コード!$A$1:$C$1743,3,FALSE)</f>
        <v>#N/A</v>
      </c>
      <c r="M663" s="49" t="e">
        <f>VLOOKUP(E663&amp;F663,団体コード!$A$1:$C$1743,2,FALSE)</f>
        <v>#N/A</v>
      </c>
      <c r="N663" s="51" t="e">
        <f>VLOOKUP(E663,団体コード!$E$1:$F$48,2,FALSE)</f>
        <v>#N/A</v>
      </c>
      <c r="O663" s="51" t="e">
        <f t="shared" si="23"/>
        <v>#N/A</v>
      </c>
      <c r="P663" s="51">
        <v>1</v>
      </c>
      <c r="Q663" s="51" t="s">
        <v>5341</v>
      </c>
      <c r="R663" s="54" t="b">
        <v>1</v>
      </c>
      <c r="S663" s="52" t="s">
        <v>7126</v>
      </c>
      <c r="T663" s="67" t="s">
        <v>7127</v>
      </c>
      <c r="U663" s="75" t="s">
        <v>5331</v>
      </c>
      <c r="V663" s="47" t="s">
        <v>5331</v>
      </c>
      <c r="W663" s="47" t="s">
        <v>5331</v>
      </c>
      <c r="X663" s="47" t="s">
        <v>5331</v>
      </c>
      <c r="Y663" s="47" t="s">
        <v>5331</v>
      </c>
      <c r="Z663" s="28"/>
      <c r="AA663" s="27"/>
      <c r="AB663" s="27"/>
      <c r="AC663" s="27"/>
      <c r="AD663" s="30"/>
      <c r="AE663" s="1"/>
      <c r="AF663" s="23" t="s">
        <v>5331</v>
      </c>
      <c r="AG663" s="26"/>
      <c r="AH663" s="53"/>
    </row>
    <row r="664" spans="1:34" ht="51.6" customHeight="1" x14ac:dyDescent="0.45">
      <c r="A664" s="23">
        <v>658</v>
      </c>
      <c r="B664" s="25"/>
      <c r="C664" s="25"/>
      <c r="D664" s="29"/>
      <c r="E664" s="1"/>
      <c r="F664" s="1"/>
      <c r="G664" s="25"/>
      <c r="H664" s="71"/>
      <c r="I664" s="83"/>
      <c r="J664" s="50" t="str">
        <f t="shared" si="22"/>
        <v/>
      </c>
      <c r="K664" s="23" t="s">
        <v>7120</v>
      </c>
      <c r="L664" s="49" t="e">
        <f>VLOOKUP(E664&amp;F664,団体コード!$A$1:$C$1743,3,FALSE)</f>
        <v>#N/A</v>
      </c>
      <c r="M664" s="49" t="e">
        <f>VLOOKUP(E664&amp;F664,団体コード!$A$1:$C$1743,2,FALSE)</f>
        <v>#N/A</v>
      </c>
      <c r="N664" s="51" t="e">
        <f>VLOOKUP(E664,団体コード!$E$1:$F$48,2,FALSE)</f>
        <v>#N/A</v>
      </c>
      <c r="O664" s="51" t="e">
        <f t="shared" si="23"/>
        <v>#N/A</v>
      </c>
      <c r="P664" s="51">
        <v>1</v>
      </c>
      <c r="Q664" s="51" t="s">
        <v>5341</v>
      </c>
      <c r="R664" s="54" t="b">
        <v>1</v>
      </c>
      <c r="S664" s="52" t="s">
        <v>7126</v>
      </c>
      <c r="T664" s="67" t="s">
        <v>7127</v>
      </c>
      <c r="U664" s="75" t="s">
        <v>5331</v>
      </c>
      <c r="V664" s="47" t="s">
        <v>5331</v>
      </c>
      <c r="W664" s="47" t="s">
        <v>5331</v>
      </c>
      <c r="X664" s="47" t="s">
        <v>5331</v>
      </c>
      <c r="Y664" s="47" t="s">
        <v>5331</v>
      </c>
      <c r="Z664" s="28"/>
      <c r="AA664" s="27"/>
      <c r="AB664" s="27"/>
      <c r="AC664" s="27"/>
      <c r="AD664" s="30"/>
      <c r="AE664" s="1"/>
      <c r="AF664" s="23" t="s">
        <v>5331</v>
      </c>
      <c r="AG664" s="26"/>
      <c r="AH664" s="53"/>
    </row>
    <row r="665" spans="1:34" ht="51.6" customHeight="1" x14ac:dyDescent="0.45">
      <c r="A665" s="23">
        <v>659</v>
      </c>
      <c r="B665" s="25"/>
      <c r="C665" s="25"/>
      <c r="D665" s="29"/>
      <c r="E665" s="1"/>
      <c r="F665" s="1"/>
      <c r="G665" s="25"/>
      <c r="H665" s="71"/>
      <c r="I665" s="83"/>
      <c r="J665" s="50" t="str">
        <f t="shared" si="22"/>
        <v/>
      </c>
      <c r="K665" s="23" t="s">
        <v>7120</v>
      </c>
      <c r="L665" s="49" t="e">
        <f>VLOOKUP(E665&amp;F665,団体コード!$A$1:$C$1743,3,FALSE)</f>
        <v>#N/A</v>
      </c>
      <c r="M665" s="49" t="e">
        <f>VLOOKUP(E665&amp;F665,団体コード!$A$1:$C$1743,2,FALSE)</f>
        <v>#N/A</v>
      </c>
      <c r="N665" s="51" t="e">
        <f>VLOOKUP(E665,団体コード!$E$1:$F$48,2,FALSE)</f>
        <v>#N/A</v>
      </c>
      <c r="O665" s="51" t="e">
        <f t="shared" si="23"/>
        <v>#N/A</v>
      </c>
      <c r="P665" s="51">
        <v>1</v>
      </c>
      <c r="Q665" s="51" t="s">
        <v>5341</v>
      </c>
      <c r="R665" s="54" t="b">
        <v>1</v>
      </c>
      <c r="S665" s="52" t="s">
        <v>7126</v>
      </c>
      <c r="T665" s="67" t="s">
        <v>7127</v>
      </c>
      <c r="U665" s="75" t="s">
        <v>5331</v>
      </c>
      <c r="V665" s="47" t="s">
        <v>5331</v>
      </c>
      <c r="W665" s="47" t="s">
        <v>5331</v>
      </c>
      <c r="X665" s="47" t="s">
        <v>5331</v>
      </c>
      <c r="Y665" s="47" t="s">
        <v>5331</v>
      </c>
      <c r="Z665" s="28"/>
      <c r="AA665" s="27"/>
      <c r="AB665" s="27"/>
      <c r="AC665" s="27"/>
      <c r="AD665" s="30"/>
      <c r="AE665" s="1"/>
      <c r="AF665" s="23" t="s">
        <v>5331</v>
      </c>
      <c r="AG665" s="26"/>
      <c r="AH665" s="53"/>
    </row>
    <row r="666" spans="1:34" ht="51.6" customHeight="1" x14ac:dyDescent="0.45">
      <c r="A666" s="23">
        <v>660</v>
      </c>
      <c r="B666" s="25"/>
      <c r="C666" s="25"/>
      <c r="D666" s="29"/>
      <c r="E666" s="1"/>
      <c r="F666" s="1"/>
      <c r="G666" s="25"/>
      <c r="H666" s="71"/>
      <c r="I666" s="83"/>
      <c r="J666" s="50" t="str">
        <f t="shared" si="22"/>
        <v/>
      </c>
      <c r="K666" s="23" t="s">
        <v>7120</v>
      </c>
      <c r="L666" s="49" t="e">
        <f>VLOOKUP(E666&amp;F666,団体コード!$A$1:$C$1743,3,FALSE)</f>
        <v>#N/A</v>
      </c>
      <c r="M666" s="49" t="e">
        <f>VLOOKUP(E666&amp;F666,団体コード!$A$1:$C$1743,2,FALSE)</f>
        <v>#N/A</v>
      </c>
      <c r="N666" s="51" t="e">
        <f>VLOOKUP(E666,団体コード!$E$1:$F$48,2,FALSE)</f>
        <v>#N/A</v>
      </c>
      <c r="O666" s="51" t="e">
        <f t="shared" si="23"/>
        <v>#N/A</v>
      </c>
      <c r="P666" s="51">
        <v>1</v>
      </c>
      <c r="Q666" s="51" t="s">
        <v>5341</v>
      </c>
      <c r="R666" s="54" t="b">
        <v>1</v>
      </c>
      <c r="S666" s="52" t="s">
        <v>7126</v>
      </c>
      <c r="T666" s="67" t="s">
        <v>7127</v>
      </c>
      <c r="U666" s="75" t="s">
        <v>5331</v>
      </c>
      <c r="V666" s="47" t="s">
        <v>5331</v>
      </c>
      <c r="W666" s="47" t="s">
        <v>5331</v>
      </c>
      <c r="X666" s="47" t="s">
        <v>5331</v>
      </c>
      <c r="Y666" s="47" t="s">
        <v>5331</v>
      </c>
      <c r="Z666" s="28"/>
      <c r="AA666" s="27"/>
      <c r="AB666" s="27"/>
      <c r="AC666" s="27"/>
      <c r="AD666" s="30"/>
      <c r="AE666" s="1"/>
      <c r="AF666" s="23" t="s">
        <v>5331</v>
      </c>
      <c r="AG666" s="26"/>
      <c r="AH666" s="53"/>
    </row>
    <row r="667" spans="1:34" ht="51.6" customHeight="1" x14ac:dyDescent="0.45">
      <c r="A667" s="23">
        <v>661</v>
      </c>
      <c r="B667" s="25"/>
      <c r="C667" s="25"/>
      <c r="D667" s="29"/>
      <c r="E667" s="1"/>
      <c r="F667" s="1"/>
      <c r="G667" s="25"/>
      <c r="H667" s="71"/>
      <c r="I667" s="83"/>
      <c r="J667" s="50" t="str">
        <f t="shared" si="22"/>
        <v/>
      </c>
      <c r="K667" s="23" t="s">
        <v>7120</v>
      </c>
      <c r="L667" s="49" t="e">
        <f>VLOOKUP(E667&amp;F667,団体コード!$A$1:$C$1743,3,FALSE)</f>
        <v>#N/A</v>
      </c>
      <c r="M667" s="49" t="e">
        <f>VLOOKUP(E667&amp;F667,団体コード!$A$1:$C$1743,2,FALSE)</f>
        <v>#N/A</v>
      </c>
      <c r="N667" s="51" t="e">
        <f>VLOOKUP(E667,団体コード!$E$1:$F$48,2,FALSE)</f>
        <v>#N/A</v>
      </c>
      <c r="O667" s="51" t="e">
        <f t="shared" si="23"/>
        <v>#N/A</v>
      </c>
      <c r="P667" s="51">
        <v>1</v>
      </c>
      <c r="Q667" s="51" t="s">
        <v>5341</v>
      </c>
      <c r="R667" s="54" t="b">
        <v>1</v>
      </c>
      <c r="S667" s="52" t="s">
        <v>7126</v>
      </c>
      <c r="T667" s="67" t="s">
        <v>7127</v>
      </c>
      <c r="U667" s="75" t="s">
        <v>5331</v>
      </c>
      <c r="V667" s="47" t="s">
        <v>5331</v>
      </c>
      <c r="W667" s="47" t="s">
        <v>5331</v>
      </c>
      <c r="X667" s="47" t="s">
        <v>5331</v>
      </c>
      <c r="Y667" s="47" t="s">
        <v>5331</v>
      </c>
      <c r="Z667" s="28"/>
      <c r="AA667" s="27"/>
      <c r="AB667" s="27"/>
      <c r="AC667" s="27"/>
      <c r="AD667" s="30"/>
      <c r="AE667" s="1"/>
      <c r="AF667" s="23" t="s">
        <v>5331</v>
      </c>
      <c r="AG667" s="26"/>
      <c r="AH667" s="53"/>
    </row>
    <row r="668" spans="1:34" ht="51.6" customHeight="1" x14ac:dyDescent="0.45">
      <c r="A668" s="23">
        <v>662</v>
      </c>
      <c r="B668" s="25"/>
      <c r="C668" s="25"/>
      <c r="D668" s="29"/>
      <c r="E668" s="1"/>
      <c r="F668" s="1"/>
      <c r="G668" s="25"/>
      <c r="H668" s="71"/>
      <c r="I668" s="83"/>
      <c r="J668" s="50" t="str">
        <f t="shared" si="22"/>
        <v/>
      </c>
      <c r="K668" s="23" t="s">
        <v>7120</v>
      </c>
      <c r="L668" s="49" t="e">
        <f>VLOOKUP(E668&amp;F668,団体コード!$A$1:$C$1743,3,FALSE)</f>
        <v>#N/A</v>
      </c>
      <c r="M668" s="49" t="e">
        <f>VLOOKUP(E668&amp;F668,団体コード!$A$1:$C$1743,2,FALSE)</f>
        <v>#N/A</v>
      </c>
      <c r="N668" s="51" t="e">
        <f>VLOOKUP(E668,団体コード!$E$1:$F$48,2,FALSE)</f>
        <v>#N/A</v>
      </c>
      <c r="O668" s="51" t="e">
        <f t="shared" si="23"/>
        <v>#N/A</v>
      </c>
      <c r="P668" s="51">
        <v>1</v>
      </c>
      <c r="Q668" s="51" t="s">
        <v>5341</v>
      </c>
      <c r="R668" s="54" t="b">
        <v>1</v>
      </c>
      <c r="S668" s="52" t="s">
        <v>7126</v>
      </c>
      <c r="T668" s="67" t="s">
        <v>7127</v>
      </c>
      <c r="U668" s="75" t="s">
        <v>5331</v>
      </c>
      <c r="V668" s="47" t="s">
        <v>5331</v>
      </c>
      <c r="W668" s="47" t="s">
        <v>5331</v>
      </c>
      <c r="X668" s="47" t="s">
        <v>5331</v>
      </c>
      <c r="Y668" s="47" t="s">
        <v>5331</v>
      </c>
      <c r="Z668" s="28"/>
      <c r="AA668" s="27"/>
      <c r="AB668" s="27"/>
      <c r="AC668" s="27"/>
      <c r="AD668" s="30"/>
      <c r="AE668" s="1"/>
      <c r="AF668" s="23" t="s">
        <v>5331</v>
      </c>
      <c r="AG668" s="26"/>
      <c r="AH668" s="53"/>
    </row>
    <row r="669" spans="1:34" ht="51.6" customHeight="1" x14ac:dyDescent="0.45">
      <c r="A669" s="23">
        <v>663</v>
      </c>
      <c r="B669" s="25"/>
      <c r="C669" s="25"/>
      <c r="D669" s="29"/>
      <c r="E669" s="1"/>
      <c r="F669" s="1"/>
      <c r="G669" s="25"/>
      <c r="H669" s="71"/>
      <c r="I669" s="83"/>
      <c r="J669" s="50" t="str">
        <f t="shared" si="22"/>
        <v/>
      </c>
      <c r="K669" s="23" t="s">
        <v>7120</v>
      </c>
      <c r="L669" s="49" t="e">
        <f>VLOOKUP(E669&amp;F669,団体コード!$A$1:$C$1743,3,FALSE)</f>
        <v>#N/A</v>
      </c>
      <c r="M669" s="49" t="e">
        <f>VLOOKUP(E669&amp;F669,団体コード!$A$1:$C$1743,2,FALSE)</f>
        <v>#N/A</v>
      </c>
      <c r="N669" s="51" t="e">
        <f>VLOOKUP(E669,団体コード!$E$1:$F$48,2,FALSE)</f>
        <v>#N/A</v>
      </c>
      <c r="O669" s="51" t="e">
        <f t="shared" si="23"/>
        <v>#N/A</v>
      </c>
      <c r="P669" s="51">
        <v>1</v>
      </c>
      <c r="Q669" s="51" t="s">
        <v>5341</v>
      </c>
      <c r="R669" s="54" t="b">
        <v>1</v>
      </c>
      <c r="S669" s="52" t="s">
        <v>7126</v>
      </c>
      <c r="T669" s="67" t="s">
        <v>7127</v>
      </c>
      <c r="U669" s="75" t="s">
        <v>5331</v>
      </c>
      <c r="V669" s="47" t="s">
        <v>5331</v>
      </c>
      <c r="W669" s="47" t="s">
        <v>5331</v>
      </c>
      <c r="X669" s="47" t="s">
        <v>5331</v>
      </c>
      <c r="Y669" s="47" t="s">
        <v>5331</v>
      </c>
      <c r="Z669" s="28"/>
      <c r="AA669" s="27"/>
      <c r="AB669" s="27"/>
      <c r="AC669" s="27"/>
      <c r="AD669" s="30"/>
      <c r="AE669" s="1"/>
      <c r="AF669" s="23" t="s">
        <v>5331</v>
      </c>
      <c r="AG669" s="26"/>
      <c r="AH669" s="53"/>
    </row>
    <row r="670" spans="1:34" ht="51.6" customHeight="1" x14ac:dyDescent="0.45">
      <c r="A670" s="23">
        <v>664</v>
      </c>
      <c r="B670" s="25"/>
      <c r="C670" s="25"/>
      <c r="D670" s="29"/>
      <c r="E670" s="1"/>
      <c r="F670" s="1"/>
      <c r="G670" s="25"/>
      <c r="H670" s="71"/>
      <c r="I670" s="83"/>
      <c r="J670" s="50" t="str">
        <f t="shared" si="22"/>
        <v/>
      </c>
      <c r="K670" s="23" t="s">
        <v>7120</v>
      </c>
      <c r="L670" s="49" t="e">
        <f>VLOOKUP(E670&amp;F670,団体コード!$A$1:$C$1743,3,FALSE)</f>
        <v>#N/A</v>
      </c>
      <c r="M670" s="49" t="e">
        <f>VLOOKUP(E670&amp;F670,団体コード!$A$1:$C$1743,2,FALSE)</f>
        <v>#N/A</v>
      </c>
      <c r="N670" s="51" t="e">
        <f>VLOOKUP(E670,団体コード!$E$1:$F$48,2,FALSE)</f>
        <v>#N/A</v>
      </c>
      <c r="O670" s="51" t="e">
        <f t="shared" si="23"/>
        <v>#N/A</v>
      </c>
      <c r="P670" s="51">
        <v>1</v>
      </c>
      <c r="Q670" s="51" t="s">
        <v>5341</v>
      </c>
      <c r="R670" s="54" t="b">
        <v>1</v>
      </c>
      <c r="S670" s="52" t="s">
        <v>7126</v>
      </c>
      <c r="T670" s="67" t="s">
        <v>7127</v>
      </c>
      <c r="U670" s="75" t="s">
        <v>5331</v>
      </c>
      <c r="V670" s="47" t="s">
        <v>5331</v>
      </c>
      <c r="W670" s="47" t="s">
        <v>5331</v>
      </c>
      <c r="X670" s="47" t="s">
        <v>5331</v>
      </c>
      <c r="Y670" s="47" t="s">
        <v>5331</v>
      </c>
      <c r="Z670" s="28"/>
      <c r="AA670" s="27"/>
      <c r="AB670" s="27"/>
      <c r="AC670" s="27"/>
      <c r="AD670" s="30"/>
      <c r="AE670" s="1"/>
      <c r="AF670" s="23" t="s">
        <v>5331</v>
      </c>
      <c r="AG670" s="26"/>
      <c r="AH670" s="53"/>
    </row>
    <row r="671" spans="1:34" ht="51.6" customHeight="1" x14ac:dyDescent="0.45">
      <c r="A671" s="23">
        <v>665</v>
      </c>
      <c r="B671" s="25"/>
      <c r="C671" s="25"/>
      <c r="D671" s="29"/>
      <c r="E671" s="1"/>
      <c r="F671" s="1"/>
      <c r="G671" s="25"/>
      <c r="H671" s="71"/>
      <c r="I671" s="83"/>
      <c r="J671" s="50" t="str">
        <f t="shared" si="22"/>
        <v/>
      </c>
      <c r="K671" s="23" t="s">
        <v>7120</v>
      </c>
      <c r="L671" s="49" t="e">
        <f>VLOOKUP(E671&amp;F671,団体コード!$A$1:$C$1743,3,FALSE)</f>
        <v>#N/A</v>
      </c>
      <c r="M671" s="49" t="e">
        <f>VLOOKUP(E671&amp;F671,団体コード!$A$1:$C$1743,2,FALSE)</f>
        <v>#N/A</v>
      </c>
      <c r="N671" s="51" t="e">
        <f>VLOOKUP(E671,団体コード!$E$1:$F$48,2,FALSE)</f>
        <v>#N/A</v>
      </c>
      <c r="O671" s="51" t="e">
        <f t="shared" si="23"/>
        <v>#N/A</v>
      </c>
      <c r="P671" s="51">
        <v>1</v>
      </c>
      <c r="Q671" s="51" t="s">
        <v>5341</v>
      </c>
      <c r="R671" s="54" t="b">
        <v>1</v>
      </c>
      <c r="S671" s="52" t="s">
        <v>7126</v>
      </c>
      <c r="T671" s="67" t="s">
        <v>7127</v>
      </c>
      <c r="U671" s="75" t="s">
        <v>5331</v>
      </c>
      <c r="V671" s="47" t="s">
        <v>5331</v>
      </c>
      <c r="W671" s="47" t="s">
        <v>5331</v>
      </c>
      <c r="X671" s="47" t="s">
        <v>5331</v>
      </c>
      <c r="Y671" s="47" t="s">
        <v>5331</v>
      </c>
      <c r="Z671" s="28"/>
      <c r="AA671" s="27"/>
      <c r="AB671" s="27"/>
      <c r="AC671" s="27"/>
      <c r="AD671" s="30"/>
      <c r="AE671" s="1"/>
      <c r="AF671" s="23" t="s">
        <v>5331</v>
      </c>
      <c r="AG671" s="26"/>
      <c r="AH671" s="53"/>
    </row>
    <row r="672" spans="1:34" ht="51.6" customHeight="1" x14ac:dyDescent="0.45">
      <c r="A672" s="23">
        <v>666</v>
      </c>
      <c r="B672" s="25"/>
      <c r="C672" s="25"/>
      <c r="D672" s="29"/>
      <c r="E672" s="1"/>
      <c r="F672" s="1"/>
      <c r="G672" s="25"/>
      <c r="H672" s="71"/>
      <c r="I672" s="83"/>
      <c r="J672" s="50" t="str">
        <f t="shared" si="22"/>
        <v/>
      </c>
      <c r="K672" s="23" t="s">
        <v>7120</v>
      </c>
      <c r="L672" s="49" t="e">
        <f>VLOOKUP(E672&amp;F672,団体コード!$A$1:$C$1743,3,FALSE)</f>
        <v>#N/A</v>
      </c>
      <c r="M672" s="49" t="e">
        <f>VLOOKUP(E672&amp;F672,団体コード!$A$1:$C$1743,2,FALSE)</f>
        <v>#N/A</v>
      </c>
      <c r="N672" s="51" t="e">
        <f>VLOOKUP(E672,団体コード!$E$1:$F$48,2,FALSE)</f>
        <v>#N/A</v>
      </c>
      <c r="O672" s="51" t="e">
        <f t="shared" si="23"/>
        <v>#N/A</v>
      </c>
      <c r="P672" s="51">
        <v>1</v>
      </c>
      <c r="Q672" s="51" t="s">
        <v>5341</v>
      </c>
      <c r="R672" s="54" t="b">
        <v>1</v>
      </c>
      <c r="S672" s="52" t="s">
        <v>7126</v>
      </c>
      <c r="T672" s="67" t="s">
        <v>7127</v>
      </c>
      <c r="U672" s="75" t="s">
        <v>5331</v>
      </c>
      <c r="V672" s="47" t="s">
        <v>5331</v>
      </c>
      <c r="W672" s="47" t="s">
        <v>5331</v>
      </c>
      <c r="X672" s="47" t="s">
        <v>5331</v>
      </c>
      <c r="Y672" s="47" t="s">
        <v>5331</v>
      </c>
      <c r="Z672" s="28"/>
      <c r="AA672" s="27"/>
      <c r="AB672" s="27"/>
      <c r="AC672" s="27"/>
      <c r="AD672" s="30"/>
      <c r="AE672" s="1"/>
      <c r="AF672" s="23" t="s">
        <v>5331</v>
      </c>
      <c r="AG672" s="26"/>
      <c r="AH672" s="53"/>
    </row>
    <row r="673" spans="1:34" ht="51.6" customHeight="1" x14ac:dyDescent="0.45">
      <c r="A673" s="23">
        <v>667</v>
      </c>
      <c r="B673" s="25"/>
      <c r="C673" s="25"/>
      <c r="D673" s="29"/>
      <c r="E673" s="1"/>
      <c r="F673" s="1"/>
      <c r="G673" s="25"/>
      <c r="H673" s="71"/>
      <c r="I673" s="83"/>
      <c r="J673" s="50" t="str">
        <f t="shared" si="22"/>
        <v/>
      </c>
      <c r="K673" s="23" t="s">
        <v>7120</v>
      </c>
      <c r="L673" s="49" t="e">
        <f>VLOOKUP(E673&amp;F673,団体コード!$A$1:$C$1743,3,FALSE)</f>
        <v>#N/A</v>
      </c>
      <c r="M673" s="49" t="e">
        <f>VLOOKUP(E673&amp;F673,団体コード!$A$1:$C$1743,2,FALSE)</f>
        <v>#N/A</v>
      </c>
      <c r="N673" s="51" t="e">
        <f>VLOOKUP(E673,団体コード!$E$1:$F$48,2,FALSE)</f>
        <v>#N/A</v>
      </c>
      <c r="O673" s="51" t="e">
        <f t="shared" si="23"/>
        <v>#N/A</v>
      </c>
      <c r="P673" s="51">
        <v>1</v>
      </c>
      <c r="Q673" s="51" t="s">
        <v>5341</v>
      </c>
      <c r="R673" s="54" t="b">
        <v>1</v>
      </c>
      <c r="S673" s="52" t="s">
        <v>7126</v>
      </c>
      <c r="T673" s="67" t="s">
        <v>7127</v>
      </c>
      <c r="U673" s="75" t="s">
        <v>5331</v>
      </c>
      <c r="V673" s="47" t="s">
        <v>5331</v>
      </c>
      <c r="W673" s="47" t="s">
        <v>5331</v>
      </c>
      <c r="X673" s="47" t="s">
        <v>5331</v>
      </c>
      <c r="Y673" s="47" t="s">
        <v>5331</v>
      </c>
      <c r="Z673" s="28"/>
      <c r="AA673" s="27"/>
      <c r="AB673" s="27"/>
      <c r="AC673" s="27"/>
      <c r="AD673" s="30"/>
      <c r="AE673" s="1"/>
      <c r="AF673" s="23" t="s">
        <v>5331</v>
      </c>
      <c r="AG673" s="26"/>
      <c r="AH673" s="53"/>
    </row>
    <row r="674" spans="1:34" ht="51.6" customHeight="1" x14ac:dyDescent="0.45">
      <c r="A674" s="23">
        <v>668</v>
      </c>
      <c r="B674" s="25"/>
      <c r="C674" s="25"/>
      <c r="D674" s="29"/>
      <c r="E674" s="1"/>
      <c r="F674" s="1"/>
      <c r="G674" s="25"/>
      <c r="H674" s="71"/>
      <c r="I674" s="83"/>
      <c r="J674" s="50" t="str">
        <f t="shared" si="22"/>
        <v/>
      </c>
      <c r="K674" s="23" t="s">
        <v>7120</v>
      </c>
      <c r="L674" s="49" t="e">
        <f>VLOOKUP(E674&amp;F674,団体コード!$A$1:$C$1743,3,FALSE)</f>
        <v>#N/A</v>
      </c>
      <c r="M674" s="49" t="e">
        <f>VLOOKUP(E674&amp;F674,団体コード!$A$1:$C$1743,2,FALSE)</f>
        <v>#N/A</v>
      </c>
      <c r="N674" s="51" t="e">
        <f>VLOOKUP(E674,団体コード!$E$1:$F$48,2,FALSE)</f>
        <v>#N/A</v>
      </c>
      <c r="O674" s="51" t="e">
        <f t="shared" si="23"/>
        <v>#N/A</v>
      </c>
      <c r="P674" s="51">
        <v>1</v>
      </c>
      <c r="Q674" s="51" t="s">
        <v>5341</v>
      </c>
      <c r="R674" s="54" t="b">
        <v>1</v>
      </c>
      <c r="S674" s="52" t="s">
        <v>7126</v>
      </c>
      <c r="T674" s="67" t="s">
        <v>7127</v>
      </c>
      <c r="U674" s="75" t="s">
        <v>5331</v>
      </c>
      <c r="V674" s="47" t="s">
        <v>5331</v>
      </c>
      <c r="W674" s="47" t="s">
        <v>5331</v>
      </c>
      <c r="X674" s="47" t="s">
        <v>5331</v>
      </c>
      <c r="Y674" s="47" t="s">
        <v>5331</v>
      </c>
      <c r="Z674" s="28"/>
      <c r="AA674" s="27"/>
      <c r="AB674" s="27"/>
      <c r="AC674" s="27"/>
      <c r="AD674" s="30"/>
      <c r="AE674" s="1"/>
      <c r="AF674" s="23" t="s">
        <v>5331</v>
      </c>
      <c r="AG674" s="26"/>
      <c r="AH674" s="53"/>
    </row>
    <row r="675" spans="1:34" ht="51.6" customHeight="1" x14ac:dyDescent="0.45">
      <c r="A675" s="23">
        <v>669</v>
      </c>
      <c r="B675" s="25"/>
      <c r="C675" s="25"/>
      <c r="D675" s="29"/>
      <c r="E675" s="1"/>
      <c r="F675" s="1"/>
      <c r="G675" s="25"/>
      <c r="H675" s="71"/>
      <c r="I675" s="83"/>
      <c r="J675" s="50" t="str">
        <f t="shared" si="22"/>
        <v/>
      </c>
      <c r="K675" s="23" t="s">
        <v>7120</v>
      </c>
      <c r="L675" s="49" t="e">
        <f>VLOOKUP(E675&amp;F675,団体コード!$A$1:$C$1743,3,FALSE)</f>
        <v>#N/A</v>
      </c>
      <c r="M675" s="49" t="e">
        <f>VLOOKUP(E675&amp;F675,団体コード!$A$1:$C$1743,2,FALSE)</f>
        <v>#N/A</v>
      </c>
      <c r="N675" s="51" t="e">
        <f>VLOOKUP(E675,団体コード!$E$1:$F$48,2,FALSE)</f>
        <v>#N/A</v>
      </c>
      <c r="O675" s="51" t="e">
        <f t="shared" si="23"/>
        <v>#N/A</v>
      </c>
      <c r="P675" s="51">
        <v>1</v>
      </c>
      <c r="Q675" s="51" t="s">
        <v>5341</v>
      </c>
      <c r="R675" s="54" t="b">
        <v>1</v>
      </c>
      <c r="S675" s="52" t="s">
        <v>7126</v>
      </c>
      <c r="T675" s="67" t="s">
        <v>7127</v>
      </c>
      <c r="U675" s="75" t="s">
        <v>5331</v>
      </c>
      <c r="V675" s="47" t="s">
        <v>5331</v>
      </c>
      <c r="W675" s="47" t="s">
        <v>5331</v>
      </c>
      <c r="X675" s="47" t="s">
        <v>5331</v>
      </c>
      <c r="Y675" s="47" t="s">
        <v>5331</v>
      </c>
      <c r="Z675" s="28"/>
      <c r="AA675" s="27"/>
      <c r="AB675" s="27"/>
      <c r="AC675" s="27"/>
      <c r="AD675" s="30"/>
      <c r="AE675" s="1"/>
      <c r="AF675" s="23" t="s">
        <v>5331</v>
      </c>
      <c r="AG675" s="26"/>
      <c r="AH675" s="53"/>
    </row>
    <row r="676" spans="1:34" ht="51.6" customHeight="1" x14ac:dyDescent="0.45">
      <c r="A676" s="23">
        <v>670</v>
      </c>
      <c r="B676" s="25"/>
      <c r="C676" s="25"/>
      <c r="D676" s="29"/>
      <c r="E676" s="1"/>
      <c r="F676" s="1"/>
      <c r="G676" s="25"/>
      <c r="H676" s="71"/>
      <c r="I676" s="83"/>
      <c r="J676" s="50" t="str">
        <f t="shared" si="22"/>
        <v/>
      </c>
      <c r="K676" s="23" t="s">
        <v>7120</v>
      </c>
      <c r="L676" s="49" t="e">
        <f>VLOOKUP(E676&amp;F676,団体コード!$A$1:$C$1743,3,FALSE)</f>
        <v>#N/A</v>
      </c>
      <c r="M676" s="49" t="e">
        <f>VLOOKUP(E676&amp;F676,団体コード!$A$1:$C$1743,2,FALSE)</f>
        <v>#N/A</v>
      </c>
      <c r="N676" s="51" t="e">
        <f>VLOOKUP(E676,団体コード!$E$1:$F$48,2,FALSE)</f>
        <v>#N/A</v>
      </c>
      <c r="O676" s="51" t="e">
        <f t="shared" si="23"/>
        <v>#N/A</v>
      </c>
      <c r="P676" s="51">
        <v>1</v>
      </c>
      <c r="Q676" s="51" t="s">
        <v>5341</v>
      </c>
      <c r="R676" s="54" t="b">
        <v>1</v>
      </c>
      <c r="S676" s="52" t="s">
        <v>7126</v>
      </c>
      <c r="T676" s="67" t="s">
        <v>7127</v>
      </c>
      <c r="U676" s="75" t="s">
        <v>5331</v>
      </c>
      <c r="V676" s="47" t="s">
        <v>5331</v>
      </c>
      <c r="W676" s="47" t="s">
        <v>5331</v>
      </c>
      <c r="X676" s="47" t="s">
        <v>5331</v>
      </c>
      <c r="Y676" s="47" t="s">
        <v>5331</v>
      </c>
      <c r="Z676" s="28"/>
      <c r="AA676" s="27"/>
      <c r="AB676" s="27"/>
      <c r="AC676" s="27"/>
      <c r="AD676" s="30"/>
      <c r="AE676" s="1"/>
      <c r="AF676" s="23" t="s">
        <v>5331</v>
      </c>
      <c r="AG676" s="26"/>
      <c r="AH676" s="53"/>
    </row>
    <row r="677" spans="1:34" ht="51.6" customHeight="1" x14ac:dyDescent="0.45">
      <c r="A677" s="23">
        <v>671</v>
      </c>
      <c r="B677" s="25"/>
      <c r="C677" s="25"/>
      <c r="D677" s="29"/>
      <c r="E677" s="1"/>
      <c r="F677" s="1"/>
      <c r="G677" s="25"/>
      <c r="H677" s="71"/>
      <c r="I677" s="83"/>
      <c r="J677" s="50" t="str">
        <f t="shared" si="22"/>
        <v/>
      </c>
      <c r="K677" s="23" t="s">
        <v>7120</v>
      </c>
      <c r="L677" s="49" t="e">
        <f>VLOOKUP(E677&amp;F677,団体コード!$A$1:$C$1743,3,FALSE)</f>
        <v>#N/A</v>
      </c>
      <c r="M677" s="49" t="e">
        <f>VLOOKUP(E677&amp;F677,団体コード!$A$1:$C$1743,2,FALSE)</f>
        <v>#N/A</v>
      </c>
      <c r="N677" s="51" t="e">
        <f>VLOOKUP(E677,団体コード!$E$1:$F$48,2,FALSE)</f>
        <v>#N/A</v>
      </c>
      <c r="O677" s="51" t="e">
        <f t="shared" si="23"/>
        <v>#N/A</v>
      </c>
      <c r="P677" s="51">
        <v>1</v>
      </c>
      <c r="Q677" s="51" t="s">
        <v>5341</v>
      </c>
      <c r="R677" s="54" t="b">
        <v>1</v>
      </c>
      <c r="S677" s="52" t="s">
        <v>7126</v>
      </c>
      <c r="T677" s="67" t="s">
        <v>7127</v>
      </c>
      <c r="U677" s="75" t="s">
        <v>5331</v>
      </c>
      <c r="V677" s="47" t="s">
        <v>5331</v>
      </c>
      <c r="W677" s="47" t="s">
        <v>5331</v>
      </c>
      <c r="X677" s="47" t="s">
        <v>5331</v>
      </c>
      <c r="Y677" s="47" t="s">
        <v>5331</v>
      </c>
      <c r="Z677" s="28"/>
      <c r="AA677" s="27"/>
      <c r="AB677" s="27"/>
      <c r="AC677" s="27"/>
      <c r="AD677" s="30"/>
      <c r="AE677" s="1"/>
      <c r="AF677" s="23" t="s">
        <v>5331</v>
      </c>
      <c r="AG677" s="26"/>
      <c r="AH677" s="53"/>
    </row>
    <row r="678" spans="1:34" ht="51.6" customHeight="1" x14ac:dyDescent="0.45">
      <c r="A678" s="23">
        <v>672</v>
      </c>
      <c r="B678" s="25"/>
      <c r="C678" s="25"/>
      <c r="D678" s="29"/>
      <c r="E678" s="1"/>
      <c r="F678" s="1"/>
      <c r="G678" s="25"/>
      <c r="H678" s="71"/>
      <c r="I678" s="83"/>
      <c r="J678" s="50" t="str">
        <f t="shared" si="22"/>
        <v/>
      </c>
      <c r="K678" s="23" t="s">
        <v>7120</v>
      </c>
      <c r="L678" s="49" t="e">
        <f>VLOOKUP(E678&amp;F678,団体コード!$A$1:$C$1743,3,FALSE)</f>
        <v>#N/A</v>
      </c>
      <c r="M678" s="49" t="e">
        <f>VLOOKUP(E678&amp;F678,団体コード!$A$1:$C$1743,2,FALSE)</f>
        <v>#N/A</v>
      </c>
      <c r="N678" s="51" t="e">
        <f>VLOOKUP(E678,団体コード!$E$1:$F$48,2,FALSE)</f>
        <v>#N/A</v>
      </c>
      <c r="O678" s="51" t="e">
        <f t="shared" si="23"/>
        <v>#N/A</v>
      </c>
      <c r="P678" s="51">
        <v>1</v>
      </c>
      <c r="Q678" s="51" t="s">
        <v>5341</v>
      </c>
      <c r="R678" s="54" t="b">
        <v>1</v>
      </c>
      <c r="S678" s="52" t="s">
        <v>7126</v>
      </c>
      <c r="T678" s="67" t="s">
        <v>7127</v>
      </c>
      <c r="U678" s="75" t="s">
        <v>5331</v>
      </c>
      <c r="V678" s="47" t="s">
        <v>5331</v>
      </c>
      <c r="W678" s="47" t="s">
        <v>5331</v>
      </c>
      <c r="X678" s="47" t="s">
        <v>5331</v>
      </c>
      <c r="Y678" s="47" t="s">
        <v>5331</v>
      </c>
      <c r="Z678" s="28"/>
      <c r="AA678" s="27"/>
      <c r="AB678" s="27"/>
      <c r="AC678" s="27"/>
      <c r="AD678" s="30"/>
      <c r="AE678" s="1"/>
      <c r="AF678" s="23" t="s">
        <v>5331</v>
      </c>
      <c r="AG678" s="26"/>
      <c r="AH678" s="53"/>
    </row>
    <row r="679" spans="1:34" ht="51.6" customHeight="1" x14ac:dyDescent="0.45">
      <c r="A679" s="23">
        <v>673</v>
      </c>
      <c r="B679" s="25"/>
      <c r="C679" s="25"/>
      <c r="D679" s="29"/>
      <c r="E679" s="1"/>
      <c r="F679" s="1"/>
      <c r="G679" s="25"/>
      <c r="H679" s="71"/>
      <c r="I679" s="83"/>
      <c r="J679" s="50" t="str">
        <f t="shared" si="22"/>
        <v/>
      </c>
      <c r="K679" s="23" t="s">
        <v>7120</v>
      </c>
      <c r="L679" s="49" t="e">
        <f>VLOOKUP(E679&amp;F679,団体コード!$A$1:$C$1743,3,FALSE)</f>
        <v>#N/A</v>
      </c>
      <c r="M679" s="49" t="e">
        <f>VLOOKUP(E679&amp;F679,団体コード!$A$1:$C$1743,2,FALSE)</f>
        <v>#N/A</v>
      </c>
      <c r="N679" s="51" t="e">
        <f>VLOOKUP(E679,団体コード!$E$1:$F$48,2,FALSE)</f>
        <v>#N/A</v>
      </c>
      <c r="O679" s="51" t="e">
        <f t="shared" si="23"/>
        <v>#N/A</v>
      </c>
      <c r="P679" s="51">
        <v>1</v>
      </c>
      <c r="Q679" s="51" t="s">
        <v>5341</v>
      </c>
      <c r="R679" s="54" t="b">
        <v>1</v>
      </c>
      <c r="S679" s="52" t="s">
        <v>7126</v>
      </c>
      <c r="T679" s="67" t="s">
        <v>7127</v>
      </c>
      <c r="U679" s="75" t="s">
        <v>5331</v>
      </c>
      <c r="V679" s="47" t="s">
        <v>5331</v>
      </c>
      <c r="W679" s="47" t="s">
        <v>5331</v>
      </c>
      <c r="X679" s="47" t="s">
        <v>5331</v>
      </c>
      <c r="Y679" s="47" t="s">
        <v>5331</v>
      </c>
      <c r="Z679" s="28"/>
      <c r="AA679" s="27"/>
      <c r="AB679" s="27"/>
      <c r="AC679" s="27"/>
      <c r="AD679" s="30"/>
      <c r="AE679" s="1"/>
      <c r="AF679" s="23" t="s">
        <v>5331</v>
      </c>
      <c r="AG679" s="26"/>
      <c r="AH679" s="53"/>
    </row>
    <row r="680" spans="1:34" ht="51.6" customHeight="1" x14ac:dyDescent="0.45">
      <c r="A680" s="23">
        <v>674</v>
      </c>
      <c r="B680" s="25"/>
      <c r="C680" s="25"/>
      <c r="D680" s="29"/>
      <c r="E680" s="1"/>
      <c r="F680" s="1"/>
      <c r="G680" s="25"/>
      <c r="H680" s="71"/>
      <c r="I680" s="83"/>
      <c r="J680" s="50" t="str">
        <f t="shared" si="22"/>
        <v/>
      </c>
      <c r="K680" s="23" t="s">
        <v>7120</v>
      </c>
      <c r="L680" s="49" t="e">
        <f>VLOOKUP(E680&amp;F680,団体コード!$A$1:$C$1743,3,FALSE)</f>
        <v>#N/A</v>
      </c>
      <c r="M680" s="49" t="e">
        <f>VLOOKUP(E680&amp;F680,団体コード!$A$1:$C$1743,2,FALSE)</f>
        <v>#N/A</v>
      </c>
      <c r="N680" s="51" t="e">
        <f>VLOOKUP(E680,団体コード!$E$1:$F$48,2,FALSE)</f>
        <v>#N/A</v>
      </c>
      <c r="O680" s="51" t="e">
        <f t="shared" si="23"/>
        <v>#N/A</v>
      </c>
      <c r="P680" s="51">
        <v>1</v>
      </c>
      <c r="Q680" s="51" t="s">
        <v>5341</v>
      </c>
      <c r="R680" s="54" t="b">
        <v>1</v>
      </c>
      <c r="S680" s="52" t="s">
        <v>7126</v>
      </c>
      <c r="T680" s="67" t="s">
        <v>7127</v>
      </c>
      <c r="U680" s="75" t="s">
        <v>5331</v>
      </c>
      <c r="V680" s="47" t="s">
        <v>5331</v>
      </c>
      <c r="W680" s="47" t="s">
        <v>5331</v>
      </c>
      <c r="X680" s="47" t="s">
        <v>5331</v>
      </c>
      <c r="Y680" s="47" t="s">
        <v>5331</v>
      </c>
      <c r="Z680" s="28"/>
      <c r="AA680" s="27"/>
      <c r="AB680" s="27"/>
      <c r="AC680" s="27"/>
      <c r="AD680" s="30"/>
      <c r="AE680" s="1"/>
      <c r="AF680" s="23" t="s">
        <v>5331</v>
      </c>
      <c r="AG680" s="26"/>
      <c r="AH680" s="53"/>
    </row>
    <row r="681" spans="1:34" ht="51.6" customHeight="1" x14ac:dyDescent="0.45">
      <c r="A681" s="23">
        <v>675</v>
      </c>
      <c r="B681" s="25"/>
      <c r="C681" s="25"/>
      <c r="D681" s="29"/>
      <c r="E681" s="1"/>
      <c r="F681" s="1"/>
      <c r="G681" s="25"/>
      <c r="H681" s="71"/>
      <c r="I681" s="83"/>
      <c r="J681" s="50" t="str">
        <f t="shared" si="22"/>
        <v/>
      </c>
      <c r="K681" s="23" t="s">
        <v>7120</v>
      </c>
      <c r="L681" s="49" t="e">
        <f>VLOOKUP(E681&amp;F681,団体コード!$A$1:$C$1743,3,FALSE)</f>
        <v>#N/A</v>
      </c>
      <c r="M681" s="49" t="e">
        <f>VLOOKUP(E681&amp;F681,団体コード!$A$1:$C$1743,2,FALSE)</f>
        <v>#N/A</v>
      </c>
      <c r="N681" s="51" t="e">
        <f>VLOOKUP(E681,団体コード!$E$1:$F$48,2,FALSE)</f>
        <v>#N/A</v>
      </c>
      <c r="O681" s="51" t="e">
        <f t="shared" si="23"/>
        <v>#N/A</v>
      </c>
      <c r="P681" s="51">
        <v>1</v>
      </c>
      <c r="Q681" s="51" t="s">
        <v>5341</v>
      </c>
      <c r="R681" s="54" t="b">
        <v>1</v>
      </c>
      <c r="S681" s="52" t="s">
        <v>7126</v>
      </c>
      <c r="T681" s="67" t="s">
        <v>7127</v>
      </c>
      <c r="U681" s="75" t="s">
        <v>5331</v>
      </c>
      <c r="V681" s="47" t="s">
        <v>5331</v>
      </c>
      <c r="W681" s="47" t="s">
        <v>5331</v>
      </c>
      <c r="X681" s="47" t="s">
        <v>5331</v>
      </c>
      <c r="Y681" s="47" t="s">
        <v>5331</v>
      </c>
      <c r="Z681" s="28"/>
      <c r="AA681" s="27"/>
      <c r="AB681" s="27"/>
      <c r="AC681" s="27"/>
      <c r="AD681" s="30"/>
      <c r="AE681" s="1"/>
      <c r="AF681" s="23" t="s">
        <v>5331</v>
      </c>
      <c r="AG681" s="26"/>
      <c r="AH681" s="53"/>
    </row>
    <row r="682" spans="1:34" ht="51.6" customHeight="1" x14ac:dyDescent="0.45">
      <c r="A682" s="23">
        <v>676</v>
      </c>
      <c r="B682" s="25"/>
      <c r="C682" s="25"/>
      <c r="D682" s="29"/>
      <c r="E682" s="1"/>
      <c r="F682" s="1"/>
      <c r="G682" s="25"/>
      <c r="H682" s="71"/>
      <c r="I682" s="83"/>
      <c r="J682" s="50" t="str">
        <f t="shared" si="22"/>
        <v/>
      </c>
      <c r="K682" s="23" t="s">
        <v>7120</v>
      </c>
      <c r="L682" s="49" t="e">
        <f>VLOOKUP(E682&amp;F682,団体コード!$A$1:$C$1743,3,FALSE)</f>
        <v>#N/A</v>
      </c>
      <c r="M682" s="49" t="e">
        <f>VLOOKUP(E682&amp;F682,団体コード!$A$1:$C$1743,2,FALSE)</f>
        <v>#N/A</v>
      </c>
      <c r="N682" s="51" t="e">
        <f>VLOOKUP(E682,団体コード!$E$1:$F$48,2,FALSE)</f>
        <v>#N/A</v>
      </c>
      <c r="O682" s="51" t="e">
        <f t="shared" si="23"/>
        <v>#N/A</v>
      </c>
      <c r="P682" s="51">
        <v>1</v>
      </c>
      <c r="Q682" s="51" t="s">
        <v>5341</v>
      </c>
      <c r="R682" s="54" t="b">
        <v>1</v>
      </c>
      <c r="S682" s="52" t="s">
        <v>7126</v>
      </c>
      <c r="T682" s="67" t="s">
        <v>7127</v>
      </c>
      <c r="U682" s="75" t="s">
        <v>5331</v>
      </c>
      <c r="V682" s="47" t="s">
        <v>5331</v>
      </c>
      <c r="W682" s="47" t="s">
        <v>5331</v>
      </c>
      <c r="X682" s="47" t="s">
        <v>5331</v>
      </c>
      <c r="Y682" s="47" t="s">
        <v>5331</v>
      </c>
      <c r="Z682" s="28"/>
      <c r="AA682" s="27"/>
      <c r="AB682" s="27"/>
      <c r="AC682" s="27"/>
      <c r="AD682" s="30"/>
      <c r="AE682" s="1"/>
      <c r="AF682" s="23" t="s">
        <v>5331</v>
      </c>
      <c r="AG682" s="26"/>
      <c r="AH682" s="53"/>
    </row>
    <row r="683" spans="1:34" ht="51.6" customHeight="1" x14ac:dyDescent="0.45">
      <c r="A683" s="23">
        <v>677</v>
      </c>
      <c r="B683" s="25"/>
      <c r="C683" s="25"/>
      <c r="D683" s="29"/>
      <c r="E683" s="1"/>
      <c r="F683" s="1"/>
      <c r="G683" s="25"/>
      <c r="H683" s="71"/>
      <c r="I683" s="83"/>
      <c r="J683" s="50" t="str">
        <f t="shared" si="22"/>
        <v/>
      </c>
      <c r="K683" s="23" t="s">
        <v>7120</v>
      </c>
      <c r="L683" s="49" t="e">
        <f>VLOOKUP(E683&amp;F683,団体コード!$A$1:$C$1743,3,FALSE)</f>
        <v>#N/A</v>
      </c>
      <c r="M683" s="49" t="e">
        <f>VLOOKUP(E683&amp;F683,団体コード!$A$1:$C$1743,2,FALSE)</f>
        <v>#N/A</v>
      </c>
      <c r="N683" s="51" t="e">
        <f>VLOOKUP(E683,団体コード!$E$1:$F$48,2,FALSE)</f>
        <v>#N/A</v>
      </c>
      <c r="O683" s="51" t="e">
        <f t="shared" si="23"/>
        <v>#N/A</v>
      </c>
      <c r="P683" s="51">
        <v>1</v>
      </c>
      <c r="Q683" s="51" t="s">
        <v>5341</v>
      </c>
      <c r="R683" s="54" t="b">
        <v>1</v>
      </c>
      <c r="S683" s="52" t="s">
        <v>7126</v>
      </c>
      <c r="T683" s="67" t="s">
        <v>7127</v>
      </c>
      <c r="U683" s="75" t="s">
        <v>5331</v>
      </c>
      <c r="V683" s="47" t="s">
        <v>5331</v>
      </c>
      <c r="W683" s="47" t="s">
        <v>5331</v>
      </c>
      <c r="X683" s="47" t="s">
        <v>5331</v>
      </c>
      <c r="Y683" s="47" t="s">
        <v>5331</v>
      </c>
      <c r="Z683" s="28"/>
      <c r="AA683" s="27"/>
      <c r="AB683" s="27"/>
      <c r="AC683" s="27"/>
      <c r="AD683" s="30"/>
      <c r="AE683" s="1"/>
      <c r="AF683" s="23" t="s">
        <v>5331</v>
      </c>
      <c r="AG683" s="26"/>
      <c r="AH683" s="53"/>
    </row>
    <row r="684" spans="1:34" ht="51.6" customHeight="1" x14ac:dyDescent="0.45">
      <c r="A684" s="23">
        <v>678</v>
      </c>
      <c r="B684" s="25"/>
      <c r="C684" s="25"/>
      <c r="D684" s="29"/>
      <c r="E684" s="1"/>
      <c r="F684" s="1"/>
      <c r="G684" s="25"/>
      <c r="H684" s="71"/>
      <c r="I684" s="83"/>
      <c r="J684" s="50" t="str">
        <f t="shared" si="22"/>
        <v/>
      </c>
      <c r="K684" s="23" t="s">
        <v>7120</v>
      </c>
      <c r="L684" s="49" t="e">
        <f>VLOOKUP(E684&amp;F684,団体コード!$A$1:$C$1743,3,FALSE)</f>
        <v>#N/A</v>
      </c>
      <c r="M684" s="49" t="e">
        <f>VLOOKUP(E684&amp;F684,団体コード!$A$1:$C$1743,2,FALSE)</f>
        <v>#N/A</v>
      </c>
      <c r="N684" s="51" t="e">
        <f>VLOOKUP(E684,団体コード!$E$1:$F$48,2,FALSE)</f>
        <v>#N/A</v>
      </c>
      <c r="O684" s="51" t="e">
        <f t="shared" si="23"/>
        <v>#N/A</v>
      </c>
      <c r="P684" s="51">
        <v>1</v>
      </c>
      <c r="Q684" s="51" t="s">
        <v>5341</v>
      </c>
      <c r="R684" s="54" t="b">
        <v>1</v>
      </c>
      <c r="S684" s="52" t="s">
        <v>7126</v>
      </c>
      <c r="T684" s="67" t="s">
        <v>7127</v>
      </c>
      <c r="U684" s="75" t="s">
        <v>5331</v>
      </c>
      <c r="V684" s="47" t="s">
        <v>5331</v>
      </c>
      <c r="W684" s="47" t="s">
        <v>5331</v>
      </c>
      <c r="X684" s="47" t="s">
        <v>5331</v>
      </c>
      <c r="Y684" s="47" t="s">
        <v>5331</v>
      </c>
      <c r="Z684" s="28"/>
      <c r="AA684" s="27"/>
      <c r="AB684" s="27"/>
      <c r="AC684" s="27"/>
      <c r="AD684" s="30"/>
      <c r="AE684" s="1"/>
      <c r="AF684" s="23" t="s">
        <v>5331</v>
      </c>
      <c r="AG684" s="26"/>
      <c r="AH684" s="53"/>
    </row>
    <row r="685" spans="1:34" ht="51.6" customHeight="1" x14ac:dyDescent="0.45">
      <c r="A685" s="23">
        <v>679</v>
      </c>
      <c r="B685" s="25"/>
      <c r="C685" s="25"/>
      <c r="D685" s="29"/>
      <c r="E685" s="1"/>
      <c r="F685" s="1"/>
      <c r="G685" s="25"/>
      <c r="H685" s="71"/>
      <c r="I685" s="83"/>
      <c r="J685" s="50" t="str">
        <f t="shared" si="22"/>
        <v/>
      </c>
      <c r="K685" s="23" t="s">
        <v>7120</v>
      </c>
      <c r="L685" s="49" t="e">
        <f>VLOOKUP(E685&amp;F685,団体コード!$A$1:$C$1743,3,FALSE)</f>
        <v>#N/A</v>
      </c>
      <c r="M685" s="49" t="e">
        <f>VLOOKUP(E685&amp;F685,団体コード!$A$1:$C$1743,2,FALSE)</f>
        <v>#N/A</v>
      </c>
      <c r="N685" s="51" t="e">
        <f>VLOOKUP(E685,団体コード!$E$1:$F$48,2,FALSE)</f>
        <v>#N/A</v>
      </c>
      <c r="O685" s="51" t="e">
        <f t="shared" si="23"/>
        <v>#N/A</v>
      </c>
      <c r="P685" s="51">
        <v>1</v>
      </c>
      <c r="Q685" s="51" t="s">
        <v>5341</v>
      </c>
      <c r="R685" s="54" t="b">
        <v>1</v>
      </c>
      <c r="S685" s="52" t="s">
        <v>7126</v>
      </c>
      <c r="T685" s="67" t="s">
        <v>7127</v>
      </c>
      <c r="U685" s="75" t="s">
        <v>5331</v>
      </c>
      <c r="V685" s="47" t="s">
        <v>5331</v>
      </c>
      <c r="W685" s="47" t="s">
        <v>5331</v>
      </c>
      <c r="X685" s="47" t="s">
        <v>5331</v>
      </c>
      <c r="Y685" s="47" t="s">
        <v>5331</v>
      </c>
      <c r="Z685" s="28"/>
      <c r="AA685" s="27"/>
      <c r="AB685" s="27"/>
      <c r="AC685" s="27"/>
      <c r="AD685" s="30"/>
      <c r="AE685" s="1"/>
      <c r="AF685" s="23" t="s">
        <v>5331</v>
      </c>
      <c r="AG685" s="26"/>
      <c r="AH685" s="53"/>
    </row>
    <row r="686" spans="1:34" ht="51.6" customHeight="1" x14ac:dyDescent="0.45">
      <c r="A686" s="23">
        <v>680</v>
      </c>
      <c r="B686" s="25"/>
      <c r="C686" s="25"/>
      <c r="D686" s="29"/>
      <c r="E686" s="1"/>
      <c r="F686" s="1"/>
      <c r="G686" s="25"/>
      <c r="H686" s="71"/>
      <c r="I686" s="83"/>
      <c r="J686" s="50" t="str">
        <f t="shared" si="22"/>
        <v/>
      </c>
      <c r="K686" s="23" t="s">
        <v>7120</v>
      </c>
      <c r="L686" s="49" t="e">
        <f>VLOOKUP(E686&amp;F686,団体コード!$A$1:$C$1743,3,FALSE)</f>
        <v>#N/A</v>
      </c>
      <c r="M686" s="49" t="e">
        <f>VLOOKUP(E686&amp;F686,団体コード!$A$1:$C$1743,2,FALSE)</f>
        <v>#N/A</v>
      </c>
      <c r="N686" s="51" t="e">
        <f>VLOOKUP(E686,団体コード!$E$1:$F$48,2,FALSE)</f>
        <v>#N/A</v>
      </c>
      <c r="O686" s="51" t="e">
        <f t="shared" si="23"/>
        <v>#N/A</v>
      </c>
      <c r="P686" s="51">
        <v>1</v>
      </c>
      <c r="Q686" s="51" t="s">
        <v>5341</v>
      </c>
      <c r="R686" s="54" t="b">
        <v>1</v>
      </c>
      <c r="S686" s="52" t="s">
        <v>7126</v>
      </c>
      <c r="T686" s="67" t="s">
        <v>7127</v>
      </c>
      <c r="U686" s="75" t="s">
        <v>5331</v>
      </c>
      <c r="V686" s="47" t="s">
        <v>5331</v>
      </c>
      <c r="W686" s="47" t="s">
        <v>5331</v>
      </c>
      <c r="X686" s="47" t="s">
        <v>5331</v>
      </c>
      <c r="Y686" s="47" t="s">
        <v>5331</v>
      </c>
      <c r="Z686" s="28"/>
      <c r="AA686" s="27"/>
      <c r="AB686" s="27"/>
      <c r="AC686" s="27"/>
      <c r="AD686" s="30"/>
      <c r="AE686" s="1"/>
      <c r="AF686" s="23" t="s">
        <v>5331</v>
      </c>
      <c r="AG686" s="26"/>
      <c r="AH686" s="53"/>
    </row>
    <row r="687" spans="1:34" ht="51.6" customHeight="1" x14ac:dyDescent="0.45">
      <c r="A687" s="23">
        <v>681</v>
      </c>
      <c r="B687" s="25"/>
      <c r="C687" s="25"/>
      <c r="D687" s="29"/>
      <c r="E687" s="1"/>
      <c r="F687" s="1"/>
      <c r="G687" s="25"/>
      <c r="H687" s="71"/>
      <c r="I687" s="83"/>
      <c r="J687" s="50" t="str">
        <f t="shared" si="22"/>
        <v/>
      </c>
      <c r="K687" s="23" t="s">
        <v>7120</v>
      </c>
      <c r="L687" s="49" t="e">
        <f>VLOOKUP(E687&amp;F687,団体コード!$A$1:$C$1743,3,FALSE)</f>
        <v>#N/A</v>
      </c>
      <c r="M687" s="49" t="e">
        <f>VLOOKUP(E687&amp;F687,団体コード!$A$1:$C$1743,2,FALSE)</f>
        <v>#N/A</v>
      </c>
      <c r="N687" s="51" t="e">
        <f>VLOOKUP(E687,団体コード!$E$1:$F$48,2,FALSE)</f>
        <v>#N/A</v>
      </c>
      <c r="O687" s="51" t="e">
        <f t="shared" si="23"/>
        <v>#N/A</v>
      </c>
      <c r="P687" s="51">
        <v>1</v>
      </c>
      <c r="Q687" s="51" t="s">
        <v>5341</v>
      </c>
      <c r="R687" s="54" t="b">
        <v>1</v>
      </c>
      <c r="S687" s="52" t="s">
        <v>7126</v>
      </c>
      <c r="T687" s="67" t="s">
        <v>7127</v>
      </c>
      <c r="U687" s="75" t="s">
        <v>5331</v>
      </c>
      <c r="V687" s="47" t="s">
        <v>5331</v>
      </c>
      <c r="W687" s="47" t="s">
        <v>5331</v>
      </c>
      <c r="X687" s="47" t="s">
        <v>5331</v>
      </c>
      <c r="Y687" s="47" t="s">
        <v>5331</v>
      </c>
      <c r="Z687" s="28"/>
      <c r="AA687" s="27"/>
      <c r="AB687" s="27"/>
      <c r="AC687" s="27"/>
      <c r="AD687" s="30"/>
      <c r="AE687" s="1"/>
      <c r="AF687" s="23" t="s">
        <v>5331</v>
      </c>
      <c r="AG687" s="26"/>
      <c r="AH687" s="53"/>
    </row>
    <row r="688" spans="1:34" ht="51.6" customHeight="1" x14ac:dyDescent="0.45">
      <c r="A688" s="23">
        <v>682</v>
      </c>
      <c r="B688" s="25"/>
      <c r="C688" s="25"/>
      <c r="D688" s="29"/>
      <c r="E688" s="1"/>
      <c r="F688" s="1"/>
      <c r="G688" s="25"/>
      <c r="H688" s="71"/>
      <c r="I688" s="83"/>
      <c r="J688" s="50" t="str">
        <f t="shared" si="22"/>
        <v/>
      </c>
      <c r="K688" s="23" t="s">
        <v>7120</v>
      </c>
      <c r="L688" s="49" t="e">
        <f>VLOOKUP(E688&amp;F688,団体コード!$A$1:$C$1743,3,FALSE)</f>
        <v>#N/A</v>
      </c>
      <c r="M688" s="49" t="e">
        <f>VLOOKUP(E688&amp;F688,団体コード!$A$1:$C$1743,2,FALSE)</f>
        <v>#N/A</v>
      </c>
      <c r="N688" s="51" t="e">
        <f>VLOOKUP(E688,団体コード!$E$1:$F$48,2,FALSE)</f>
        <v>#N/A</v>
      </c>
      <c r="O688" s="51" t="e">
        <f t="shared" si="23"/>
        <v>#N/A</v>
      </c>
      <c r="P688" s="51">
        <v>1</v>
      </c>
      <c r="Q688" s="51" t="s">
        <v>5341</v>
      </c>
      <c r="R688" s="54" t="b">
        <v>1</v>
      </c>
      <c r="S688" s="52" t="s">
        <v>7126</v>
      </c>
      <c r="T688" s="67" t="s">
        <v>7127</v>
      </c>
      <c r="U688" s="75" t="s">
        <v>5331</v>
      </c>
      <c r="V688" s="47" t="s">
        <v>5331</v>
      </c>
      <c r="W688" s="47" t="s">
        <v>5331</v>
      </c>
      <c r="X688" s="47" t="s">
        <v>5331</v>
      </c>
      <c r="Y688" s="47" t="s">
        <v>5331</v>
      </c>
      <c r="Z688" s="28"/>
      <c r="AA688" s="27"/>
      <c r="AB688" s="27"/>
      <c r="AC688" s="27"/>
      <c r="AD688" s="30"/>
      <c r="AE688" s="1"/>
      <c r="AF688" s="23" t="s">
        <v>5331</v>
      </c>
      <c r="AG688" s="26"/>
      <c r="AH688" s="53"/>
    </row>
    <row r="689" spans="1:34" ht="51.6" customHeight="1" x14ac:dyDescent="0.45">
      <c r="A689" s="23">
        <v>683</v>
      </c>
      <c r="B689" s="25"/>
      <c r="C689" s="25"/>
      <c r="D689" s="29"/>
      <c r="E689" s="1"/>
      <c r="F689" s="1"/>
      <c r="G689" s="25"/>
      <c r="H689" s="71"/>
      <c r="I689" s="83"/>
      <c r="J689" s="50" t="str">
        <f t="shared" si="22"/>
        <v/>
      </c>
      <c r="K689" s="23" t="s">
        <v>7120</v>
      </c>
      <c r="L689" s="49" t="e">
        <f>VLOOKUP(E689&amp;F689,団体コード!$A$1:$C$1743,3,FALSE)</f>
        <v>#N/A</v>
      </c>
      <c r="M689" s="49" t="e">
        <f>VLOOKUP(E689&amp;F689,団体コード!$A$1:$C$1743,2,FALSE)</f>
        <v>#N/A</v>
      </c>
      <c r="N689" s="51" t="e">
        <f>VLOOKUP(E689,団体コード!$E$1:$F$48,2,FALSE)</f>
        <v>#N/A</v>
      </c>
      <c r="O689" s="51" t="e">
        <f t="shared" si="23"/>
        <v>#N/A</v>
      </c>
      <c r="P689" s="51">
        <v>1</v>
      </c>
      <c r="Q689" s="51" t="s">
        <v>5341</v>
      </c>
      <c r="R689" s="54" t="b">
        <v>1</v>
      </c>
      <c r="S689" s="52" t="s">
        <v>7126</v>
      </c>
      <c r="T689" s="67" t="s">
        <v>7127</v>
      </c>
      <c r="U689" s="75" t="s">
        <v>5331</v>
      </c>
      <c r="V689" s="47" t="s">
        <v>5331</v>
      </c>
      <c r="W689" s="47" t="s">
        <v>5331</v>
      </c>
      <c r="X689" s="47" t="s">
        <v>5331</v>
      </c>
      <c r="Y689" s="47" t="s">
        <v>5331</v>
      </c>
      <c r="Z689" s="28"/>
      <c r="AA689" s="27"/>
      <c r="AB689" s="27"/>
      <c r="AC689" s="27"/>
      <c r="AD689" s="30"/>
      <c r="AE689" s="1"/>
      <c r="AF689" s="23" t="s">
        <v>5331</v>
      </c>
      <c r="AG689" s="26"/>
      <c r="AH689" s="53"/>
    </row>
    <row r="690" spans="1:34" ht="51.6" customHeight="1" x14ac:dyDescent="0.45">
      <c r="A690" s="23">
        <v>684</v>
      </c>
      <c r="B690" s="25"/>
      <c r="C690" s="25"/>
      <c r="D690" s="29"/>
      <c r="E690" s="1"/>
      <c r="F690" s="1"/>
      <c r="G690" s="25"/>
      <c r="H690" s="71"/>
      <c r="I690" s="83"/>
      <c r="J690" s="50" t="str">
        <f t="shared" si="22"/>
        <v/>
      </c>
      <c r="K690" s="23" t="s">
        <v>7120</v>
      </c>
      <c r="L690" s="49" t="e">
        <f>VLOOKUP(E690&amp;F690,団体コード!$A$1:$C$1743,3,FALSE)</f>
        <v>#N/A</v>
      </c>
      <c r="M690" s="49" t="e">
        <f>VLOOKUP(E690&amp;F690,団体コード!$A$1:$C$1743,2,FALSE)</f>
        <v>#N/A</v>
      </c>
      <c r="N690" s="51" t="e">
        <f>VLOOKUP(E690,団体コード!$E$1:$F$48,2,FALSE)</f>
        <v>#N/A</v>
      </c>
      <c r="O690" s="51" t="e">
        <f t="shared" si="23"/>
        <v>#N/A</v>
      </c>
      <c r="P690" s="51">
        <v>1</v>
      </c>
      <c r="Q690" s="51" t="s">
        <v>5341</v>
      </c>
      <c r="R690" s="54" t="b">
        <v>1</v>
      </c>
      <c r="S690" s="52" t="s">
        <v>7126</v>
      </c>
      <c r="T690" s="67" t="s">
        <v>7127</v>
      </c>
      <c r="U690" s="75" t="s">
        <v>5331</v>
      </c>
      <c r="V690" s="47" t="s">
        <v>5331</v>
      </c>
      <c r="W690" s="47" t="s">
        <v>5331</v>
      </c>
      <c r="X690" s="47" t="s">
        <v>5331</v>
      </c>
      <c r="Y690" s="47" t="s">
        <v>5331</v>
      </c>
      <c r="Z690" s="28"/>
      <c r="AA690" s="27"/>
      <c r="AB690" s="27"/>
      <c r="AC690" s="27"/>
      <c r="AD690" s="30"/>
      <c r="AE690" s="1"/>
      <c r="AF690" s="23" t="s">
        <v>5331</v>
      </c>
      <c r="AG690" s="26"/>
      <c r="AH690" s="53"/>
    </row>
    <row r="691" spans="1:34" ht="51.6" customHeight="1" x14ac:dyDescent="0.45">
      <c r="A691" s="23">
        <v>685</v>
      </c>
      <c r="B691" s="25"/>
      <c r="C691" s="25"/>
      <c r="D691" s="29"/>
      <c r="E691" s="1"/>
      <c r="F691" s="1"/>
      <c r="G691" s="25"/>
      <c r="H691" s="71"/>
      <c r="I691" s="83"/>
      <c r="J691" s="50" t="str">
        <f t="shared" si="22"/>
        <v/>
      </c>
      <c r="K691" s="23" t="s">
        <v>7120</v>
      </c>
      <c r="L691" s="49" t="e">
        <f>VLOOKUP(E691&amp;F691,団体コード!$A$1:$C$1743,3,FALSE)</f>
        <v>#N/A</v>
      </c>
      <c r="M691" s="49" t="e">
        <f>VLOOKUP(E691&amp;F691,団体コード!$A$1:$C$1743,2,FALSE)</f>
        <v>#N/A</v>
      </c>
      <c r="N691" s="51" t="e">
        <f>VLOOKUP(E691,団体コード!$E$1:$F$48,2,FALSE)</f>
        <v>#N/A</v>
      </c>
      <c r="O691" s="51" t="e">
        <f t="shared" si="23"/>
        <v>#N/A</v>
      </c>
      <c r="P691" s="51">
        <v>1</v>
      </c>
      <c r="Q691" s="51" t="s">
        <v>5341</v>
      </c>
      <c r="R691" s="54" t="b">
        <v>1</v>
      </c>
      <c r="S691" s="52" t="s">
        <v>7126</v>
      </c>
      <c r="T691" s="67" t="s">
        <v>7127</v>
      </c>
      <c r="U691" s="75" t="s">
        <v>5331</v>
      </c>
      <c r="V691" s="47" t="s">
        <v>5331</v>
      </c>
      <c r="W691" s="47" t="s">
        <v>5331</v>
      </c>
      <c r="X691" s="47" t="s">
        <v>5331</v>
      </c>
      <c r="Y691" s="47" t="s">
        <v>5331</v>
      </c>
      <c r="Z691" s="28"/>
      <c r="AA691" s="27"/>
      <c r="AB691" s="27"/>
      <c r="AC691" s="27"/>
      <c r="AD691" s="30"/>
      <c r="AE691" s="1"/>
      <c r="AF691" s="23" t="s">
        <v>5331</v>
      </c>
      <c r="AG691" s="26"/>
      <c r="AH691" s="53"/>
    </row>
    <row r="692" spans="1:34" ht="51.6" customHeight="1" x14ac:dyDescent="0.45">
      <c r="A692" s="23">
        <v>686</v>
      </c>
      <c r="B692" s="25"/>
      <c r="C692" s="25"/>
      <c r="D692" s="29"/>
      <c r="E692" s="1"/>
      <c r="F692" s="1"/>
      <c r="G692" s="25"/>
      <c r="H692" s="71"/>
      <c r="I692" s="83"/>
      <c r="J692" s="50" t="str">
        <f t="shared" si="22"/>
        <v/>
      </c>
      <c r="K692" s="23" t="s">
        <v>7120</v>
      </c>
      <c r="L692" s="49" t="e">
        <f>VLOOKUP(E692&amp;F692,団体コード!$A$1:$C$1743,3,FALSE)</f>
        <v>#N/A</v>
      </c>
      <c r="M692" s="49" t="e">
        <f>VLOOKUP(E692&amp;F692,団体コード!$A$1:$C$1743,2,FALSE)</f>
        <v>#N/A</v>
      </c>
      <c r="N692" s="51" t="e">
        <f>VLOOKUP(E692,団体コード!$E$1:$F$48,2,FALSE)</f>
        <v>#N/A</v>
      </c>
      <c r="O692" s="51" t="e">
        <f t="shared" si="23"/>
        <v>#N/A</v>
      </c>
      <c r="P692" s="51">
        <v>1</v>
      </c>
      <c r="Q692" s="51" t="s">
        <v>5341</v>
      </c>
      <c r="R692" s="54" t="b">
        <v>1</v>
      </c>
      <c r="S692" s="52" t="s">
        <v>7126</v>
      </c>
      <c r="T692" s="67" t="s">
        <v>7127</v>
      </c>
      <c r="U692" s="75" t="s">
        <v>5331</v>
      </c>
      <c r="V692" s="47" t="s">
        <v>5331</v>
      </c>
      <c r="W692" s="47" t="s">
        <v>5331</v>
      </c>
      <c r="X692" s="47" t="s">
        <v>5331</v>
      </c>
      <c r="Y692" s="47" t="s">
        <v>5331</v>
      </c>
      <c r="Z692" s="28"/>
      <c r="AA692" s="27"/>
      <c r="AB692" s="27"/>
      <c r="AC692" s="27"/>
      <c r="AD692" s="30"/>
      <c r="AE692" s="1"/>
      <c r="AF692" s="23" t="s">
        <v>5331</v>
      </c>
      <c r="AG692" s="26"/>
      <c r="AH692" s="53"/>
    </row>
    <row r="693" spans="1:34" ht="51.6" customHeight="1" x14ac:dyDescent="0.45">
      <c r="A693" s="23">
        <v>687</v>
      </c>
      <c r="B693" s="25"/>
      <c r="C693" s="25"/>
      <c r="D693" s="29"/>
      <c r="E693" s="1"/>
      <c r="F693" s="1"/>
      <c r="G693" s="25"/>
      <c r="H693" s="71"/>
      <c r="I693" s="83"/>
      <c r="J693" s="50" t="str">
        <f t="shared" si="22"/>
        <v/>
      </c>
      <c r="K693" s="23" t="s">
        <v>7120</v>
      </c>
      <c r="L693" s="49" t="e">
        <f>VLOOKUP(E693&amp;F693,団体コード!$A$1:$C$1743,3,FALSE)</f>
        <v>#N/A</v>
      </c>
      <c r="M693" s="49" t="e">
        <f>VLOOKUP(E693&amp;F693,団体コード!$A$1:$C$1743,2,FALSE)</f>
        <v>#N/A</v>
      </c>
      <c r="N693" s="51" t="e">
        <f>VLOOKUP(E693,団体コード!$E$1:$F$48,2,FALSE)</f>
        <v>#N/A</v>
      </c>
      <c r="O693" s="51" t="e">
        <f t="shared" si="23"/>
        <v>#N/A</v>
      </c>
      <c r="P693" s="51">
        <v>1</v>
      </c>
      <c r="Q693" s="51" t="s">
        <v>5341</v>
      </c>
      <c r="R693" s="54" t="b">
        <v>1</v>
      </c>
      <c r="S693" s="52" t="s">
        <v>7126</v>
      </c>
      <c r="T693" s="67" t="s">
        <v>7127</v>
      </c>
      <c r="U693" s="75" t="s">
        <v>5331</v>
      </c>
      <c r="V693" s="47" t="s">
        <v>5331</v>
      </c>
      <c r="W693" s="47" t="s">
        <v>5331</v>
      </c>
      <c r="X693" s="47" t="s">
        <v>5331</v>
      </c>
      <c r="Y693" s="47" t="s">
        <v>5331</v>
      </c>
      <c r="Z693" s="28"/>
      <c r="AA693" s="27"/>
      <c r="AB693" s="27"/>
      <c r="AC693" s="27"/>
      <c r="AD693" s="30"/>
      <c r="AE693" s="1"/>
      <c r="AF693" s="23" t="s">
        <v>5331</v>
      </c>
      <c r="AG693" s="26"/>
      <c r="AH693" s="53"/>
    </row>
    <row r="694" spans="1:34" ht="51.6" customHeight="1" x14ac:dyDescent="0.45">
      <c r="A694" s="23">
        <v>688</v>
      </c>
      <c r="B694" s="25"/>
      <c r="C694" s="25"/>
      <c r="D694" s="29"/>
      <c r="E694" s="1"/>
      <c r="F694" s="1"/>
      <c r="G694" s="25"/>
      <c r="H694" s="71"/>
      <c r="I694" s="83"/>
      <c r="J694" s="50" t="str">
        <f t="shared" si="22"/>
        <v/>
      </c>
      <c r="K694" s="23" t="s">
        <v>7120</v>
      </c>
      <c r="L694" s="49" t="e">
        <f>VLOOKUP(E694&amp;F694,団体コード!$A$1:$C$1743,3,FALSE)</f>
        <v>#N/A</v>
      </c>
      <c r="M694" s="49" t="e">
        <f>VLOOKUP(E694&amp;F694,団体コード!$A$1:$C$1743,2,FALSE)</f>
        <v>#N/A</v>
      </c>
      <c r="N694" s="51" t="e">
        <f>VLOOKUP(E694,団体コード!$E$1:$F$48,2,FALSE)</f>
        <v>#N/A</v>
      </c>
      <c r="O694" s="51" t="e">
        <f t="shared" si="23"/>
        <v>#N/A</v>
      </c>
      <c r="P694" s="51">
        <v>1</v>
      </c>
      <c r="Q694" s="51" t="s">
        <v>5341</v>
      </c>
      <c r="R694" s="54" t="b">
        <v>1</v>
      </c>
      <c r="S694" s="52" t="s">
        <v>7126</v>
      </c>
      <c r="T694" s="67" t="s">
        <v>7127</v>
      </c>
      <c r="U694" s="75" t="s">
        <v>5331</v>
      </c>
      <c r="V694" s="47" t="s">
        <v>5331</v>
      </c>
      <c r="W694" s="47" t="s">
        <v>5331</v>
      </c>
      <c r="X694" s="47" t="s">
        <v>5331</v>
      </c>
      <c r="Y694" s="47" t="s">
        <v>5331</v>
      </c>
      <c r="Z694" s="28"/>
      <c r="AA694" s="27"/>
      <c r="AB694" s="27"/>
      <c r="AC694" s="27"/>
      <c r="AD694" s="30"/>
      <c r="AE694" s="1"/>
      <c r="AF694" s="23" t="s">
        <v>5331</v>
      </c>
      <c r="AG694" s="26"/>
      <c r="AH694" s="53"/>
    </row>
    <row r="695" spans="1:34" ht="51.6" customHeight="1" x14ac:dyDescent="0.45">
      <c r="A695" s="23">
        <v>689</v>
      </c>
      <c r="B695" s="25"/>
      <c r="C695" s="25"/>
      <c r="D695" s="29"/>
      <c r="E695" s="1"/>
      <c r="F695" s="1"/>
      <c r="G695" s="25"/>
      <c r="H695" s="71"/>
      <c r="I695" s="83"/>
      <c r="J695" s="50" t="str">
        <f t="shared" si="22"/>
        <v/>
      </c>
      <c r="K695" s="23" t="s">
        <v>7120</v>
      </c>
      <c r="L695" s="49" t="e">
        <f>VLOOKUP(E695&amp;F695,団体コード!$A$1:$C$1743,3,FALSE)</f>
        <v>#N/A</v>
      </c>
      <c r="M695" s="49" t="e">
        <f>VLOOKUP(E695&amp;F695,団体コード!$A$1:$C$1743,2,FALSE)</f>
        <v>#N/A</v>
      </c>
      <c r="N695" s="51" t="e">
        <f>VLOOKUP(E695,団体コード!$E$1:$F$48,2,FALSE)</f>
        <v>#N/A</v>
      </c>
      <c r="O695" s="51" t="e">
        <f t="shared" si="23"/>
        <v>#N/A</v>
      </c>
      <c r="P695" s="51">
        <v>1</v>
      </c>
      <c r="Q695" s="51" t="s">
        <v>5341</v>
      </c>
      <c r="R695" s="54" t="b">
        <v>1</v>
      </c>
      <c r="S695" s="52" t="s">
        <v>7126</v>
      </c>
      <c r="T695" s="67" t="s">
        <v>7127</v>
      </c>
      <c r="U695" s="75" t="s">
        <v>5331</v>
      </c>
      <c r="V695" s="47" t="s">
        <v>5331</v>
      </c>
      <c r="W695" s="47" t="s">
        <v>5331</v>
      </c>
      <c r="X695" s="47" t="s">
        <v>5331</v>
      </c>
      <c r="Y695" s="47" t="s">
        <v>5331</v>
      </c>
      <c r="Z695" s="28"/>
      <c r="AA695" s="27"/>
      <c r="AB695" s="27"/>
      <c r="AC695" s="27"/>
      <c r="AD695" s="30"/>
      <c r="AE695" s="1"/>
      <c r="AF695" s="23" t="s">
        <v>5331</v>
      </c>
      <c r="AG695" s="26"/>
      <c r="AH695" s="53"/>
    </row>
    <row r="696" spans="1:34" ht="51.6" customHeight="1" x14ac:dyDescent="0.45">
      <c r="A696" s="23">
        <v>690</v>
      </c>
      <c r="B696" s="25"/>
      <c r="C696" s="25"/>
      <c r="D696" s="29"/>
      <c r="E696" s="1"/>
      <c r="F696" s="1"/>
      <c r="G696" s="25"/>
      <c r="H696" s="71"/>
      <c r="I696" s="83"/>
      <c r="J696" s="50" t="str">
        <f t="shared" si="22"/>
        <v/>
      </c>
      <c r="K696" s="23" t="s">
        <v>7120</v>
      </c>
      <c r="L696" s="49" t="e">
        <f>VLOOKUP(E696&amp;F696,団体コード!$A$1:$C$1743,3,FALSE)</f>
        <v>#N/A</v>
      </c>
      <c r="M696" s="49" t="e">
        <f>VLOOKUP(E696&amp;F696,団体コード!$A$1:$C$1743,2,FALSE)</f>
        <v>#N/A</v>
      </c>
      <c r="N696" s="51" t="e">
        <f>VLOOKUP(E696,団体コード!$E$1:$F$48,2,FALSE)</f>
        <v>#N/A</v>
      </c>
      <c r="O696" s="51" t="e">
        <f t="shared" si="23"/>
        <v>#N/A</v>
      </c>
      <c r="P696" s="51">
        <v>1</v>
      </c>
      <c r="Q696" s="51" t="s">
        <v>5341</v>
      </c>
      <c r="R696" s="54" t="b">
        <v>1</v>
      </c>
      <c r="S696" s="52" t="s">
        <v>7126</v>
      </c>
      <c r="T696" s="67" t="s">
        <v>7127</v>
      </c>
      <c r="U696" s="75" t="s">
        <v>5331</v>
      </c>
      <c r="V696" s="47" t="s">
        <v>5331</v>
      </c>
      <c r="W696" s="47" t="s">
        <v>5331</v>
      </c>
      <c r="X696" s="47" t="s">
        <v>5331</v>
      </c>
      <c r="Y696" s="47" t="s">
        <v>5331</v>
      </c>
      <c r="Z696" s="28"/>
      <c r="AA696" s="27"/>
      <c r="AB696" s="27"/>
      <c r="AC696" s="27"/>
      <c r="AD696" s="30"/>
      <c r="AE696" s="1"/>
      <c r="AF696" s="23" t="s">
        <v>5331</v>
      </c>
      <c r="AG696" s="26"/>
      <c r="AH696" s="53"/>
    </row>
    <row r="697" spans="1:34" ht="51.6" customHeight="1" x14ac:dyDescent="0.45">
      <c r="A697" s="23">
        <v>691</v>
      </c>
      <c r="B697" s="25"/>
      <c r="C697" s="25"/>
      <c r="D697" s="29"/>
      <c r="E697" s="1"/>
      <c r="F697" s="1"/>
      <c r="G697" s="25"/>
      <c r="H697" s="71"/>
      <c r="I697" s="83"/>
      <c r="J697" s="50" t="str">
        <f t="shared" si="22"/>
        <v/>
      </c>
      <c r="K697" s="23" t="s">
        <v>7120</v>
      </c>
      <c r="L697" s="49" t="e">
        <f>VLOOKUP(E697&amp;F697,団体コード!$A$1:$C$1743,3,FALSE)</f>
        <v>#N/A</v>
      </c>
      <c r="M697" s="49" t="e">
        <f>VLOOKUP(E697&amp;F697,団体コード!$A$1:$C$1743,2,FALSE)</f>
        <v>#N/A</v>
      </c>
      <c r="N697" s="51" t="e">
        <f>VLOOKUP(E697,団体コード!$E$1:$F$48,2,FALSE)</f>
        <v>#N/A</v>
      </c>
      <c r="O697" s="51" t="e">
        <f t="shared" si="23"/>
        <v>#N/A</v>
      </c>
      <c r="P697" s="51">
        <v>1</v>
      </c>
      <c r="Q697" s="51" t="s">
        <v>5341</v>
      </c>
      <c r="R697" s="54" t="b">
        <v>1</v>
      </c>
      <c r="S697" s="52" t="s">
        <v>7126</v>
      </c>
      <c r="T697" s="67" t="s">
        <v>7127</v>
      </c>
      <c r="U697" s="75" t="s">
        <v>5331</v>
      </c>
      <c r="V697" s="47" t="s">
        <v>5331</v>
      </c>
      <c r="W697" s="47" t="s">
        <v>5331</v>
      </c>
      <c r="X697" s="47" t="s">
        <v>5331</v>
      </c>
      <c r="Y697" s="47" t="s">
        <v>5331</v>
      </c>
      <c r="Z697" s="28"/>
      <c r="AA697" s="27"/>
      <c r="AB697" s="27"/>
      <c r="AC697" s="27"/>
      <c r="AD697" s="30"/>
      <c r="AE697" s="1"/>
      <c r="AF697" s="23" t="s">
        <v>5331</v>
      </c>
      <c r="AG697" s="26"/>
      <c r="AH697" s="53"/>
    </row>
    <row r="698" spans="1:34" ht="51.6" customHeight="1" x14ac:dyDescent="0.45">
      <c r="A698" s="23">
        <v>692</v>
      </c>
      <c r="B698" s="25"/>
      <c r="C698" s="25"/>
      <c r="D698" s="29"/>
      <c r="E698" s="1"/>
      <c r="F698" s="1"/>
      <c r="G698" s="25"/>
      <c r="H698" s="71"/>
      <c r="I698" s="83"/>
      <c r="J698" s="50" t="str">
        <f t="shared" si="22"/>
        <v/>
      </c>
      <c r="K698" s="23" t="s">
        <v>7120</v>
      </c>
      <c r="L698" s="49" t="e">
        <f>VLOOKUP(E698&amp;F698,団体コード!$A$1:$C$1743,3,FALSE)</f>
        <v>#N/A</v>
      </c>
      <c r="M698" s="49" t="e">
        <f>VLOOKUP(E698&amp;F698,団体コード!$A$1:$C$1743,2,FALSE)</f>
        <v>#N/A</v>
      </c>
      <c r="N698" s="51" t="e">
        <f>VLOOKUP(E698,団体コード!$E$1:$F$48,2,FALSE)</f>
        <v>#N/A</v>
      </c>
      <c r="O698" s="51" t="e">
        <f t="shared" si="23"/>
        <v>#N/A</v>
      </c>
      <c r="P698" s="51">
        <v>1</v>
      </c>
      <c r="Q698" s="51" t="s">
        <v>5341</v>
      </c>
      <c r="R698" s="54" t="b">
        <v>1</v>
      </c>
      <c r="S698" s="52" t="s">
        <v>7126</v>
      </c>
      <c r="T698" s="67" t="s">
        <v>7127</v>
      </c>
      <c r="U698" s="75" t="s">
        <v>5331</v>
      </c>
      <c r="V698" s="47" t="s">
        <v>5331</v>
      </c>
      <c r="W698" s="47" t="s">
        <v>5331</v>
      </c>
      <c r="X698" s="47" t="s">
        <v>5331</v>
      </c>
      <c r="Y698" s="47" t="s">
        <v>5331</v>
      </c>
      <c r="Z698" s="28"/>
      <c r="AA698" s="27"/>
      <c r="AB698" s="27"/>
      <c r="AC698" s="27"/>
      <c r="AD698" s="30"/>
      <c r="AE698" s="1"/>
      <c r="AF698" s="23" t="s">
        <v>5331</v>
      </c>
      <c r="AG698" s="26"/>
      <c r="AH698" s="53"/>
    </row>
    <row r="699" spans="1:34" ht="51.6" customHeight="1" x14ac:dyDescent="0.45">
      <c r="A699" s="23">
        <v>693</v>
      </c>
      <c r="B699" s="25"/>
      <c r="C699" s="25"/>
      <c r="D699" s="29"/>
      <c r="E699" s="1"/>
      <c r="F699" s="1"/>
      <c r="G699" s="25"/>
      <c r="H699" s="71"/>
      <c r="I699" s="83"/>
      <c r="J699" s="50" t="str">
        <f t="shared" si="22"/>
        <v/>
      </c>
      <c r="K699" s="23" t="s">
        <v>7120</v>
      </c>
      <c r="L699" s="49" t="e">
        <f>VLOOKUP(E699&amp;F699,団体コード!$A$1:$C$1743,3,FALSE)</f>
        <v>#N/A</v>
      </c>
      <c r="M699" s="49" t="e">
        <f>VLOOKUP(E699&amp;F699,団体コード!$A$1:$C$1743,2,FALSE)</f>
        <v>#N/A</v>
      </c>
      <c r="N699" s="51" t="e">
        <f>VLOOKUP(E699,団体コード!$E$1:$F$48,2,FALSE)</f>
        <v>#N/A</v>
      </c>
      <c r="O699" s="51" t="e">
        <f t="shared" si="23"/>
        <v>#N/A</v>
      </c>
      <c r="P699" s="51">
        <v>1</v>
      </c>
      <c r="Q699" s="51" t="s">
        <v>5341</v>
      </c>
      <c r="R699" s="54" t="b">
        <v>1</v>
      </c>
      <c r="S699" s="52" t="s">
        <v>7126</v>
      </c>
      <c r="T699" s="67" t="s">
        <v>7127</v>
      </c>
      <c r="U699" s="75" t="s">
        <v>5331</v>
      </c>
      <c r="V699" s="47" t="s">
        <v>5331</v>
      </c>
      <c r="W699" s="47" t="s">
        <v>5331</v>
      </c>
      <c r="X699" s="47" t="s">
        <v>5331</v>
      </c>
      <c r="Y699" s="47" t="s">
        <v>5331</v>
      </c>
      <c r="Z699" s="28"/>
      <c r="AA699" s="27"/>
      <c r="AB699" s="27"/>
      <c r="AC699" s="27"/>
      <c r="AD699" s="30"/>
      <c r="AE699" s="1"/>
      <c r="AF699" s="23" t="s">
        <v>5331</v>
      </c>
      <c r="AG699" s="26"/>
      <c r="AH699" s="53"/>
    </row>
    <row r="700" spans="1:34" ht="51.6" customHeight="1" x14ac:dyDescent="0.45">
      <c r="A700" s="23">
        <v>694</v>
      </c>
      <c r="B700" s="25"/>
      <c r="C700" s="25"/>
      <c r="D700" s="29"/>
      <c r="E700" s="1"/>
      <c r="F700" s="1"/>
      <c r="G700" s="25"/>
      <c r="H700" s="71"/>
      <c r="I700" s="83"/>
      <c r="J700" s="50" t="str">
        <f t="shared" si="22"/>
        <v/>
      </c>
      <c r="K700" s="23" t="s">
        <v>7120</v>
      </c>
      <c r="L700" s="49" t="e">
        <f>VLOOKUP(E700&amp;F700,団体コード!$A$1:$C$1743,3,FALSE)</f>
        <v>#N/A</v>
      </c>
      <c r="M700" s="49" t="e">
        <f>VLOOKUP(E700&amp;F700,団体コード!$A$1:$C$1743,2,FALSE)</f>
        <v>#N/A</v>
      </c>
      <c r="N700" s="51" t="e">
        <f>VLOOKUP(E700,団体コード!$E$1:$F$48,2,FALSE)</f>
        <v>#N/A</v>
      </c>
      <c r="O700" s="51" t="e">
        <f t="shared" si="23"/>
        <v>#N/A</v>
      </c>
      <c r="P700" s="51">
        <v>1</v>
      </c>
      <c r="Q700" s="51" t="s">
        <v>5341</v>
      </c>
      <c r="R700" s="54" t="b">
        <v>1</v>
      </c>
      <c r="S700" s="52" t="s">
        <v>7126</v>
      </c>
      <c r="T700" s="67" t="s">
        <v>7127</v>
      </c>
      <c r="U700" s="75" t="s">
        <v>5331</v>
      </c>
      <c r="V700" s="47" t="s">
        <v>5331</v>
      </c>
      <c r="W700" s="47" t="s">
        <v>5331</v>
      </c>
      <c r="X700" s="47" t="s">
        <v>5331</v>
      </c>
      <c r="Y700" s="47" t="s">
        <v>5331</v>
      </c>
      <c r="Z700" s="28"/>
      <c r="AA700" s="27"/>
      <c r="AB700" s="27"/>
      <c r="AC700" s="27"/>
      <c r="AD700" s="30"/>
      <c r="AE700" s="1"/>
      <c r="AF700" s="23" t="s">
        <v>5331</v>
      </c>
      <c r="AG700" s="26"/>
      <c r="AH700" s="53"/>
    </row>
    <row r="701" spans="1:34" ht="51.6" customHeight="1" x14ac:dyDescent="0.45">
      <c r="A701" s="23">
        <v>695</v>
      </c>
      <c r="B701" s="25"/>
      <c r="C701" s="25"/>
      <c r="D701" s="29"/>
      <c r="E701" s="1"/>
      <c r="F701" s="1"/>
      <c r="G701" s="25"/>
      <c r="H701" s="71"/>
      <c r="I701" s="83"/>
      <c r="J701" s="50" t="str">
        <f t="shared" si="22"/>
        <v/>
      </c>
      <c r="K701" s="23" t="s">
        <v>7120</v>
      </c>
      <c r="L701" s="49" t="e">
        <f>VLOOKUP(E701&amp;F701,団体コード!$A$1:$C$1743,3,FALSE)</f>
        <v>#N/A</v>
      </c>
      <c r="M701" s="49" t="e">
        <f>VLOOKUP(E701&amp;F701,団体コード!$A$1:$C$1743,2,FALSE)</f>
        <v>#N/A</v>
      </c>
      <c r="N701" s="51" t="e">
        <f>VLOOKUP(E701,団体コード!$E$1:$F$48,2,FALSE)</f>
        <v>#N/A</v>
      </c>
      <c r="O701" s="51" t="e">
        <f t="shared" si="23"/>
        <v>#N/A</v>
      </c>
      <c r="P701" s="51">
        <v>1</v>
      </c>
      <c r="Q701" s="51" t="s">
        <v>5341</v>
      </c>
      <c r="R701" s="54" t="b">
        <v>1</v>
      </c>
      <c r="S701" s="52" t="s">
        <v>7126</v>
      </c>
      <c r="T701" s="67" t="s">
        <v>7127</v>
      </c>
      <c r="U701" s="75" t="s">
        <v>5331</v>
      </c>
      <c r="V701" s="47" t="s">
        <v>5331</v>
      </c>
      <c r="W701" s="47" t="s">
        <v>5331</v>
      </c>
      <c r="X701" s="47" t="s">
        <v>5331</v>
      </c>
      <c r="Y701" s="47" t="s">
        <v>5331</v>
      </c>
      <c r="Z701" s="28"/>
      <c r="AA701" s="27"/>
      <c r="AB701" s="27"/>
      <c r="AC701" s="27"/>
      <c r="AD701" s="30"/>
      <c r="AE701" s="1"/>
      <c r="AF701" s="23" t="s">
        <v>5331</v>
      </c>
      <c r="AG701" s="26"/>
      <c r="AH701" s="53"/>
    </row>
    <row r="702" spans="1:34" ht="51.6" customHeight="1" x14ac:dyDescent="0.45">
      <c r="A702" s="23">
        <v>696</v>
      </c>
      <c r="B702" s="25"/>
      <c r="C702" s="25"/>
      <c r="D702" s="29"/>
      <c r="E702" s="1"/>
      <c r="F702" s="1"/>
      <c r="G702" s="25"/>
      <c r="H702" s="71"/>
      <c r="I702" s="83"/>
      <c r="J702" s="50" t="str">
        <f t="shared" si="22"/>
        <v/>
      </c>
      <c r="K702" s="23" t="s">
        <v>7120</v>
      </c>
      <c r="L702" s="49" t="e">
        <f>VLOOKUP(E702&amp;F702,団体コード!$A$1:$C$1743,3,FALSE)</f>
        <v>#N/A</v>
      </c>
      <c r="M702" s="49" t="e">
        <f>VLOOKUP(E702&amp;F702,団体コード!$A$1:$C$1743,2,FALSE)</f>
        <v>#N/A</v>
      </c>
      <c r="N702" s="51" t="e">
        <f>VLOOKUP(E702,団体コード!$E$1:$F$48,2,FALSE)</f>
        <v>#N/A</v>
      </c>
      <c r="O702" s="51" t="e">
        <f t="shared" si="23"/>
        <v>#N/A</v>
      </c>
      <c r="P702" s="51">
        <v>1</v>
      </c>
      <c r="Q702" s="51" t="s">
        <v>5341</v>
      </c>
      <c r="R702" s="54" t="b">
        <v>1</v>
      </c>
      <c r="S702" s="52" t="s">
        <v>7126</v>
      </c>
      <c r="T702" s="67" t="s">
        <v>7127</v>
      </c>
      <c r="U702" s="75" t="s">
        <v>5331</v>
      </c>
      <c r="V702" s="47" t="s">
        <v>5331</v>
      </c>
      <c r="W702" s="47" t="s">
        <v>5331</v>
      </c>
      <c r="X702" s="47" t="s">
        <v>5331</v>
      </c>
      <c r="Y702" s="47" t="s">
        <v>5331</v>
      </c>
      <c r="Z702" s="28"/>
      <c r="AA702" s="27"/>
      <c r="AB702" s="27"/>
      <c r="AC702" s="27"/>
      <c r="AD702" s="30"/>
      <c r="AE702" s="1"/>
      <c r="AF702" s="23" t="s">
        <v>5331</v>
      </c>
      <c r="AG702" s="26"/>
      <c r="AH702" s="53"/>
    </row>
    <row r="703" spans="1:34" ht="51.6" customHeight="1" x14ac:dyDescent="0.45">
      <c r="A703" s="23">
        <v>697</v>
      </c>
      <c r="B703" s="25"/>
      <c r="C703" s="25"/>
      <c r="D703" s="29"/>
      <c r="E703" s="1"/>
      <c r="F703" s="1"/>
      <c r="G703" s="25"/>
      <c r="H703" s="71"/>
      <c r="I703" s="83"/>
      <c r="J703" s="50" t="str">
        <f t="shared" si="22"/>
        <v/>
      </c>
      <c r="K703" s="23" t="s">
        <v>7120</v>
      </c>
      <c r="L703" s="49" t="e">
        <f>VLOOKUP(E703&amp;F703,団体コード!$A$1:$C$1743,3,FALSE)</f>
        <v>#N/A</v>
      </c>
      <c r="M703" s="49" t="e">
        <f>VLOOKUP(E703&amp;F703,団体コード!$A$1:$C$1743,2,FALSE)</f>
        <v>#N/A</v>
      </c>
      <c r="N703" s="51" t="e">
        <f>VLOOKUP(E703,団体コード!$E$1:$F$48,2,FALSE)</f>
        <v>#N/A</v>
      </c>
      <c r="O703" s="51" t="e">
        <f t="shared" si="23"/>
        <v>#N/A</v>
      </c>
      <c r="P703" s="51">
        <v>1</v>
      </c>
      <c r="Q703" s="51" t="s">
        <v>5341</v>
      </c>
      <c r="R703" s="54" t="b">
        <v>1</v>
      </c>
      <c r="S703" s="52" t="s">
        <v>7126</v>
      </c>
      <c r="T703" s="67" t="s">
        <v>7127</v>
      </c>
      <c r="U703" s="75" t="s">
        <v>5331</v>
      </c>
      <c r="V703" s="47" t="s">
        <v>5331</v>
      </c>
      <c r="W703" s="47" t="s">
        <v>5331</v>
      </c>
      <c r="X703" s="47" t="s">
        <v>5331</v>
      </c>
      <c r="Y703" s="47" t="s">
        <v>5331</v>
      </c>
      <c r="Z703" s="28"/>
      <c r="AA703" s="27"/>
      <c r="AB703" s="27"/>
      <c r="AC703" s="27"/>
      <c r="AD703" s="30"/>
      <c r="AE703" s="1"/>
      <c r="AF703" s="23" t="s">
        <v>5331</v>
      </c>
      <c r="AG703" s="26"/>
      <c r="AH703" s="53"/>
    </row>
    <row r="704" spans="1:34" ht="51.6" customHeight="1" x14ac:dyDescent="0.45">
      <c r="A704" s="23">
        <v>698</v>
      </c>
      <c r="B704" s="25"/>
      <c r="C704" s="25"/>
      <c r="D704" s="29"/>
      <c r="E704" s="1"/>
      <c r="F704" s="1"/>
      <c r="G704" s="25"/>
      <c r="H704" s="71"/>
      <c r="I704" s="83"/>
      <c r="J704" s="50" t="str">
        <f t="shared" si="22"/>
        <v/>
      </c>
      <c r="K704" s="23" t="s">
        <v>7120</v>
      </c>
      <c r="L704" s="49" t="e">
        <f>VLOOKUP(E704&amp;F704,団体コード!$A$1:$C$1743,3,FALSE)</f>
        <v>#N/A</v>
      </c>
      <c r="M704" s="49" t="e">
        <f>VLOOKUP(E704&amp;F704,団体コード!$A$1:$C$1743,2,FALSE)</f>
        <v>#N/A</v>
      </c>
      <c r="N704" s="51" t="e">
        <f>VLOOKUP(E704,団体コード!$E$1:$F$48,2,FALSE)</f>
        <v>#N/A</v>
      </c>
      <c r="O704" s="51" t="e">
        <f t="shared" si="23"/>
        <v>#N/A</v>
      </c>
      <c r="P704" s="51">
        <v>1</v>
      </c>
      <c r="Q704" s="51" t="s">
        <v>5341</v>
      </c>
      <c r="R704" s="54" t="b">
        <v>1</v>
      </c>
      <c r="S704" s="52" t="s">
        <v>7126</v>
      </c>
      <c r="T704" s="67" t="s">
        <v>7127</v>
      </c>
      <c r="U704" s="75" t="s">
        <v>5331</v>
      </c>
      <c r="V704" s="47" t="s">
        <v>5331</v>
      </c>
      <c r="W704" s="47" t="s">
        <v>5331</v>
      </c>
      <c r="X704" s="47" t="s">
        <v>5331</v>
      </c>
      <c r="Y704" s="47" t="s">
        <v>5331</v>
      </c>
      <c r="Z704" s="28"/>
      <c r="AA704" s="27"/>
      <c r="AB704" s="27"/>
      <c r="AC704" s="27"/>
      <c r="AD704" s="30"/>
      <c r="AE704" s="1"/>
      <c r="AF704" s="23" t="s">
        <v>5331</v>
      </c>
      <c r="AG704" s="26"/>
      <c r="AH704" s="53"/>
    </row>
    <row r="705" spans="1:34" ht="51.6" customHeight="1" x14ac:dyDescent="0.45">
      <c r="A705" s="23">
        <v>699</v>
      </c>
      <c r="B705" s="25"/>
      <c r="C705" s="25"/>
      <c r="D705" s="29"/>
      <c r="E705" s="1"/>
      <c r="F705" s="1"/>
      <c r="G705" s="25"/>
      <c r="H705" s="71"/>
      <c r="I705" s="83"/>
      <c r="J705" s="50" t="str">
        <f t="shared" si="22"/>
        <v/>
      </c>
      <c r="K705" s="23" t="s">
        <v>7120</v>
      </c>
      <c r="L705" s="49" t="e">
        <f>VLOOKUP(E705&amp;F705,団体コード!$A$1:$C$1743,3,FALSE)</f>
        <v>#N/A</v>
      </c>
      <c r="M705" s="49" t="e">
        <f>VLOOKUP(E705&amp;F705,団体コード!$A$1:$C$1743,2,FALSE)</f>
        <v>#N/A</v>
      </c>
      <c r="N705" s="51" t="e">
        <f>VLOOKUP(E705,団体コード!$E$1:$F$48,2,FALSE)</f>
        <v>#N/A</v>
      </c>
      <c r="O705" s="51" t="e">
        <f t="shared" si="23"/>
        <v>#N/A</v>
      </c>
      <c r="P705" s="51">
        <v>1</v>
      </c>
      <c r="Q705" s="51" t="s">
        <v>5341</v>
      </c>
      <c r="R705" s="54" t="b">
        <v>1</v>
      </c>
      <c r="S705" s="52" t="s">
        <v>7126</v>
      </c>
      <c r="T705" s="67" t="s">
        <v>7127</v>
      </c>
      <c r="U705" s="75" t="s">
        <v>5331</v>
      </c>
      <c r="V705" s="47" t="s">
        <v>5331</v>
      </c>
      <c r="W705" s="47" t="s">
        <v>5331</v>
      </c>
      <c r="X705" s="47" t="s">
        <v>5331</v>
      </c>
      <c r="Y705" s="47" t="s">
        <v>5331</v>
      </c>
      <c r="Z705" s="28"/>
      <c r="AA705" s="27"/>
      <c r="AB705" s="27"/>
      <c r="AC705" s="27"/>
      <c r="AD705" s="30"/>
      <c r="AE705" s="1"/>
      <c r="AF705" s="23" t="s">
        <v>5331</v>
      </c>
      <c r="AG705" s="26"/>
      <c r="AH705" s="53"/>
    </row>
    <row r="706" spans="1:34" ht="51.6" customHeight="1" x14ac:dyDescent="0.45">
      <c r="A706" s="23">
        <v>700</v>
      </c>
      <c r="B706" s="25"/>
      <c r="C706" s="25"/>
      <c r="D706" s="29"/>
      <c r="E706" s="1"/>
      <c r="F706" s="1"/>
      <c r="G706" s="25"/>
      <c r="H706" s="71"/>
      <c r="I706" s="83"/>
      <c r="J706" s="50" t="str">
        <f t="shared" si="22"/>
        <v/>
      </c>
      <c r="K706" s="23" t="s">
        <v>7120</v>
      </c>
      <c r="L706" s="49" t="e">
        <f>VLOOKUP(E706&amp;F706,団体コード!$A$1:$C$1743,3,FALSE)</f>
        <v>#N/A</v>
      </c>
      <c r="M706" s="49" t="e">
        <f>VLOOKUP(E706&amp;F706,団体コード!$A$1:$C$1743,2,FALSE)</f>
        <v>#N/A</v>
      </c>
      <c r="N706" s="51" t="e">
        <f>VLOOKUP(E706,団体コード!$E$1:$F$48,2,FALSE)</f>
        <v>#N/A</v>
      </c>
      <c r="O706" s="51" t="e">
        <f t="shared" si="23"/>
        <v>#N/A</v>
      </c>
      <c r="P706" s="51">
        <v>1</v>
      </c>
      <c r="Q706" s="51" t="s">
        <v>5341</v>
      </c>
      <c r="R706" s="54" t="b">
        <v>1</v>
      </c>
      <c r="S706" s="52" t="s">
        <v>7126</v>
      </c>
      <c r="T706" s="67" t="s">
        <v>7127</v>
      </c>
      <c r="U706" s="75" t="s">
        <v>5331</v>
      </c>
      <c r="V706" s="47" t="s">
        <v>5331</v>
      </c>
      <c r="W706" s="47" t="s">
        <v>5331</v>
      </c>
      <c r="X706" s="47" t="s">
        <v>5331</v>
      </c>
      <c r="Y706" s="47" t="s">
        <v>5331</v>
      </c>
      <c r="Z706" s="28"/>
      <c r="AA706" s="27"/>
      <c r="AB706" s="27"/>
      <c r="AC706" s="27"/>
      <c r="AD706" s="30"/>
      <c r="AE706" s="1"/>
      <c r="AF706" s="23" t="s">
        <v>5331</v>
      </c>
      <c r="AG706" s="26"/>
      <c r="AH706" s="53"/>
    </row>
    <row r="707" spans="1:34" ht="51.6" customHeight="1" x14ac:dyDescent="0.45">
      <c r="A707" s="23">
        <v>701</v>
      </c>
      <c r="B707" s="25"/>
      <c r="C707" s="25"/>
      <c r="D707" s="29"/>
      <c r="E707" s="1"/>
      <c r="F707" s="1"/>
      <c r="G707" s="25"/>
      <c r="H707" s="71"/>
      <c r="I707" s="83"/>
      <c r="J707" s="50" t="str">
        <f t="shared" si="22"/>
        <v/>
      </c>
      <c r="K707" s="23" t="s">
        <v>7120</v>
      </c>
      <c r="L707" s="49" t="e">
        <f>VLOOKUP(E707&amp;F707,団体コード!$A$1:$C$1743,3,FALSE)</f>
        <v>#N/A</v>
      </c>
      <c r="M707" s="49" t="e">
        <f>VLOOKUP(E707&amp;F707,団体コード!$A$1:$C$1743,2,FALSE)</f>
        <v>#N/A</v>
      </c>
      <c r="N707" s="51" t="e">
        <f>VLOOKUP(E707,団体コード!$E$1:$F$48,2,FALSE)</f>
        <v>#N/A</v>
      </c>
      <c r="O707" s="51" t="e">
        <f t="shared" si="23"/>
        <v>#N/A</v>
      </c>
      <c r="P707" s="51">
        <v>1</v>
      </c>
      <c r="Q707" s="51" t="s">
        <v>5341</v>
      </c>
      <c r="R707" s="54" t="b">
        <v>1</v>
      </c>
      <c r="S707" s="52" t="s">
        <v>7126</v>
      </c>
      <c r="T707" s="67" t="s">
        <v>7127</v>
      </c>
      <c r="U707" s="75" t="s">
        <v>5331</v>
      </c>
      <c r="V707" s="47" t="s">
        <v>5331</v>
      </c>
      <c r="W707" s="47" t="s">
        <v>5331</v>
      </c>
      <c r="X707" s="47" t="s">
        <v>5331</v>
      </c>
      <c r="Y707" s="47" t="s">
        <v>5331</v>
      </c>
      <c r="Z707" s="28"/>
      <c r="AA707" s="27"/>
      <c r="AB707" s="27"/>
      <c r="AC707" s="27"/>
      <c r="AD707" s="30"/>
      <c r="AE707" s="1"/>
      <c r="AF707" s="23" t="s">
        <v>5331</v>
      </c>
      <c r="AG707" s="26"/>
      <c r="AH707" s="53"/>
    </row>
    <row r="708" spans="1:34" ht="51.6" customHeight="1" x14ac:dyDescent="0.45">
      <c r="A708" s="23">
        <v>702</v>
      </c>
      <c r="B708" s="25"/>
      <c r="C708" s="25"/>
      <c r="D708" s="29"/>
      <c r="E708" s="1"/>
      <c r="F708" s="1"/>
      <c r="G708" s="25"/>
      <c r="H708" s="71"/>
      <c r="I708" s="83"/>
      <c r="J708" s="50" t="str">
        <f t="shared" si="22"/>
        <v/>
      </c>
      <c r="K708" s="23" t="s">
        <v>7120</v>
      </c>
      <c r="L708" s="49" t="e">
        <f>VLOOKUP(E708&amp;F708,団体コード!$A$1:$C$1743,3,FALSE)</f>
        <v>#N/A</v>
      </c>
      <c r="M708" s="49" t="e">
        <f>VLOOKUP(E708&amp;F708,団体コード!$A$1:$C$1743,2,FALSE)</f>
        <v>#N/A</v>
      </c>
      <c r="N708" s="51" t="e">
        <f>VLOOKUP(E708,団体コード!$E$1:$F$48,2,FALSE)</f>
        <v>#N/A</v>
      </c>
      <c r="O708" s="51" t="e">
        <f t="shared" si="23"/>
        <v>#N/A</v>
      </c>
      <c r="P708" s="51">
        <v>1</v>
      </c>
      <c r="Q708" s="51" t="s">
        <v>5341</v>
      </c>
      <c r="R708" s="54" t="b">
        <v>1</v>
      </c>
      <c r="S708" s="52" t="s">
        <v>7126</v>
      </c>
      <c r="T708" s="67" t="s">
        <v>7127</v>
      </c>
      <c r="U708" s="75" t="s">
        <v>5331</v>
      </c>
      <c r="V708" s="47" t="s">
        <v>5331</v>
      </c>
      <c r="W708" s="47" t="s">
        <v>5331</v>
      </c>
      <c r="X708" s="47" t="s">
        <v>5331</v>
      </c>
      <c r="Y708" s="47" t="s">
        <v>5331</v>
      </c>
      <c r="Z708" s="28"/>
      <c r="AA708" s="27"/>
      <c r="AB708" s="27"/>
      <c r="AC708" s="27"/>
      <c r="AD708" s="30"/>
      <c r="AE708" s="1"/>
      <c r="AF708" s="23" t="s">
        <v>5331</v>
      </c>
      <c r="AG708" s="26"/>
      <c r="AH708" s="53"/>
    </row>
    <row r="709" spans="1:34" ht="51.6" customHeight="1" x14ac:dyDescent="0.45">
      <c r="A709" s="23">
        <v>703</v>
      </c>
      <c r="B709" s="25"/>
      <c r="C709" s="25"/>
      <c r="D709" s="29"/>
      <c r="E709" s="1"/>
      <c r="F709" s="1"/>
      <c r="G709" s="25"/>
      <c r="H709" s="71"/>
      <c r="I709" s="83"/>
      <c r="J709" s="50" t="str">
        <f t="shared" si="22"/>
        <v/>
      </c>
      <c r="K709" s="23" t="s">
        <v>7120</v>
      </c>
      <c r="L709" s="49" t="e">
        <f>VLOOKUP(E709&amp;F709,団体コード!$A$1:$C$1743,3,FALSE)</f>
        <v>#N/A</v>
      </c>
      <c r="M709" s="49" t="e">
        <f>VLOOKUP(E709&amp;F709,団体コード!$A$1:$C$1743,2,FALSE)</f>
        <v>#N/A</v>
      </c>
      <c r="N709" s="51" t="e">
        <f>VLOOKUP(E709,団体コード!$E$1:$F$48,2,FALSE)</f>
        <v>#N/A</v>
      </c>
      <c r="O709" s="51" t="e">
        <f t="shared" si="23"/>
        <v>#N/A</v>
      </c>
      <c r="P709" s="51">
        <v>1</v>
      </c>
      <c r="Q709" s="51" t="s">
        <v>5341</v>
      </c>
      <c r="R709" s="54" t="b">
        <v>1</v>
      </c>
      <c r="S709" s="52" t="s">
        <v>7126</v>
      </c>
      <c r="T709" s="67" t="s">
        <v>7127</v>
      </c>
      <c r="U709" s="75" t="s">
        <v>5331</v>
      </c>
      <c r="V709" s="47" t="s">
        <v>5331</v>
      </c>
      <c r="W709" s="47" t="s">
        <v>5331</v>
      </c>
      <c r="X709" s="47" t="s">
        <v>5331</v>
      </c>
      <c r="Y709" s="47" t="s">
        <v>5331</v>
      </c>
      <c r="Z709" s="28"/>
      <c r="AA709" s="27"/>
      <c r="AB709" s="27"/>
      <c r="AC709" s="27"/>
      <c r="AD709" s="30"/>
      <c r="AE709" s="1"/>
      <c r="AF709" s="23" t="s">
        <v>5331</v>
      </c>
      <c r="AG709" s="26"/>
      <c r="AH709" s="53"/>
    </row>
    <row r="710" spans="1:34" ht="51.6" customHeight="1" x14ac:dyDescent="0.45">
      <c r="A710" s="23">
        <v>704</v>
      </c>
      <c r="B710" s="25"/>
      <c r="C710" s="25"/>
      <c r="D710" s="29"/>
      <c r="E710" s="1"/>
      <c r="F710" s="1"/>
      <c r="G710" s="25"/>
      <c r="H710" s="71"/>
      <c r="I710" s="83"/>
      <c r="J710" s="50" t="str">
        <f t="shared" si="22"/>
        <v/>
      </c>
      <c r="K710" s="23" t="s">
        <v>7120</v>
      </c>
      <c r="L710" s="49" t="e">
        <f>VLOOKUP(E710&amp;F710,団体コード!$A$1:$C$1743,3,FALSE)</f>
        <v>#N/A</v>
      </c>
      <c r="M710" s="49" t="e">
        <f>VLOOKUP(E710&amp;F710,団体コード!$A$1:$C$1743,2,FALSE)</f>
        <v>#N/A</v>
      </c>
      <c r="N710" s="51" t="e">
        <f>VLOOKUP(E710,団体コード!$E$1:$F$48,2,FALSE)</f>
        <v>#N/A</v>
      </c>
      <c r="O710" s="51" t="e">
        <f t="shared" si="23"/>
        <v>#N/A</v>
      </c>
      <c r="P710" s="51">
        <v>1</v>
      </c>
      <c r="Q710" s="51" t="s">
        <v>5341</v>
      </c>
      <c r="R710" s="54" t="b">
        <v>1</v>
      </c>
      <c r="S710" s="52" t="s">
        <v>7126</v>
      </c>
      <c r="T710" s="67" t="s">
        <v>7127</v>
      </c>
      <c r="U710" s="75" t="s">
        <v>5331</v>
      </c>
      <c r="V710" s="47" t="s">
        <v>5331</v>
      </c>
      <c r="W710" s="47" t="s">
        <v>5331</v>
      </c>
      <c r="X710" s="47" t="s">
        <v>5331</v>
      </c>
      <c r="Y710" s="47" t="s">
        <v>5331</v>
      </c>
      <c r="Z710" s="28"/>
      <c r="AA710" s="27"/>
      <c r="AB710" s="27"/>
      <c r="AC710" s="27"/>
      <c r="AD710" s="30"/>
      <c r="AE710" s="1"/>
      <c r="AF710" s="23" t="s">
        <v>5331</v>
      </c>
      <c r="AG710" s="26"/>
      <c r="AH710" s="53"/>
    </row>
    <row r="711" spans="1:34" ht="51.6" customHeight="1" x14ac:dyDescent="0.45">
      <c r="A711" s="23">
        <v>705</v>
      </c>
      <c r="B711" s="25"/>
      <c r="C711" s="25"/>
      <c r="D711" s="29"/>
      <c r="E711" s="1"/>
      <c r="F711" s="1"/>
      <c r="G711" s="25"/>
      <c r="H711" s="71"/>
      <c r="I711" s="83"/>
      <c r="J711" s="50" t="str">
        <f t="shared" si="22"/>
        <v/>
      </c>
      <c r="K711" s="23" t="s">
        <v>7120</v>
      </c>
      <c r="L711" s="49" t="e">
        <f>VLOOKUP(E711&amp;F711,団体コード!$A$1:$C$1743,3,FALSE)</f>
        <v>#N/A</v>
      </c>
      <c r="M711" s="49" t="e">
        <f>VLOOKUP(E711&amp;F711,団体コード!$A$1:$C$1743,2,FALSE)</f>
        <v>#N/A</v>
      </c>
      <c r="N711" s="51" t="e">
        <f>VLOOKUP(E711,団体コード!$E$1:$F$48,2,FALSE)</f>
        <v>#N/A</v>
      </c>
      <c r="O711" s="51" t="e">
        <f t="shared" si="23"/>
        <v>#N/A</v>
      </c>
      <c r="P711" s="51">
        <v>1</v>
      </c>
      <c r="Q711" s="51" t="s">
        <v>5341</v>
      </c>
      <c r="R711" s="54" t="b">
        <v>1</v>
      </c>
      <c r="S711" s="52" t="s">
        <v>7126</v>
      </c>
      <c r="T711" s="67" t="s">
        <v>7127</v>
      </c>
      <c r="U711" s="75" t="s">
        <v>5331</v>
      </c>
      <c r="V711" s="47" t="s">
        <v>5331</v>
      </c>
      <c r="W711" s="47" t="s">
        <v>5331</v>
      </c>
      <c r="X711" s="47" t="s">
        <v>5331</v>
      </c>
      <c r="Y711" s="47" t="s">
        <v>5331</v>
      </c>
      <c r="Z711" s="28"/>
      <c r="AA711" s="27"/>
      <c r="AB711" s="27"/>
      <c r="AC711" s="27"/>
      <c r="AD711" s="30"/>
      <c r="AE711" s="1"/>
      <c r="AF711" s="23" t="s">
        <v>5331</v>
      </c>
      <c r="AG711" s="26"/>
      <c r="AH711" s="53"/>
    </row>
    <row r="712" spans="1:34" ht="51.6" customHeight="1" x14ac:dyDescent="0.45">
      <c r="A712" s="23">
        <v>706</v>
      </c>
      <c r="B712" s="25"/>
      <c r="C712" s="25"/>
      <c r="D712" s="29"/>
      <c r="E712" s="1"/>
      <c r="F712" s="1"/>
      <c r="G712" s="25"/>
      <c r="H712" s="71"/>
      <c r="I712" s="83"/>
      <c r="J712" s="50" t="str">
        <f t="shared" ref="J712:J775" si="24">E712&amp;F712&amp;G712</f>
        <v/>
      </c>
      <c r="K712" s="23" t="s">
        <v>7120</v>
      </c>
      <c r="L712" s="49" t="e">
        <f>VLOOKUP(E712&amp;F712,団体コード!$A$1:$C$1743,3,FALSE)</f>
        <v>#N/A</v>
      </c>
      <c r="M712" s="49" t="e">
        <f>VLOOKUP(E712&amp;F712,団体コード!$A$1:$C$1743,2,FALSE)</f>
        <v>#N/A</v>
      </c>
      <c r="N712" s="51" t="e">
        <f>VLOOKUP(E712,団体コード!$E$1:$F$48,2,FALSE)</f>
        <v>#N/A</v>
      </c>
      <c r="O712" s="51" t="e">
        <f t="shared" ref="O712:O775" si="25">N712</f>
        <v>#N/A</v>
      </c>
      <c r="P712" s="51">
        <v>1</v>
      </c>
      <c r="Q712" s="51" t="s">
        <v>5341</v>
      </c>
      <c r="R712" s="54" t="b">
        <v>1</v>
      </c>
      <c r="S712" s="52" t="s">
        <v>7126</v>
      </c>
      <c r="T712" s="67" t="s">
        <v>7127</v>
      </c>
      <c r="U712" s="75" t="s">
        <v>5331</v>
      </c>
      <c r="V712" s="47" t="s">
        <v>5331</v>
      </c>
      <c r="W712" s="47" t="s">
        <v>5331</v>
      </c>
      <c r="X712" s="47" t="s">
        <v>5331</v>
      </c>
      <c r="Y712" s="47" t="s">
        <v>5331</v>
      </c>
      <c r="Z712" s="28"/>
      <c r="AA712" s="27"/>
      <c r="AB712" s="27"/>
      <c r="AC712" s="27"/>
      <c r="AD712" s="30"/>
      <c r="AE712" s="1"/>
      <c r="AF712" s="23" t="s">
        <v>5331</v>
      </c>
      <c r="AG712" s="26"/>
      <c r="AH712" s="53"/>
    </row>
    <row r="713" spans="1:34" ht="51.6" customHeight="1" x14ac:dyDescent="0.45">
      <c r="A713" s="23">
        <v>707</v>
      </c>
      <c r="B713" s="25"/>
      <c r="C713" s="25"/>
      <c r="D713" s="29"/>
      <c r="E713" s="1"/>
      <c r="F713" s="1"/>
      <c r="G713" s="25"/>
      <c r="H713" s="71"/>
      <c r="I713" s="83"/>
      <c r="J713" s="50" t="str">
        <f t="shared" si="24"/>
        <v/>
      </c>
      <c r="K713" s="23" t="s">
        <v>7120</v>
      </c>
      <c r="L713" s="49" t="e">
        <f>VLOOKUP(E713&amp;F713,団体コード!$A$1:$C$1743,3,FALSE)</f>
        <v>#N/A</v>
      </c>
      <c r="M713" s="49" t="e">
        <f>VLOOKUP(E713&amp;F713,団体コード!$A$1:$C$1743,2,FALSE)</f>
        <v>#N/A</v>
      </c>
      <c r="N713" s="51" t="e">
        <f>VLOOKUP(E713,団体コード!$E$1:$F$48,2,FALSE)</f>
        <v>#N/A</v>
      </c>
      <c r="O713" s="51" t="e">
        <f t="shared" si="25"/>
        <v>#N/A</v>
      </c>
      <c r="P713" s="51">
        <v>1</v>
      </c>
      <c r="Q713" s="51" t="s">
        <v>5341</v>
      </c>
      <c r="R713" s="54" t="b">
        <v>1</v>
      </c>
      <c r="S713" s="52" t="s">
        <v>7126</v>
      </c>
      <c r="T713" s="67" t="s">
        <v>7127</v>
      </c>
      <c r="U713" s="75" t="s">
        <v>5331</v>
      </c>
      <c r="V713" s="47" t="s">
        <v>5331</v>
      </c>
      <c r="W713" s="47" t="s">
        <v>5331</v>
      </c>
      <c r="X713" s="47" t="s">
        <v>5331</v>
      </c>
      <c r="Y713" s="47" t="s">
        <v>5331</v>
      </c>
      <c r="Z713" s="28"/>
      <c r="AA713" s="27"/>
      <c r="AB713" s="27"/>
      <c r="AC713" s="27"/>
      <c r="AD713" s="30"/>
      <c r="AE713" s="1"/>
      <c r="AF713" s="23" t="s">
        <v>5331</v>
      </c>
      <c r="AG713" s="26"/>
      <c r="AH713" s="53"/>
    </row>
    <row r="714" spans="1:34" ht="51.6" customHeight="1" x14ac:dyDescent="0.45">
      <c r="A714" s="23">
        <v>708</v>
      </c>
      <c r="B714" s="25"/>
      <c r="C714" s="25"/>
      <c r="D714" s="29"/>
      <c r="E714" s="1"/>
      <c r="F714" s="1"/>
      <c r="G714" s="25"/>
      <c r="H714" s="71"/>
      <c r="I714" s="83"/>
      <c r="J714" s="50" t="str">
        <f t="shared" si="24"/>
        <v/>
      </c>
      <c r="K714" s="23" t="s">
        <v>7120</v>
      </c>
      <c r="L714" s="49" t="e">
        <f>VLOOKUP(E714&amp;F714,団体コード!$A$1:$C$1743,3,FALSE)</f>
        <v>#N/A</v>
      </c>
      <c r="M714" s="49" t="e">
        <f>VLOOKUP(E714&amp;F714,団体コード!$A$1:$C$1743,2,FALSE)</f>
        <v>#N/A</v>
      </c>
      <c r="N714" s="51" t="e">
        <f>VLOOKUP(E714,団体コード!$E$1:$F$48,2,FALSE)</f>
        <v>#N/A</v>
      </c>
      <c r="O714" s="51" t="e">
        <f t="shared" si="25"/>
        <v>#N/A</v>
      </c>
      <c r="P714" s="51">
        <v>1</v>
      </c>
      <c r="Q714" s="51" t="s">
        <v>5341</v>
      </c>
      <c r="R714" s="54" t="b">
        <v>1</v>
      </c>
      <c r="S714" s="52" t="s">
        <v>7126</v>
      </c>
      <c r="T714" s="67" t="s">
        <v>7127</v>
      </c>
      <c r="U714" s="75" t="s">
        <v>5331</v>
      </c>
      <c r="V714" s="47" t="s">
        <v>5331</v>
      </c>
      <c r="W714" s="47" t="s">
        <v>5331</v>
      </c>
      <c r="X714" s="47" t="s">
        <v>5331</v>
      </c>
      <c r="Y714" s="47" t="s">
        <v>5331</v>
      </c>
      <c r="Z714" s="28"/>
      <c r="AA714" s="27"/>
      <c r="AB714" s="27"/>
      <c r="AC714" s="27"/>
      <c r="AD714" s="30"/>
      <c r="AE714" s="1"/>
      <c r="AF714" s="23" t="s">
        <v>5331</v>
      </c>
      <c r="AG714" s="26"/>
      <c r="AH714" s="53"/>
    </row>
    <row r="715" spans="1:34" ht="51.6" customHeight="1" x14ac:dyDescent="0.45">
      <c r="A715" s="23">
        <v>709</v>
      </c>
      <c r="B715" s="25"/>
      <c r="C715" s="25"/>
      <c r="D715" s="29"/>
      <c r="E715" s="1"/>
      <c r="F715" s="1"/>
      <c r="G715" s="25"/>
      <c r="H715" s="71"/>
      <c r="I715" s="83"/>
      <c r="J715" s="50" t="str">
        <f t="shared" si="24"/>
        <v/>
      </c>
      <c r="K715" s="23" t="s">
        <v>7120</v>
      </c>
      <c r="L715" s="49" t="e">
        <f>VLOOKUP(E715&amp;F715,団体コード!$A$1:$C$1743,3,FALSE)</f>
        <v>#N/A</v>
      </c>
      <c r="M715" s="49" t="e">
        <f>VLOOKUP(E715&amp;F715,団体コード!$A$1:$C$1743,2,FALSE)</f>
        <v>#N/A</v>
      </c>
      <c r="N715" s="51" t="e">
        <f>VLOOKUP(E715,団体コード!$E$1:$F$48,2,FALSE)</f>
        <v>#N/A</v>
      </c>
      <c r="O715" s="51" t="e">
        <f t="shared" si="25"/>
        <v>#N/A</v>
      </c>
      <c r="P715" s="51">
        <v>1</v>
      </c>
      <c r="Q715" s="51" t="s">
        <v>5341</v>
      </c>
      <c r="R715" s="54" t="b">
        <v>1</v>
      </c>
      <c r="S715" s="52" t="s">
        <v>7126</v>
      </c>
      <c r="T715" s="67" t="s">
        <v>7127</v>
      </c>
      <c r="U715" s="75" t="s">
        <v>5331</v>
      </c>
      <c r="V715" s="47" t="s">
        <v>5331</v>
      </c>
      <c r="W715" s="47" t="s">
        <v>5331</v>
      </c>
      <c r="X715" s="47" t="s">
        <v>5331</v>
      </c>
      <c r="Y715" s="47" t="s">
        <v>5331</v>
      </c>
      <c r="Z715" s="28"/>
      <c r="AA715" s="27"/>
      <c r="AB715" s="27"/>
      <c r="AC715" s="27"/>
      <c r="AD715" s="30"/>
      <c r="AE715" s="1"/>
      <c r="AF715" s="23" t="s">
        <v>5331</v>
      </c>
      <c r="AG715" s="26"/>
      <c r="AH715" s="53"/>
    </row>
    <row r="716" spans="1:34" ht="51.6" customHeight="1" x14ac:dyDescent="0.45">
      <c r="A716" s="23">
        <v>710</v>
      </c>
      <c r="B716" s="25"/>
      <c r="C716" s="25"/>
      <c r="D716" s="29"/>
      <c r="E716" s="1"/>
      <c r="F716" s="1"/>
      <c r="G716" s="25"/>
      <c r="H716" s="71"/>
      <c r="I716" s="83"/>
      <c r="J716" s="50" t="str">
        <f t="shared" si="24"/>
        <v/>
      </c>
      <c r="K716" s="23" t="s">
        <v>7120</v>
      </c>
      <c r="L716" s="49" t="e">
        <f>VLOOKUP(E716&amp;F716,団体コード!$A$1:$C$1743,3,FALSE)</f>
        <v>#N/A</v>
      </c>
      <c r="M716" s="49" t="e">
        <f>VLOOKUP(E716&amp;F716,団体コード!$A$1:$C$1743,2,FALSE)</f>
        <v>#N/A</v>
      </c>
      <c r="N716" s="51" t="e">
        <f>VLOOKUP(E716,団体コード!$E$1:$F$48,2,FALSE)</f>
        <v>#N/A</v>
      </c>
      <c r="O716" s="51" t="e">
        <f t="shared" si="25"/>
        <v>#N/A</v>
      </c>
      <c r="P716" s="51">
        <v>1</v>
      </c>
      <c r="Q716" s="51" t="s">
        <v>5341</v>
      </c>
      <c r="R716" s="54" t="b">
        <v>1</v>
      </c>
      <c r="S716" s="52" t="s">
        <v>7126</v>
      </c>
      <c r="T716" s="67" t="s">
        <v>7127</v>
      </c>
      <c r="U716" s="75" t="s">
        <v>5331</v>
      </c>
      <c r="V716" s="47" t="s">
        <v>5331</v>
      </c>
      <c r="W716" s="47" t="s">
        <v>5331</v>
      </c>
      <c r="X716" s="47" t="s">
        <v>5331</v>
      </c>
      <c r="Y716" s="47" t="s">
        <v>5331</v>
      </c>
      <c r="Z716" s="28"/>
      <c r="AA716" s="27"/>
      <c r="AB716" s="27"/>
      <c r="AC716" s="27"/>
      <c r="AD716" s="30"/>
      <c r="AE716" s="1"/>
      <c r="AF716" s="23" t="s">
        <v>5331</v>
      </c>
      <c r="AG716" s="26"/>
      <c r="AH716" s="53"/>
    </row>
    <row r="717" spans="1:34" ht="51.6" customHeight="1" x14ac:dyDescent="0.45">
      <c r="A717" s="23">
        <v>711</v>
      </c>
      <c r="B717" s="25"/>
      <c r="C717" s="25"/>
      <c r="D717" s="29"/>
      <c r="E717" s="1"/>
      <c r="F717" s="1"/>
      <c r="G717" s="25"/>
      <c r="H717" s="71"/>
      <c r="I717" s="83"/>
      <c r="J717" s="50" t="str">
        <f t="shared" si="24"/>
        <v/>
      </c>
      <c r="K717" s="23" t="s">
        <v>7120</v>
      </c>
      <c r="L717" s="49" t="e">
        <f>VLOOKUP(E717&amp;F717,団体コード!$A$1:$C$1743,3,FALSE)</f>
        <v>#N/A</v>
      </c>
      <c r="M717" s="49" t="e">
        <f>VLOOKUP(E717&amp;F717,団体コード!$A$1:$C$1743,2,FALSE)</f>
        <v>#N/A</v>
      </c>
      <c r="N717" s="51" t="e">
        <f>VLOOKUP(E717,団体コード!$E$1:$F$48,2,FALSE)</f>
        <v>#N/A</v>
      </c>
      <c r="O717" s="51" t="e">
        <f t="shared" si="25"/>
        <v>#N/A</v>
      </c>
      <c r="P717" s="51">
        <v>1</v>
      </c>
      <c r="Q717" s="51" t="s">
        <v>5341</v>
      </c>
      <c r="R717" s="54" t="b">
        <v>1</v>
      </c>
      <c r="S717" s="52" t="s">
        <v>7126</v>
      </c>
      <c r="T717" s="67" t="s">
        <v>7127</v>
      </c>
      <c r="U717" s="75" t="s">
        <v>5331</v>
      </c>
      <c r="V717" s="47" t="s">
        <v>5331</v>
      </c>
      <c r="W717" s="47" t="s">
        <v>5331</v>
      </c>
      <c r="X717" s="47" t="s">
        <v>5331</v>
      </c>
      <c r="Y717" s="47" t="s">
        <v>5331</v>
      </c>
      <c r="Z717" s="28"/>
      <c r="AA717" s="27"/>
      <c r="AB717" s="27"/>
      <c r="AC717" s="27"/>
      <c r="AD717" s="30"/>
      <c r="AE717" s="1"/>
      <c r="AF717" s="23" t="s">
        <v>5331</v>
      </c>
      <c r="AG717" s="26"/>
      <c r="AH717" s="53"/>
    </row>
    <row r="718" spans="1:34" ht="51.6" customHeight="1" x14ac:dyDescent="0.45">
      <c r="A718" s="23">
        <v>712</v>
      </c>
      <c r="B718" s="25"/>
      <c r="C718" s="25"/>
      <c r="D718" s="29"/>
      <c r="E718" s="1"/>
      <c r="F718" s="1"/>
      <c r="G718" s="25"/>
      <c r="H718" s="71"/>
      <c r="I718" s="83"/>
      <c r="J718" s="50" t="str">
        <f t="shared" si="24"/>
        <v/>
      </c>
      <c r="K718" s="23" t="s">
        <v>7120</v>
      </c>
      <c r="L718" s="49" t="e">
        <f>VLOOKUP(E718&amp;F718,団体コード!$A$1:$C$1743,3,FALSE)</f>
        <v>#N/A</v>
      </c>
      <c r="M718" s="49" t="e">
        <f>VLOOKUP(E718&amp;F718,団体コード!$A$1:$C$1743,2,FALSE)</f>
        <v>#N/A</v>
      </c>
      <c r="N718" s="51" t="e">
        <f>VLOOKUP(E718,団体コード!$E$1:$F$48,2,FALSE)</f>
        <v>#N/A</v>
      </c>
      <c r="O718" s="51" t="e">
        <f t="shared" si="25"/>
        <v>#N/A</v>
      </c>
      <c r="P718" s="51">
        <v>1</v>
      </c>
      <c r="Q718" s="51" t="s">
        <v>5341</v>
      </c>
      <c r="R718" s="54" t="b">
        <v>1</v>
      </c>
      <c r="S718" s="52" t="s">
        <v>7126</v>
      </c>
      <c r="T718" s="67" t="s">
        <v>7127</v>
      </c>
      <c r="U718" s="75" t="s">
        <v>5331</v>
      </c>
      <c r="V718" s="47" t="s">
        <v>5331</v>
      </c>
      <c r="W718" s="47" t="s">
        <v>5331</v>
      </c>
      <c r="X718" s="47" t="s">
        <v>5331</v>
      </c>
      <c r="Y718" s="47" t="s">
        <v>5331</v>
      </c>
      <c r="Z718" s="28"/>
      <c r="AA718" s="27"/>
      <c r="AB718" s="27"/>
      <c r="AC718" s="27"/>
      <c r="AD718" s="30"/>
      <c r="AE718" s="1"/>
      <c r="AF718" s="23" t="s">
        <v>5331</v>
      </c>
      <c r="AG718" s="26"/>
      <c r="AH718" s="53"/>
    </row>
    <row r="719" spans="1:34" ht="51.6" customHeight="1" x14ac:dyDescent="0.45">
      <c r="A719" s="23">
        <v>713</v>
      </c>
      <c r="B719" s="25"/>
      <c r="C719" s="25"/>
      <c r="D719" s="29"/>
      <c r="E719" s="1"/>
      <c r="F719" s="1"/>
      <c r="G719" s="25"/>
      <c r="H719" s="71"/>
      <c r="I719" s="83"/>
      <c r="J719" s="50" t="str">
        <f t="shared" si="24"/>
        <v/>
      </c>
      <c r="K719" s="23" t="s">
        <v>7120</v>
      </c>
      <c r="L719" s="49" t="e">
        <f>VLOOKUP(E719&amp;F719,団体コード!$A$1:$C$1743,3,FALSE)</f>
        <v>#N/A</v>
      </c>
      <c r="M719" s="49" t="e">
        <f>VLOOKUP(E719&amp;F719,団体コード!$A$1:$C$1743,2,FALSE)</f>
        <v>#N/A</v>
      </c>
      <c r="N719" s="51" t="e">
        <f>VLOOKUP(E719,団体コード!$E$1:$F$48,2,FALSE)</f>
        <v>#N/A</v>
      </c>
      <c r="O719" s="51" t="e">
        <f t="shared" si="25"/>
        <v>#N/A</v>
      </c>
      <c r="P719" s="51">
        <v>1</v>
      </c>
      <c r="Q719" s="51" t="s">
        <v>5341</v>
      </c>
      <c r="R719" s="54" t="b">
        <v>1</v>
      </c>
      <c r="S719" s="52" t="s">
        <v>7126</v>
      </c>
      <c r="T719" s="67" t="s">
        <v>7127</v>
      </c>
      <c r="U719" s="75" t="s">
        <v>5331</v>
      </c>
      <c r="V719" s="47" t="s">
        <v>5331</v>
      </c>
      <c r="W719" s="47" t="s">
        <v>5331</v>
      </c>
      <c r="X719" s="47" t="s">
        <v>5331</v>
      </c>
      <c r="Y719" s="47" t="s">
        <v>5331</v>
      </c>
      <c r="Z719" s="28"/>
      <c r="AA719" s="27"/>
      <c r="AB719" s="27"/>
      <c r="AC719" s="27"/>
      <c r="AD719" s="30"/>
      <c r="AE719" s="1"/>
      <c r="AF719" s="23" t="s">
        <v>5331</v>
      </c>
      <c r="AG719" s="26"/>
      <c r="AH719" s="53"/>
    </row>
    <row r="720" spans="1:34" ht="51.6" customHeight="1" x14ac:dyDescent="0.45">
      <c r="A720" s="23">
        <v>714</v>
      </c>
      <c r="B720" s="25"/>
      <c r="C720" s="25"/>
      <c r="D720" s="29"/>
      <c r="E720" s="1"/>
      <c r="F720" s="1"/>
      <c r="G720" s="25"/>
      <c r="H720" s="71"/>
      <c r="I720" s="83"/>
      <c r="J720" s="50" t="str">
        <f t="shared" si="24"/>
        <v/>
      </c>
      <c r="K720" s="23" t="s">
        <v>7120</v>
      </c>
      <c r="L720" s="49" t="e">
        <f>VLOOKUP(E720&amp;F720,団体コード!$A$1:$C$1743,3,FALSE)</f>
        <v>#N/A</v>
      </c>
      <c r="M720" s="49" t="e">
        <f>VLOOKUP(E720&amp;F720,団体コード!$A$1:$C$1743,2,FALSE)</f>
        <v>#N/A</v>
      </c>
      <c r="N720" s="51" t="e">
        <f>VLOOKUP(E720,団体コード!$E$1:$F$48,2,FALSE)</f>
        <v>#N/A</v>
      </c>
      <c r="O720" s="51" t="e">
        <f t="shared" si="25"/>
        <v>#N/A</v>
      </c>
      <c r="P720" s="51">
        <v>1</v>
      </c>
      <c r="Q720" s="51" t="s">
        <v>5341</v>
      </c>
      <c r="R720" s="54" t="b">
        <v>1</v>
      </c>
      <c r="S720" s="52" t="s">
        <v>7126</v>
      </c>
      <c r="T720" s="67" t="s">
        <v>7127</v>
      </c>
      <c r="U720" s="75" t="s">
        <v>5331</v>
      </c>
      <c r="V720" s="47" t="s">
        <v>5331</v>
      </c>
      <c r="W720" s="47" t="s">
        <v>5331</v>
      </c>
      <c r="X720" s="47" t="s">
        <v>5331</v>
      </c>
      <c r="Y720" s="47" t="s">
        <v>5331</v>
      </c>
      <c r="Z720" s="28"/>
      <c r="AA720" s="27"/>
      <c r="AB720" s="27"/>
      <c r="AC720" s="27"/>
      <c r="AD720" s="30"/>
      <c r="AE720" s="1"/>
      <c r="AF720" s="23" t="s">
        <v>5331</v>
      </c>
      <c r="AG720" s="26"/>
      <c r="AH720" s="53"/>
    </row>
    <row r="721" spans="1:34" ht="51.6" customHeight="1" x14ac:dyDescent="0.45">
      <c r="A721" s="23">
        <v>715</v>
      </c>
      <c r="B721" s="25"/>
      <c r="C721" s="25"/>
      <c r="D721" s="29"/>
      <c r="E721" s="1"/>
      <c r="F721" s="1"/>
      <c r="G721" s="25"/>
      <c r="H721" s="71"/>
      <c r="I721" s="83"/>
      <c r="J721" s="50" t="str">
        <f t="shared" si="24"/>
        <v/>
      </c>
      <c r="K721" s="23" t="s">
        <v>7120</v>
      </c>
      <c r="L721" s="49" t="e">
        <f>VLOOKUP(E721&amp;F721,団体コード!$A$1:$C$1743,3,FALSE)</f>
        <v>#N/A</v>
      </c>
      <c r="M721" s="49" t="e">
        <f>VLOOKUP(E721&amp;F721,団体コード!$A$1:$C$1743,2,FALSE)</f>
        <v>#N/A</v>
      </c>
      <c r="N721" s="51" t="e">
        <f>VLOOKUP(E721,団体コード!$E$1:$F$48,2,FALSE)</f>
        <v>#N/A</v>
      </c>
      <c r="O721" s="51" t="e">
        <f t="shared" si="25"/>
        <v>#N/A</v>
      </c>
      <c r="P721" s="51">
        <v>1</v>
      </c>
      <c r="Q721" s="51" t="s">
        <v>5341</v>
      </c>
      <c r="R721" s="54" t="b">
        <v>1</v>
      </c>
      <c r="S721" s="52" t="s">
        <v>7126</v>
      </c>
      <c r="T721" s="67" t="s">
        <v>7127</v>
      </c>
      <c r="U721" s="75" t="s">
        <v>5331</v>
      </c>
      <c r="V721" s="47" t="s">
        <v>5331</v>
      </c>
      <c r="W721" s="47" t="s">
        <v>5331</v>
      </c>
      <c r="X721" s="47" t="s">
        <v>5331</v>
      </c>
      <c r="Y721" s="47" t="s">
        <v>5331</v>
      </c>
      <c r="Z721" s="28"/>
      <c r="AA721" s="27"/>
      <c r="AB721" s="27"/>
      <c r="AC721" s="27"/>
      <c r="AD721" s="30"/>
      <c r="AE721" s="1"/>
      <c r="AF721" s="23" t="s">
        <v>5331</v>
      </c>
      <c r="AG721" s="26"/>
      <c r="AH721" s="53"/>
    </row>
    <row r="722" spans="1:34" ht="51.6" customHeight="1" x14ac:dyDescent="0.45">
      <c r="A722" s="23">
        <v>716</v>
      </c>
      <c r="B722" s="25"/>
      <c r="C722" s="25"/>
      <c r="D722" s="29"/>
      <c r="E722" s="1"/>
      <c r="F722" s="1"/>
      <c r="G722" s="25"/>
      <c r="H722" s="71"/>
      <c r="I722" s="83"/>
      <c r="J722" s="50" t="str">
        <f t="shared" si="24"/>
        <v/>
      </c>
      <c r="K722" s="23" t="s">
        <v>7120</v>
      </c>
      <c r="L722" s="49" t="e">
        <f>VLOOKUP(E722&amp;F722,団体コード!$A$1:$C$1743,3,FALSE)</f>
        <v>#N/A</v>
      </c>
      <c r="M722" s="49" t="e">
        <f>VLOOKUP(E722&amp;F722,団体コード!$A$1:$C$1743,2,FALSE)</f>
        <v>#N/A</v>
      </c>
      <c r="N722" s="51" t="e">
        <f>VLOOKUP(E722,団体コード!$E$1:$F$48,2,FALSE)</f>
        <v>#N/A</v>
      </c>
      <c r="O722" s="51" t="e">
        <f t="shared" si="25"/>
        <v>#N/A</v>
      </c>
      <c r="P722" s="51">
        <v>1</v>
      </c>
      <c r="Q722" s="51" t="s">
        <v>5341</v>
      </c>
      <c r="R722" s="54" t="b">
        <v>1</v>
      </c>
      <c r="S722" s="52" t="s">
        <v>7126</v>
      </c>
      <c r="T722" s="67" t="s">
        <v>7127</v>
      </c>
      <c r="U722" s="75" t="s">
        <v>5331</v>
      </c>
      <c r="V722" s="47" t="s">
        <v>5331</v>
      </c>
      <c r="W722" s="47" t="s">
        <v>5331</v>
      </c>
      <c r="X722" s="47" t="s">
        <v>5331</v>
      </c>
      <c r="Y722" s="47" t="s">
        <v>5331</v>
      </c>
      <c r="Z722" s="28"/>
      <c r="AA722" s="27"/>
      <c r="AB722" s="27"/>
      <c r="AC722" s="27"/>
      <c r="AD722" s="30"/>
      <c r="AE722" s="1"/>
      <c r="AF722" s="23" t="s">
        <v>5331</v>
      </c>
      <c r="AG722" s="26"/>
      <c r="AH722" s="53"/>
    </row>
    <row r="723" spans="1:34" ht="51.6" customHeight="1" x14ac:dyDescent="0.45">
      <c r="A723" s="23">
        <v>717</v>
      </c>
      <c r="B723" s="25"/>
      <c r="C723" s="25"/>
      <c r="D723" s="29"/>
      <c r="E723" s="1"/>
      <c r="F723" s="1"/>
      <c r="G723" s="25"/>
      <c r="H723" s="71"/>
      <c r="I723" s="83"/>
      <c r="J723" s="50" t="str">
        <f t="shared" si="24"/>
        <v/>
      </c>
      <c r="K723" s="23" t="s">
        <v>7120</v>
      </c>
      <c r="L723" s="49" t="e">
        <f>VLOOKUP(E723&amp;F723,団体コード!$A$1:$C$1743,3,FALSE)</f>
        <v>#N/A</v>
      </c>
      <c r="M723" s="49" t="e">
        <f>VLOOKUP(E723&amp;F723,団体コード!$A$1:$C$1743,2,FALSE)</f>
        <v>#N/A</v>
      </c>
      <c r="N723" s="51" t="e">
        <f>VLOOKUP(E723,団体コード!$E$1:$F$48,2,FALSE)</f>
        <v>#N/A</v>
      </c>
      <c r="O723" s="51" t="e">
        <f t="shared" si="25"/>
        <v>#N/A</v>
      </c>
      <c r="P723" s="51">
        <v>1</v>
      </c>
      <c r="Q723" s="51" t="s">
        <v>5341</v>
      </c>
      <c r="R723" s="54" t="b">
        <v>1</v>
      </c>
      <c r="S723" s="52" t="s">
        <v>7126</v>
      </c>
      <c r="T723" s="67" t="s">
        <v>7127</v>
      </c>
      <c r="U723" s="75" t="s">
        <v>5331</v>
      </c>
      <c r="V723" s="47" t="s">
        <v>5331</v>
      </c>
      <c r="W723" s="47" t="s">
        <v>5331</v>
      </c>
      <c r="X723" s="47" t="s">
        <v>5331</v>
      </c>
      <c r="Y723" s="47" t="s">
        <v>5331</v>
      </c>
      <c r="Z723" s="28"/>
      <c r="AA723" s="27"/>
      <c r="AB723" s="27"/>
      <c r="AC723" s="27"/>
      <c r="AD723" s="30"/>
      <c r="AE723" s="1"/>
      <c r="AF723" s="23" t="s">
        <v>5331</v>
      </c>
      <c r="AG723" s="26"/>
      <c r="AH723" s="53"/>
    </row>
    <row r="724" spans="1:34" ht="51.6" customHeight="1" x14ac:dyDescent="0.45">
      <c r="A724" s="23">
        <v>718</v>
      </c>
      <c r="B724" s="25"/>
      <c r="C724" s="25"/>
      <c r="D724" s="29"/>
      <c r="E724" s="1"/>
      <c r="F724" s="1"/>
      <c r="G724" s="25"/>
      <c r="H724" s="71"/>
      <c r="I724" s="83"/>
      <c r="J724" s="50" t="str">
        <f t="shared" si="24"/>
        <v/>
      </c>
      <c r="K724" s="23" t="s">
        <v>7120</v>
      </c>
      <c r="L724" s="49" t="e">
        <f>VLOOKUP(E724&amp;F724,団体コード!$A$1:$C$1743,3,FALSE)</f>
        <v>#N/A</v>
      </c>
      <c r="M724" s="49" t="e">
        <f>VLOOKUP(E724&amp;F724,団体コード!$A$1:$C$1743,2,FALSE)</f>
        <v>#N/A</v>
      </c>
      <c r="N724" s="51" t="e">
        <f>VLOOKUP(E724,団体コード!$E$1:$F$48,2,FALSE)</f>
        <v>#N/A</v>
      </c>
      <c r="O724" s="51" t="e">
        <f t="shared" si="25"/>
        <v>#N/A</v>
      </c>
      <c r="P724" s="51">
        <v>1</v>
      </c>
      <c r="Q724" s="51" t="s">
        <v>5341</v>
      </c>
      <c r="R724" s="54" t="b">
        <v>1</v>
      </c>
      <c r="S724" s="52" t="s">
        <v>7126</v>
      </c>
      <c r="T724" s="67" t="s">
        <v>7127</v>
      </c>
      <c r="U724" s="75" t="s">
        <v>5331</v>
      </c>
      <c r="V724" s="47" t="s">
        <v>5331</v>
      </c>
      <c r="W724" s="47" t="s">
        <v>5331</v>
      </c>
      <c r="X724" s="47" t="s">
        <v>5331</v>
      </c>
      <c r="Y724" s="47" t="s">
        <v>5331</v>
      </c>
      <c r="Z724" s="28"/>
      <c r="AA724" s="27"/>
      <c r="AB724" s="27"/>
      <c r="AC724" s="27"/>
      <c r="AD724" s="30"/>
      <c r="AE724" s="1"/>
      <c r="AF724" s="23" t="s">
        <v>5331</v>
      </c>
      <c r="AG724" s="26"/>
      <c r="AH724" s="53"/>
    </row>
    <row r="725" spans="1:34" ht="51.6" customHeight="1" x14ac:dyDescent="0.45">
      <c r="A725" s="23">
        <v>719</v>
      </c>
      <c r="B725" s="25"/>
      <c r="C725" s="25"/>
      <c r="D725" s="29"/>
      <c r="E725" s="1"/>
      <c r="F725" s="1"/>
      <c r="G725" s="25"/>
      <c r="H725" s="71"/>
      <c r="I725" s="83"/>
      <c r="J725" s="50" t="str">
        <f t="shared" si="24"/>
        <v/>
      </c>
      <c r="K725" s="23" t="s">
        <v>7120</v>
      </c>
      <c r="L725" s="49" t="e">
        <f>VLOOKUP(E725&amp;F725,団体コード!$A$1:$C$1743,3,FALSE)</f>
        <v>#N/A</v>
      </c>
      <c r="M725" s="49" t="e">
        <f>VLOOKUP(E725&amp;F725,団体コード!$A$1:$C$1743,2,FALSE)</f>
        <v>#N/A</v>
      </c>
      <c r="N725" s="51" t="e">
        <f>VLOOKUP(E725,団体コード!$E$1:$F$48,2,FALSE)</f>
        <v>#N/A</v>
      </c>
      <c r="O725" s="51" t="e">
        <f t="shared" si="25"/>
        <v>#N/A</v>
      </c>
      <c r="P725" s="51">
        <v>1</v>
      </c>
      <c r="Q725" s="51" t="s">
        <v>5341</v>
      </c>
      <c r="R725" s="54" t="b">
        <v>1</v>
      </c>
      <c r="S725" s="52" t="s">
        <v>7126</v>
      </c>
      <c r="T725" s="67" t="s">
        <v>7127</v>
      </c>
      <c r="U725" s="75" t="s">
        <v>5331</v>
      </c>
      <c r="V725" s="47" t="s">
        <v>5331</v>
      </c>
      <c r="W725" s="47" t="s">
        <v>5331</v>
      </c>
      <c r="X725" s="47" t="s">
        <v>5331</v>
      </c>
      <c r="Y725" s="47" t="s">
        <v>5331</v>
      </c>
      <c r="Z725" s="28"/>
      <c r="AA725" s="27"/>
      <c r="AB725" s="27"/>
      <c r="AC725" s="27"/>
      <c r="AD725" s="30"/>
      <c r="AE725" s="1"/>
      <c r="AF725" s="23" t="s">
        <v>5331</v>
      </c>
      <c r="AG725" s="26"/>
      <c r="AH725" s="53"/>
    </row>
    <row r="726" spans="1:34" ht="51.6" customHeight="1" x14ac:dyDescent="0.45">
      <c r="A726" s="23">
        <v>720</v>
      </c>
      <c r="B726" s="25"/>
      <c r="C726" s="25"/>
      <c r="D726" s="29"/>
      <c r="E726" s="1"/>
      <c r="F726" s="1"/>
      <c r="G726" s="25"/>
      <c r="H726" s="71"/>
      <c r="I726" s="83"/>
      <c r="J726" s="50" t="str">
        <f t="shared" si="24"/>
        <v/>
      </c>
      <c r="K726" s="23" t="s">
        <v>7120</v>
      </c>
      <c r="L726" s="49" t="e">
        <f>VLOOKUP(E726&amp;F726,団体コード!$A$1:$C$1743,3,FALSE)</f>
        <v>#N/A</v>
      </c>
      <c r="M726" s="49" t="e">
        <f>VLOOKUP(E726&amp;F726,団体コード!$A$1:$C$1743,2,FALSE)</f>
        <v>#N/A</v>
      </c>
      <c r="N726" s="51" t="e">
        <f>VLOOKUP(E726,団体コード!$E$1:$F$48,2,FALSE)</f>
        <v>#N/A</v>
      </c>
      <c r="O726" s="51" t="e">
        <f t="shared" si="25"/>
        <v>#N/A</v>
      </c>
      <c r="P726" s="51">
        <v>1</v>
      </c>
      <c r="Q726" s="51" t="s">
        <v>5341</v>
      </c>
      <c r="R726" s="54" t="b">
        <v>1</v>
      </c>
      <c r="S726" s="52" t="s">
        <v>7126</v>
      </c>
      <c r="T726" s="67" t="s">
        <v>7127</v>
      </c>
      <c r="U726" s="75" t="s">
        <v>5331</v>
      </c>
      <c r="V726" s="47" t="s">
        <v>5331</v>
      </c>
      <c r="W726" s="47" t="s">
        <v>5331</v>
      </c>
      <c r="X726" s="47" t="s">
        <v>5331</v>
      </c>
      <c r="Y726" s="47" t="s">
        <v>5331</v>
      </c>
      <c r="Z726" s="28"/>
      <c r="AA726" s="27"/>
      <c r="AB726" s="27"/>
      <c r="AC726" s="27"/>
      <c r="AD726" s="30"/>
      <c r="AE726" s="1"/>
      <c r="AF726" s="23" t="s">
        <v>5331</v>
      </c>
      <c r="AG726" s="26"/>
      <c r="AH726" s="53"/>
    </row>
    <row r="727" spans="1:34" ht="51.6" customHeight="1" x14ac:dyDescent="0.45">
      <c r="A727" s="23">
        <v>721</v>
      </c>
      <c r="B727" s="25"/>
      <c r="C727" s="25"/>
      <c r="D727" s="29"/>
      <c r="E727" s="1"/>
      <c r="F727" s="1"/>
      <c r="G727" s="25"/>
      <c r="H727" s="71"/>
      <c r="I727" s="83"/>
      <c r="J727" s="50" t="str">
        <f t="shared" si="24"/>
        <v/>
      </c>
      <c r="K727" s="23" t="s">
        <v>7120</v>
      </c>
      <c r="L727" s="49" t="e">
        <f>VLOOKUP(E727&amp;F727,団体コード!$A$1:$C$1743,3,FALSE)</f>
        <v>#N/A</v>
      </c>
      <c r="M727" s="49" t="e">
        <f>VLOOKUP(E727&amp;F727,団体コード!$A$1:$C$1743,2,FALSE)</f>
        <v>#N/A</v>
      </c>
      <c r="N727" s="51" t="e">
        <f>VLOOKUP(E727,団体コード!$E$1:$F$48,2,FALSE)</f>
        <v>#N/A</v>
      </c>
      <c r="O727" s="51" t="e">
        <f t="shared" si="25"/>
        <v>#N/A</v>
      </c>
      <c r="P727" s="51">
        <v>1</v>
      </c>
      <c r="Q727" s="51" t="s">
        <v>5341</v>
      </c>
      <c r="R727" s="54" t="b">
        <v>1</v>
      </c>
      <c r="S727" s="52" t="s">
        <v>7126</v>
      </c>
      <c r="T727" s="67" t="s">
        <v>7127</v>
      </c>
      <c r="U727" s="75" t="s">
        <v>5331</v>
      </c>
      <c r="V727" s="47" t="s">
        <v>5331</v>
      </c>
      <c r="W727" s="47" t="s">
        <v>5331</v>
      </c>
      <c r="X727" s="47" t="s">
        <v>5331</v>
      </c>
      <c r="Y727" s="47" t="s">
        <v>5331</v>
      </c>
      <c r="Z727" s="28"/>
      <c r="AA727" s="27"/>
      <c r="AB727" s="27"/>
      <c r="AC727" s="27"/>
      <c r="AD727" s="30"/>
      <c r="AE727" s="1"/>
      <c r="AF727" s="23" t="s">
        <v>5331</v>
      </c>
      <c r="AG727" s="26"/>
      <c r="AH727" s="53"/>
    </row>
    <row r="728" spans="1:34" ht="51.6" customHeight="1" x14ac:dyDescent="0.45">
      <c r="A728" s="23">
        <v>722</v>
      </c>
      <c r="B728" s="25"/>
      <c r="C728" s="25"/>
      <c r="D728" s="29"/>
      <c r="E728" s="1"/>
      <c r="F728" s="1"/>
      <c r="G728" s="25"/>
      <c r="H728" s="71"/>
      <c r="I728" s="83"/>
      <c r="J728" s="50" t="str">
        <f t="shared" si="24"/>
        <v/>
      </c>
      <c r="K728" s="23" t="s">
        <v>7120</v>
      </c>
      <c r="L728" s="49" t="e">
        <f>VLOOKUP(E728&amp;F728,団体コード!$A$1:$C$1743,3,FALSE)</f>
        <v>#N/A</v>
      </c>
      <c r="M728" s="49" t="e">
        <f>VLOOKUP(E728&amp;F728,団体コード!$A$1:$C$1743,2,FALSE)</f>
        <v>#N/A</v>
      </c>
      <c r="N728" s="51" t="e">
        <f>VLOOKUP(E728,団体コード!$E$1:$F$48,2,FALSE)</f>
        <v>#N/A</v>
      </c>
      <c r="O728" s="51" t="e">
        <f t="shared" si="25"/>
        <v>#N/A</v>
      </c>
      <c r="P728" s="51">
        <v>1</v>
      </c>
      <c r="Q728" s="51" t="s">
        <v>5341</v>
      </c>
      <c r="R728" s="54" t="b">
        <v>1</v>
      </c>
      <c r="S728" s="52" t="s">
        <v>7126</v>
      </c>
      <c r="T728" s="67" t="s">
        <v>7127</v>
      </c>
      <c r="U728" s="75" t="s">
        <v>5331</v>
      </c>
      <c r="V728" s="47" t="s">
        <v>5331</v>
      </c>
      <c r="W728" s="47" t="s">
        <v>5331</v>
      </c>
      <c r="X728" s="47" t="s">
        <v>5331</v>
      </c>
      <c r="Y728" s="47" t="s">
        <v>5331</v>
      </c>
      <c r="Z728" s="28"/>
      <c r="AA728" s="27"/>
      <c r="AB728" s="27"/>
      <c r="AC728" s="27"/>
      <c r="AD728" s="30"/>
      <c r="AE728" s="1"/>
      <c r="AF728" s="23" t="s">
        <v>5331</v>
      </c>
      <c r="AG728" s="26"/>
      <c r="AH728" s="53"/>
    </row>
    <row r="729" spans="1:34" ht="51.6" customHeight="1" x14ac:dyDescent="0.45">
      <c r="A729" s="23">
        <v>723</v>
      </c>
      <c r="B729" s="25"/>
      <c r="C729" s="25"/>
      <c r="D729" s="29"/>
      <c r="E729" s="1"/>
      <c r="F729" s="1"/>
      <c r="G729" s="25"/>
      <c r="H729" s="71"/>
      <c r="I729" s="83"/>
      <c r="J729" s="50" t="str">
        <f t="shared" si="24"/>
        <v/>
      </c>
      <c r="K729" s="23" t="s">
        <v>7120</v>
      </c>
      <c r="L729" s="49" t="e">
        <f>VLOOKUP(E729&amp;F729,団体コード!$A$1:$C$1743,3,FALSE)</f>
        <v>#N/A</v>
      </c>
      <c r="M729" s="49" t="e">
        <f>VLOOKUP(E729&amp;F729,団体コード!$A$1:$C$1743,2,FALSE)</f>
        <v>#N/A</v>
      </c>
      <c r="N729" s="51" t="e">
        <f>VLOOKUP(E729,団体コード!$E$1:$F$48,2,FALSE)</f>
        <v>#N/A</v>
      </c>
      <c r="O729" s="51" t="e">
        <f t="shared" si="25"/>
        <v>#N/A</v>
      </c>
      <c r="P729" s="51">
        <v>1</v>
      </c>
      <c r="Q729" s="51" t="s">
        <v>5341</v>
      </c>
      <c r="R729" s="54" t="b">
        <v>1</v>
      </c>
      <c r="S729" s="52" t="s">
        <v>7126</v>
      </c>
      <c r="T729" s="67" t="s">
        <v>7127</v>
      </c>
      <c r="U729" s="75" t="s">
        <v>5331</v>
      </c>
      <c r="V729" s="47" t="s">
        <v>5331</v>
      </c>
      <c r="W729" s="47" t="s">
        <v>5331</v>
      </c>
      <c r="X729" s="47" t="s">
        <v>5331</v>
      </c>
      <c r="Y729" s="47" t="s">
        <v>5331</v>
      </c>
      <c r="Z729" s="28"/>
      <c r="AA729" s="27"/>
      <c r="AB729" s="27"/>
      <c r="AC729" s="27"/>
      <c r="AD729" s="30"/>
      <c r="AE729" s="1"/>
      <c r="AF729" s="23" t="s">
        <v>5331</v>
      </c>
      <c r="AG729" s="26"/>
      <c r="AH729" s="53"/>
    </row>
    <row r="730" spans="1:34" ht="51.6" customHeight="1" x14ac:dyDescent="0.45">
      <c r="A730" s="23">
        <v>724</v>
      </c>
      <c r="B730" s="25"/>
      <c r="C730" s="25"/>
      <c r="D730" s="29"/>
      <c r="E730" s="1"/>
      <c r="F730" s="1"/>
      <c r="G730" s="25"/>
      <c r="H730" s="71"/>
      <c r="I730" s="83"/>
      <c r="J730" s="50" t="str">
        <f t="shared" si="24"/>
        <v/>
      </c>
      <c r="K730" s="23" t="s">
        <v>7120</v>
      </c>
      <c r="L730" s="49" t="e">
        <f>VLOOKUP(E730&amp;F730,団体コード!$A$1:$C$1743,3,FALSE)</f>
        <v>#N/A</v>
      </c>
      <c r="M730" s="49" t="e">
        <f>VLOOKUP(E730&amp;F730,団体コード!$A$1:$C$1743,2,FALSE)</f>
        <v>#N/A</v>
      </c>
      <c r="N730" s="51" t="e">
        <f>VLOOKUP(E730,団体コード!$E$1:$F$48,2,FALSE)</f>
        <v>#N/A</v>
      </c>
      <c r="O730" s="51" t="e">
        <f t="shared" si="25"/>
        <v>#N/A</v>
      </c>
      <c r="P730" s="51">
        <v>1</v>
      </c>
      <c r="Q730" s="51" t="s">
        <v>5341</v>
      </c>
      <c r="R730" s="54" t="b">
        <v>1</v>
      </c>
      <c r="S730" s="52" t="s">
        <v>7126</v>
      </c>
      <c r="T730" s="67" t="s">
        <v>7127</v>
      </c>
      <c r="U730" s="75" t="s">
        <v>5331</v>
      </c>
      <c r="V730" s="47" t="s">
        <v>5331</v>
      </c>
      <c r="W730" s="47" t="s">
        <v>5331</v>
      </c>
      <c r="X730" s="47" t="s">
        <v>5331</v>
      </c>
      <c r="Y730" s="47" t="s">
        <v>5331</v>
      </c>
      <c r="Z730" s="28"/>
      <c r="AA730" s="27"/>
      <c r="AB730" s="27"/>
      <c r="AC730" s="27"/>
      <c r="AD730" s="30"/>
      <c r="AE730" s="1"/>
      <c r="AF730" s="23" t="s">
        <v>5331</v>
      </c>
      <c r="AG730" s="26"/>
      <c r="AH730" s="53"/>
    </row>
    <row r="731" spans="1:34" ht="51.6" customHeight="1" x14ac:dyDescent="0.45">
      <c r="A731" s="23">
        <v>725</v>
      </c>
      <c r="B731" s="25"/>
      <c r="C731" s="25"/>
      <c r="D731" s="29"/>
      <c r="E731" s="1"/>
      <c r="F731" s="1"/>
      <c r="G731" s="25"/>
      <c r="H731" s="71"/>
      <c r="I731" s="83"/>
      <c r="J731" s="50" t="str">
        <f t="shared" si="24"/>
        <v/>
      </c>
      <c r="K731" s="23" t="s">
        <v>7120</v>
      </c>
      <c r="L731" s="49" t="e">
        <f>VLOOKUP(E731&amp;F731,団体コード!$A$1:$C$1743,3,FALSE)</f>
        <v>#N/A</v>
      </c>
      <c r="M731" s="49" t="e">
        <f>VLOOKUP(E731&amp;F731,団体コード!$A$1:$C$1743,2,FALSE)</f>
        <v>#N/A</v>
      </c>
      <c r="N731" s="51" t="e">
        <f>VLOOKUP(E731,団体コード!$E$1:$F$48,2,FALSE)</f>
        <v>#N/A</v>
      </c>
      <c r="O731" s="51" t="e">
        <f t="shared" si="25"/>
        <v>#N/A</v>
      </c>
      <c r="P731" s="51">
        <v>1</v>
      </c>
      <c r="Q731" s="51" t="s">
        <v>5341</v>
      </c>
      <c r="R731" s="54" t="b">
        <v>1</v>
      </c>
      <c r="S731" s="52" t="s">
        <v>7126</v>
      </c>
      <c r="T731" s="67" t="s">
        <v>7127</v>
      </c>
      <c r="U731" s="75" t="s">
        <v>5331</v>
      </c>
      <c r="V731" s="47" t="s">
        <v>5331</v>
      </c>
      <c r="W731" s="47" t="s">
        <v>5331</v>
      </c>
      <c r="X731" s="47" t="s">
        <v>5331</v>
      </c>
      <c r="Y731" s="47" t="s">
        <v>5331</v>
      </c>
      <c r="Z731" s="28"/>
      <c r="AA731" s="27"/>
      <c r="AB731" s="27"/>
      <c r="AC731" s="27"/>
      <c r="AD731" s="30"/>
      <c r="AE731" s="1"/>
      <c r="AF731" s="23" t="s">
        <v>5331</v>
      </c>
      <c r="AG731" s="26"/>
      <c r="AH731" s="53"/>
    </row>
    <row r="732" spans="1:34" ht="51.6" customHeight="1" x14ac:dyDescent="0.45">
      <c r="A732" s="23">
        <v>726</v>
      </c>
      <c r="B732" s="25"/>
      <c r="C732" s="25"/>
      <c r="D732" s="29"/>
      <c r="E732" s="1"/>
      <c r="F732" s="1"/>
      <c r="G732" s="25"/>
      <c r="H732" s="71"/>
      <c r="I732" s="83"/>
      <c r="J732" s="50" t="str">
        <f t="shared" si="24"/>
        <v/>
      </c>
      <c r="K732" s="23" t="s">
        <v>7120</v>
      </c>
      <c r="L732" s="49" t="e">
        <f>VLOOKUP(E732&amp;F732,団体コード!$A$1:$C$1743,3,FALSE)</f>
        <v>#N/A</v>
      </c>
      <c r="M732" s="49" t="e">
        <f>VLOOKUP(E732&amp;F732,団体コード!$A$1:$C$1743,2,FALSE)</f>
        <v>#N/A</v>
      </c>
      <c r="N732" s="51" t="e">
        <f>VLOOKUP(E732,団体コード!$E$1:$F$48,2,FALSE)</f>
        <v>#N/A</v>
      </c>
      <c r="O732" s="51" t="e">
        <f t="shared" si="25"/>
        <v>#N/A</v>
      </c>
      <c r="P732" s="51">
        <v>1</v>
      </c>
      <c r="Q732" s="51" t="s">
        <v>5341</v>
      </c>
      <c r="R732" s="54" t="b">
        <v>1</v>
      </c>
      <c r="S732" s="52" t="s">
        <v>7126</v>
      </c>
      <c r="T732" s="67" t="s">
        <v>7127</v>
      </c>
      <c r="U732" s="75" t="s">
        <v>5331</v>
      </c>
      <c r="V732" s="47" t="s">
        <v>5331</v>
      </c>
      <c r="W732" s="47" t="s">
        <v>5331</v>
      </c>
      <c r="X732" s="47" t="s">
        <v>5331</v>
      </c>
      <c r="Y732" s="47" t="s">
        <v>5331</v>
      </c>
      <c r="Z732" s="28"/>
      <c r="AA732" s="27"/>
      <c r="AB732" s="27"/>
      <c r="AC732" s="27"/>
      <c r="AD732" s="30"/>
      <c r="AE732" s="1"/>
      <c r="AF732" s="23" t="s">
        <v>5331</v>
      </c>
      <c r="AG732" s="26"/>
      <c r="AH732" s="53"/>
    </row>
    <row r="733" spans="1:34" ht="51.6" customHeight="1" x14ac:dyDescent="0.45">
      <c r="A733" s="23">
        <v>727</v>
      </c>
      <c r="B733" s="25"/>
      <c r="C733" s="25"/>
      <c r="D733" s="29"/>
      <c r="E733" s="1"/>
      <c r="F733" s="1"/>
      <c r="G733" s="25"/>
      <c r="H733" s="71"/>
      <c r="I733" s="83"/>
      <c r="J733" s="50" t="str">
        <f t="shared" si="24"/>
        <v/>
      </c>
      <c r="K733" s="23" t="s">
        <v>7120</v>
      </c>
      <c r="L733" s="49" t="e">
        <f>VLOOKUP(E733&amp;F733,団体コード!$A$1:$C$1743,3,FALSE)</f>
        <v>#N/A</v>
      </c>
      <c r="M733" s="49" t="e">
        <f>VLOOKUP(E733&amp;F733,団体コード!$A$1:$C$1743,2,FALSE)</f>
        <v>#N/A</v>
      </c>
      <c r="N733" s="51" t="e">
        <f>VLOOKUP(E733,団体コード!$E$1:$F$48,2,FALSE)</f>
        <v>#N/A</v>
      </c>
      <c r="O733" s="51" t="e">
        <f t="shared" si="25"/>
        <v>#N/A</v>
      </c>
      <c r="P733" s="51">
        <v>1</v>
      </c>
      <c r="Q733" s="51" t="s">
        <v>5341</v>
      </c>
      <c r="R733" s="54" t="b">
        <v>1</v>
      </c>
      <c r="S733" s="52" t="s">
        <v>7126</v>
      </c>
      <c r="T733" s="67" t="s">
        <v>7127</v>
      </c>
      <c r="U733" s="75" t="s">
        <v>5331</v>
      </c>
      <c r="V733" s="47" t="s">
        <v>5331</v>
      </c>
      <c r="W733" s="47" t="s">
        <v>5331</v>
      </c>
      <c r="X733" s="47" t="s">
        <v>5331</v>
      </c>
      <c r="Y733" s="47" t="s">
        <v>5331</v>
      </c>
      <c r="Z733" s="28"/>
      <c r="AA733" s="27"/>
      <c r="AB733" s="27"/>
      <c r="AC733" s="27"/>
      <c r="AD733" s="30"/>
      <c r="AE733" s="1"/>
      <c r="AF733" s="23" t="s">
        <v>5331</v>
      </c>
      <c r="AG733" s="26"/>
      <c r="AH733" s="53"/>
    </row>
    <row r="734" spans="1:34" ht="51.6" customHeight="1" x14ac:dyDescent="0.45">
      <c r="A734" s="23">
        <v>728</v>
      </c>
      <c r="B734" s="25"/>
      <c r="C734" s="25"/>
      <c r="D734" s="29"/>
      <c r="E734" s="1"/>
      <c r="F734" s="1"/>
      <c r="G734" s="25"/>
      <c r="H734" s="71"/>
      <c r="I734" s="83"/>
      <c r="J734" s="50" t="str">
        <f t="shared" si="24"/>
        <v/>
      </c>
      <c r="K734" s="23" t="s">
        <v>7120</v>
      </c>
      <c r="L734" s="49" t="e">
        <f>VLOOKUP(E734&amp;F734,団体コード!$A$1:$C$1743,3,FALSE)</f>
        <v>#N/A</v>
      </c>
      <c r="M734" s="49" t="e">
        <f>VLOOKUP(E734&amp;F734,団体コード!$A$1:$C$1743,2,FALSE)</f>
        <v>#N/A</v>
      </c>
      <c r="N734" s="51" t="e">
        <f>VLOOKUP(E734,団体コード!$E$1:$F$48,2,FALSE)</f>
        <v>#N/A</v>
      </c>
      <c r="O734" s="51" t="e">
        <f t="shared" si="25"/>
        <v>#N/A</v>
      </c>
      <c r="P734" s="51">
        <v>1</v>
      </c>
      <c r="Q734" s="51" t="s">
        <v>5341</v>
      </c>
      <c r="R734" s="54" t="b">
        <v>1</v>
      </c>
      <c r="S734" s="52" t="s">
        <v>7126</v>
      </c>
      <c r="T734" s="67" t="s">
        <v>7127</v>
      </c>
      <c r="U734" s="75" t="s">
        <v>5331</v>
      </c>
      <c r="V734" s="47" t="s">
        <v>5331</v>
      </c>
      <c r="W734" s="47" t="s">
        <v>5331</v>
      </c>
      <c r="X734" s="47" t="s">
        <v>5331</v>
      </c>
      <c r="Y734" s="47" t="s">
        <v>5331</v>
      </c>
      <c r="Z734" s="28"/>
      <c r="AA734" s="27"/>
      <c r="AB734" s="27"/>
      <c r="AC734" s="27"/>
      <c r="AD734" s="30"/>
      <c r="AE734" s="1"/>
      <c r="AF734" s="23" t="s">
        <v>5331</v>
      </c>
      <c r="AG734" s="26"/>
      <c r="AH734" s="53"/>
    </row>
    <row r="735" spans="1:34" ht="51.6" customHeight="1" x14ac:dyDescent="0.45">
      <c r="A735" s="23">
        <v>729</v>
      </c>
      <c r="B735" s="25"/>
      <c r="C735" s="25"/>
      <c r="D735" s="29"/>
      <c r="E735" s="1"/>
      <c r="F735" s="1"/>
      <c r="G735" s="25"/>
      <c r="H735" s="71"/>
      <c r="I735" s="83"/>
      <c r="J735" s="50" t="str">
        <f t="shared" si="24"/>
        <v/>
      </c>
      <c r="K735" s="23" t="s">
        <v>7120</v>
      </c>
      <c r="L735" s="49" t="e">
        <f>VLOOKUP(E735&amp;F735,団体コード!$A$1:$C$1743,3,FALSE)</f>
        <v>#N/A</v>
      </c>
      <c r="M735" s="49" t="e">
        <f>VLOOKUP(E735&amp;F735,団体コード!$A$1:$C$1743,2,FALSE)</f>
        <v>#N/A</v>
      </c>
      <c r="N735" s="51" t="e">
        <f>VLOOKUP(E735,団体コード!$E$1:$F$48,2,FALSE)</f>
        <v>#N/A</v>
      </c>
      <c r="O735" s="51" t="e">
        <f t="shared" si="25"/>
        <v>#N/A</v>
      </c>
      <c r="P735" s="51">
        <v>1</v>
      </c>
      <c r="Q735" s="51" t="s">
        <v>5341</v>
      </c>
      <c r="R735" s="54" t="b">
        <v>1</v>
      </c>
      <c r="S735" s="52" t="s">
        <v>7126</v>
      </c>
      <c r="T735" s="67" t="s">
        <v>7127</v>
      </c>
      <c r="U735" s="75" t="s">
        <v>5331</v>
      </c>
      <c r="V735" s="47" t="s">
        <v>5331</v>
      </c>
      <c r="W735" s="47" t="s">
        <v>5331</v>
      </c>
      <c r="X735" s="47" t="s">
        <v>5331</v>
      </c>
      <c r="Y735" s="47" t="s">
        <v>5331</v>
      </c>
      <c r="Z735" s="28"/>
      <c r="AA735" s="27"/>
      <c r="AB735" s="27"/>
      <c r="AC735" s="27"/>
      <c r="AD735" s="30"/>
      <c r="AE735" s="1"/>
      <c r="AF735" s="23" t="s">
        <v>5331</v>
      </c>
      <c r="AG735" s="26"/>
      <c r="AH735" s="53"/>
    </row>
    <row r="736" spans="1:34" ht="51.6" customHeight="1" x14ac:dyDescent="0.45">
      <c r="A736" s="23">
        <v>730</v>
      </c>
      <c r="B736" s="25"/>
      <c r="C736" s="25"/>
      <c r="D736" s="29"/>
      <c r="E736" s="1"/>
      <c r="F736" s="1"/>
      <c r="G736" s="25"/>
      <c r="H736" s="71"/>
      <c r="I736" s="83"/>
      <c r="J736" s="50" t="str">
        <f t="shared" si="24"/>
        <v/>
      </c>
      <c r="K736" s="23" t="s">
        <v>7120</v>
      </c>
      <c r="L736" s="49" t="e">
        <f>VLOOKUP(E736&amp;F736,団体コード!$A$1:$C$1743,3,FALSE)</f>
        <v>#N/A</v>
      </c>
      <c r="M736" s="49" t="e">
        <f>VLOOKUP(E736&amp;F736,団体コード!$A$1:$C$1743,2,FALSE)</f>
        <v>#N/A</v>
      </c>
      <c r="N736" s="51" t="e">
        <f>VLOOKUP(E736,団体コード!$E$1:$F$48,2,FALSE)</f>
        <v>#N/A</v>
      </c>
      <c r="O736" s="51" t="e">
        <f t="shared" si="25"/>
        <v>#N/A</v>
      </c>
      <c r="P736" s="51">
        <v>1</v>
      </c>
      <c r="Q736" s="51" t="s">
        <v>5341</v>
      </c>
      <c r="R736" s="54" t="b">
        <v>1</v>
      </c>
      <c r="S736" s="52" t="s">
        <v>7126</v>
      </c>
      <c r="T736" s="67" t="s">
        <v>7127</v>
      </c>
      <c r="U736" s="75" t="s">
        <v>5331</v>
      </c>
      <c r="V736" s="47" t="s">
        <v>5331</v>
      </c>
      <c r="W736" s="47" t="s">
        <v>5331</v>
      </c>
      <c r="X736" s="47" t="s">
        <v>5331</v>
      </c>
      <c r="Y736" s="47" t="s">
        <v>5331</v>
      </c>
      <c r="Z736" s="28"/>
      <c r="AA736" s="27"/>
      <c r="AB736" s="27"/>
      <c r="AC736" s="27"/>
      <c r="AD736" s="30"/>
      <c r="AE736" s="1"/>
      <c r="AF736" s="23" t="s">
        <v>5331</v>
      </c>
      <c r="AG736" s="26"/>
      <c r="AH736" s="53"/>
    </row>
    <row r="737" spans="1:34" ht="51.6" customHeight="1" x14ac:dyDescent="0.45">
      <c r="A737" s="23">
        <v>731</v>
      </c>
      <c r="B737" s="25"/>
      <c r="C737" s="25"/>
      <c r="D737" s="29"/>
      <c r="E737" s="1"/>
      <c r="F737" s="1"/>
      <c r="G737" s="25"/>
      <c r="H737" s="71"/>
      <c r="I737" s="83"/>
      <c r="J737" s="50" t="str">
        <f t="shared" si="24"/>
        <v/>
      </c>
      <c r="K737" s="23" t="s">
        <v>7120</v>
      </c>
      <c r="L737" s="49" t="e">
        <f>VLOOKUP(E737&amp;F737,団体コード!$A$1:$C$1743,3,FALSE)</f>
        <v>#N/A</v>
      </c>
      <c r="M737" s="49" t="e">
        <f>VLOOKUP(E737&amp;F737,団体コード!$A$1:$C$1743,2,FALSE)</f>
        <v>#N/A</v>
      </c>
      <c r="N737" s="51" t="e">
        <f>VLOOKUP(E737,団体コード!$E$1:$F$48,2,FALSE)</f>
        <v>#N/A</v>
      </c>
      <c r="O737" s="51" t="e">
        <f t="shared" si="25"/>
        <v>#N/A</v>
      </c>
      <c r="P737" s="51">
        <v>1</v>
      </c>
      <c r="Q737" s="51" t="s">
        <v>5341</v>
      </c>
      <c r="R737" s="54" t="b">
        <v>1</v>
      </c>
      <c r="S737" s="52" t="s">
        <v>7126</v>
      </c>
      <c r="T737" s="67" t="s">
        <v>7127</v>
      </c>
      <c r="U737" s="75" t="s">
        <v>5331</v>
      </c>
      <c r="V737" s="47" t="s">
        <v>5331</v>
      </c>
      <c r="W737" s="47" t="s">
        <v>5331</v>
      </c>
      <c r="X737" s="47" t="s">
        <v>5331</v>
      </c>
      <c r="Y737" s="47" t="s">
        <v>5331</v>
      </c>
      <c r="Z737" s="28"/>
      <c r="AA737" s="27"/>
      <c r="AB737" s="27"/>
      <c r="AC737" s="27"/>
      <c r="AD737" s="30"/>
      <c r="AE737" s="1"/>
      <c r="AF737" s="23" t="s">
        <v>5331</v>
      </c>
      <c r="AG737" s="26"/>
      <c r="AH737" s="53"/>
    </row>
    <row r="738" spans="1:34" ht="51.6" customHeight="1" x14ac:dyDescent="0.45">
      <c r="A738" s="23">
        <v>732</v>
      </c>
      <c r="B738" s="25"/>
      <c r="C738" s="25"/>
      <c r="D738" s="29"/>
      <c r="E738" s="1"/>
      <c r="F738" s="1"/>
      <c r="G738" s="25"/>
      <c r="H738" s="71"/>
      <c r="I738" s="83"/>
      <c r="J738" s="50" t="str">
        <f t="shared" si="24"/>
        <v/>
      </c>
      <c r="K738" s="23" t="s">
        <v>7120</v>
      </c>
      <c r="L738" s="49" t="e">
        <f>VLOOKUP(E738&amp;F738,団体コード!$A$1:$C$1743,3,FALSE)</f>
        <v>#N/A</v>
      </c>
      <c r="M738" s="49" t="e">
        <f>VLOOKUP(E738&amp;F738,団体コード!$A$1:$C$1743,2,FALSE)</f>
        <v>#N/A</v>
      </c>
      <c r="N738" s="51" t="e">
        <f>VLOOKUP(E738,団体コード!$E$1:$F$48,2,FALSE)</f>
        <v>#N/A</v>
      </c>
      <c r="O738" s="51" t="e">
        <f t="shared" si="25"/>
        <v>#N/A</v>
      </c>
      <c r="P738" s="51">
        <v>1</v>
      </c>
      <c r="Q738" s="51" t="s">
        <v>5341</v>
      </c>
      <c r="R738" s="54" t="b">
        <v>1</v>
      </c>
      <c r="S738" s="52" t="s">
        <v>7126</v>
      </c>
      <c r="T738" s="67" t="s">
        <v>7127</v>
      </c>
      <c r="U738" s="75" t="s">
        <v>5331</v>
      </c>
      <c r="V738" s="47" t="s">
        <v>5331</v>
      </c>
      <c r="W738" s="47" t="s">
        <v>5331</v>
      </c>
      <c r="X738" s="47" t="s">
        <v>5331</v>
      </c>
      <c r="Y738" s="47" t="s">
        <v>5331</v>
      </c>
      <c r="Z738" s="28"/>
      <c r="AA738" s="27"/>
      <c r="AB738" s="27"/>
      <c r="AC738" s="27"/>
      <c r="AD738" s="30"/>
      <c r="AE738" s="1"/>
      <c r="AF738" s="23" t="s">
        <v>5331</v>
      </c>
      <c r="AG738" s="26"/>
      <c r="AH738" s="53"/>
    </row>
    <row r="739" spans="1:34" ht="51.6" customHeight="1" x14ac:dyDescent="0.45">
      <c r="A739" s="23">
        <v>733</v>
      </c>
      <c r="B739" s="25"/>
      <c r="C739" s="25"/>
      <c r="D739" s="29"/>
      <c r="E739" s="1"/>
      <c r="F739" s="1"/>
      <c r="G739" s="25"/>
      <c r="H739" s="71"/>
      <c r="I739" s="83"/>
      <c r="J739" s="50" t="str">
        <f t="shared" si="24"/>
        <v/>
      </c>
      <c r="K739" s="23" t="s">
        <v>7120</v>
      </c>
      <c r="L739" s="49" t="e">
        <f>VLOOKUP(E739&amp;F739,団体コード!$A$1:$C$1743,3,FALSE)</f>
        <v>#N/A</v>
      </c>
      <c r="M739" s="49" t="e">
        <f>VLOOKUP(E739&amp;F739,団体コード!$A$1:$C$1743,2,FALSE)</f>
        <v>#N/A</v>
      </c>
      <c r="N739" s="51" t="e">
        <f>VLOOKUP(E739,団体コード!$E$1:$F$48,2,FALSE)</f>
        <v>#N/A</v>
      </c>
      <c r="O739" s="51" t="e">
        <f t="shared" si="25"/>
        <v>#N/A</v>
      </c>
      <c r="P739" s="51">
        <v>1</v>
      </c>
      <c r="Q739" s="51" t="s">
        <v>5341</v>
      </c>
      <c r="R739" s="54" t="b">
        <v>1</v>
      </c>
      <c r="S739" s="52" t="s">
        <v>7126</v>
      </c>
      <c r="T739" s="67" t="s">
        <v>7127</v>
      </c>
      <c r="U739" s="75" t="s">
        <v>5331</v>
      </c>
      <c r="V739" s="47" t="s">
        <v>5331</v>
      </c>
      <c r="W739" s="47" t="s">
        <v>5331</v>
      </c>
      <c r="X739" s="47" t="s">
        <v>5331</v>
      </c>
      <c r="Y739" s="47" t="s">
        <v>5331</v>
      </c>
      <c r="Z739" s="28"/>
      <c r="AA739" s="27"/>
      <c r="AB739" s="27"/>
      <c r="AC739" s="27"/>
      <c r="AD739" s="30"/>
      <c r="AE739" s="1"/>
      <c r="AF739" s="23" t="s">
        <v>5331</v>
      </c>
      <c r="AG739" s="26"/>
      <c r="AH739" s="53"/>
    </row>
    <row r="740" spans="1:34" ht="51.6" customHeight="1" x14ac:dyDescent="0.45">
      <c r="A740" s="23">
        <v>734</v>
      </c>
      <c r="B740" s="25"/>
      <c r="C740" s="25"/>
      <c r="D740" s="29"/>
      <c r="E740" s="1"/>
      <c r="F740" s="1"/>
      <c r="G740" s="25"/>
      <c r="H740" s="71"/>
      <c r="I740" s="83"/>
      <c r="J740" s="50" t="str">
        <f t="shared" si="24"/>
        <v/>
      </c>
      <c r="K740" s="23" t="s">
        <v>7120</v>
      </c>
      <c r="L740" s="49" t="e">
        <f>VLOOKUP(E740&amp;F740,団体コード!$A$1:$C$1743,3,FALSE)</f>
        <v>#N/A</v>
      </c>
      <c r="M740" s="49" t="e">
        <f>VLOOKUP(E740&amp;F740,団体コード!$A$1:$C$1743,2,FALSE)</f>
        <v>#N/A</v>
      </c>
      <c r="N740" s="51" t="e">
        <f>VLOOKUP(E740,団体コード!$E$1:$F$48,2,FALSE)</f>
        <v>#N/A</v>
      </c>
      <c r="O740" s="51" t="e">
        <f t="shared" si="25"/>
        <v>#N/A</v>
      </c>
      <c r="P740" s="51">
        <v>1</v>
      </c>
      <c r="Q740" s="51" t="s">
        <v>5341</v>
      </c>
      <c r="R740" s="54" t="b">
        <v>1</v>
      </c>
      <c r="S740" s="52" t="s">
        <v>7126</v>
      </c>
      <c r="T740" s="67" t="s">
        <v>7127</v>
      </c>
      <c r="U740" s="75" t="s">
        <v>5331</v>
      </c>
      <c r="V740" s="47" t="s">
        <v>5331</v>
      </c>
      <c r="W740" s="47" t="s">
        <v>5331</v>
      </c>
      <c r="X740" s="47" t="s">
        <v>5331</v>
      </c>
      <c r="Y740" s="47" t="s">
        <v>5331</v>
      </c>
      <c r="Z740" s="28"/>
      <c r="AA740" s="27"/>
      <c r="AB740" s="27"/>
      <c r="AC740" s="27"/>
      <c r="AD740" s="30"/>
      <c r="AE740" s="1"/>
      <c r="AF740" s="23" t="s">
        <v>5331</v>
      </c>
      <c r="AG740" s="26"/>
      <c r="AH740" s="53"/>
    </row>
    <row r="741" spans="1:34" ht="51.6" customHeight="1" x14ac:dyDescent="0.45">
      <c r="A741" s="23">
        <v>735</v>
      </c>
      <c r="B741" s="25"/>
      <c r="C741" s="25"/>
      <c r="D741" s="29"/>
      <c r="E741" s="1"/>
      <c r="F741" s="1"/>
      <c r="G741" s="25"/>
      <c r="H741" s="71"/>
      <c r="I741" s="83"/>
      <c r="J741" s="50" t="str">
        <f t="shared" si="24"/>
        <v/>
      </c>
      <c r="K741" s="23" t="s">
        <v>7120</v>
      </c>
      <c r="L741" s="49" t="e">
        <f>VLOOKUP(E741&amp;F741,団体コード!$A$1:$C$1743,3,FALSE)</f>
        <v>#N/A</v>
      </c>
      <c r="M741" s="49" t="e">
        <f>VLOOKUP(E741&amp;F741,団体コード!$A$1:$C$1743,2,FALSE)</f>
        <v>#N/A</v>
      </c>
      <c r="N741" s="51" t="e">
        <f>VLOOKUP(E741,団体コード!$E$1:$F$48,2,FALSE)</f>
        <v>#N/A</v>
      </c>
      <c r="O741" s="51" t="e">
        <f t="shared" si="25"/>
        <v>#N/A</v>
      </c>
      <c r="P741" s="51">
        <v>1</v>
      </c>
      <c r="Q741" s="51" t="s">
        <v>5341</v>
      </c>
      <c r="R741" s="54" t="b">
        <v>1</v>
      </c>
      <c r="S741" s="52" t="s">
        <v>7126</v>
      </c>
      <c r="T741" s="67" t="s">
        <v>7127</v>
      </c>
      <c r="U741" s="75" t="s">
        <v>5331</v>
      </c>
      <c r="V741" s="47" t="s">
        <v>5331</v>
      </c>
      <c r="W741" s="47" t="s">
        <v>5331</v>
      </c>
      <c r="X741" s="47" t="s">
        <v>5331</v>
      </c>
      <c r="Y741" s="47" t="s">
        <v>5331</v>
      </c>
      <c r="Z741" s="28"/>
      <c r="AA741" s="27"/>
      <c r="AB741" s="27"/>
      <c r="AC741" s="27"/>
      <c r="AD741" s="30"/>
      <c r="AE741" s="1"/>
      <c r="AF741" s="23" t="s">
        <v>5331</v>
      </c>
      <c r="AG741" s="26"/>
      <c r="AH741" s="53"/>
    </row>
    <row r="742" spans="1:34" ht="51.6" customHeight="1" x14ac:dyDescent="0.45">
      <c r="A742" s="23">
        <v>736</v>
      </c>
      <c r="B742" s="25"/>
      <c r="C742" s="25"/>
      <c r="D742" s="29"/>
      <c r="E742" s="1"/>
      <c r="F742" s="1"/>
      <c r="G742" s="25"/>
      <c r="H742" s="71"/>
      <c r="I742" s="83"/>
      <c r="J742" s="50" t="str">
        <f t="shared" si="24"/>
        <v/>
      </c>
      <c r="K742" s="23" t="s">
        <v>7120</v>
      </c>
      <c r="L742" s="49" t="e">
        <f>VLOOKUP(E742&amp;F742,団体コード!$A$1:$C$1743,3,FALSE)</f>
        <v>#N/A</v>
      </c>
      <c r="M742" s="49" t="e">
        <f>VLOOKUP(E742&amp;F742,団体コード!$A$1:$C$1743,2,FALSE)</f>
        <v>#N/A</v>
      </c>
      <c r="N742" s="51" t="e">
        <f>VLOOKUP(E742,団体コード!$E$1:$F$48,2,FALSE)</f>
        <v>#N/A</v>
      </c>
      <c r="O742" s="51" t="e">
        <f t="shared" si="25"/>
        <v>#N/A</v>
      </c>
      <c r="P742" s="51">
        <v>1</v>
      </c>
      <c r="Q742" s="51" t="s">
        <v>5341</v>
      </c>
      <c r="R742" s="54" t="b">
        <v>1</v>
      </c>
      <c r="S742" s="52" t="s">
        <v>7126</v>
      </c>
      <c r="T742" s="67" t="s">
        <v>7127</v>
      </c>
      <c r="U742" s="75" t="s">
        <v>5331</v>
      </c>
      <c r="V742" s="47" t="s">
        <v>5331</v>
      </c>
      <c r="W742" s="47" t="s">
        <v>5331</v>
      </c>
      <c r="X742" s="47" t="s">
        <v>5331</v>
      </c>
      <c r="Y742" s="47" t="s">
        <v>5331</v>
      </c>
      <c r="Z742" s="28"/>
      <c r="AA742" s="27"/>
      <c r="AB742" s="27"/>
      <c r="AC742" s="27"/>
      <c r="AD742" s="30"/>
      <c r="AE742" s="1"/>
      <c r="AF742" s="23" t="s">
        <v>5331</v>
      </c>
      <c r="AG742" s="26"/>
      <c r="AH742" s="53"/>
    </row>
    <row r="743" spans="1:34" ht="51.6" customHeight="1" x14ac:dyDescent="0.45">
      <c r="A743" s="23">
        <v>737</v>
      </c>
      <c r="B743" s="25"/>
      <c r="C743" s="25"/>
      <c r="D743" s="29"/>
      <c r="E743" s="1"/>
      <c r="F743" s="1"/>
      <c r="G743" s="25"/>
      <c r="H743" s="71"/>
      <c r="I743" s="83"/>
      <c r="J743" s="50" t="str">
        <f t="shared" si="24"/>
        <v/>
      </c>
      <c r="K743" s="23" t="s">
        <v>7120</v>
      </c>
      <c r="L743" s="49" t="e">
        <f>VLOOKUP(E743&amp;F743,団体コード!$A$1:$C$1743,3,FALSE)</f>
        <v>#N/A</v>
      </c>
      <c r="M743" s="49" t="e">
        <f>VLOOKUP(E743&amp;F743,団体コード!$A$1:$C$1743,2,FALSE)</f>
        <v>#N/A</v>
      </c>
      <c r="N743" s="51" t="e">
        <f>VLOOKUP(E743,団体コード!$E$1:$F$48,2,FALSE)</f>
        <v>#N/A</v>
      </c>
      <c r="O743" s="51" t="e">
        <f t="shared" si="25"/>
        <v>#N/A</v>
      </c>
      <c r="P743" s="51">
        <v>1</v>
      </c>
      <c r="Q743" s="51" t="s">
        <v>5341</v>
      </c>
      <c r="R743" s="54" t="b">
        <v>1</v>
      </c>
      <c r="S743" s="52" t="s">
        <v>7126</v>
      </c>
      <c r="T743" s="67" t="s">
        <v>7127</v>
      </c>
      <c r="U743" s="75" t="s">
        <v>5331</v>
      </c>
      <c r="V743" s="47" t="s">
        <v>5331</v>
      </c>
      <c r="W743" s="47" t="s">
        <v>5331</v>
      </c>
      <c r="X743" s="47" t="s">
        <v>5331</v>
      </c>
      <c r="Y743" s="47" t="s">
        <v>5331</v>
      </c>
      <c r="Z743" s="28"/>
      <c r="AA743" s="27"/>
      <c r="AB743" s="27"/>
      <c r="AC743" s="27"/>
      <c r="AD743" s="30"/>
      <c r="AE743" s="1"/>
      <c r="AF743" s="23" t="s">
        <v>5331</v>
      </c>
      <c r="AG743" s="26"/>
      <c r="AH743" s="53"/>
    </row>
    <row r="744" spans="1:34" ht="51.6" customHeight="1" x14ac:dyDescent="0.45">
      <c r="A744" s="23">
        <v>738</v>
      </c>
      <c r="B744" s="25"/>
      <c r="C744" s="25"/>
      <c r="D744" s="29"/>
      <c r="E744" s="1"/>
      <c r="F744" s="1"/>
      <c r="G744" s="25"/>
      <c r="H744" s="71"/>
      <c r="I744" s="83"/>
      <c r="J744" s="50" t="str">
        <f t="shared" si="24"/>
        <v/>
      </c>
      <c r="K744" s="23" t="s">
        <v>7120</v>
      </c>
      <c r="L744" s="49" t="e">
        <f>VLOOKUP(E744&amp;F744,団体コード!$A$1:$C$1743,3,FALSE)</f>
        <v>#N/A</v>
      </c>
      <c r="M744" s="49" t="e">
        <f>VLOOKUP(E744&amp;F744,団体コード!$A$1:$C$1743,2,FALSE)</f>
        <v>#N/A</v>
      </c>
      <c r="N744" s="51" t="e">
        <f>VLOOKUP(E744,団体コード!$E$1:$F$48,2,FALSE)</f>
        <v>#N/A</v>
      </c>
      <c r="O744" s="51" t="e">
        <f t="shared" si="25"/>
        <v>#N/A</v>
      </c>
      <c r="P744" s="51">
        <v>1</v>
      </c>
      <c r="Q744" s="51" t="s">
        <v>5341</v>
      </c>
      <c r="R744" s="54" t="b">
        <v>1</v>
      </c>
      <c r="S744" s="52" t="s">
        <v>7126</v>
      </c>
      <c r="T744" s="67" t="s">
        <v>7127</v>
      </c>
      <c r="U744" s="75" t="s">
        <v>5331</v>
      </c>
      <c r="V744" s="47" t="s">
        <v>5331</v>
      </c>
      <c r="W744" s="47" t="s">
        <v>5331</v>
      </c>
      <c r="X744" s="47" t="s">
        <v>5331</v>
      </c>
      <c r="Y744" s="47" t="s">
        <v>5331</v>
      </c>
      <c r="Z744" s="28"/>
      <c r="AA744" s="27"/>
      <c r="AB744" s="27"/>
      <c r="AC744" s="27"/>
      <c r="AD744" s="30"/>
      <c r="AE744" s="1"/>
      <c r="AF744" s="23" t="s">
        <v>5331</v>
      </c>
      <c r="AG744" s="26"/>
      <c r="AH744" s="53"/>
    </row>
    <row r="745" spans="1:34" ht="51.6" customHeight="1" x14ac:dyDescent="0.45">
      <c r="A745" s="23">
        <v>739</v>
      </c>
      <c r="B745" s="25"/>
      <c r="C745" s="25"/>
      <c r="D745" s="29"/>
      <c r="E745" s="1"/>
      <c r="F745" s="1"/>
      <c r="G745" s="25"/>
      <c r="H745" s="71"/>
      <c r="I745" s="83"/>
      <c r="J745" s="50" t="str">
        <f t="shared" si="24"/>
        <v/>
      </c>
      <c r="K745" s="23" t="s">
        <v>7120</v>
      </c>
      <c r="L745" s="49" t="e">
        <f>VLOOKUP(E745&amp;F745,団体コード!$A$1:$C$1743,3,FALSE)</f>
        <v>#N/A</v>
      </c>
      <c r="M745" s="49" t="e">
        <f>VLOOKUP(E745&amp;F745,団体コード!$A$1:$C$1743,2,FALSE)</f>
        <v>#N/A</v>
      </c>
      <c r="N745" s="51" t="e">
        <f>VLOOKUP(E745,団体コード!$E$1:$F$48,2,FALSE)</f>
        <v>#N/A</v>
      </c>
      <c r="O745" s="51" t="e">
        <f t="shared" si="25"/>
        <v>#N/A</v>
      </c>
      <c r="P745" s="51">
        <v>1</v>
      </c>
      <c r="Q745" s="51" t="s">
        <v>5341</v>
      </c>
      <c r="R745" s="54" t="b">
        <v>1</v>
      </c>
      <c r="S745" s="52" t="s">
        <v>7126</v>
      </c>
      <c r="T745" s="67" t="s">
        <v>7127</v>
      </c>
      <c r="U745" s="75" t="s">
        <v>5331</v>
      </c>
      <c r="V745" s="47" t="s">
        <v>5331</v>
      </c>
      <c r="W745" s="47" t="s">
        <v>5331</v>
      </c>
      <c r="X745" s="47" t="s">
        <v>5331</v>
      </c>
      <c r="Y745" s="47" t="s">
        <v>5331</v>
      </c>
      <c r="Z745" s="28"/>
      <c r="AA745" s="27"/>
      <c r="AB745" s="27"/>
      <c r="AC745" s="27"/>
      <c r="AD745" s="30"/>
      <c r="AE745" s="1"/>
      <c r="AF745" s="23" t="s">
        <v>5331</v>
      </c>
      <c r="AG745" s="26"/>
      <c r="AH745" s="53"/>
    </row>
    <row r="746" spans="1:34" ht="51.6" customHeight="1" x14ac:dyDescent="0.45">
      <c r="A746" s="23">
        <v>740</v>
      </c>
      <c r="B746" s="25"/>
      <c r="C746" s="25"/>
      <c r="D746" s="29"/>
      <c r="E746" s="1"/>
      <c r="F746" s="1"/>
      <c r="G746" s="25"/>
      <c r="H746" s="71"/>
      <c r="I746" s="83"/>
      <c r="J746" s="50" t="str">
        <f t="shared" si="24"/>
        <v/>
      </c>
      <c r="K746" s="23" t="s">
        <v>7120</v>
      </c>
      <c r="L746" s="49" t="e">
        <f>VLOOKUP(E746&amp;F746,団体コード!$A$1:$C$1743,3,FALSE)</f>
        <v>#N/A</v>
      </c>
      <c r="M746" s="49" t="e">
        <f>VLOOKUP(E746&amp;F746,団体コード!$A$1:$C$1743,2,FALSE)</f>
        <v>#N/A</v>
      </c>
      <c r="N746" s="51" t="e">
        <f>VLOOKUP(E746,団体コード!$E$1:$F$48,2,FALSE)</f>
        <v>#N/A</v>
      </c>
      <c r="O746" s="51" t="e">
        <f t="shared" si="25"/>
        <v>#N/A</v>
      </c>
      <c r="P746" s="51">
        <v>1</v>
      </c>
      <c r="Q746" s="51" t="s">
        <v>5341</v>
      </c>
      <c r="R746" s="54" t="b">
        <v>1</v>
      </c>
      <c r="S746" s="52" t="s">
        <v>7126</v>
      </c>
      <c r="T746" s="67" t="s">
        <v>7127</v>
      </c>
      <c r="U746" s="75" t="s">
        <v>5331</v>
      </c>
      <c r="V746" s="47" t="s">
        <v>5331</v>
      </c>
      <c r="W746" s="47" t="s">
        <v>5331</v>
      </c>
      <c r="X746" s="47" t="s">
        <v>5331</v>
      </c>
      <c r="Y746" s="47" t="s">
        <v>5331</v>
      </c>
      <c r="Z746" s="28"/>
      <c r="AA746" s="27"/>
      <c r="AB746" s="27"/>
      <c r="AC746" s="27"/>
      <c r="AD746" s="30"/>
      <c r="AE746" s="1"/>
      <c r="AF746" s="23" t="s">
        <v>5331</v>
      </c>
      <c r="AG746" s="26"/>
      <c r="AH746" s="53"/>
    </row>
    <row r="747" spans="1:34" ht="51.6" customHeight="1" x14ac:dyDescent="0.45">
      <c r="A747" s="23">
        <v>741</v>
      </c>
      <c r="B747" s="25"/>
      <c r="C747" s="25"/>
      <c r="D747" s="29"/>
      <c r="E747" s="1"/>
      <c r="F747" s="1"/>
      <c r="G747" s="25"/>
      <c r="H747" s="71"/>
      <c r="I747" s="83"/>
      <c r="J747" s="50" t="str">
        <f t="shared" si="24"/>
        <v/>
      </c>
      <c r="K747" s="23" t="s">
        <v>7120</v>
      </c>
      <c r="L747" s="49" t="e">
        <f>VLOOKUP(E747&amp;F747,団体コード!$A$1:$C$1743,3,FALSE)</f>
        <v>#N/A</v>
      </c>
      <c r="M747" s="49" t="e">
        <f>VLOOKUP(E747&amp;F747,団体コード!$A$1:$C$1743,2,FALSE)</f>
        <v>#N/A</v>
      </c>
      <c r="N747" s="51" t="e">
        <f>VLOOKUP(E747,団体コード!$E$1:$F$48,2,FALSE)</f>
        <v>#N/A</v>
      </c>
      <c r="O747" s="51" t="e">
        <f t="shared" si="25"/>
        <v>#N/A</v>
      </c>
      <c r="P747" s="51">
        <v>1</v>
      </c>
      <c r="Q747" s="51" t="s">
        <v>5341</v>
      </c>
      <c r="R747" s="54" t="b">
        <v>1</v>
      </c>
      <c r="S747" s="52" t="s">
        <v>7126</v>
      </c>
      <c r="T747" s="67" t="s">
        <v>7127</v>
      </c>
      <c r="U747" s="75" t="s">
        <v>5331</v>
      </c>
      <c r="V747" s="47" t="s">
        <v>5331</v>
      </c>
      <c r="W747" s="47" t="s">
        <v>5331</v>
      </c>
      <c r="X747" s="47" t="s">
        <v>5331</v>
      </c>
      <c r="Y747" s="47" t="s">
        <v>5331</v>
      </c>
      <c r="Z747" s="28"/>
      <c r="AA747" s="27"/>
      <c r="AB747" s="27"/>
      <c r="AC747" s="27"/>
      <c r="AD747" s="30"/>
      <c r="AE747" s="1"/>
      <c r="AF747" s="23" t="s">
        <v>5331</v>
      </c>
      <c r="AG747" s="26"/>
      <c r="AH747" s="53"/>
    </row>
    <row r="748" spans="1:34" ht="51.6" customHeight="1" x14ac:dyDescent="0.45">
      <c r="A748" s="23">
        <v>742</v>
      </c>
      <c r="B748" s="25"/>
      <c r="C748" s="25"/>
      <c r="D748" s="29"/>
      <c r="E748" s="1"/>
      <c r="F748" s="1"/>
      <c r="G748" s="25"/>
      <c r="H748" s="71"/>
      <c r="I748" s="83"/>
      <c r="J748" s="50" t="str">
        <f t="shared" si="24"/>
        <v/>
      </c>
      <c r="K748" s="23" t="s">
        <v>7120</v>
      </c>
      <c r="L748" s="49" t="e">
        <f>VLOOKUP(E748&amp;F748,団体コード!$A$1:$C$1743,3,FALSE)</f>
        <v>#N/A</v>
      </c>
      <c r="M748" s="49" t="e">
        <f>VLOOKUP(E748&amp;F748,団体コード!$A$1:$C$1743,2,FALSE)</f>
        <v>#N/A</v>
      </c>
      <c r="N748" s="51" t="e">
        <f>VLOOKUP(E748,団体コード!$E$1:$F$48,2,FALSE)</f>
        <v>#N/A</v>
      </c>
      <c r="O748" s="51" t="e">
        <f t="shared" si="25"/>
        <v>#N/A</v>
      </c>
      <c r="P748" s="51">
        <v>1</v>
      </c>
      <c r="Q748" s="51" t="s">
        <v>5341</v>
      </c>
      <c r="R748" s="54" t="b">
        <v>1</v>
      </c>
      <c r="S748" s="52" t="s">
        <v>7126</v>
      </c>
      <c r="T748" s="67" t="s">
        <v>7127</v>
      </c>
      <c r="U748" s="75" t="s">
        <v>5331</v>
      </c>
      <c r="V748" s="47" t="s">
        <v>5331</v>
      </c>
      <c r="W748" s="47" t="s">
        <v>5331</v>
      </c>
      <c r="X748" s="47" t="s">
        <v>5331</v>
      </c>
      <c r="Y748" s="47" t="s">
        <v>5331</v>
      </c>
      <c r="Z748" s="28"/>
      <c r="AA748" s="27"/>
      <c r="AB748" s="27"/>
      <c r="AC748" s="27"/>
      <c r="AD748" s="30"/>
      <c r="AE748" s="1"/>
      <c r="AF748" s="23" t="s">
        <v>5331</v>
      </c>
      <c r="AG748" s="26"/>
      <c r="AH748" s="53"/>
    </row>
    <row r="749" spans="1:34" ht="51.6" customHeight="1" x14ac:dyDescent="0.45">
      <c r="A749" s="23">
        <v>743</v>
      </c>
      <c r="B749" s="25"/>
      <c r="C749" s="25"/>
      <c r="D749" s="29"/>
      <c r="E749" s="1"/>
      <c r="F749" s="1"/>
      <c r="G749" s="25"/>
      <c r="H749" s="71"/>
      <c r="I749" s="83"/>
      <c r="J749" s="50" t="str">
        <f t="shared" si="24"/>
        <v/>
      </c>
      <c r="K749" s="23" t="s">
        <v>7120</v>
      </c>
      <c r="L749" s="49" t="e">
        <f>VLOOKUP(E749&amp;F749,団体コード!$A$1:$C$1743,3,FALSE)</f>
        <v>#N/A</v>
      </c>
      <c r="M749" s="49" t="e">
        <f>VLOOKUP(E749&amp;F749,団体コード!$A$1:$C$1743,2,FALSE)</f>
        <v>#N/A</v>
      </c>
      <c r="N749" s="51" t="e">
        <f>VLOOKUP(E749,団体コード!$E$1:$F$48,2,FALSE)</f>
        <v>#N/A</v>
      </c>
      <c r="O749" s="51" t="e">
        <f t="shared" si="25"/>
        <v>#N/A</v>
      </c>
      <c r="P749" s="51">
        <v>1</v>
      </c>
      <c r="Q749" s="51" t="s">
        <v>5341</v>
      </c>
      <c r="R749" s="54" t="b">
        <v>1</v>
      </c>
      <c r="S749" s="52" t="s">
        <v>7126</v>
      </c>
      <c r="T749" s="67" t="s">
        <v>7127</v>
      </c>
      <c r="U749" s="75" t="s">
        <v>5331</v>
      </c>
      <c r="V749" s="47" t="s">
        <v>5331</v>
      </c>
      <c r="W749" s="47" t="s">
        <v>5331</v>
      </c>
      <c r="X749" s="47" t="s">
        <v>5331</v>
      </c>
      <c r="Y749" s="47" t="s">
        <v>5331</v>
      </c>
      <c r="Z749" s="28"/>
      <c r="AA749" s="27"/>
      <c r="AB749" s="27"/>
      <c r="AC749" s="27"/>
      <c r="AD749" s="30"/>
      <c r="AE749" s="1"/>
      <c r="AF749" s="23" t="s">
        <v>5331</v>
      </c>
      <c r="AG749" s="26"/>
      <c r="AH749" s="53"/>
    </row>
    <row r="750" spans="1:34" ht="51.6" customHeight="1" x14ac:dyDescent="0.45">
      <c r="A750" s="23">
        <v>744</v>
      </c>
      <c r="B750" s="25"/>
      <c r="C750" s="25"/>
      <c r="D750" s="29"/>
      <c r="E750" s="1"/>
      <c r="F750" s="1"/>
      <c r="G750" s="25"/>
      <c r="H750" s="71"/>
      <c r="I750" s="83"/>
      <c r="J750" s="50" t="str">
        <f t="shared" si="24"/>
        <v/>
      </c>
      <c r="K750" s="23" t="s">
        <v>7120</v>
      </c>
      <c r="L750" s="49" t="e">
        <f>VLOOKUP(E750&amp;F750,団体コード!$A$1:$C$1743,3,FALSE)</f>
        <v>#N/A</v>
      </c>
      <c r="M750" s="49" t="e">
        <f>VLOOKUP(E750&amp;F750,団体コード!$A$1:$C$1743,2,FALSE)</f>
        <v>#N/A</v>
      </c>
      <c r="N750" s="51" t="e">
        <f>VLOOKUP(E750,団体コード!$E$1:$F$48,2,FALSE)</f>
        <v>#N/A</v>
      </c>
      <c r="O750" s="51" t="e">
        <f t="shared" si="25"/>
        <v>#N/A</v>
      </c>
      <c r="P750" s="51">
        <v>1</v>
      </c>
      <c r="Q750" s="51" t="s">
        <v>5341</v>
      </c>
      <c r="R750" s="54" t="b">
        <v>1</v>
      </c>
      <c r="S750" s="52" t="s">
        <v>7126</v>
      </c>
      <c r="T750" s="67" t="s">
        <v>7127</v>
      </c>
      <c r="U750" s="75" t="s">
        <v>5331</v>
      </c>
      <c r="V750" s="47" t="s">
        <v>5331</v>
      </c>
      <c r="W750" s="47" t="s">
        <v>5331</v>
      </c>
      <c r="X750" s="47" t="s">
        <v>5331</v>
      </c>
      <c r="Y750" s="47" t="s">
        <v>5331</v>
      </c>
      <c r="Z750" s="28"/>
      <c r="AA750" s="27"/>
      <c r="AB750" s="27"/>
      <c r="AC750" s="27"/>
      <c r="AD750" s="30"/>
      <c r="AE750" s="1"/>
      <c r="AF750" s="23" t="s">
        <v>5331</v>
      </c>
      <c r="AG750" s="26"/>
      <c r="AH750" s="53"/>
    </row>
    <row r="751" spans="1:34" ht="51.6" customHeight="1" x14ac:dyDescent="0.45">
      <c r="A751" s="23">
        <v>745</v>
      </c>
      <c r="B751" s="25"/>
      <c r="C751" s="25"/>
      <c r="D751" s="29"/>
      <c r="E751" s="1"/>
      <c r="F751" s="1"/>
      <c r="G751" s="25"/>
      <c r="H751" s="71"/>
      <c r="I751" s="83"/>
      <c r="J751" s="50" t="str">
        <f t="shared" si="24"/>
        <v/>
      </c>
      <c r="K751" s="23" t="s">
        <v>7120</v>
      </c>
      <c r="L751" s="49" t="e">
        <f>VLOOKUP(E751&amp;F751,団体コード!$A$1:$C$1743,3,FALSE)</f>
        <v>#N/A</v>
      </c>
      <c r="M751" s="49" t="e">
        <f>VLOOKUP(E751&amp;F751,団体コード!$A$1:$C$1743,2,FALSE)</f>
        <v>#N/A</v>
      </c>
      <c r="N751" s="51" t="e">
        <f>VLOOKUP(E751,団体コード!$E$1:$F$48,2,FALSE)</f>
        <v>#N/A</v>
      </c>
      <c r="O751" s="51" t="e">
        <f t="shared" si="25"/>
        <v>#N/A</v>
      </c>
      <c r="P751" s="51">
        <v>1</v>
      </c>
      <c r="Q751" s="51" t="s">
        <v>5341</v>
      </c>
      <c r="R751" s="54" t="b">
        <v>1</v>
      </c>
      <c r="S751" s="52" t="s">
        <v>7126</v>
      </c>
      <c r="T751" s="67" t="s">
        <v>7127</v>
      </c>
      <c r="U751" s="75" t="s">
        <v>5331</v>
      </c>
      <c r="V751" s="47" t="s">
        <v>5331</v>
      </c>
      <c r="W751" s="47" t="s">
        <v>5331</v>
      </c>
      <c r="X751" s="47" t="s">
        <v>5331</v>
      </c>
      <c r="Y751" s="47" t="s">
        <v>5331</v>
      </c>
      <c r="Z751" s="28"/>
      <c r="AA751" s="27"/>
      <c r="AB751" s="27"/>
      <c r="AC751" s="27"/>
      <c r="AD751" s="30"/>
      <c r="AE751" s="1"/>
      <c r="AF751" s="23" t="s">
        <v>5331</v>
      </c>
      <c r="AG751" s="26"/>
      <c r="AH751" s="53"/>
    </row>
    <row r="752" spans="1:34" ht="51.6" customHeight="1" x14ac:dyDescent="0.45">
      <c r="A752" s="23">
        <v>746</v>
      </c>
      <c r="B752" s="25"/>
      <c r="C752" s="25"/>
      <c r="D752" s="29"/>
      <c r="E752" s="1"/>
      <c r="F752" s="1"/>
      <c r="G752" s="25"/>
      <c r="H752" s="71"/>
      <c r="I752" s="83"/>
      <c r="J752" s="50" t="str">
        <f t="shared" si="24"/>
        <v/>
      </c>
      <c r="K752" s="23" t="s">
        <v>7120</v>
      </c>
      <c r="L752" s="49" t="e">
        <f>VLOOKUP(E752&amp;F752,団体コード!$A$1:$C$1743,3,FALSE)</f>
        <v>#N/A</v>
      </c>
      <c r="M752" s="49" t="e">
        <f>VLOOKUP(E752&amp;F752,団体コード!$A$1:$C$1743,2,FALSE)</f>
        <v>#N/A</v>
      </c>
      <c r="N752" s="51" t="e">
        <f>VLOOKUP(E752,団体コード!$E$1:$F$48,2,FALSE)</f>
        <v>#N/A</v>
      </c>
      <c r="O752" s="51" t="e">
        <f t="shared" si="25"/>
        <v>#N/A</v>
      </c>
      <c r="P752" s="51">
        <v>1</v>
      </c>
      <c r="Q752" s="51" t="s">
        <v>5341</v>
      </c>
      <c r="R752" s="54" t="b">
        <v>1</v>
      </c>
      <c r="S752" s="52" t="s">
        <v>7126</v>
      </c>
      <c r="T752" s="67" t="s">
        <v>7127</v>
      </c>
      <c r="U752" s="75" t="s">
        <v>5331</v>
      </c>
      <c r="V752" s="47" t="s">
        <v>5331</v>
      </c>
      <c r="W752" s="47" t="s">
        <v>5331</v>
      </c>
      <c r="X752" s="47" t="s">
        <v>5331</v>
      </c>
      <c r="Y752" s="47" t="s">
        <v>5331</v>
      </c>
      <c r="Z752" s="28"/>
      <c r="AA752" s="27"/>
      <c r="AB752" s="27"/>
      <c r="AC752" s="27"/>
      <c r="AD752" s="30"/>
      <c r="AE752" s="1"/>
      <c r="AF752" s="23" t="s">
        <v>5331</v>
      </c>
      <c r="AG752" s="26"/>
      <c r="AH752" s="53"/>
    </row>
    <row r="753" spans="1:34" ht="51.6" customHeight="1" x14ac:dyDescent="0.45">
      <c r="A753" s="23">
        <v>747</v>
      </c>
      <c r="B753" s="25"/>
      <c r="C753" s="25"/>
      <c r="D753" s="29"/>
      <c r="E753" s="1"/>
      <c r="F753" s="1"/>
      <c r="G753" s="25"/>
      <c r="H753" s="71"/>
      <c r="I753" s="83"/>
      <c r="J753" s="50" t="str">
        <f t="shared" si="24"/>
        <v/>
      </c>
      <c r="K753" s="23" t="s">
        <v>7120</v>
      </c>
      <c r="L753" s="49" t="e">
        <f>VLOOKUP(E753&amp;F753,団体コード!$A$1:$C$1743,3,FALSE)</f>
        <v>#N/A</v>
      </c>
      <c r="M753" s="49" t="e">
        <f>VLOOKUP(E753&amp;F753,団体コード!$A$1:$C$1743,2,FALSE)</f>
        <v>#N/A</v>
      </c>
      <c r="N753" s="51" t="e">
        <f>VLOOKUP(E753,団体コード!$E$1:$F$48,2,FALSE)</f>
        <v>#N/A</v>
      </c>
      <c r="O753" s="51" t="e">
        <f t="shared" si="25"/>
        <v>#N/A</v>
      </c>
      <c r="P753" s="51">
        <v>1</v>
      </c>
      <c r="Q753" s="51" t="s">
        <v>5341</v>
      </c>
      <c r="R753" s="54" t="b">
        <v>1</v>
      </c>
      <c r="S753" s="52" t="s">
        <v>7126</v>
      </c>
      <c r="T753" s="67" t="s">
        <v>7127</v>
      </c>
      <c r="U753" s="75" t="s">
        <v>5331</v>
      </c>
      <c r="V753" s="47" t="s">
        <v>5331</v>
      </c>
      <c r="W753" s="47" t="s">
        <v>5331</v>
      </c>
      <c r="X753" s="47" t="s">
        <v>5331</v>
      </c>
      <c r="Y753" s="47" t="s">
        <v>5331</v>
      </c>
      <c r="Z753" s="28"/>
      <c r="AA753" s="27"/>
      <c r="AB753" s="27"/>
      <c r="AC753" s="27"/>
      <c r="AD753" s="30"/>
      <c r="AE753" s="1"/>
      <c r="AF753" s="23" t="s">
        <v>5331</v>
      </c>
      <c r="AG753" s="26"/>
      <c r="AH753" s="53"/>
    </row>
    <row r="754" spans="1:34" ht="51.6" customHeight="1" x14ac:dyDescent="0.45">
      <c r="A754" s="23">
        <v>748</v>
      </c>
      <c r="B754" s="25"/>
      <c r="C754" s="25"/>
      <c r="D754" s="29"/>
      <c r="E754" s="1"/>
      <c r="F754" s="1"/>
      <c r="G754" s="25"/>
      <c r="H754" s="71"/>
      <c r="I754" s="83"/>
      <c r="J754" s="50" t="str">
        <f t="shared" si="24"/>
        <v/>
      </c>
      <c r="K754" s="23" t="s">
        <v>7120</v>
      </c>
      <c r="L754" s="49" t="e">
        <f>VLOOKUP(E754&amp;F754,団体コード!$A$1:$C$1743,3,FALSE)</f>
        <v>#N/A</v>
      </c>
      <c r="M754" s="49" t="e">
        <f>VLOOKUP(E754&amp;F754,団体コード!$A$1:$C$1743,2,FALSE)</f>
        <v>#N/A</v>
      </c>
      <c r="N754" s="51" t="e">
        <f>VLOOKUP(E754,団体コード!$E$1:$F$48,2,FALSE)</f>
        <v>#N/A</v>
      </c>
      <c r="O754" s="51" t="e">
        <f t="shared" si="25"/>
        <v>#N/A</v>
      </c>
      <c r="P754" s="51">
        <v>1</v>
      </c>
      <c r="Q754" s="51" t="s">
        <v>5341</v>
      </c>
      <c r="R754" s="54" t="b">
        <v>1</v>
      </c>
      <c r="S754" s="52" t="s">
        <v>7126</v>
      </c>
      <c r="T754" s="67" t="s">
        <v>7127</v>
      </c>
      <c r="U754" s="75" t="s">
        <v>5331</v>
      </c>
      <c r="V754" s="47" t="s">
        <v>5331</v>
      </c>
      <c r="W754" s="47" t="s">
        <v>5331</v>
      </c>
      <c r="X754" s="47" t="s">
        <v>5331</v>
      </c>
      <c r="Y754" s="47" t="s">
        <v>5331</v>
      </c>
      <c r="Z754" s="28"/>
      <c r="AA754" s="27"/>
      <c r="AB754" s="27"/>
      <c r="AC754" s="27"/>
      <c r="AD754" s="30"/>
      <c r="AE754" s="1"/>
      <c r="AF754" s="23" t="s">
        <v>5331</v>
      </c>
      <c r="AG754" s="26"/>
      <c r="AH754" s="53"/>
    </row>
    <row r="755" spans="1:34" ht="51.6" customHeight="1" x14ac:dyDescent="0.45">
      <c r="A755" s="23">
        <v>749</v>
      </c>
      <c r="B755" s="25"/>
      <c r="C755" s="25"/>
      <c r="D755" s="29"/>
      <c r="E755" s="1"/>
      <c r="F755" s="1"/>
      <c r="G755" s="25"/>
      <c r="H755" s="71"/>
      <c r="I755" s="83"/>
      <c r="J755" s="50" t="str">
        <f t="shared" si="24"/>
        <v/>
      </c>
      <c r="K755" s="23" t="s">
        <v>7120</v>
      </c>
      <c r="L755" s="49" t="e">
        <f>VLOOKUP(E755&amp;F755,団体コード!$A$1:$C$1743,3,FALSE)</f>
        <v>#N/A</v>
      </c>
      <c r="M755" s="49" t="e">
        <f>VLOOKUP(E755&amp;F755,団体コード!$A$1:$C$1743,2,FALSE)</f>
        <v>#N/A</v>
      </c>
      <c r="N755" s="51" t="e">
        <f>VLOOKUP(E755,団体コード!$E$1:$F$48,2,FALSE)</f>
        <v>#N/A</v>
      </c>
      <c r="O755" s="51" t="e">
        <f t="shared" si="25"/>
        <v>#N/A</v>
      </c>
      <c r="P755" s="51">
        <v>1</v>
      </c>
      <c r="Q755" s="51" t="s">
        <v>5341</v>
      </c>
      <c r="R755" s="54" t="b">
        <v>1</v>
      </c>
      <c r="S755" s="52" t="s">
        <v>7126</v>
      </c>
      <c r="T755" s="67" t="s">
        <v>7127</v>
      </c>
      <c r="U755" s="75" t="s">
        <v>5331</v>
      </c>
      <c r="V755" s="47" t="s">
        <v>5331</v>
      </c>
      <c r="W755" s="47" t="s">
        <v>5331</v>
      </c>
      <c r="X755" s="47" t="s">
        <v>5331</v>
      </c>
      <c r="Y755" s="47" t="s">
        <v>5331</v>
      </c>
      <c r="Z755" s="28"/>
      <c r="AA755" s="27"/>
      <c r="AB755" s="27"/>
      <c r="AC755" s="27"/>
      <c r="AD755" s="30"/>
      <c r="AE755" s="1"/>
      <c r="AF755" s="23" t="s">
        <v>5331</v>
      </c>
      <c r="AG755" s="26"/>
      <c r="AH755" s="53"/>
    </row>
    <row r="756" spans="1:34" ht="51.6" customHeight="1" x14ac:dyDescent="0.45">
      <c r="A756" s="23">
        <v>750</v>
      </c>
      <c r="B756" s="25"/>
      <c r="C756" s="25"/>
      <c r="D756" s="29"/>
      <c r="E756" s="1"/>
      <c r="F756" s="1"/>
      <c r="G756" s="25"/>
      <c r="H756" s="71"/>
      <c r="I756" s="83"/>
      <c r="J756" s="50" t="str">
        <f t="shared" si="24"/>
        <v/>
      </c>
      <c r="K756" s="23" t="s">
        <v>7120</v>
      </c>
      <c r="L756" s="49" t="e">
        <f>VLOOKUP(E756&amp;F756,団体コード!$A$1:$C$1743,3,FALSE)</f>
        <v>#N/A</v>
      </c>
      <c r="M756" s="49" t="e">
        <f>VLOOKUP(E756&amp;F756,団体コード!$A$1:$C$1743,2,FALSE)</f>
        <v>#N/A</v>
      </c>
      <c r="N756" s="51" t="e">
        <f>VLOOKUP(E756,団体コード!$E$1:$F$48,2,FALSE)</f>
        <v>#N/A</v>
      </c>
      <c r="O756" s="51" t="e">
        <f t="shared" si="25"/>
        <v>#N/A</v>
      </c>
      <c r="P756" s="51">
        <v>1</v>
      </c>
      <c r="Q756" s="51" t="s">
        <v>5341</v>
      </c>
      <c r="R756" s="54" t="b">
        <v>1</v>
      </c>
      <c r="S756" s="52" t="s">
        <v>7126</v>
      </c>
      <c r="T756" s="67" t="s">
        <v>7127</v>
      </c>
      <c r="U756" s="75" t="s">
        <v>5331</v>
      </c>
      <c r="V756" s="47" t="s">
        <v>5331</v>
      </c>
      <c r="W756" s="47" t="s">
        <v>5331</v>
      </c>
      <c r="X756" s="47" t="s">
        <v>5331</v>
      </c>
      <c r="Y756" s="47" t="s">
        <v>5331</v>
      </c>
      <c r="Z756" s="28"/>
      <c r="AA756" s="27"/>
      <c r="AB756" s="27"/>
      <c r="AC756" s="27"/>
      <c r="AD756" s="30"/>
      <c r="AE756" s="1"/>
      <c r="AF756" s="23" t="s">
        <v>5331</v>
      </c>
      <c r="AG756" s="26"/>
      <c r="AH756" s="53"/>
    </row>
    <row r="757" spans="1:34" ht="51.6" customHeight="1" x14ac:dyDescent="0.45">
      <c r="A757" s="23">
        <v>751</v>
      </c>
      <c r="B757" s="25"/>
      <c r="C757" s="25"/>
      <c r="D757" s="29"/>
      <c r="E757" s="1"/>
      <c r="F757" s="1"/>
      <c r="G757" s="25"/>
      <c r="H757" s="71"/>
      <c r="I757" s="83"/>
      <c r="J757" s="50" t="str">
        <f t="shared" si="24"/>
        <v/>
      </c>
      <c r="K757" s="23" t="s">
        <v>7120</v>
      </c>
      <c r="L757" s="49" t="e">
        <f>VLOOKUP(E757&amp;F757,団体コード!$A$1:$C$1743,3,FALSE)</f>
        <v>#N/A</v>
      </c>
      <c r="M757" s="49" t="e">
        <f>VLOOKUP(E757&amp;F757,団体コード!$A$1:$C$1743,2,FALSE)</f>
        <v>#N/A</v>
      </c>
      <c r="N757" s="51" t="e">
        <f>VLOOKUP(E757,団体コード!$E$1:$F$48,2,FALSE)</f>
        <v>#N/A</v>
      </c>
      <c r="O757" s="51" t="e">
        <f t="shared" si="25"/>
        <v>#N/A</v>
      </c>
      <c r="P757" s="51">
        <v>1</v>
      </c>
      <c r="Q757" s="51" t="s">
        <v>5341</v>
      </c>
      <c r="R757" s="54" t="b">
        <v>1</v>
      </c>
      <c r="S757" s="52" t="s">
        <v>7126</v>
      </c>
      <c r="T757" s="67" t="s">
        <v>7127</v>
      </c>
      <c r="U757" s="75" t="s">
        <v>5331</v>
      </c>
      <c r="V757" s="47" t="s">
        <v>5331</v>
      </c>
      <c r="W757" s="47" t="s">
        <v>5331</v>
      </c>
      <c r="X757" s="47" t="s">
        <v>5331</v>
      </c>
      <c r="Y757" s="47" t="s">
        <v>5331</v>
      </c>
      <c r="Z757" s="28"/>
      <c r="AA757" s="27"/>
      <c r="AB757" s="27"/>
      <c r="AC757" s="27"/>
      <c r="AD757" s="30"/>
      <c r="AE757" s="1"/>
      <c r="AF757" s="23" t="s">
        <v>5331</v>
      </c>
      <c r="AG757" s="26"/>
      <c r="AH757" s="53"/>
    </row>
    <row r="758" spans="1:34" ht="51.6" customHeight="1" x14ac:dyDescent="0.45">
      <c r="A758" s="23">
        <v>752</v>
      </c>
      <c r="B758" s="25"/>
      <c r="C758" s="25"/>
      <c r="D758" s="29"/>
      <c r="E758" s="1"/>
      <c r="F758" s="1"/>
      <c r="G758" s="25"/>
      <c r="H758" s="71"/>
      <c r="I758" s="83"/>
      <c r="J758" s="50" t="str">
        <f t="shared" si="24"/>
        <v/>
      </c>
      <c r="K758" s="23" t="s">
        <v>7120</v>
      </c>
      <c r="L758" s="49" t="e">
        <f>VLOOKUP(E758&amp;F758,団体コード!$A$1:$C$1743,3,FALSE)</f>
        <v>#N/A</v>
      </c>
      <c r="M758" s="49" t="e">
        <f>VLOOKUP(E758&amp;F758,団体コード!$A$1:$C$1743,2,FALSE)</f>
        <v>#N/A</v>
      </c>
      <c r="N758" s="51" t="e">
        <f>VLOOKUP(E758,団体コード!$E$1:$F$48,2,FALSE)</f>
        <v>#N/A</v>
      </c>
      <c r="O758" s="51" t="e">
        <f t="shared" si="25"/>
        <v>#N/A</v>
      </c>
      <c r="P758" s="51">
        <v>1</v>
      </c>
      <c r="Q758" s="51" t="s">
        <v>5341</v>
      </c>
      <c r="R758" s="54" t="b">
        <v>1</v>
      </c>
      <c r="S758" s="52" t="s">
        <v>7126</v>
      </c>
      <c r="T758" s="67" t="s">
        <v>7127</v>
      </c>
      <c r="U758" s="75" t="s">
        <v>5331</v>
      </c>
      <c r="V758" s="47" t="s">
        <v>5331</v>
      </c>
      <c r="W758" s="47" t="s">
        <v>5331</v>
      </c>
      <c r="X758" s="47" t="s">
        <v>5331</v>
      </c>
      <c r="Y758" s="47" t="s">
        <v>5331</v>
      </c>
      <c r="Z758" s="28"/>
      <c r="AA758" s="27"/>
      <c r="AB758" s="27"/>
      <c r="AC758" s="27"/>
      <c r="AD758" s="30"/>
      <c r="AE758" s="1"/>
      <c r="AF758" s="23" t="s">
        <v>5331</v>
      </c>
      <c r="AG758" s="26"/>
      <c r="AH758" s="53"/>
    </row>
    <row r="759" spans="1:34" ht="51.6" customHeight="1" x14ac:dyDescent="0.45">
      <c r="A759" s="23">
        <v>753</v>
      </c>
      <c r="B759" s="25"/>
      <c r="C759" s="25"/>
      <c r="D759" s="29"/>
      <c r="E759" s="1"/>
      <c r="F759" s="1"/>
      <c r="G759" s="25"/>
      <c r="H759" s="71"/>
      <c r="I759" s="83"/>
      <c r="J759" s="50" t="str">
        <f t="shared" si="24"/>
        <v/>
      </c>
      <c r="K759" s="23" t="s">
        <v>7120</v>
      </c>
      <c r="L759" s="49" t="e">
        <f>VLOOKUP(E759&amp;F759,団体コード!$A$1:$C$1743,3,FALSE)</f>
        <v>#N/A</v>
      </c>
      <c r="M759" s="49" t="e">
        <f>VLOOKUP(E759&amp;F759,団体コード!$A$1:$C$1743,2,FALSE)</f>
        <v>#N/A</v>
      </c>
      <c r="N759" s="51" t="e">
        <f>VLOOKUP(E759,団体コード!$E$1:$F$48,2,FALSE)</f>
        <v>#N/A</v>
      </c>
      <c r="O759" s="51" t="e">
        <f t="shared" si="25"/>
        <v>#N/A</v>
      </c>
      <c r="P759" s="51">
        <v>1</v>
      </c>
      <c r="Q759" s="51" t="s">
        <v>5341</v>
      </c>
      <c r="R759" s="54" t="b">
        <v>1</v>
      </c>
      <c r="S759" s="52" t="s">
        <v>7126</v>
      </c>
      <c r="T759" s="67" t="s">
        <v>7127</v>
      </c>
      <c r="U759" s="75" t="s">
        <v>5331</v>
      </c>
      <c r="V759" s="47" t="s">
        <v>5331</v>
      </c>
      <c r="W759" s="47" t="s">
        <v>5331</v>
      </c>
      <c r="X759" s="47" t="s">
        <v>5331</v>
      </c>
      <c r="Y759" s="47" t="s">
        <v>5331</v>
      </c>
      <c r="Z759" s="28"/>
      <c r="AA759" s="27"/>
      <c r="AB759" s="27"/>
      <c r="AC759" s="27"/>
      <c r="AD759" s="30"/>
      <c r="AE759" s="1"/>
      <c r="AF759" s="23" t="s">
        <v>5331</v>
      </c>
      <c r="AG759" s="26"/>
      <c r="AH759" s="53"/>
    </row>
    <row r="760" spans="1:34" ht="51.6" customHeight="1" x14ac:dyDescent="0.45">
      <c r="A760" s="23">
        <v>754</v>
      </c>
      <c r="B760" s="25"/>
      <c r="C760" s="25"/>
      <c r="D760" s="29"/>
      <c r="E760" s="1"/>
      <c r="F760" s="1"/>
      <c r="G760" s="25"/>
      <c r="H760" s="71"/>
      <c r="I760" s="83"/>
      <c r="J760" s="50" t="str">
        <f t="shared" si="24"/>
        <v/>
      </c>
      <c r="K760" s="23" t="s">
        <v>7120</v>
      </c>
      <c r="L760" s="49" t="e">
        <f>VLOOKUP(E760&amp;F760,団体コード!$A$1:$C$1743,3,FALSE)</f>
        <v>#N/A</v>
      </c>
      <c r="M760" s="49" t="e">
        <f>VLOOKUP(E760&amp;F760,団体コード!$A$1:$C$1743,2,FALSE)</f>
        <v>#N/A</v>
      </c>
      <c r="N760" s="51" t="e">
        <f>VLOOKUP(E760,団体コード!$E$1:$F$48,2,FALSE)</f>
        <v>#N/A</v>
      </c>
      <c r="O760" s="51" t="e">
        <f t="shared" si="25"/>
        <v>#N/A</v>
      </c>
      <c r="P760" s="51">
        <v>1</v>
      </c>
      <c r="Q760" s="51" t="s">
        <v>5341</v>
      </c>
      <c r="R760" s="54" t="b">
        <v>1</v>
      </c>
      <c r="S760" s="52" t="s">
        <v>7126</v>
      </c>
      <c r="T760" s="67" t="s">
        <v>7127</v>
      </c>
      <c r="U760" s="75" t="s">
        <v>5331</v>
      </c>
      <c r="V760" s="47" t="s">
        <v>5331</v>
      </c>
      <c r="W760" s="47" t="s">
        <v>5331</v>
      </c>
      <c r="X760" s="47" t="s">
        <v>5331</v>
      </c>
      <c r="Y760" s="47" t="s">
        <v>5331</v>
      </c>
      <c r="Z760" s="28"/>
      <c r="AA760" s="27"/>
      <c r="AB760" s="27"/>
      <c r="AC760" s="27"/>
      <c r="AD760" s="30"/>
      <c r="AE760" s="1"/>
      <c r="AF760" s="23" t="s">
        <v>5331</v>
      </c>
      <c r="AG760" s="26"/>
      <c r="AH760" s="53"/>
    </row>
    <row r="761" spans="1:34" ht="51.6" customHeight="1" x14ac:dyDescent="0.45">
      <c r="A761" s="23">
        <v>755</v>
      </c>
      <c r="B761" s="25"/>
      <c r="C761" s="25"/>
      <c r="D761" s="29"/>
      <c r="E761" s="1"/>
      <c r="F761" s="1"/>
      <c r="G761" s="25"/>
      <c r="H761" s="71"/>
      <c r="I761" s="83"/>
      <c r="J761" s="50" t="str">
        <f t="shared" si="24"/>
        <v/>
      </c>
      <c r="K761" s="23" t="s">
        <v>7120</v>
      </c>
      <c r="L761" s="49" t="e">
        <f>VLOOKUP(E761&amp;F761,団体コード!$A$1:$C$1743,3,FALSE)</f>
        <v>#N/A</v>
      </c>
      <c r="M761" s="49" t="e">
        <f>VLOOKUP(E761&amp;F761,団体コード!$A$1:$C$1743,2,FALSE)</f>
        <v>#N/A</v>
      </c>
      <c r="N761" s="51" t="e">
        <f>VLOOKUP(E761,団体コード!$E$1:$F$48,2,FALSE)</f>
        <v>#N/A</v>
      </c>
      <c r="O761" s="51" t="e">
        <f t="shared" si="25"/>
        <v>#N/A</v>
      </c>
      <c r="P761" s="51">
        <v>1</v>
      </c>
      <c r="Q761" s="51" t="s">
        <v>5341</v>
      </c>
      <c r="R761" s="54" t="b">
        <v>1</v>
      </c>
      <c r="S761" s="52" t="s">
        <v>7126</v>
      </c>
      <c r="T761" s="67" t="s">
        <v>7127</v>
      </c>
      <c r="U761" s="75" t="s">
        <v>5331</v>
      </c>
      <c r="V761" s="47" t="s">
        <v>5331</v>
      </c>
      <c r="W761" s="47" t="s">
        <v>5331</v>
      </c>
      <c r="X761" s="47" t="s">
        <v>5331</v>
      </c>
      <c r="Y761" s="47" t="s">
        <v>5331</v>
      </c>
      <c r="Z761" s="28"/>
      <c r="AA761" s="27"/>
      <c r="AB761" s="27"/>
      <c r="AC761" s="27"/>
      <c r="AD761" s="30"/>
      <c r="AE761" s="1"/>
      <c r="AF761" s="23" t="s">
        <v>5331</v>
      </c>
      <c r="AG761" s="26"/>
      <c r="AH761" s="53"/>
    </row>
    <row r="762" spans="1:34" ht="51.6" customHeight="1" x14ac:dyDescent="0.45">
      <c r="A762" s="23">
        <v>756</v>
      </c>
      <c r="B762" s="25"/>
      <c r="C762" s="25"/>
      <c r="D762" s="29"/>
      <c r="E762" s="1"/>
      <c r="F762" s="1"/>
      <c r="G762" s="25"/>
      <c r="H762" s="71"/>
      <c r="I762" s="83"/>
      <c r="J762" s="50" t="str">
        <f t="shared" si="24"/>
        <v/>
      </c>
      <c r="K762" s="23" t="s">
        <v>7120</v>
      </c>
      <c r="L762" s="49" t="e">
        <f>VLOOKUP(E762&amp;F762,団体コード!$A$1:$C$1743,3,FALSE)</f>
        <v>#N/A</v>
      </c>
      <c r="M762" s="49" t="e">
        <f>VLOOKUP(E762&amp;F762,団体コード!$A$1:$C$1743,2,FALSE)</f>
        <v>#N/A</v>
      </c>
      <c r="N762" s="51" t="e">
        <f>VLOOKUP(E762,団体コード!$E$1:$F$48,2,FALSE)</f>
        <v>#N/A</v>
      </c>
      <c r="O762" s="51" t="e">
        <f t="shared" si="25"/>
        <v>#N/A</v>
      </c>
      <c r="P762" s="51">
        <v>1</v>
      </c>
      <c r="Q762" s="51" t="s">
        <v>5341</v>
      </c>
      <c r="R762" s="54" t="b">
        <v>1</v>
      </c>
      <c r="S762" s="52" t="s">
        <v>7126</v>
      </c>
      <c r="T762" s="67" t="s">
        <v>7127</v>
      </c>
      <c r="U762" s="75" t="s">
        <v>5331</v>
      </c>
      <c r="V762" s="47" t="s">
        <v>5331</v>
      </c>
      <c r="W762" s="47" t="s">
        <v>5331</v>
      </c>
      <c r="X762" s="47" t="s">
        <v>5331</v>
      </c>
      <c r="Y762" s="47" t="s">
        <v>5331</v>
      </c>
      <c r="Z762" s="28"/>
      <c r="AA762" s="27"/>
      <c r="AB762" s="27"/>
      <c r="AC762" s="27"/>
      <c r="AD762" s="30"/>
      <c r="AE762" s="1"/>
      <c r="AF762" s="23" t="s">
        <v>5331</v>
      </c>
      <c r="AG762" s="26"/>
      <c r="AH762" s="53"/>
    </row>
    <row r="763" spans="1:34" ht="51.6" customHeight="1" x14ac:dyDescent="0.45">
      <c r="A763" s="23">
        <v>757</v>
      </c>
      <c r="B763" s="25"/>
      <c r="C763" s="25"/>
      <c r="D763" s="29"/>
      <c r="E763" s="1"/>
      <c r="F763" s="1"/>
      <c r="G763" s="25"/>
      <c r="H763" s="71"/>
      <c r="I763" s="83"/>
      <c r="J763" s="50" t="str">
        <f t="shared" si="24"/>
        <v/>
      </c>
      <c r="K763" s="23" t="s">
        <v>7120</v>
      </c>
      <c r="L763" s="49" t="e">
        <f>VLOOKUP(E763&amp;F763,団体コード!$A$1:$C$1743,3,FALSE)</f>
        <v>#N/A</v>
      </c>
      <c r="M763" s="49" t="e">
        <f>VLOOKUP(E763&amp;F763,団体コード!$A$1:$C$1743,2,FALSE)</f>
        <v>#N/A</v>
      </c>
      <c r="N763" s="51" t="e">
        <f>VLOOKUP(E763,団体コード!$E$1:$F$48,2,FALSE)</f>
        <v>#N/A</v>
      </c>
      <c r="O763" s="51" t="e">
        <f t="shared" si="25"/>
        <v>#N/A</v>
      </c>
      <c r="P763" s="51">
        <v>1</v>
      </c>
      <c r="Q763" s="51" t="s">
        <v>5341</v>
      </c>
      <c r="R763" s="54" t="b">
        <v>1</v>
      </c>
      <c r="S763" s="52" t="s">
        <v>7126</v>
      </c>
      <c r="T763" s="67" t="s">
        <v>7127</v>
      </c>
      <c r="U763" s="75" t="s">
        <v>5331</v>
      </c>
      <c r="V763" s="47" t="s">
        <v>5331</v>
      </c>
      <c r="W763" s="47" t="s">
        <v>5331</v>
      </c>
      <c r="X763" s="47" t="s">
        <v>5331</v>
      </c>
      <c r="Y763" s="47" t="s">
        <v>5331</v>
      </c>
      <c r="Z763" s="28"/>
      <c r="AA763" s="27"/>
      <c r="AB763" s="27"/>
      <c r="AC763" s="27"/>
      <c r="AD763" s="30"/>
      <c r="AE763" s="1"/>
      <c r="AF763" s="23" t="s">
        <v>5331</v>
      </c>
      <c r="AG763" s="26"/>
      <c r="AH763" s="53"/>
    </row>
    <row r="764" spans="1:34" ht="51.6" customHeight="1" x14ac:dyDescent="0.45">
      <c r="A764" s="23">
        <v>758</v>
      </c>
      <c r="B764" s="25"/>
      <c r="C764" s="25"/>
      <c r="D764" s="29"/>
      <c r="E764" s="1"/>
      <c r="F764" s="1"/>
      <c r="G764" s="25"/>
      <c r="H764" s="71"/>
      <c r="I764" s="83"/>
      <c r="J764" s="50" t="str">
        <f t="shared" si="24"/>
        <v/>
      </c>
      <c r="K764" s="23" t="s">
        <v>7120</v>
      </c>
      <c r="L764" s="49" t="e">
        <f>VLOOKUP(E764&amp;F764,団体コード!$A$1:$C$1743,3,FALSE)</f>
        <v>#N/A</v>
      </c>
      <c r="M764" s="49" t="e">
        <f>VLOOKUP(E764&amp;F764,団体コード!$A$1:$C$1743,2,FALSE)</f>
        <v>#N/A</v>
      </c>
      <c r="N764" s="51" t="e">
        <f>VLOOKUP(E764,団体コード!$E$1:$F$48,2,FALSE)</f>
        <v>#N/A</v>
      </c>
      <c r="O764" s="51" t="e">
        <f t="shared" si="25"/>
        <v>#N/A</v>
      </c>
      <c r="P764" s="51">
        <v>1</v>
      </c>
      <c r="Q764" s="51" t="s">
        <v>5341</v>
      </c>
      <c r="R764" s="54" t="b">
        <v>1</v>
      </c>
      <c r="S764" s="52" t="s">
        <v>7126</v>
      </c>
      <c r="T764" s="67" t="s">
        <v>7127</v>
      </c>
      <c r="U764" s="75" t="s">
        <v>5331</v>
      </c>
      <c r="V764" s="47" t="s">
        <v>5331</v>
      </c>
      <c r="W764" s="47" t="s">
        <v>5331</v>
      </c>
      <c r="X764" s="47" t="s">
        <v>5331</v>
      </c>
      <c r="Y764" s="47" t="s">
        <v>5331</v>
      </c>
      <c r="Z764" s="28"/>
      <c r="AA764" s="27"/>
      <c r="AB764" s="27"/>
      <c r="AC764" s="27"/>
      <c r="AD764" s="30"/>
      <c r="AE764" s="1"/>
      <c r="AF764" s="23" t="s">
        <v>5331</v>
      </c>
      <c r="AG764" s="26"/>
      <c r="AH764" s="53"/>
    </row>
    <row r="765" spans="1:34" ht="51.6" customHeight="1" x14ac:dyDescent="0.45">
      <c r="A765" s="23">
        <v>759</v>
      </c>
      <c r="B765" s="25"/>
      <c r="C765" s="25"/>
      <c r="D765" s="29"/>
      <c r="E765" s="1"/>
      <c r="F765" s="1"/>
      <c r="G765" s="25"/>
      <c r="H765" s="71"/>
      <c r="I765" s="83"/>
      <c r="J765" s="50" t="str">
        <f t="shared" si="24"/>
        <v/>
      </c>
      <c r="K765" s="23" t="s">
        <v>7120</v>
      </c>
      <c r="L765" s="49" t="e">
        <f>VLOOKUP(E765&amp;F765,団体コード!$A$1:$C$1743,3,FALSE)</f>
        <v>#N/A</v>
      </c>
      <c r="M765" s="49" t="e">
        <f>VLOOKUP(E765&amp;F765,団体コード!$A$1:$C$1743,2,FALSE)</f>
        <v>#N/A</v>
      </c>
      <c r="N765" s="51" t="e">
        <f>VLOOKUP(E765,団体コード!$E$1:$F$48,2,FALSE)</f>
        <v>#N/A</v>
      </c>
      <c r="O765" s="51" t="e">
        <f t="shared" si="25"/>
        <v>#N/A</v>
      </c>
      <c r="P765" s="51">
        <v>1</v>
      </c>
      <c r="Q765" s="51" t="s">
        <v>5341</v>
      </c>
      <c r="R765" s="54" t="b">
        <v>1</v>
      </c>
      <c r="S765" s="52" t="s">
        <v>7126</v>
      </c>
      <c r="T765" s="67" t="s">
        <v>7127</v>
      </c>
      <c r="U765" s="75" t="s">
        <v>5331</v>
      </c>
      <c r="V765" s="47" t="s">
        <v>5331</v>
      </c>
      <c r="W765" s="47" t="s">
        <v>5331</v>
      </c>
      <c r="X765" s="47" t="s">
        <v>5331</v>
      </c>
      <c r="Y765" s="47" t="s">
        <v>5331</v>
      </c>
      <c r="Z765" s="28"/>
      <c r="AA765" s="27"/>
      <c r="AB765" s="27"/>
      <c r="AC765" s="27"/>
      <c r="AD765" s="30"/>
      <c r="AE765" s="1"/>
      <c r="AF765" s="23" t="s">
        <v>5331</v>
      </c>
      <c r="AG765" s="26"/>
      <c r="AH765" s="53"/>
    </row>
    <row r="766" spans="1:34" ht="51.6" customHeight="1" x14ac:dyDescent="0.45">
      <c r="A766" s="23">
        <v>760</v>
      </c>
      <c r="B766" s="25"/>
      <c r="C766" s="25"/>
      <c r="D766" s="29"/>
      <c r="E766" s="1"/>
      <c r="F766" s="1"/>
      <c r="G766" s="25"/>
      <c r="H766" s="71"/>
      <c r="I766" s="83"/>
      <c r="J766" s="50" t="str">
        <f t="shared" si="24"/>
        <v/>
      </c>
      <c r="K766" s="23" t="s">
        <v>7120</v>
      </c>
      <c r="L766" s="49" t="e">
        <f>VLOOKUP(E766&amp;F766,団体コード!$A$1:$C$1743,3,FALSE)</f>
        <v>#N/A</v>
      </c>
      <c r="M766" s="49" t="e">
        <f>VLOOKUP(E766&amp;F766,団体コード!$A$1:$C$1743,2,FALSE)</f>
        <v>#N/A</v>
      </c>
      <c r="N766" s="51" t="e">
        <f>VLOOKUP(E766,団体コード!$E$1:$F$48,2,FALSE)</f>
        <v>#N/A</v>
      </c>
      <c r="O766" s="51" t="e">
        <f t="shared" si="25"/>
        <v>#N/A</v>
      </c>
      <c r="P766" s="51">
        <v>1</v>
      </c>
      <c r="Q766" s="51" t="s">
        <v>5341</v>
      </c>
      <c r="R766" s="54" t="b">
        <v>1</v>
      </c>
      <c r="S766" s="52" t="s">
        <v>7126</v>
      </c>
      <c r="T766" s="67" t="s">
        <v>7127</v>
      </c>
      <c r="U766" s="75" t="s">
        <v>5331</v>
      </c>
      <c r="V766" s="47" t="s">
        <v>5331</v>
      </c>
      <c r="W766" s="47" t="s">
        <v>5331</v>
      </c>
      <c r="X766" s="47" t="s">
        <v>5331</v>
      </c>
      <c r="Y766" s="47" t="s">
        <v>5331</v>
      </c>
      <c r="Z766" s="28"/>
      <c r="AA766" s="27"/>
      <c r="AB766" s="27"/>
      <c r="AC766" s="27"/>
      <c r="AD766" s="30"/>
      <c r="AE766" s="1"/>
      <c r="AF766" s="23" t="s">
        <v>5331</v>
      </c>
      <c r="AG766" s="26"/>
      <c r="AH766" s="53"/>
    </row>
    <row r="767" spans="1:34" ht="51.6" customHeight="1" x14ac:dyDescent="0.45">
      <c r="A767" s="23">
        <v>761</v>
      </c>
      <c r="B767" s="25"/>
      <c r="C767" s="25"/>
      <c r="D767" s="29"/>
      <c r="E767" s="1"/>
      <c r="F767" s="1"/>
      <c r="G767" s="25"/>
      <c r="H767" s="71"/>
      <c r="I767" s="83"/>
      <c r="J767" s="50" t="str">
        <f t="shared" si="24"/>
        <v/>
      </c>
      <c r="K767" s="23" t="s">
        <v>7120</v>
      </c>
      <c r="L767" s="49" t="e">
        <f>VLOOKUP(E767&amp;F767,団体コード!$A$1:$C$1743,3,FALSE)</f>
        <v>#N/A</v>
      </c>
      <c r="M767" s="49" t="e">
        <f>VLOOKUP(E767&amp;F767,団体コード!$A$1:$C$1743,2,FALSE)</f>
        <v>#N/A</v>
      </c>
      <c r="N767" s="51" t="e">
        <f>VLOOKUP(E767,団体コード!$E$1:$F$48,2,FALSE)</f>
        <v>#N/A</v>
      </c>
      <c r="O767" s="51" t="e">
        <f t="shared" si="25"/>
        <v>#N/A</v>
      </c>
      <c r="P767" s="51">
        <v>1</v>
      </c>
      <c r="Q767" s="51" t="s">
        <v>5341</v>
      </c>
      <c r="R767" s="54" t="b">
        <v>1</v>
      </c>
      <c r="S767" s="52" t="s">
        <v>7126</v>
      </c>
      <c r="T767" s="67" t="s">
        <v>7127</v>
      </c>
      <c r="U767" s="75" t="s">
        <v>5331</v>
      </c>
      <c r="V767" s="47" t="s">
        <v>5331</v>
      </c>
      <c r="W767" s="47" t="s">
        <v>5331</v>
      </c>
      <c r="X767" s="47" t="s">
        <v>5331</v>
      </c>
      <c r="Y767" s="47" t="s">
        <v>5331</v>
      </c>
      <c r="Z767" s="28"/>
      <c r="AA767" s="27"/>
      <c r="AB767" s="27"/>
      <c r="AC767" s="27"/>
      <c r="AD767" s="30"/>
      <c r="AE767" s="1"/>
      <c r="AF767" s="23" t="s">
        <v>5331</v>
      </c>
      <c r="AG767" s="26"/>
      <c r="AH767" s="53"/>
    </row>
    <row r="768" spans="1:34" ht="51.6" customHeight="1" x14ac:dyDescent="0.45">
      <c r="A768" s="23">
        <v>762</v>
      </c>
      <c r="B768" s="25"/>
      <c r="C768" s="25"/>
      <c r="D768" s="29"/>
      <c r="E768" s="1"/>
      <c r="F768" s="1"/>
      <c r="G768" s="25"/>
      <c r="H768" s="71"/>
      <c r="I768" s="83"/>
      <c r="J768" s="50" t="str">
        <f t="shared" si="24"/>
        <v/>
      </c>
      <c r="K768" s="23" t="s">
        <v>7120</v>
      </c>
      <c r="L768" s="49" t="e">
        <f>VLOOKUP(E768&amp;F768,団体コード!$A$1:$C$1743,3,FALSE)</f>
        <v>#N/A</v>
      </c>
      <c r="M768" s="49" t="e">
        <f>VLOOKUP(E768&amp;F768,団体コード!$A$1:$C$1743,2,FALSE)</f>
        <v>#N/A</v>
      </c>
      <c r="N768" s="51" t="e">
        <f>VLOOKUP(E768,団体コード!$E$1:$F$48,2,FALSE)</f>
        <v>#N/A</v>
      </c>
      <c r="O768" s="51" t="e">
        <f t="shared" si="25"/>
        <v>#N/A</v>
      </c>
      <c r="P768" s="51">
        <v>1</v>
      </c>
      <c r="Q768" s="51" t="s">
        <v>5341</v>
      </c>
      <c r="R768" s="54" t="b">
        <v>1</v>
      </c>
      <c r="S768" s="52" t="s">
        <v>7126</v>
      </c>
      <c r="T768" s="67" t="s">
        <v>7127</v>
      </c>
      <c r="U768" s="75" t="s">
        <v>5331</v>
      </c>
      <c r="V768" s="47" t="s">
        <v>5331</v>
      </c>
      <c r="W768" s="47" t="s">
        <v>5331</v>
      </c>
      <c r="X768" s="47" t="s">
        <v>5331</v>
      </c>
      <c r="Y768" s="47" t="s">
        <v>5331</v>
      </c>
      <c r="Z768" s="28"/>
      <c r="AA768" s="27"/>
      <c r="AB768" s="27"/>
      <c r="AC768" s="27"/>
      <c r="AD768" s="30"/>
      <c r="AE768" s="1"/>
      <c r="AF768" s="23" t="s">
        <v>5331</v>
      </c>
      <c r="AG768" s="26"/>
      <c r="AH768" s="53"/>
    </row>
    <row r="769" spans="1:34" ht="51.6" customHeight="1" x14ac:dyDescent="0.45">
      <c r="A769" s="23">
        <v>763</v>
      </c>
      <c r="B769" s="25"/>
      <c r="C769" s="25"/>
      <c r="D769" s="29"/>
      <c r="E769" s="1"/>
      <c r="F769" s="1"/>
      <c r="G769" s="25"/>
      <c r="H769" s="71"/>
      <c r="I769" s="83"/>
      <c r="J769" s="50" t="str">
        <f t="shared" si="24"/>
        <v/>
      </c>
      <c r="K769" s="23" t="s">
        <v>7120</v>
      </c>
      <c r="L769" s="49" t="e">
        <f>VLOOKUP(E769&amp;F769,団体コード!$A$1:$C$1743,3,FALSE)</f>
        <v>#N/A</v>
      </c>
      <c r="M769" s="49" t="e">
        <f>VLOOKUP(E769&amp;F769,団体コード!$A$1:$C$1743,2,FALSE)</f>
        <v>#N/A</v>
      </c>
      <c r="N769" s="51" t="e">
        <f>VLOOKUP(E769,団体コード!$E$1:$F$48,2,FALSE)</f>
        <v>#N/A</v>
      </c>
      <c r="O769" s="51" t="e">
        <f t="shared" si="25"/>
        <v>#N/A</v>
      </c>
      <c r="P769" s="51">
        <v>1</v>
      </c>
      <c r="Q769" s="51" t="s">
        <v>5341</v>
      </c>
      <c r="R769" s="54" t="b">
        <v>1</v>
      </c>
      <c r="S769" s="52" t="s">
        <v>7126</v>
      </c>
      <c r="T769" s="67" t="s">
        <v>7127</v>
      </c>
      <c r="U769" s="75" t="s">
        <v>5331</v>
      </c>
      <c r="V769" s="47" t="s">
        <v>5331</v>
      </c>
      <c r="W769" s="47" t="s">
        <v>5331</v>
      </c>
      <c r="X769" s="47" t="s">
        <v>5331</v>
      </c>
      <c r="Y769" s="47" t="s">
        <v>5331</v>
      </c>
      <c r="Z769" s="28"/>
      <c r="AA769" s="27"/>
      <c r="AB769" s="27"/>
      <c r="AC769" s="27"/>
      <c r="AD769" s="30"/>
      <c r="AE769" s="1"/>
      <c r="AF769" s="23" t="s">
        <v>5331</v>
      </c>
      <c r="AG769" s="26"/>
      <c r="AH769" s="53"/>
    </row>
    <row r="770" spans="1:34" ht="51.6" customHeight="1" x14ac:dyDescent="0.45">
      <c r="A770" s="23">
        <v>764</v>
      </c>
      <c r="B770" s="25"/>
      <c r="C770" s="25"/>
      <c r="D770" s="29"/>
      <c r="E770" s="1"/>
      <c r="F770" s="1"/>
      <c r="G770" s="25"/>
      <c r="H770" s="71"/>
      <c r="I770" s="83"/>
      <c r="J770" s="50" t="str">
        <f t="shared" si="24"/>
        <v/>
      </c>
      <c r="K770" s="23" t="s">
        <v>7120</v>
      </c>
      <c r="L770" s="49" t="e">
        <f>VLOOKUP(E770&amp;F770,団体コード!$A$1:$C$1743,3,FALSE)</f>
        <v>#N/A</v>
      </c>
      <c r="M770" s="49" t="e">
        <f>VLOOKUP(E770&amp;F770,団体コード!$A$1:$C$1743,2,FALSE)</f>
        <v>#N/A</v>
      </c>
      <c r="N770" s="51" t="e">
        <f>VLOOKUP(E770,団体コード!$E$1:$F$48,2,FALSE)</f>
        <v>#N/A</v>
      </c>
      <c r="O770" s="51" t="e">
        <f t="shared" si="25"/>
        <v>#N/A</v>
      </c>
      <c r="P770" s="51">
        <v>1</v>
      </c>
      <c r="Q770" s="51" t="s">
        <v>5341</v>
      </c>
      <c r="R770" s="54" t="b">
        <v>1</v>
      </c>
      <c r="S770" s="52" t="s">
        <v>7126</v>
      </c>
      <c r="T770" s="67" t="s">
        <v>7127</v>
      </c>
      <c r="U770" s="75" t="s">
        <v>5331</v>
      </c>
      <c r="V770" s="47" t="s">
        <v>5331</v>
      </c>
      <c r="W770" s="47" t="s">
        <v>5331</v>
      </c>
      <c r="X770" s="47" t="s">
        <v>5331</v>
      </c>
      <c r="Y770" s="47" t="s">
        <v>5331</v>
      </c>
      <c r="Z770" s="28"/>
      <c r="AA770" s="27"/>
      <c r="AB770" s="27"/>
      <c r="AC770" s="27"/>
      <c r="AD770" s="30"/>
      <c r="AE770" s="1"/>
      <c r="AF770" s="23" t="s">
        <v>5331</v>
      </c>
      <c r="AG770" s="26"/>
      <c r="AH770" s="53"/>
    </row>
    <row r="771" spans="1:34" ht="51.6" customHeight="1" x14ac:dyDescent="0.45">
      <c r="A771" s="23">
        <v>765</v>
      </c>
      <c r="B771" s="25"/>
      <c r="C771" s="25"/>
      <c r="D771" s="29"/>
      <c r="E771" s="1"/>
      <c r="F771" s="1"/>
      <c r="G771" s="25"/>
      <c r="H771" s="71"/>
      <c r="I771" s="83"/>
      <c r="J771" s="50" t="str">
        <f t="shared" si="24"/>
        <v/>
      </c>
      <c r="K771" s="23" t="s">
        <v>7120</v>
      </c>
      <c r="L771" s="49" t="e">
        <f>VLOOKUP(E771&amp;F771,団体コード!$A$1:$C$1743,3,FALSE)</f>
        <v>#N/A</v>
      </c>
      <c r="M771" s="49" t="e">
        <f>VLOOKUP(E771&amp;F771,団体コード!$A$1:$C$1743,2,FALSE)</f>
        <v>#N/A</v>
      </c>
      <c r="N771" s="51" t="e">
        <f>VLOOKUP(E771,団体コード!$E$1:$F$48,2,FALSE)</f>
        <v>#N/A</v>
      </c>
      <c r="O771" s="51" t="e">
        <f t="shared" si="25"/>
        <v>#N/A</v>
      </c>
      <c r="P771" s="51">
        <v>1</v>
      </c>
      <c r="Q771" s="51" t="s">
        <v>5341</v>
      </c>
      <c r="R771" s="54" t="b">
        <v>1</v>
      </c>
      <c r="S771" s="52" t="s">
        <v>7126</v>
      </c>
      <c r="T771" s="67" t="s">
        <v>7127</v>
      </c>
      <c r="U771" s="75" t="s">
        <v>5331</v>
      </c>
      <c r="V771" s="47" t="s">
        <v>5331</v>
      </c>
      <c r="W771" s="47" t="s">
        <v>5331</v>
      </c>
      <c r="X771" s="47" t="s">
        <v>5331</v>
      </c>
      <c r="Y771" s="47" t="s">
        <v>5331</v>
      </c>
      <c r="Z771" s="28"/>
      <c r="AA771" s="27"/>
      <c r="AB771" s="27"/>
      <c r="AC771" s="27"/>
      <c r="AD771" s="30"/>
      <c r="AE771" s="1"/>
      <c r="AF771" s="23" t="s">
        <v>5331</v>
      </c>
      <c r="AG771" s="26"/>
      <c r="AH771" s="53"/>
    </row>
    <row r="772" spans="1:34" ht="51.6" customHeight="1" x14ac:dyDescent="0.45">
      <c r="A772" s="23">
        <v>766</v>
      </c>
      <c r="B772" s="25"/>
      <c r="C772" s="25"/>
      <c r="D772" s="29"/>
      <c r="E772" s="1"/>
      <c r="F772" s="1"/>
      <c r="G772" s="25"/>
      <c r="H772" s="71"/>
      <c r="I772" s="83"/>
      <c r="J772" s="50" t="str">
        <f t="shared" si="24"/>
        <v/>
      </c>
      <c r="K772" s="23" t="s">
        <v>7120</v>
      </c>
      <c r="L772" s="49" t="e">
        <f>VLOOKUP(E772&amp;F772,団体コード!$A$1:$C$1743,3,FALSE)</f>
        <v>#N/A</v>
      </c>
      <c r="M772" s="49" t="e">
        <f>VLOOKUP(E772&amp;F772,団体コード!$A$1:$C$1743,2,FALSE)</f>
        <v>#N/A</v>
      </c>
      <c r="N772" s="51" t="e">
        <f>VLOOKUP(E772,団体コード!$E$1:$F$48,2,FALSE)</f>
        <v>#N/A</v>
      </c>
      <c r="O772" s="51" t="e">
        <f t="shared" si="25"/>
        <v>#N/A</v>
      </c>
      <c r="P772" s="51">
        <v>1</v>
      </c>
      <c r="Q772" s="51" t="s">
        <v>5341</v>
      </c>
      <c r="R772" s="54" t="b">
        <v>1</v>
      </c>
      <c r="S772" s="52" t="s">
        <v>7126</v>
      </c>
      <c r="T772" s="67" t="s">
        <v>7127</v>
      </c>
      <c r="U772" s="75" t="s">
        <v>5331</v>
      </c>
      <c r="V772" s="47" t="s">
        <v>5331</v>
      </c>
      <c r="W772" s="47" t="s">
        <v>5331</v>
      </c>
      <c r="X772" s="47" t="s">
        <v>5331</v>
      </c>
      <c r="Y772" s="47" t="s">
        <v>5331</v>
      </c>
      <c r="Z772" s="28"/>
      <c r="AA772" s="27"/>
      <c r="AB772" s="27"/>
      <c r="AC772" s="27"/>
      <c r="AD772" s="30"/>
      <c r="AE772" s="1"/>
      <c r="AF772" s="23" t="s">
        <v>5331</v>
      </c>
      <c r="AG772" s="26"/>
      <c r="AH772" s="53"/>
    </row>
    <row r="773" spans="1:34" ht="51.6" customHeight="1" x14ac:dyDescent="0.45">
      <c r="A773" s="23">
        <v>767</v>
      </c>
      <c r="B773" s="25"/>
      <c r="C773" s="25"/>
      <c r="D773" s="29"/>
      <c r="E773" s="1"/>
      <c r="F773" s="1"/>
      <c r="G773" s="25"/>
      <c r="H773" s="71"/>
      <c r="I773" s="83"/>
      <c r="J773" s="50" t="str">
        <f t="shared" si="24"/>
        <v/>
      </c>
      <c r="K773" s="23" t="s">
        <v>7120</v>
      </c>
      <c r="L773" s="49" t="e">
        <f>VLOOKUP(E773&amp;F773,団体コード!$A$1:$C$1743,3,FALSE)</f>
        <v>#N/A</v>
      </c>
      <c r="M773" s="49" t="e">
        <f>VLOOKUP(E773&amp;F773,団体コード!$A$1:$C$1743,2,FALSE)</f>
        <v>#N/A</v>
      </c>
      <c r="N773" s="51" t="e">
        <f>VLOOKUP(E773,団体コード!$E$1:$F$48,2,FALSE)</f>
        <v>#N/A</v>
      </c>
      <c r="O773" s="51" t="e">
        <f t="shared" si="25"/>
        <v>#N/A</v>
      </c>
      <c r="P773" s="51">
        <v>1</v>
      </c>
      <c r="Q773" s="51" t="s">
        <v>5341</v>
      </c>
      <c r="R773" s="54" t="b">
        <v>1</v>
      </c>
      <c r="S773" s="52" t="s">
        <v>7126</v>
      </c>
      <c r="T773" s="67" t="s">
        <v>7127</v>
      </c>
      <c r="U773" s="75" t="s">
        <v>5331</v>
      </c>
      <c r="V773" s="47" t="s">
        <v>5331</v>
      </c>
      <c r="W773" s="47" t="s">
        <v>5331</v>
      </c>
      <c r="X773" s="47" t="s">
        <v>5331</v>
      </c>
      <c r="Y773" s="47" t="s">
        <v>5331</v>
      </c>
      <c r="Z773" s="28"/>
      <c r="AA773" s="27"/>
      <c r="AB773" s="27"/>
      <c r="AC773" s="27"/>
      <c r="AD773" s="30"/>
      <c r="AE773" s="1"/>
      <c r="AF773" s="23" t="s">
        <v>5331</v>
      </c>
      <c r="AG773" s="26"/>
      <c r="AH773" s="53"/>
    </row>
    <row r="774" spans="1:34" ht="51.6" customHeight="1" x14ac:dyDescent="0.45">
      <c r="A774" s="23">
        <v>768</v>
      </c>
      <c r="B774" s="25"/>
      <c r="C774" s="25"/>
      <c r="D774" s="29"/>
      <c r="E774" s="1"/>
      <c r="F774" s="1"/>
      <c r="G774" s="25"/>
      <c r="H774" s="71"/>
      <c r="I774" s="83"/>
      <c r="J774" s="50" t="str">
        <f t="shared" si="24"/>
        <v/>
      </c>
      <c r="K774" s="23" t="s">
        <v>7120</v>
      </c>
      <c r="L774" s="49" t="e">
        <f>VLOOKUP(E774&amp;F774,団体コード!$A$1:$C$1743,3,FALSE)</f>
        <v>#N/A</v>
      </c>
      <c r="M774" s="49" t="e">
        <f>VLOOKUP(E774&amp;F774,団体コード!$A$1:$C$1743,2,FALSE)</f>
        <v>#N/A</v>
      </c>
      <c r="N774" s="51" t="e">
        <f>VLOOKUP(E774,団体コード!$E$1:$F$48,2,FALSE)</f>
        <v>#N/A</v>
      </c>
      <c r="O774" s="51" t="e">
        <f t="shared" si="25"/>
        <v>#N/A</v>
      </c>
      <c r="P774" s="51">
        <v>1</v>
      </c>
      <c r="Q774" s="51" t="s">
        <v>5341</v>
      </c>
      <c r="R774" s="54" t="b">
        <v>1</v>
      </c>
      <c r="S774" s="52" t="s">
        <v>7126</v>
      </c>
      <c r="T774" s="67" t="s">
        <v>7127</v>
      </c>
      <c r="U774" s="75" t="s">
        <v>5331</v>
      </c>
      <c r="V774" s="47" t="s">
        <v>5331</v>
      </c>
      <c r="W774" s="47" t="s">
        <v>5331</v>
      </c>
      <c r="X774" s="47" t="s">
        <v>5331</v>
      </c>
      <c r="Y774" s="47" t="s">
        <v>5331</v>
      </c>
      <c r="Z774" s="28"/>
      <c r="AA774" s="27"/>
      <c r="AB774" s="27"/>
      <c r="AC774" s="27"/>
      <c r="AD774" s="30"/>
      <c r="AE774" s="1"/>
      <c r="AF774" s="23" t="s">
        <v>5331</v>
      </c>
      <c r="AG774" s="26"/>
      <c r="AH774" s="53"/>
    </row>
    <row r="775" spans="1:34" ht="51.6" customHeight="1" x14ac:dyDescent="0.45">
      <c r="A775" s="23">
        <v>769</v>
      </c>
      <c r="B775" s="25"/>
      <c r="C775" s="25"/>
      <c r="D775" s="29"/>
      <c r="E775" s="1"/>
      <c r="F775" s="1"/>
      <c r="G775" s="25"/>
      <c r="H775" s="71"/>
      <c r="I775" s="83"/>
      <c r="J775" s="50" t="str">
        <f t="shared" si="24"/>
        <v/>
      </c>
      <c r="K775" s="23" t="s">
        <v>7120</v>
      </c>
      <c r="L775" s="49" t="e">
        <f>VLOOKUP(E775&amp;F775,団体コード!$A$1:$C$1743,3,FALSE)</f>
        <v>#N/A</v>
      </c>
      <c r="M775" s="49" t="e">
        <f>VLOOKUP(E775&amp;F775,団体コード!$A$1:$C$1743,2,FALSE)</f>
        <v>#N/A</v>
      </c>
      <c r="N775" s="51" t="e">
        <f>VLOOKUP(E775,団体コード!$E$1:$F$48,2,FALSE)</f>
        <v>#N/A</v>
      </c>
      <c r="O775" s="51" t="e">
        <f t="shared" si="25"/>
        <v>#N/A</v>
      </c>
      <c r="P775" s="51">
        <v>1</v>
      </c>
      <c r="Q775" s="51" t="s">
        <v>5341</v>
      </c>
      <c r="R775" s="54" t="b">
        <v>1</v>
      </c>
      <c r="S775" s="52" t="s">
        <v>7126</v>
      </c>
      <c r="T775" s="67" t="s">
        <v>7127</v>
      </c>
      <c r="U775" s="75" t="s">
        <v>5331</v>
      </c>
      <c r="V775" s="47" t="s">
        <v>5331</v>
      </c>
      <c r="W775" s="47" t="s">
        <v>5331</v>
      </c>
      <c r="X775" s="47" t="s">
        <v>5331</v>
      </c>
      <c r="Y775" s="47" t="s">
        <v>5331</v>
      </c>
      <c r="Z775" s="28"/>
      <c r="AA775" s="27"/>
      <c r="AB775" s="27"/>
      <c r="AC775" s="27"/>
      <c r="AD775" s="30"/>
      <c r="AE775" s="1"/>
      <c r="AF775" s="23" t="s">
        <v>5331</v>
      </c>
      <c r="AG775" s="26"/>
      <c r="AH775" s="53"/>
    </row>
    <row r="776" spans="1:34" ht="51.6" customHeight="1" x14ac:dyDescent="0.45">
      <c r="A776" s="23">
        <v>770</v>
      </c>
      <c r="B776" s="25"/>
      <c r="C776" s="25"/>
      <c r="D776" s="29"/>
      <c r="E776" s="1"/>
      <c r="F776" s="1"/>
      <c r="G776" s="25"/>
      <c r="H776" s="71"/>
      <c r="I776" s="83"/>
      <c r="J776" s="50" t="str">
        <f t="shared" ref="J776:J839" si="26">E776&amp;F776&amp;G776</f>
        <v/>
      </c>
      <c r="K776" s="23" t="s">
        <v>7120</v>
      </c>
      <c r="L776" s="49" t="e">
        <f>VLOOKUP(E776&amp;F776,団体コード!$A$1:$C$1743,3,FALSE)</f>
        <v>#N/A</v>
      </c>
      <c r="M776" s="49" t="e">
        <f>VLOOKUP(E776&amp;F776,団体コード!$A$1:$C$1743,2,FALSE)</f>
        <v>#N/A</v>
      </c>
      <c r="N776" s="51" t="e">
        <f>VLOOKUP(E776,団体コード!$E$1:$F$48,2,FALSE)</f>
        <v>#N/A</v>
      </c>
      <c r="O776" s="51" t="e">
        <f t="shared" ref="O776:O839" si="27">N776</f>
        <v>#N/A</v>
      </c>
      <c r="P776" s="51">
        <v>1</v>
      </c>
      <c r="Q776" s="51" t="s">
        <v>5341</v>
      </c>
      <c r="R776" s="54" t="b">
        <v>1</v>
      </c>
      <c r="S776" s="52" t="s">
        <v>7126</v>
      </c>
      <c r="T776" s="67" t="s">
        <v>7127</v>
      </c>
      <c r="U776" s="75" t="s">
        <v>5331</v>
      </c>
      <c r="V776" s="47" t="s">
        <v>5331</v>
      </c>
      <c r="W776" s="47" t="s">
        <v>5331</v>
      </c>
      <c r="X776" s="47" t="s">
        <v>5331</v>
      </c>
      <c r="Y776" s="47" t="s">
        <v>5331</v>
      </c>
      <c r="Z776" s="28"/>
      <c r="AA776" s="27"/>
      <c r="AB776" s="27"/>
      <c r="AC776" s="27"/>
      <c r="AD776" s="30"/>
      <c r="AE776" s="1"/>
      <c r="AF776" s="23" t="s">
        <v>5331</v>
      </c>
      <c r="AG776" s="26"/>
      <c r="AH776" s="53"/>
    </row>
    <row r="777" spans="1:34" ht="51.6" customHeight="1" x14ac:dyDescent="0.45">
      <c r="A777" s="23">
        <v>771</v>
      </c>
      <c r="B777" s="25"/>
      <c r="C777" s="25"/>
      <c r="D777" s="29"/>
      <c r="E777" s="1"/>
      <c r="F777" s="1"/>
      <c r="G777" s="25"/>
      <c r="H777" s="71"/>
      <c r="I777" s="83"/>
      <c r="J777" s="50" t="str">
        <f t="shared" si="26"/>
        <v/>
      </c>
      <c r="K777" s="23" t="s">
        <v>7120</v>
      </c>
      <c r="L777" s="49" t="e">
        <f>VLOOKUP(E777&amp;F777,団体コード!$A$1:$C$1743,3,FALSE)</f>
        <v>#N/A</v>
      </c>
      <c r="M777" s="49" t="e">
        <f>VLOOKUP(E777&amp;F777,団体コード!$A$1:$C$1743,2,FALSE)</f>
        <v>#N/A</v>
      </c>
      <c r="N777" s="51" t="e">
        <f>VLOOKUP(E777,団体コード!$E$1:$F$48,2,FALSE)</f>
        <v>#N/A</v>
      </c>
      <c r="O777" s="51" t="e">
        <f t="shared" si="27"/>
        <v>#N/A</v>
      </c>
      <c r="P777" s="51">
        <v>1</v>
      </c>
      <c r="Q777" s="51" t="s">
        <v>5341</v>
      </c>
      <c r="R777" s="54" t="b">
        <v>1</v>
      </c>
      <c r="S777" s="52" t="s">
        <v>7126</v>
      </c>
      <c r="T777" s="67" t="s">
        <v>7127</v>
      </c>
      <c r="U777" s="75" t="s">
        <v>5331</v>
      </c>
      <c r="V777" s="47" t="s">
        <v>5331</v>
      </c>
      <c r="W777" s="47" t="s">
        <v>5331</v>
      </c>
      <c r="X777" s="47" t="s">
        <v>5331</v>
      </c>
      <c r="Y777" s="47" t="s">
        <v>5331</v>
      </c>
      <c r="Z777" s="28"/>
      <c r="AA777" s="27"/>
      <c r="AB777" s="27"/>
      <c r="AC777" s="27"/>
      <c r="AD777" s="30"/>
      <c r="AE777" s="1"/>
      <c r="AF777" s="23" t="s">
        <v>5331</v>
      </c>
      <c r="AG777" s="26"/>
      <c r="AH777" s="53"/>
    </row>
    <row r="778" spans="1:34" ht="51.6" customHeight="1" x14ac:dyDescent="0.45">
      <c r="A778" s="23">
        <v>772</v>
      </c>
      <c r="B778" s="25"/>
      <c r="C778" s="25"/>
      <c r="D778" s="29"/>
      <c r="E778" s="1"/>
      <c r="F778" s="1"/>
      <c r="G778" s="25"/>
      <c r="H778" s="71"/>
      <c r="I778" s="83"/>
      <c r="J778" s="50" t="str">
        <f t="shared" si="26"/>
        <v/>
      </c>
      <c r="K778" s="23" t="s">
        <v>7120</v>
      </c>
      <c r="L778" s="49" t="e">
        <f>VLOOKUP(E778&amp;F778,団体コード!$A$1:$C$1743,3,FALSE)</f>
        <v>#N/A</v>
      </c>
      <c r="M778" s="49" t="e">
        <f>VLOOKUP(E778&amp;F778,団体コード!$A$1:$C$1743,2,FALSE)</f>
        <v>#N/A</v>
      </c>
      <c r="N778" s="51" t="e">
        <f>VLOOKUP(E778,団体コード!$E$1:$F$48,2,FALSE)</f>
        <v>#N/A</v>
      </c>
      <c r="O778" s="51" t="e">
        <f t="shared" si="27"/>
        <v>#N/A</v>
      </c>
      <c r="P778" s="51">
        <v>1</v>
      </c>
      <c r="Q778" s="51" t="s">
        <v>5341</v>
      </c>
      <c r="R778" s="54" t="b">
        <v>1</v>
      </c>
      <c r="S778" s="52" t="s">
        <v>7126</v>
      </c>
      <c r="T778" s="67" t="s">
        <v>7127</v>
      </c>
      <c r="U778" s="75" t="s">
        <v>5331</v>
      </c>
      <c r="V778" s="47" t="s">
        <v>5331</v>
      </c>
      <c r="W778" s="47" t="s">
        <v>5331</v>
      </c>
      <c r="X778" s="47" t="s">
        <v>5331</v>
      </c>
      <c r="Y778" s="47" t="s">
        <v>5331</v>
      </c>
      <c r="Z778" s="28"/>
      <c r="AA778" s="27"/>
      <c r="AB778" s="27"/>
      <c r="AC778" s="27"/>
      <c r="AD778" s="30"/>
      <c r="AE778" s="1"/>
      <c r="AF778" s="23" t="s">
        <v>5331</v>
      </c>
      <c r="AG778" s="26"/>
      <c r="AH778" s="53"/>
    </row>
    <row r="779" spans="1:34" ht="51.6" customHeight="1" x14ac:dyDescent="0.45">
      <c r="A779" s="23">
        <v>773</v>
      </c>
      <c r="B779" s="25"/>
      <c r="C779" s="25"/>
      <c r="D779" s="29"/>
      <c r="E779" s="1"/>
      <c r="F779" s="1"/>
      <c r="G779" s="25"/>
      <c r="H779" s="71"/>
      <c r="I779" s="83"/>
      <c r="J779" s="50" t="str">
        <f t="shared" si="26"/>
        <v/>
      </c>
      <c r="K779" s="23" t="s">
        <v>7120</v>
      </c>
      <c r="L779" s="49" t="e">
        <f>VLOOKUP(E779&amp;F779,団体コード!$A$1:$C$1743,3,FALSE)</f>
        <v>#N/A</v>
      </c>
      <c r="M779" s="49" t="e">
        <f>VLOOKUP(E779&amp;F779,団体コード!$A$1:$C$1743,2,FALSE)</f>
        <v>#N/A</v>
      </c>
      <c r="N779" s="51" t="e">
        <f>VLOOKUP(E779,団体コード!$E$1:$F$48,2,FALSE)</f>
        <v>#N/A</v>
      </c>
      <c r="O779" s="51" t="e">
        <f t="shared" si="27"/>
        <v>#N/A</v>
      </c>
      <c r="P779" s="51">
        <v>1</v>
      </c>
      <c r="Q779" s="51" t="s">
        <v>5341</v>
      </c>
      <c r="R779" s="54" t="b">
        <v>1</v>
      </c>
      <c r="S779" s="52" t="s">
        <v>7126</v>
      </c>
      <c r="T779" s="67" t="s">
        <v>7127</v>
      </c>
      <c r="U779" s="75" t="s">
        <v>5331</v>
      </c>
      <c r="V779" s="47" t="s">
        <v>5331</v>
      </c>
      <c r="W779" s="47" t="s">
        <v>5331</v>
      </c>
      <c r="X779" s="47" t="s">
        <v>5331</v>
      </c>
      <c r="Y779" s="47" t="s">
        <v>5331</v>
      </c>
      <c r="Z779" s="28"/>
      <c r="AA779" s="27"/>
      <c r="AB779" s="27"/>
      <c r="AC779" s="27"/>
      <c r="AD779" s="30"/>
      <c r="AE779" s="1"/>
      <c r="AF779" s="23" t="s">
        <v>5331</v>
      </c>
      <c r="AG779" s="26"/>
      <c r="AH779" s="53"/>
    </row>
    <row r="780" spans="1:34" ht="51.6" customHeight="1" x14ac:dyDescent="0.45">
      <c r="A780" s="23">
        <v>774</v>
      </c>
      <c r="B780" s="25"/>
      <c r="C780" s="25"/>
      <c r="D780" s="29"/>
      <c r="E780" s="1"/>
      <c r="F780" s="1"/>
      <c r="G780" s="25"/>
      <c r="H780" s="71"/>
      <c r="I780" s="83"/>
      <c r="J780" s="50" t="str">
        <f t="shared" si="26"/>
        <v/>
      </c>
      <c r="K780" s="23" t="s">
        <v>7120</v>
      </c>
      <c r="L780" s="49" t="e">
        <f>VLOOKUP(E780&amp;F780,団体コード!$A$1:$C$1743,3,FALSE)</f>
        <v>#N/A</v>
      </c>
      <c r="M780" s="49" t="e">
        <f>VLOOKUP(E780&amp;F780,団体コード!$A$1:$C$1743,2,FALSE)</f>
        <v>#N/A</v>
      </c>
      <c r="N780" s="51" t="e">
        <f>VLOOKUP(E780,団体コード!$E$1:$F$48,2,FALSE)</f>
        <v>#N/A</v>
      </c>
      <c r="O780" s="51" t="e">
        <f t="shared" si="27"/>
        <v>#N/A</v>
      </c>
      <c r="P780" s="51">
        <v>1</v>
      </c>
      <c r="Q780" s="51" t="s">
        <v>5341</v>
      </c>
      <c r="R780" s="54" t="b">
        <v>1</v>
      </c>
      <c r="S780" s="52" t="s">
        <v>7126</v>
      </c>
      <c r="T780" s="67" t="s">
        <v>7127</v>
      </c>
      <c r="U780" s="75" t="s">
        <v>5331</v>
      </c>
      <c r="V780" s="47" t="s">
        <v>5331</v>
      </c>
      <c r="W780" s="47" t="s">
        <v>5331</v>
      </c>
      <c r="X780" s="47" t="s">
        <v>5331</v>
      </c>
      <c r="Y780" s="47" t="s">
        <v>5331</v>
      </c>
      <c r="Z780" s="28"/>
      <c r="AA780" s="27"/>
      <c r="AB780" s="27"/>
      <c r="AC780" s="27"/>
      <c r="AD780" s="30"/>
      <c r="AE780" s="1"/>
      <c r="AF780" s="23" t="s">
        <v>5331</v>
      </c>
      <c r="AG780" s="26"/>
      <c r="AH780" s="53"/>
    </row>
    <row r="781" spans="1:34" ht="51.6" customHeight="1" x14ac:dyDescent="0.45">
      <c r="A781" s="23">
        <v>775</v>
      </c>
      <c r="B781" s="25"/>
      <c r="C781" s="25"/>
      <c r="D781" s="29"/>
      <c r="E781" s="1"/>
      <c r="F781" s="1"/>
      <c r="G781" s="25"/>
      <c r="H781" s="71"/>
      <c r="I781" s="83"/>
      <c r="J781" s="50" t="str">
        <f t="shared" si="26"/>
        <v/>
      </c>
      <c r="K781" s="23" t="s">
        <v>7120</v>
      </c>
      <c r="L781" s="49" t="e">
        <f>VLOOKUP(E781&amp;F781,団体コード!$A$1:$C$1743,3,FALSE)</f>
        <v>#N/A</v>
      </c>
      <c r="M781" s="49" t="e">
        <f>VLOOKUP(E781&amp;F781,団体コード!$A$1:$C$1743,2,FALSE)</f>
        <v>#N/A</v>
      </c>
      <c r="N781" s="51" t="e">
        <f>VLOOKUP(E781,団体コード!$E$1:$F$48,2,FALSE)</f>
        <v>#N/A</v>
      </c>
      <c r="O781" s="51" t="e">
        <f t="shared" si="27"/>
        <v>#N/A</v>
      </c>
      <c r="P781" s="51">
        <v>1</v>
      </c>
      <c r="Q781" s="51" t="s">
        <v>5341</v>
      </c>
      <c r="R781" s="54" t="b">
        <v>1</v>
      </c>
      <c r="S781" s="52" t="s">
        <v>7126</v>
      </c>
      <c r="T781" s="67" t="s">
        <v>7127</v>
      </c>
      <c r="U781" s="75" t="s">
        <v>5331</v>
      </c>
      <c r="V781" s="47" t="s">
        <v>5331</v>
      </c>
      <c r="W781" s="47" t="s">
        <v>5331</v>
      </c>
      <c r="X781" s="47" t="s">
        <v>5331</v>
      </c>
      <c r="Y781" s="47" t="s">
        <v>5331</v>
      </c>
      <c r="Z781" s="28"/>
      <c r="AA781" s="27"/>
      <c r="AB781" s="27"/>
      <c r="AC781" s="27"/>
      <c r="AD781" s="30"/>
      <c r="AE781" s="1"/>
      <c r="AF781" s="23" t="s">
        <v>5331</v>
      </c>
      <c r="AG781" s="26"/>
      <c r="AH781" s="53"/>
    </row>
    <row r="782" spans="1:34" ht="51.6" customHeight="1" x14ac:dyDescent="0.45">
      <c r="A782" s="23">
        <v>776</v>
      </c>
      <c r="B782" s="25"/>
      <c r="C782" s="25"/>
      <c r="D782" s="29"/>
      <c r="E782" s="1"/>
      <c r="F782" s="1"/>
      <c r="G782" s="25"/>
      <c r="H782" s="71"/>
      <c r="I782" s="83"/>
      <c r="J782" s="50" t="str">
        <f t="shared" si="26"/>
        <v/>
      </c>
      <c r="K782" s="23" t="s">
        <v>7120</v>
      </c>
      <c r="L782" s="49" t="e">
        <f>VLOOKUP(E782&amp;F782,団体コード!$A$1:$C$1743,3,FALSE)</f>
        <v>#N/A</v>
      </c>
      <c r="M782" s="49" t="e">
        <f>VLOOKUP(E782&amp;F782,団体コード!$A$1:$C$1743,2,FALSE)</f>
        <v>#N/A</v>
      </c>
      <c r="N782" s="51" t="e">
        <f>VLOOKUP(E782,団体コード!$E$1:$F$48,2,FALSE)</f>
        <v>#N/A</v>
      </c>
      <c r="O782" s="51" t="e">
        <f t="shared" si="27"/>
        <v>#N/A</v>
      </c>
      <c r="P782" s="51">
        <v>1</v>
      </c>
      <c r="Q782" s="51" t="s">
        <v>5341</v>
      </c>
      <c r="R782" s="54" t="b">
        <v>1</v>
      </c>
      <c r="S782" s="52" t="s">
        <v>7126</v>
      </c>
      <c r="T782" s="67" t="s">
        <v>7127</v>
      </c>
      <c r="U782" s="75" t="s">
        <v>5331</v>
      </c>
      <c r="V782" s="47" t="s">
        <v>5331</v>
      </c>
      <c r="W782" s="47" t="s">
        <v>5331</v>
      </c>
      <c r="X782" s="47" t="s">
        <v>5331</v>
      </c>
      <c r="Y782" s="47" t="s">
        <v>5331</v>
      </c>
      <c r="Z782" s="28"/>
      <c r="AA782" s="27"/>
      <c r="AB782" s="27"/>
      <c r="AC782" s="27"/>
      <c r="AD782" s="30"/>
      <c r="AE782" s="1"/>
      <c r="AF782" s="23" t="s">
        <v>5331</v>
      </c>
      <c r="AG782" s="26"/>
      <c r="AH782" s="53"/>
    </row>
    <row r="783" spans="1:34" ht="51.6" customHeight="1" x14ac:dyDescent="0.45">
      <c r="A783" s="23">
        <v>777</v>
      </c>
      <c r="B783" s="25"/>
      <c r="C783" s="25"/>
      <c r="D783" s="29"/>
      <c r="E783" s="1"/>
      <c r="F783" s="1"/>
      <c r="G783" s="25"/>
      <c r="H783" s="71"/>
      <c r="I783" s="83"/>
      <c r="J783" s="50" t="str">
        <f t="shared" si="26"/>
        <v/>
      </c>
      <c r="K783" s="23" t="s">
        <v>7120</v>
      </c>
      <c r="L783" s="49" t="e">
        <f>VLOOKUP(E783&amp;F783,団体コード!$A$1:$C$1743,3,FALSE)</f>
        <v>#N/A</v>
      </c>
      <c r="M783" s="49" t="e">
        <f>VLOOKUP(E783&amp;F783,団体コード!$A$1:$C$1743,2,FALSE)</f>
        <v>#N/A</v>
      </c>
      <c r="N783" s="51" t="e">
        <f>VLOOKUP(E783,団体コード!$E$1:$F$48,2,FALSE)</f>
        <v>#N/A</v>
      </c>
      <c r="O783" s="51" t="e">
        <f t="shared" si="27"/>
        <v>#N/A</v>
      </c>
      <c r="P783" s="51">
        <v>1</v>
      </c>
      <c r="Q783" s="51" t="s">
        <v>5341</v>
      </c>
      <c r="R783" s="54" t="b">
        <v>1</v>
      </c>
      <c r="S783" s="52" t="s">
        <v>7126</v>
      </c>
      <c r="T783" s="67" t="s">
        <v>7127</v>
      </c>
      <c r="U783" s="75" t="s">
        <v>5331</v>
      </c>
      <c r="V783" s="47" t="s">
        <v>5331</v>
      </c>
      <c r="W783" s="47" t="s">
        <v>5331</v>
      </c>
      <c r="X783" s="47" t="s">
        <v>5331</v>
      </c>
      <c r="Y783" s="47" t="s">
        <v>5331</v>
      </c>
      <c r="Z783" s="28"/>
      <c r="AA783" s="27"/>
      <c r="AB783" s="27"/>
      <c r="AC783" s="27"/>
      <c r="AD783" s="30"/>
      <c r="AE783" s="1"/>
      <c r="AF783" s="23" t="s">
        <v>5331</v>
      </c>
      <c r="AG783" s="26"/>
      <c r="AH783" s="53"/>
    </row>
    <row r="784" spans="1:34" ht="51.6" customHeight="1" x14ac:dyDescent="0.45">
      <c r="A784" s="23">
        <v>778</v>
      </c>
      <c r="B784" s="25"/>
      <c r="C784" s="25"/>
      <c r="D784" s="29"/>
      <c r="E784" s="1"/>
      <c r="F784" s="1"/>
      <c r="G784" s="25"/>
      <c r="H784" s="71"/>
      <c r="I784" s="83"/>
      <c r="J784" s="50" t="str">
        <f t="shared" si="26"/>
        <v/>
      </c>
      <c r="K784" s="23" t="s">
        <v>7120</v>
      </c>
      <c r="L784" s="49" t="e">
        <f>VLOOKUP(E784&amp;F784,団体コード!$A$1:$C$1743,3,FALSE)</f>
        <v>#N/A</v>
      </c>
      <c r="M784" s="49" t="e">
        <f>VLOOKUP(E784&amp;F784,団体コード!$A$1:$C$1743,2,FALSE)</f>
        <v>#N/A</v>
      </c>
      <c r="N784" s="51" t="e">
        <f>VLOOKUP(E784,団体コード!$E$1:$F$48,2,FALSE)</f>
        <v>#N/A</v>
      </c>
      <c r="O784" s="51" t="e">
        <f t="shared" si="27"/>
        <v>#N/A</v>
      </c>
      <c r="P784" s="51">
        <v>1</v>
      </c>
      <c r="Q784" s="51" t="s">
        <v>5341</v>
      </c>
      <c r="R784" s="54" t="b">
        <v>1</v>
      </c>
      <c r="S784" s="52" t="s">
        <v>7126</v>
      </c>
      <c r="T784" s="67" t="s">
        <v>7127</v>
      </c>
      <c r="U784" s="75" t="s">
        <v>5331</v>
      </c>
      <c r="V784" s="47" t="s">
        <v>5331</v>
      </c>
      <c r="W784" s="47" t="s">
        <v>5331</v>
      </c>
      <c r="X784" s="47" t="s">
        <v>5331</v>
      </c>
      <c r="Y784" s="47" t="s">
        <v>5331</v>
      </c>
      <c r="Z784" s="28"/>
      <c r="AA784" s="27"/>
      <c r="AB784" s="27"/>
      <c r="AC784" s="27"/>
      <c r="AD784" s="30"/>
      <c r="AE784" s="1"/>
      <c r="AF784" s="23" t="s">
        <v>5331</v>
      </c>
      <c r="AG784" s="26"/>
      <c r="AH784" s="53"/>
    </row>
    <row r="785" spans="1:34" ht="51.6" customHeight="1" x14ac:dyDescent="0.45">
      <c r="A785" s="23">
        <v>779</v>
      </c>
      <c r="B785" s="25"/>
      <c r="C785" s="25"/>
      <c r="D785" s="29"/>
      <c r="E785" s="1"/>
      <c r="F785" s="1"/>
      <c r="G785" s="25"/>
      <c r="H785" s="71"/>
      <c r="I785" s="83"/>
      <c r="J785" s="50" t="str">
        <f t="shared" si="26"/>
        <v/>
      </c>
      <c r="K785" s="23" t="s">
        <v>7120</v>
      </c>
      <c r="L785" s="49" t="e">
        <f>VLOOKUP(E785&amp;F785,団体コード!$A$1:$C$1743,3,FALSE)</f>
        <v>#N/A</v>
      </c>
      <c r="M785" s="49" t="e">
        <f>VLOOKUP(E785&amp;F785,団体コード!$A$1:$C$1743,2,FALSE)</f>
        <v>#N/A</v>
      </c>
      <c r="N785" s="51" t="e">
        <f>VLOOKUP(E785,団体コード!$E$1:$F$48,2,FALSE)</f>
        <v>#N/A</v>
      </c>
      <c r="O785" s="51" t="e">
        <f t="shared" si="27"/>
        <v>#N/A</v>
      </c>
      <c r="P785" s="51">
        <v>1</v>
      </c>
      <c r="Q785" s="51" t="s">
        <v>5341</v>
      </c>
      <c r="R785" s="54" t="b">
        <v>1</v>
      </c>
      <c r="S785" s="52" t="s">
        <v>7126</v>
      </c>
      <c r="T785" s="67" t="s">
        <v>7127</v>
      </c>
      <c r="U785" s="75" t="s">
        <v>5331</v>
      </c>
      <c r="V785" s="47" t="s">
        <v>5331</v>
      </c>
      <c r="W785" s="47" t="s">
        <v>5331</v>
      </c>
      <c r="X785" s="47" t="s">
        <v>5331</v>
      </c>
      <c r="Y785" s="47" t="s">
        <v>5331</v>
      </c>
      <c r="Z785" s="28"/>
      <c r="AA785" s="27"/>
      <c r="AB785" s="27"/>
      <c r="AC785" s="27"/>
      <c r="AD785" s="30"/>
      <c r="AE785" s="1"/>
      <c r="AF785" s="23" t="s">
        <v>5331</v>
      </c>
      <c r="AG785" s="26"/>
      <c r="AH785" s="53"/>
    </row>
    <row r="786" spans="1:34" ht="51.6" customHeight="1" x14ac:dyDescent="0.45">
      <c r="A786" s="23">
        <v>780</v>
      </c>
      <c r="B786" s="25"/>
      <c r="C786" s="25"/>
      <c r="D786" s="29"/>
      <c r="E786" s="1"/>
      <c r="F786" s="1"/>
      <c r="G786" s="25"/>
      <c r="H786" s="71"/>
      <c r="I786" s="83"/>
      <c r="J786" s="50" t="str">
        <f t="shared" si="26"/>
        <v/>
      </c>
      <c r="K786" s="23" t="s">
        <v>7120</v>
      </c>
      <c r="L786" s="49" t="e">
        <f>VLOOKUP(E786&amp;F786,団体コード!$A$1:$C$1743,3,FALSE)</f>
        <v>#N/A</v>
      </c>
      <c r="M786" s="49" t="e">
        <f>VLOOKUP(E786&amp;F786,団体コード!$A$1:$C$1743,2,FALSE)</f>
        <v>#N/A</v>
      </c>
      <c r="N786" s="51" t="e">
        <f>VLOOKUP(E786,団体コード!$E$1:$F$48,2,FALSE)</f>
        <v>#N/A</v>
      </c>
      <c r="O786" s="51" t="e">
        <f t="shared" si="27"/>
        <v>#N/A</v>
      </c>
      <c r="P786" s="51">
        <v>1</v>
      </c>
      <c r="Q786" s="51" t="s">
        <v>5341</v>
      </c>
      <c r="R786" s="54" t="b">
        <v>1</v>
      </c>
      <c r="S786" s="52" t="s">
        <v>7126</v>
      </c>
      <c r="T786" s="67" t="s">
        <v>7127</v>
      </c>
      <c r="U786" s="75" t="s">
        <v>5331</v>
      </c>
      <c r="V786" s="47" t="s">
        <v>5331</v>
      </c>
      <c r="W786" s="47" t="s">
        <v>5331</v>
      </c>
      <c r="X786" s="47" t="s">
        <v>5331</v>
      </c>
      <c r="Y786" s="47" t="s">
        <v>5331</v>
      </c>
      <c r="Z786" s="28"/>
      <c r="AA786" s="27"/>
      <c r="AB786" s="27"/>
      <c r="AC786" s="27"/>
      <c r="AD786" s="30"/>
      <c r="AE786" s="1"/>
      <c r="AF786" s="23" t="s">
        <v>5331</v>
      </c>
      <c r="AG786" s="26"/>
      <c r="AH786" s="53"/>
    </row>
    <row r="787" spans="1:34" ht="51.6" customHeight="1" x14ac:dyDescent="0.45">
      <c r="A787" s="23">
        <v>781</v>
      </c>
      <c r="B787" s="25"/>
      <c r="C787" s="25"/>
      <c r="D787" s="29"/>
      <c r="E787" s="1"/>
      <c r="F787" s="1"/>
      <c r="G787" s="25"/>
      <c r="H787" s="71"/>
      <c r="I787" s="83"/>
      <c r="J787" s="50" t="str">
        <f t="shared" si="26"/>
        <v/>
      </c>
      <c r="K787" s="23" t="s">
        <v>7120</v>
      </c>
      <c r="L787" s="49" t="e">
        <f>VLOOKUP(E787&amp;F787,団体コード!$A$1:$C$1743,3,FALSE)</f>
        <v>#N/A</v>
      </c>
      <c r="M787" s="49" t="e">
        <f>VLOOKUP(E787&amp;F787,団体コード!$A$1:$C$1743,2,FALSE)</f>
        <v>#N/A</v>
      </c>
      <c r="N787" s="51" t="e">
        <f>VLOOKUP(E787,団体コード!$E$1:$F$48,2,FALSE)</f>
        <v>#N/A</v>
      </c>
      <c r="O787" s="51" t="e">
        <f t="shared" si="27"/>
        <v>#N/A</v>
      </c>
      <c r="P787" s="51">
        <v>1</v>
      </c>
      <c r="Q787" s="51" t="s">
        <v>5341</v>
      </c>
      <c r="R787" s="54" t="b">
        <v>1</v>
      </c>
      <c r="S787" s="52" t="s">
        <v>7126</v>
      </c>
      <c r="T787" s="67" t="s">
        <v>7127</v>
      </c>
      <c r="U787" s="75" t="s">
        <v>5331</v>
      </c>
      <c r="V787" s="47" t="s">
        <v>5331</v>
      </c>
      <c r="W787" s="47" t="s">
        <v>5331</v>
      </c>
      <c r="X787" s="47" t="s">
        <v>5331</v>
      </c>
      <c r="Y787" s="47" t="s">
        <v>5331</v>
      </c>
      <c r="Z787" s="28"/>
      <c r="AA787" s="27"/>
      <c r="AB787" s="27"/>
      <c r="AC787" s="27"/>
      <c r="AD787" s="30"/>
      <c r="AE787" s="1"/>
      <c r="AF787" s="23" t="s">
        <v>5331</v>
      </c>
      <c r="AG787" s="26"/>
      <c r="AH787" s="53"/>
    </row>
    <row r="788" spans="1:34" ht="51.6" customHeight="1" x14ac:dyDescent="0.45">
      <c r="A788" s="23">
        <v>782</v>
      </c>
      <c r="B788" s="25"/>
      <c r="C788" s="25"/>
      <c r="D788" s="29"/>
      <c r="E788" s="1"/>
      <c r="F788" s="1"/>
      <c r="G788" s="25"/>
      <c r="H788" s="71"/>
      <c r="I788" s="83"/>
      <c r="J788" s="50" t="str">
        <f t="shared" si="26"/>
        <v/>
      </c>
      <c r="K788" s="23" t="s">
        <v>7120</v>
      </c>
      <c r="L788" s="49" t="e">
        <f>VLOOKUP(E788&amp;F788,団体コード!$A$1:$C$1743,3,FALSE)</f>
        <v>#N/A</v>
      </c>
      <c r="M788" s="49" t="e">
        <f>VLOOKUP(E788&amp;F788,団体コード!$A$1:$C$1743,2,FALSE)</f>
        <v>#N/A</v>
      </c>
      <c r="N788" s="51" t="e">
        <f>VLOOKUP(E788,団体コード!$E$1:$F$48,2,FALSE)</f>
        <v>#N/A</v>
      </c>
      <c r="O788" s="51" t="e">
        <f t="shared" si="27"/>
        <v>#N/A</v>
      </c>
      <c r="P788" s="51">
        <v>1</v>
      </c>
      <c r="Q788" s="51" t="s">
        <v>5341</v>
      </c>
      <c r="R788" s="54" t="b">
        <v>1</v>
      </c>
      <c r="S788" s="52" t="s">
        <v>7126</v>
      </c>
      <c r="T788" s="67" t="s">
        <v>7127</v>
      </c>
      <c r="U788" s="75" t="s">
        <v>5331</v>
      </c>
      <c r="V788" s="47" t="s">
        <v>5331</v>
      </c>
      <c r="W788" s="47" t="s">
        <v>5331</v>
      </c>
      <c r="X788" s="47" t="s">
        <v>5331</v>
      </c>
      <c r="Y788" s="47" t="s">
        <v>5331</v>
      </c>
      <c r="Z788" s="28"/>
      <c r="AA788" s="27"/>
      <c r="AB788" s="27"/>
      <c r="AC788" s="27"/>
      <c r="AD788" s="30"/>
      <c r="AE788" s="1"/>
      <c r="AF788" s="23" t="s">
        <v>5331</v>
      </c>
      <c r="AG788" s="26"/>
      <c r="AH788" s="53"/>
    </row>
    <row r="789" spans="1:34" ht="51.6" customHeight="1" x14ac:dyDescent="0.45">
      <c r="A789" s="23">
        <v>783</v>
      </c>
      <c r="B789" s="25"/>
      <c r="C789" s="25"/>
      <c r="D789" s="29"/>
      <c r="E789" s="1"/>
      <c r="F789" s="1"/>
      <c r="G789" s="25"/>
      <c r="H789" s="71"/>
      <c r="I789" s="83"/>
      <c r="J789" s="50" t="str">
        <f t="shared" si="26"/>
        <v/>
      </c>
      <c r="K789" s="23" t="s">
        <v>7120</v>
      </c>
      <c r="L789" s="49" t="e">
        <f>VLOOKUP(E789&amp;F789,団体コード!$A$1:$C$1743,3,FALSE)</f>
        <v>#N/A</v>
      </c>
      <c r="M789" s="49" t="e">
        <f>VLOOKUP(E789&amp;F789,団体コード!$A$1:$C$1743,2,FALSE)</f>
        <v>#N/A</v>
      </c>
      <c r="N789" s="51" t="e">
        <f>VLOOKUP(E789,団体コード!$E$1:$F$48,2,FALSE)</f>
        <v>#N/A</v>
      </c>
      <c r="O789" s="51" t="e">
        <f t="shared" si="27"/>
        <v>#N/A</v>
      </c>
      <c r="P789" s="51">
        <v>1</v>
      </c>
      <c r="Q789" s="51" t="s">
        <v>5341</v>
      </c>
      <c r="R789" s="54" t="b">
        <v>1</v>
      </c>
      <c r="S789" s="52" t="s">
        <v>7126</v>
      </c>
      <c r="T789" s="67" t="s">
        <v>7127</v>
      </c>
      <c r="U789" s="75" t="s">
        <v>5331</v>
      </c>
      <c r="V789" s="47" t="s">
        <v>5331</v>
      </c>
      <c r="W789" s="47" t="s">
        <v>5331</v>
      </c>
      <c r="X789" s="47" t="s">
        <v>5331</v>
      </c>
      <c r="Y789" s="47" t="s">
        <v>5331</v>
      </c>
      <c r="Z789" s="28"/>
      <c r="AA789" s="27"/>
      <c r="AB789" s="27"/>
      <c r="AC789" s="27"/>
      <c r="AD789" s="30"/>
      <c r="AE789" s="1"/>
      <c r="AF789" s="23" t="s">
        <v>5331</v>
      </c>
      <c r="AG789" s="26"/>
      <c r="AH789" s="53"/>
    </row>
    <row r="790" spans="1:34" ht="51.6" customHeight="1" x14ac:dyDescent="0.45">
      <c r="A790" s="23">
        <v>784</v>
      </c>
      <c r="B790" s="25"/>
      <c r="C790" s="25"/>
      <c r="D790" s="29"/>
      <c r="E790" s="1"/>
      <c r="F790" s="1"/>
      <c r="G790" s="25"/>
      <c r="H790" s="71"/>
      <c r="I790" s="83"/>
      <c r="J790" s="50" t="str">
        <f t="shared" si="26"/>
        <v/>
      </c>
      <c r="K790" s="23" t="s">
        <v>7120</v>
      </c>
      <c r="L790" s="49" t="e">
        <f>VLOOKUP(E790&amp;F790,団体コード!$A$1:$C$1743,3,FALSE)</f>
        <v>#N/A</v>
      </c>
      <c r="M790" s="49" t="e">
        <f>VLOOKUP(E790&amp;F790,団体コード!$A$1:$C$1743,2,FALSE)</f>
        <v>#N/A</v>
      </c>
      <c r="N790" s="51" t="e">
        <f>VLOOKUP(E790,団体コード!$E$1:$F$48,2,FALSE)</f>
        <v>#N/A</v>
      </c>
      <c r="O790" s="51" t="e">
        <f t="shared" si="27"/>
        <v>#N/A</v>
      </c>
      <c r="P790" s="51">
        <v>1</v>
      </c>
      <c r="Q790" s="51" t="s">
        <v>5341</v>
      </c>
      <c r="R790" s="54" t="b">
        <v>1</v>
      </c>
      <c r="S790" s="52" t="s">
        <v>7126</v>
      </c>
      <c r="T790" s="67" t="s">
        <v>7127</v>
      </c>
      <c r="U790" s="75" t="s">
        <v>5331</v>
      </c>
      <c r="V790" s="47" t="s">
        <v>5331</v>
      </c>
      <c r="W790" s="47" t="s">
        <v>5331</v>
      </c>
      <c r="X790" s="47" t="s">
        <v>5331</v>
      </c>
      <c r="Y790" s="47" t="s">
        <v>5331</v>
      </c>
      <c r="Z790" s="28"/>
      <c r="AA790" s="27"/>
      <c r="AB790" s="27"/>
      <c r="AC790" s="27"/>
      <c r="AD790" s="30"/>
      <c r="AE790" s="1"/>
      <c r="AF790" s="23" t="s">
        <v>5331</v>
      </c>
      <c r="AG790" s="26"/>
      <c r="AH790" s="53"/>
    </row>
    <row r="791" spans="1:34" ht="51.6" customHeight="1" x14ac:dyDescent="0.45">
      <c r="A791" s="23">
        <v>785</v>
      </c>
      <c r="B791" s="25"/>
      <c r="C791" s="25"/>
      <c r="D791" s="29"/>
      <c r="E791" s="1"/>
      <c r="F791" s="1"/>
      <c r="G791" s="25"/>
      <c r="H791" s="71"/>
      <c r="I791" s="83"/>
      <c r="J791" s="50" t="str">
        <f t="shared" si="26"/>
        <v/>
      </c>
      <c r="K791" s="23" t="s">
        <v>7120</v>
      </c>
      <c r="L791" s="49" t="e">
        <f>VLOOKUP(E791&amp;F791,団体コード!$A$1:$C$1743,3,FALSE)</f>
        <v>#N/A</v>
      </c>
      <c r="M791" s="49" t="e">
        <f>VLOOKUP(E791&amp;F791,団体コード!$A$1:$C$1743,2,FALSE)</f>
        <v>#N/A</v>
      </c>
      <c r="N791" s="51" t="e">
        <f>VLOOKUP(E791,団体コード!$E$1:$F$48,2,FALSE)</f>
        <v>#N/A</v>
      </c>
      <c r="O791" s="51" t="e">
        <f t="shared" si="27"/>
        <v>#N/A</v>
      </c>
      <c r="P791" s="51">
        <v>1</v>
      </c>
      <c r="Q791" s="51" t="s">
        <v>5341</v>
      </c>
      <c r="R791" s="54" t="b">
        <v>1</v>
      </c>
      <c r="S791" s="52" t="s">
        <v>7126</v>
      </c>
      <c r="T791" s="67" t="s">
        <v>7127</v>
      </c>
      <c r="U791" s="75" t="s">
        <v>5331</v>
      </c>
      <c r="V791" s="47" t="s">
        <v>5331</v>
      </c>
      <c r="W791" s="47" t="s">
        <v>5331</v>
      </c>
      <c r="X791" s="47" t="s">
        <v>5331</v>
      </c>
      <c r="Y791" s="47" t="s">
        <v>5331</v>
      </c>
      <c r="Z791" s="28"/>
      <c r="AA791" s="27"/>
      <c r="AB791" s="27"/>
      <c r="AC791" s="27"/>
      <c r="AD791" s="30"/>
      <c r="AE791" s="1"/>
      <c r="AF791" s="23" t="s">
        <v>5331</v>
      </c>
      <c r="AG791" s="26"/>
      <c r="AH791" s="53"/>
    </row>
    <row r="792" spans="1:34" ht="51.6" customHeight="1" x14ac:dyDescent="0.45">
      <c r="A792" s="23">
        <v>786</v>
      </c>
      <c r="B792" s="25"/>
      <c r="C792" s="25"/>
      <c r="D792" s="29"/>
      <c r="E792" s="1"/>
      <c r="F792" s="1"/>
      <c r="G792" s="25"/>
      <c r="H792" s="71"/>
      <c r="I792" s="83"/>
      <c r="J792" s="50" t="str">
        <f t="shared" si="26"/>
        <v/>
      </c>
      <c r="K792" s="23" t="s">
        <v>7120</v>
      </c>
      <c r="L792" s="49" t="e">
        <f>VLOOKUP(E792&amp;F792,団体コード!$A$1:$C$1743,3,FALSE)</f>
        <v>#N/A</v>
      </c>
      <c r="M792" s="49" t="e">
        <f>VLOOKUP(E792&amp;F792,団体コード!$A$1:$C$1743,2,FALSE)</f>
        <v>#N/A</v>
      </c>
      <c r="N792" s="51" t="e">
        <f>VLOOKUP(E792,団体コード!$E$1:$F$48,2,FALSE)</f>
        <v>#N/A</v>
      </c>
      <c r="O792" s="51" t="e">
        <f t="shared" si="27"/>
        <v>#N/A</v>
      </c>
      <c r="P792" s="51">
        <v>1</v>
      </c>
      <c r="Q792" s="51" t="s">
        <v>5341</v>
      </c>
      <c r="R792" s="54" t="b">
        <v>1</v>
      </c>
      <c r="S792" s="52" t="s">
        <v>7126</v>
      </c>
      <c r="T792" s="67" t="s">
        <v>7127</v>
      </c>
      <c r="U792" s="75" t="s">
        <v>5331</v>
      </c>
      <c r="V792" s="47" t="s">
        <v>5331</v>
      </c>
      <c r="W792" s="47" t="s">
        <v>5331</v>
      </c>
      <c r="X792" s="47" t="s">
        <v>5331</v>
      </c>
      <c r="Y792" s="47" t="s">
        <v>5331</v>
      </c>
      <c r="Z792" s="28"/>
      <c r="AA792" s="27"/>
      <c r="AB792" s="27"/>
      <c r="AC792" s="27"/>
      <c r="AD792" s="30"/>
      <c r="AE792" s="1"/>
      <c r="AF792" s="23" t="s">
        <v>5331</v>
      </c>
      <c r="AG792" s="26"/>
      <c r="AH792" s="53"/>
    </row>
    <row r="793" spans="1:34" ht="51.6" customHeight="1" x14ac:dyDescent="0.45">
      <c r="A793" s="23">
        <v>787</v>
      </c>
      <c r="B793" s="25"/>
      <c r="C793" s="25"/>
      <c r="D793" s="29"/>
      <c r="E793" s="1"/>
      <c r="F793" s="1"/>
      <c r="G793" s="25"/>
      <c r="H793" s="71"/>
      <c r="I793" s="83"/>
      <c r="J793" s="50" t="str">
        <f t="shared" si="26"/>
        <v/>
      </c>
      <c r="K793" s="23" t="s">
        <v>7120</v>
      </c>
      <c r="L793" s="49" t="e">
        <f>VLOOKUP(E793&amp;F793,団体コード!$A$1:$C$1743,3,FALSE)</f>
        <v>#N/A</v>
      </c>
      <c r="M793" s="49" t="e">
        <f>VLOOKUP(E793&amp;F793,団体コード!$A$1:$C$1743,2,FALSE)</f>
        <v>#N/A</v>
      </c>
      <c r="N793" s="51" t="e">
        <f>VLOOKUP(E793,団体コード!$E$1:$F$48,2,FALSE)</f>
        <v>#N/A</v>
      </c>
      <c r="O793" s="51" t="e">
        <f t="shared" si="27"/>
        <v>#N/A</v>
      </c>
      <c r="P793" s="51">
        <v>1</v>
      </c>
      <c r="Q793" s="51" t="s">
        <v>5341</v>
      </c>
      <c r="R793" s="54" t="b">
        <v>1</v>
      </c>
      <c r="S793" s="52" t="s">
        <v>7126</v>
      </c>
      <c r="T793" s="67" t="s">
        <v>7127</v>
      </c>
      <c r="U793" s="75" t="s">
        <v>5331</v>
      </c>
      <c r="V793" s="47" t="s">
        <v>5331</v>
      </c>
      <c r="W793" s="47" t="s">
        <v>5331</v>
      </c>
      <c r="X793" s="47" t="s">
        <v>5331</v>
      </c>
      <c r="Y793" s="47" t="s">
        <v>5331</v>
      </c>
      <c r="Z793" s="28"/>
      <c r="AA793" s="27"/>
      <c r="AB793" s="27"/>
      <c r="AC793" s="27"/>
      <c r="AD793" s="30"/>
      <c r="AE793" s="1"/>
      <c r="AF793" s="23" t="s">
        <v>5331</v>
      </c>
      <c r="AG793" s="26"/>
      <c r="AH793" s="53"/>
    </row>
    <row r="794" spans="1:34" ht="51.6" customHeight="1" x14ac:dyDescent="0.45">
      <c r="A794" s="23">
        <v>788</v>
      </c>
      <c r="B794" s="25"/>
      <c r="C794" s="25"/>
      <c r="D794" s="29"/>
      <c r="E794" s="1"/>
      <c r="F794" s="1"/>
      <c r="G794" s="25"/>
      <c r="H794" s="71"/>
      <c r="I794" s="83"/>
      <c r="J794" s="50" t="str">
        <f t="shared" si="26"/>
        <v/>
      </c>
      <c r="K794" s="23" t="s">
        <v>7120</v>
      </c>
      <c r="L794" s="49" t="e">
        <f>VLOOKUP(E794&amp;F794,団体コード!$A$1:$C$1743,3,FALSE)</f>
        <v>#N/A</v>
      </c>
      <c r="M794" s="49" t="e">
        <f>VLOOKUP(E794&amp;F794,団体コード!$A$1:$C$1743,2,FALSE)</f>
        <v>#N/A</v>
      </c>
      <c r="N794" s="51" t="e">
        <f>VLOOKUP(E794,団体コード!$E$1:$F$48,2,FALSE)</f>
        <v>#N/A</v>
      </c>
      <c r="O794" s="51" t="e">
        <f t="shared" si="27"/>
        <v>#N/A</v>
      </c>
      <c r="P794" s="51">
        <v>1</v>
      </c>
      <c r="Q794" s="51" t="s">
        <v>5341</v>
      </c>
      <c r="R794" s="54" t="b">
        <v>1</v>
      </c>
      <c r="S794" s="52" t="s">
        <v>7126</v>
      </c>
      <c r="T794" s="67" t="s">
        <v>7127</v>
      </c>
      <c r="U794" s="75" t="s">
        <v>5331</v>
      </c>
      <c r="V794" s="47" t="s">
        <v>5331</v>
      </c>
      <c r="W794" s="47" t="s">
        <v>5331</v>
      </c>
      <c r="X794" s="47" t="s">
        <v>5331</v>
      </c>
      <c r="Y794" s="47" t="s">
        <v>5331</v>
      </c>
      <c r="Z794" s="28"/>
      <c r="AA794" s="27"/>
      <c r="AB794" s="27"/>
      <c r="AC794" s="27"/>
      <c r="AD794" s="30"/>
      <c r="AE794" s="1"/>
      <c r="AF794" s="23" t="s">
        <v>5331</v>
      </c>
      <c r="AG794" s="26"/>
      <c r="AH794" s="53"/>
    </row>
    <row r="795" spans="1:34" ht="51.6" customHeight="1" x14ac:dyDescent="0.45">
      <c r="A795" s="23">
        <v>789</v>
      </c>
      <c r="B795" s="25"/>
      <c r="C795" s="25"/>
      <c r="D795" s="29"/>
      <c r="E795" s="1"/>
      <c r="F795" s="1"/>
      <c r="G795" s="25"/>
      <c r="H795" s="71"/>
      <c r="I795" s="83"/>
      <c r="J795" s="50" t="str">
        <f t="shared" si="26"/>
        <v/>
      </c>
      <c r="K795" s="23" t="s">
        <v>7120</v>
      </c>
      <c r="L795" s="49" t="e">
        <f>VLOOKUP(E795&amp;F795,団体コード!$A$1:$C$1743,3,FALSE)</f>
        <v>#N/A</v>
      </c>
      <c r="M795" s="49" t="e">
        <f>VLOOKUP(E795&amp;F795,団体コード!$A$1:$C$1743,2,FALSE)</f>
        <v>#N/A</v>
      </c>
      <c r="N795" s="51" t="e">
        <f>VLOOKUP(E795,団体コード!$E$1:$F$48,2,FALSE)</f>
        <v>#N/A</v>
      </c>
      <c r="O795" s="51" t="e">
        <f t="shared" si="27"/>
        <v>#N/A</v>
      </c>
      <c r="P795" s="51">
        <v>1</v>
      </c>
      <c r="Q795" s="51" t="s">
        <v>5341</v>
      </c>
      <c r="R795" s="54" t="b">
        <v>1</v>
      </c>
      <c r="S795" s="52" t="s">
        <v>7126</v>
      </c>
      <c r="T795" s="67" t="s">
        <v>7127</v>
      </c>
      <c r="U795" s="75" t="s">
        <v>5331</v>
      </c>
      <c r="V795" s="47" t="s">
        <v>5331</v>
      </c>
      <c r="W795" s="47" t="s">
        <v>5331</v>
      </c>
      <c r="X795" s="47" t="s">
        <v>5331</v>
      </c>
      <c r="Y795" s="47" t="s">
        <v>5331</v>
      </c>
      <c r="Z795" s="28"/>
      <c r="AA795" s="27"/>
      <c r="AB795" s="27"/>
      <c r="AC795" s="27"/>
      <c r="AD795" s="30"/>
      <c r="AE795" s="1"/>
      <c r="AF795" s="23" t="s">
        <v>5331</v>
      </c>
      <c r="AG795" s="26"/>
      <c r="AH795" s="53"/>
    </row>
    <row r="796" spans="1:34" ht="51.6" customHeight="1" x14ac:dyDescent="0.45">
      <c r="A796" s="23">
        <v>790</v>
      </c>
      <c r="B796" s="25"/>
      <c r="C796" s="25"/>
      <c r="D796" s="29"/>
      <c r="E796" s="1"/>
      <c r="F796" s="1"/>
      <c r="G796" s="25"/>
      <c r="H796" s="71"/>
      <c r="I796" s="83"/>
      <c r="J796" s="50" t="str">
        <f t="shared" si="26"/>
        <v/>
      </c>
      <c r="K796" s="23" t="s">
        <v>7120</v>
      </c>
      <c r="L796" s="49" t="e">
        <f>VLOOKUP(E796&amp;F796,団体コード!$A$1:$C$1743,3,FALSE)</f>
        <v>#N/A</v>
      </c>
      <c r="M796" s="49" t="e">
        <f>VLOOKUP(E796&amp;F796,団体コード!$A$1:$C$1743,2,FALSE)</f>
        <v>#N/A</v>
      </c>
      <c r="N796" s="51" t="e">
        <f>VLOOKUP(E796,団体コード!$E$1:$F$48,2,FALSE)</f>
        <v>#N/A</v>
      </c>
      <c r="O796" s="51" t="e">
        <f t="shared" si="27"/>
        <v>#N/A</v>
      </c>
      <c r="P796" s="51">
        <v>1</v>
      </c>
      <c r="Q796" s="51" t="s">
        <v>5341</v>
      </c>
      <c r="R796" s="54" t="b">
        <v>1</v>
      </c>
      <c r="S796" s="52" t="s">
        <v>7126</v>
      </c>
      <c r="T796" s="67" t="s">
        <v>7127</v>
      </c>
      <c r="U796" s="75" t="s">
        <v>5331</v>
      </c>
      <c r="V796" s="47" t="s">
        <v>5331</v>
      </c>
      <c r="W796" s="47" t="s">
        <v>5331</v>
      </c>
      <c r="X796" s="47" t="s">
        <v>5331</v>
      </c>
      <c r="Y796" s="47" t="s">
        <v>5331</v>
      </c>
      <c r="Z796" s="28"/>
      <c r="AA796" s="27"/>
      <c r="AB796" s="27"/>
      <c r="AC796" s="27"/>
      <c r="AD796" s="30"/>
      <c r="AE796" s="1"/>
      <c r="AF796" s="23" t="s">
        <v>5331</v>
      </c>
      <c r="AG796" s="26"/>
      <c r="AH796" s="53"/>
    </row>
    <row r="797" spans="1:34" ht="51.6" customHeight="1" x14ac:dyDescent="0.45">
      <c r="A797" s="23">
        <v>791</v>
      </c>
      <c r="B797" s="25"/>
      <c r="C797" s="25"/>
      <c r="D797" s="29"/>
      <c r="E797" s="1"/>
      <c r="F797" s="1"/>
      <c r="G797" s="25"/>
      <c r="H797" s="71"/>
      <c r="I797" s="83"/>
      <c r="J797" s="50" t="str">
        <f t="shared" si="26"/>
        <v/>
      </c>
      <c r="K797" s="23" t="s">
        <v>7120</v>
      </c>
      <c r="L797" s="49" t="e">
        <f>VLOOKUP(E797&amp;F797,団体コード!$A$1:$C$1743,3,FALSE)</f>
        <v>#N/A</v>
      </c>
      <c r="M797" s="49" t="e">
        <f>VLOOKUP(E797&amp;F797,団体コード!$A$1:$C$1743,2,FALSE)</f>
        <v>#N/A</v>
      </c>
      <c r="N797" s="51" t="e">
        <f>VLOOKUP(E797,団体コード!$E$1:$F$48,2,FALSE)</f>
        <v>#N/A</v>
      </c>
      <c r="O797" s="51" t="e">
        <f t="shared" si="27"/>
        <v>#N/A</v>
      </c>
      <c r="P797" s="51">
        <v>1</v>
      </c>
      <c r="Q797" s="51" t="s">
        <v>5341</v>
      </c>
      <c r="R797" s="54" t="b">
        <v>1</v>
      </c>
      <c r="S797" s="52" t="s">
        <v>7126</v>
      </c>
      <c r="T797" s="67" t="s">
        <v>7127</v>
      </c>
      <c r="U797" s="75" t="s">
        <v>5331</v>
      </c>
      <c r="V797" s="47" t="s">
        <v>5331</v>
      </c>
      <c r="W797" s="47" t="s">
        <v>5331</v>
      </c>
      <c r="X797" s="47" t="s">
        <v>5331</v>
      </c>
      <c r="Y797" s="47" t="s">
        <v>5331</v>
      </c>
      <c r="Z797" s="28"/>
      <c r="AA797" s="27"/>
      <c r="AB797" s="27"/>
      <c r="AC797" s="27"/>
      <c r="AD797" s="30"/>
      <c r="AE797" s="1"/>
      <c r="AF797" s="23" t="s">
        <v>5331</v>
      </c>
      <c r="AG797" s="26"/>
      <c r="AH797" s="53"/>
    </row>
    <row r="798" spans="1:34" ht="51.6" customHeight="1" x14ac:dyDescent="0.45">
      <c r="A798" s="23">
        <v>792</v>
      </c>
      <c r="B798" s="25"/>
      <c r="C798" s="25"/>
      <c r="D798" s="29"/>
      <c r="E798" s="1"/>
      <c r="F798" s="1"/>
      <c r="G798" s="25"/>
      <c r="H798" s="71"/>
      <c r="I798" s="83"/>
      <c r="J798" s="50" t="str">
        <f t="shared" si="26"/>
        <v/>
      </c>
      <c r="K798" s="23" t="s">
        <v>7120</v>
      </c>
      <c r="L798" s="49" t="e">
        <f>VLOOKUP(E798&amp;F798,団体コード!$A$1:$C$1743,3,FALSE)</f>
        <v>#N/A</v>
      </c>
      <c r="M798" s="49" t="e">
        <f>VLOOKUP(E798&amp;F798,団体コード!$A$1:$C$1743,2,FALSE)</f>
        <v>#N/A</v>
      </c>
      <c r="N798" s="51" t="e">
        <f>VLOOKUP(E798,団体コード!$E$1:$F$48,2,FALSE)</f>
        <v>#N/A</v>
      </c>
      <c r="O798" s="51" t="e">
        <f t="shared" si="27"/>
        <v>#N/A</v>
      </c>
      <c r="P798" s="51">
        <v>1</v>
      </c>
      <c r="Q798" s="51" t="s">
        <v>5341</v>
      </c>
      <c r="R798" s="54" t="b">
        <v>1</v>
      </c>
      <c r="S798" s="52" t="s">
        <v>7126</v>
      </c>
      <c r="T798" s="67" t="s">
        <v>7127</v>
      </c>
      <c r="U798" s="75" t="s">
        <v>5331</v>
      </c>
      <c r="V798" s="47" t="s">
        <v>5331</v>
      </c>
      <c r="W798" s="47" t="s">
        <v>5331</v>
      </c>
      <c r="X798" s="47" t="s">
        <v>5331</v>
      </c>
      <c r="Y798" s="47" t="s">
        <v>5331</v>
      </c>
      <c r="Z798" s="28"/>
      <c r="AA798" s="27"/>
      <c r="AB798" s="27"/>
      <c r="AC798" s="27"/>
      <c r="AD798" s="30"/>
      <c r="AE798" s="1"/>
      <c r="AF798" s="23" t="s">
        <v>5331</v>
      </c>
      <c r="AG798" s="26"/>
      <c r="AH798" s="53"/>
    </row>
    <row r="799" spans="1:34" ht="51.6" customHeight="1" x14ac:dyDescent="0.45">
      <c r="A799" s="23">
        <v>793</v>
      </c>
      <c r="B799" s="25"/>
      <c r="C799" s="25"/>
      <c r="D799" s="29"/>
      <c r="E799" s="1"/>
      <c r="F799" s="1"/>
      <c r="G799" s="25"/>
      <c r="H799" s="71"/>
      <c r="I799" s="83"/>
      <c r="J799" s="50" t="str">
        <f t="shared" si="26"/>
        <v/>
      </c>
      <c r="K799" s="23" t="s">
        <v>7120</v>
      </c>
      <c r="L799" s="49" t="e">
        <f>VLOOKUP(E799&amp;F799,団体コード!$A$1:$C$1743,3,FALSE)</f>
        <v>#N/A</v>
      </c>
      <c r="M799" s="49" t="e">
        <f>VLOOKUP(E799&amp;F799,団体コード!$A$1:$C$1743,2,FALSE)</f>
        <v>#N/A</v>
      </c>
      <c r="N799" s="51" t="e">
        <f>VLOOKUP(E799,団体コード!$E$1:$F$48,2,FALSE)</f>
        <v>#N/A</v>
      </c>
      <c r="O799" s="51" t="e">
        <f t="shared" si="27"/>
        <v>#N/A</v>
      </c>
      <c r="P799" s="51">
        <v>1</v>
      </c>
      <c r="Q799" s="51" t="s">
        <v>5341</v>
      </c>
      <c r="R799" s="54" t="b">
        <v>1</v>
      </c>
      <c r="S799" s="52" t="s">
        <v>7126</v>
      </c>
      <c r="T799" s="67" t="s">
        <v>7127</v>
      </c>
      <c r="U799" s="75" t="s">
        <v>5331</v>
      </c>
      <c r="V799" s="47" t="s">
        <v>5331</v>
      </c>
      <c r="W799" s="47" t="s">
        <v>5331</v>
      </c>
      <c r="X799" s="47" t="s">
        <v>5331</v>
      </c>
      <c r="Y799" s="47" t="s">
        <v>5331</v>
      </c>
      <c r="Z799" s="28"/>
      <c r="AA799" s="27"/>
      <c r="AB799" s="27"/>
      <c r="AC799" s="27"/>
      <c r="AD799" s="30"/>
      <c r="AE799" s="1"/>
      <c r="AF799" s="23" t="s">
        <v>5331</v>
      </c>
      <c r="AG799" s="26"/>
      <c r="AH799" s="53"/>
    </row>
    <row r="800" spans="1:34" ht="51.6" customHeight="1" x14ac:dyDescent="0.45">
      <c r="A800" s="23">
        <v>794</v>
      </c>
      <c r="B800" s="25"/>
      <c r="C800" s="25"/>
      <c r="D800" s="29"/>
      <c r="E800" s="1"/>
      <c r="F800" s="1"/>
      <c r="G800" s="25"/>
      <c r="H800" s="71"/>
      <c r="I800" s="83"/>
      <c r="J800" s="50" t="str">
        <f t="shared" si="26"/>
        <v/>
      </c>
      <c r="K800" s="23" t="s">
        <v>7120</v>
      </c>
      <c r="L800" s="49" t="e">
        <f>VLOOKUP(E800&amp;F800,団体コード!$A$1:$C$1743,3,FALSE)</f>
        <v>#N/A</v>
      </c>
      <c r="M800" s="49" t="e">
        <f>VLOOKUP(E800&amp;F800,団体コード!$A$1:$C$1743,2,FALSE)</f>
        <v>#N/A</v>
      </c>
      <c r="N800" s="51" t="e">
        <f>VLOOKUP(E800,団体コード!$E$1:$F$48,2,FALSE)</f>
        <v>#N/A</v>
      </c>
      <c r="O800" s="51" t="e">
        <f t="shared" si="27"/>
        <v>#N/A</v>
      </c>
      <c r="P800" s="51">
        <v>1</v>
      </c>
      <c r="Q800" s="51" t="s">
        <v>5341</v>
      </c>
      <c r="R800" s="54" t="b">
        <v>1</v>
      </c>
      <c r="S800" s="52" t="s">
        <v>7126</v>
      </c>
      <c r="T800" s="67" t="s">
        <v>7127</v>
      </c>
      <c r="U800" s="75" t="s">
        <v>5331</v>
      </c>
      <c r="V800" s="47" t="s">
        <v>5331</v>
      </c>
      <c r="W800" s="47" t="s">
        <v>5331</v>
      </c>
      <c r="X800" s="47" t="s">
        <v>5331</v>
      </c>
      <c r="Y800" s="47" t="s">
        <v>5331</v>
      </c>
      <c r="Z800" s="28"/>
      <c r="AA800" s="27"/>
      <c r="AB800" s="27"/>
      <c r="AC800" s="27"/>
      <c r="AD800" s="30"/>
      <c r="AE800" s="1"/>
      <c r="AF800" s="23" t="s">
        <v>5331</v>
      </c>
      <c r="AG800" s="26"/>
      <c r="AH800" s="53"/>
    </row>
    <row r="801" spans="1:34" ht="51.6" customHeight="1" x14ac:dyDescent="0.45">
      <c r="A801" s="23">
        <v>795</v>
      </c>
      <c r="B801" s="25"/>
      <c r="C801" s="25"/>
      <c r="D801" s="29"/>
      <c r="E801" s="1"/>
      <c r="F801" s="1"/>
      <c r="G801" s="25"/>
      <c r="H801" s="71"/>
      <c r="I801" s="83"/>
      <c r="J801" s="50" t="str">
        <f t="shared" si="26"/>
        <v/>
      </c>
      <c r="K801" s="23" t="s">
        <v>7120</v>
      </c>
      <c r="L801" s="49" t="e">
        <f>VLOOKUP(E801&amp;F801,団体コード!$A$1:$C$1743,3,FALSE)</f>
        <v>#N/A</v>
      </c>
      <c r="M801" s="49" t="e">
        <f>VLOOKUP(E801&amp;F801,団体コード!$A$1:$C$1743,2,FALSE)</f>
        <v>#N/A</v>
      </c>
      <c r="N801" s="51" t="e">
        <f>VLOOKUP(E801,団体コード!$E$1:$F$48,2,FALSE)</f>
        <v>#N/A</v>
      </c>
      <c r="O801" s="51" t="e">
        <f t="shared" si="27"/>
        <v>#N/A</v>
      </c>
      <c r="P801" s="51">
        <v>1</v>
      </c>
      <c r="Q801" s="51" t="s">
        <v>5341</v>
      </c>
      <c r="R801" s="54" t="b">
        <v>1</v>
      </c>
      <c r="S801" s="52" t="s">
        <v>7126</v>
      </c>
      <c r="T801" s="67" t="s">
        <v>7127</v>
      </c>
      <c r="U801" s="75" t="s">
        <v>5331</v>
      </c>
      <c r="V801" s="47" t="s">
        <v>5331</v>
      </c>
      <c r="W801" s="47" t="s">
        <v>5331</v>
      </c>
      <c r="X801" s="47" t="s">
        <v>5331</v>
      </c>
      <c r="Y801" s="47" t="s">
        <v>5331</v>
      </c>
      <c r="Z801" s="28"/>
      <c r="AA801" s="27"/>
      <c r="AB801" s="27"/>
      <c r="AC801" s="27"/>
      <c r="AD801" s="30"/>
      <c r="AE801" s="1"/>
      <c r="AF801" s="23" t="s">
        <v>5331</v>
      </c>
      <c r="AG801" s="26"/>
      <c r="AH801" s="53"/>
    </row>
    <row r="802" spans="1:34" ht="51.6" customHeight="1" x14ac:dyDescent="0.45">
      <c r="A802" s="23">
        <v>796</v>
      </c>
      <c r="B802" s="25"/>
      <c r="C802" s="25"/>
      <c r="D802" s="29"/>
      <c r="E802" s="1"/>
      <c r="F802" s="1"/>
      <c r="G802" s="25"/>
      <c r="H802" s="71"/>
      <c r="I802" s="83"/>
      <c r="J802" s="50" t="str">
        <f t="shared" si="26"/>
        <v/>
      </c>
      <c r="K802" s="23" t="s">
        <v>7120</v>
      </c>
      <c r="L802" s="49" t="e">
        <f>VLOOKUP(E802&amp;F802,団体コード!$A$1:$C$1743,3,FALSE)</f>
        <v>#N/A</v>
      </c>
      <c r="M802" s="49" t="e">
        <f>VLOOKUP(E802&amp;F802,団体コード!$A$1:$C$1743,2,FALSE)</f>
        <v>#N/A</v>
      </c>
      <c r="N802" s="51" t="e">
        <f>VLOOKUP(E802,団体コード!$E$1:$F$48,2,FALSE)</f>
        <v>#N/A</v>
      </c>
      <c r="O802" s="51" t="e">
        <f t="shared" si="27"/>
        <v>#N/A</v>
      </c>
      <c r="P802" s="51">
        <v>1</v>
      </c>
      <c r="Q802" s="51" t="s">
        <v>5341</v>
      </c>
      <c r="R802" s="54" t="b">
        <v>1</v>
      </c>
      <c r="S802" s="52" t="s">
        <v>7126</v>
      </c>
      <c r="T802" s="67" t="s">
        <v>7127</v>
      </c>
      <c r="U802" s="75" t="s">
        <v>5331</v>
      </c>
      <c r="V802" s="47" t="s">
        <v>5331</v>
      </c>
      <c r="W802" s="47" t="s">
        <v>5331</v>
      </c>
      <c r="X802" s="47" t="s">
        <v>5331</v>
      </c>
      <c r="Y802" s="47" t="s">
        <v>5331</v>
      </c>
      <c r="Z802" s="28"/>
      <c r="AA802" s="27"/>
      <c r="AB802" s="27"/>
      <c r="AC802" s="27"/>
      <c r="AD802" s="30"/>
      <c r="AE802" s="1"/>
      <c r="AF802" s="23" t="s">
        <v>5331</v>
      </c>
      <c r="AG802" s="26"/>
      <c r="AH802" s="53"/>
    </row>
    <row r="803" spans="1:34" ht="51.6" customHeight="1" x14ac:dyDescent="0.45">
      <c r="A803" s="23">
        <v>797</v>
      </c>
      <c r="B803" s="25"/>
      <c r="C803" s="25"/>
      <c r="D803" s="29"/>
      <c r="E803" s="1"/>
      <c r="F803" s="1"/>
      <c r="G803" s="25"/>
      <c r="H803" s="71"/>
      <c r="I803" s="83"/>
      <c r="J803" s="50" t="str">
        <f t="shared" si="26"/>
        <v/>
      </c>
      <c r="K803" s="23" t="s">
        <v>7120</v>
      </c>
      <c r="L803" s="49" t="e">
        <f>VLOOKUP(E803&amp;F803,団体コード!$A$1:$C$1743,3,FALSE)</f>
        <v>#N/A</v>
      </c>
      <c r="M803" s="49" t="e">
        <f>VLOOKUP(E803&amp;F803,団体コード!$A$1:$C$1743,2,FALSE)</f>
        <v>#N/A</v>
      </c>
      <c r="N803" s="51" t="e">
        <f>VLOOKUP(E803,団体コード!$E$1:$F$48,2,FALSE)</f>
        <v>#N/A</v>
      </c>
      <c r="O803" s="51" t="e">
        <f t="shared" si="27"/>
        <v>#N/A</v>
      </c>
      <c r="P803" s="51">
        <v>1</v>
      </c>
      <c r="Q803" s="51" t="s">
        <v>5341</v>
      </c>
      <c r="R803" s="54" t="b">
        <v>1</v>
      </c>
      <c r="S803" s="52" t="s">
        <v>7126</v>
      </c>
      <c r="T803" s="67" t="s">
        <v>7127</v>
      </c>
      <c r="U803" s="75" t="s">
        <v>5331</v>
      </c>
      <c r="V803" s="47" t="s">
        <v>5331</v>
      </c>
      <c r="W803" s="47" t="s">
        <v>5331</v>
      </c>
      <c r="X803" s="47" t="s">
        <v>5331</v>
      </c>
      <c r="Y803" s="47" t="s">
        <v>5331</v>
      </c>
      <c r="Z803" s="28"/>
      <c r="AA803" s="27"/>
      <c r="AB803" s="27"/>
      <c r="AC803" s="27"/>
      <c r="AD803" s="30"/>
      <c r="AE803" s="1"/>
      <c r="AF803" s="23" t="s">
        <v>5331</v>
      </c>
      <c r="AG803" s="26"/>
      <c r="AH803" s="53"/>
    </row>
    <row r="804" spans="1:34" ht="51.6" customHeight="1" x14ac:dyDescent="0.45">
      <c r="A804" s="23">
        <v>798</v>
      </c>
      <c r="B804" s="25"/>
      <c r="C804" s="25"/>
      <c r="D804" s="29"/>
      <c r="E804" s="1"/>
      <c r="F804" s="1"/>
      <c r="G804" s="25"/>
      <c r="H804" s="71"/>
      <c r="I804" s="83"/>
      <c r="J804" s="50" t="str">
        <f t="shared" si="26"/>
        <v/>
      </c>
      <c r="K804" s="23" t="s">
        <v>7120</v>
      </c>
      <c r="L804" s="49" t="e">
        <f>VLOOKUP(E804&amp;F804,団体コード!$A$1:$C$1743,3,FALSE)</f>
        <v>#N/A</v>
      </c>
      <c r="M804" s="49" t="e">
        <f>VLOOKUP(E804&amp;F804,団体コード!$A$1:$C$1743,2,FALSE)</f>
        <v>#N/A</v>
      </c>
      <c r="N804" s="51" t="e">
        <f>VLOOKUP(E804,団体コード!$E$1:$F$48,2,FALSE)</f>
        <v>#N/A</v>
      </c>
      <c r="O804" s="51" t="e">
        <f t="shared" si="27"/>
        <v>#N/A</v>
      </c>
      <c r="P804" s="51">
        <v>1</v>
      </c>
      <c r="Q804" s="51" t="s">
        <v>5341</v>
      </c>
      <c r="R804" s="54" t="b">
        <v>1</v>
      </c>
      <c r="S804" s="52" t="s">
        <v>7126</v>
      </c>
      <c r="T804" s="67" t="s">
        <v>7127</v>
      </c>
      <c r="U804" s="75" t="s">
        <v>5331</v>
      </c>
      <c r="V804" s="47" t="s">
        <v>5331</v>
      </c>
      <c r="W804" s="47" t="s">
        <v>5331</v>
      </c>
      <c r="X804" s="47" t="s">
        <v>5331</v>
      </c>
      <c r="Y804" s="47" t="s">
        <v>5331</v>
      </c>
      <c r="Z804" s="28"/>
      <c r="AA804" s="27"/>
      <c r="AB804" s="27"/>
      <c r="AC804" s="27"/>
      <c r="AD804" s="30"/>
      <c r="AE804" s="1"/>
      <c r="AF804" s="23" t="s">
        <v>5331</v>
      </c>
      <c r="AG804" s="26"/>
      <c r="AH804" s="53"/>
    </row>
    <row r="805" spans="1:34" ht="51.6" customHeight="1" x14ac:dyDescent="0.45">
      <c r="A805" s="23">
        <v>799</v>
      </c>
      <c r="B805" s="25"/>
      <c r="C805" s="25"/>
      <c r="D805" s="29"/>
      <c r="E805" s="1"/>
      <c r="F805" s="1"/>
      <c r="G805" s="25"/>
      <c r="H805" s="71"/>
      <c r="I805" s="83"/>
      <c r="J805" s="50" t="str">
        <f t="shared" si="26"/>
        <v/>
      </c>
      <c r="K805" s="23" t="s">
        <v>7120</v>
      </c>
      <c r="L805" s="49" t="e">
        <f>VLOOKUP(E805&amp;F805,団体コード!$A$1:$C$1743,3,FALSE)</f>
        <v>#N/A</v>
      </c>
      <c r="M805" s="49" t="e">
        <f>VLOOKUP(E805&amp;F805,団体コード!$A$1:$C$1743,2,FALSE)</f>
        <v>#N/A</v>
      </c>
      <c r="N805" s="51" t="e">
        <f>VLOOKUP(E805,団体コード!$E$1:$F$48,2,FALSE)</f>
        <v>#N/A</v>
      </c>
      <c r="O805" s="51" t="e">
        <f t="shared" si="27"/>
        <v>#N/A</v>
      </c>
      <c r="P805" s="51">
        <v>1</v>
      </c>
      <c r="Q805" s="51" t="s">
        <v>5341</v>
      </c>
      <c r="R805" s="54" t="b">
        <v>1</v>
      </c>
      <c r="S805" s="52" t="s">
        <v>7126</v>
      </c>
      <c r="T805" s="67" t="s">
        <v>7127</v>
      </c>
      <c r="U805" s="75" t="s">
        <v>5331</v>
      </c>
      <c r="V805" s="47" t="s">
        <v>5331</v>
      </c>
      <c r="W805" s="47" t="s">
        <v>5331</v>
      </c>
      <c r="X805" s="47" t="s">
        <v>5331</v>
      </c>
      <c r="Y805" s="47" t="s">
        <v>5331</v>
      </c>
      <c r="Z805" s="28"/>
      <c r="AA805" s="27"/>
      <c r="AB805" s="27"/>
      <c r="AC805" s="27"/>
      <c r="AD805" s="30"/>
      <c r="AE805" s="1"/>
      <c r="AF805" s="23" t="s">
        <v>5331</v>
      </c>
      <c r="AG805" s="26"/>
      <c r="AH805" s="53"/>
    </row>
    <row r="806" spans="1:34" ht="51.6" customHeight="1" x14ac:dyDescent="0.45">
      <c r="A806" s="23">
        <v>800</v>
      </c>
      <c r="B806" s="25"/>
      <c r="C806" s="25"/>
      <c r="D806" s="29"/>
      <c r="E806" s="1"/>
      <c r="F806" s="1"/>
      <c r="G806" s="25"/>
      <c r="H806" s="71"/>
      <c r="I806" s="83"/>
      <c r="J806" s="50" t="str">
        <f t="shared" si="26"/>
        <v/>
      </c>
      <c r="K806" s="23" t="s">
        <v>7120</v>
      </c>
      <c r="L806" s="49" t="e">
        <f>VLOOKUP(E806&amp;F806,団体コード!$A$1:$C$1743,3,FALSE)</f>
        <v>#N/A</v>
      </c>
      <c r="M806" s="49" t="e">
        <f>VLOOKUP(E806&amp;F806,団体コード!$A$1:$C$1743,2,FALSE)</f>
        <v>#N/A</v>
      </c>
      <c r="N806" s="51" t="e">
        <f>VLOOKUP(E806,団体コード!$E$1:$F$48,2,FALSE)</f>
        <v>#N/A</v>
      </c>
      <c r="O806" s="51" t="e">
        <f t="shared" si="27"/>
        <v>#N/A</v>
      </c>
      <c r="P806" s="51">
        <v>1</v>
      </c>
      <c r="Q806" s="51" t="s">
        <v>5341</v>
      </c>
      <c r="R806" s="54" t="b">
        <v>1</v>
      </c>
      <c r="S806" s="52" t="s">
        <v>7126</v>
      </c>
      <c r="T806" s="67" t="s">
        <v>7127</v>
      </c>
      <c r="U806" s="75" t="s">
        <v>5331</v>
      </c>
      <c r="V806" s="47" t="s">
        <v>5331</v>
      </c>
      <c r="W806" s="47" t="s">
        <v>5331</v>
      </c>
      <c r="X806" s="47" t="s">
        <v>5331</v>
      </c>
      <c r="Y806" s="47" t="s">
        <v>5331</v>
      </c>
      <c r="Z806" s="28"/>
      <c r="AA806" s="27"/>
      <c r="AB806" s="27"/>
      <c r="AC806" s="27"/>
      <c r="AD806" s="30"/>
      <c r="AE806" s="1"/>
      <c r="AF806" s="23" t="s">
        <v>5331</v>
      </c>
      <c r="AG806" s="26"/>
      <c r="AH806" s="53"/>
    </row>
    <row r="807" spans="1:34" ht="51.6" customHeight="1" x14ac:dyDescent="0.45">
      <c r="A807" s="23">
        <v>801</v>
      </c>
      <c r="B807" s="25"/>
      <c r="C807" s="25"/>
      <c r="D807" s="29"/>
      <c r="E807" s="1"/>
      <c r="F807" s="1"/>
      <c r="G807" s="25"/>
      <c r="H807" s="71"/>
      <c r="I807" s="83"/>
      <c r="J807" s="50" t="str">
        <f t="shared" si="26"/>
        <v/>
      </c>
      <c r="K807" s="23" t="s">
        <v>7120</v>
      </c>
      <c r="L807" s="49" t="e">
        <f>VLOOKUP(E807&amp;F807,団体コード!$A$1:$C$1743,3,FALSE)</f>
        <v>#N/A</v>
      </c>
      <c r="M807" s="49" t="e">
        <f>VLOOKUP(E807&amp;F807,団体コード!$A$1:$C$1743,2,FALSE)</f>
        <v>#N/A</v>
      </c>
      <c r="N807" s="51" t="e">
        <f>VLOOKUP(E807,団体コード!$E$1:$F$48,2,FALSE)</f>
        <v>#N/A</v>
      </c>
      <c r="O807" s="51" t="e">
        <f t="shared" si="27"/>
        <v>#N/A</v>
      </c>
      <c r="P807" s="51">
        <v>1</v>
      </c>
      <c r="Q807" s="51" t="s">
        <v>5341</v>
      </c>
      <c r="R807" s="54" t="b">
        <v>1</v>
      </c>
      <c r="S807" s="52" t="s">
        <v>7126</v>
      </c>
      <c r="T807" s="67" t="s">
        <v>7127</v>
      </c>
      <c r="U807" s="75" t="s">
        <v>5331</v>
      </c>
      <c r="V807" s="47" t="s">
        <v>5331</v>
      </c>
      <c r="W807" s="47" t="s">
        <v>5331</v>
      </c>
      <c r="X807" s="47" t="s">
        <v>5331</v>
      </c>
      <c r="Y807" s="47" t="s">
        <v>5331</v>
      </c>
      <c r="Z807" s="28"/>
      <c r="AA807" s="27"/>
      <c r="AB807" s="27"/>
      <c r="AC807" s="27"/>
      <c r="AD807" s="30"/>
      <c r="AE807" s="1"/>
      <c r="AF807" s="23" t="s">
        <v>5331</v>
      </c>
      <c r="AG807" s="26"/>
      <c r="AH807" s="53"/>
    </row>
    <row r="808" spans="1:34" ht="51.6" customHeight="1" x14ac:dyDescent="0.45">
      <c r="A808" s="23">
        <v>802</v>
      </c>
      <c r="B808" s="25"/>
      <c r="C808" s="25"/>
      <c r="D808" s="29"/>
      <c r="E808" s="1"/>
      <c r="F808" s="1"/>
      <c r="G808" s="25"/>
      <c r="H808" s="71"/>
      <c r="I808" s="83"/>
      <c r="J808" s="50" t="str">
        <f t="shared" si="26"/>
        <v/>
      </c>
      <c r="K808" s="23" t="s">
        <v>7120</v>
      </c>
      <c r="L808" s="49" t="e">
        <f>VLOOKUP(E808&amp;F808,団体コード!$A$1:$C$1743,3,FALSE)</f>
        <v>#N/A</v>
      </c>
      <c r="M808" s="49" t="e">
        <f>VLOOKUP(E808&amp;F808,団体コード!$A$1:$C$1743,2,FALSE)</f>
        <v>#N/A</v>
      </c>
      <c r="N808" s="51" t="e">
        <f>VLOOKUP(E808,団体コード!$E$1:$F$48,2,FALSE)</f>
        <v>#N/A</v>
      </c>
      <c r="O808" s="51" t="e">
        <f t="shared" si="27"/>
        <v>#N/A</v>
      </c>
      <c r="P808" s="51">
        <v>1</v>
      </c>
      <c r="Q808" s="51" t="s">
        <v>5341</v>
      </c>
      <c r="R808" s="54" t="b">
        <v>1</v>
      </c>
      <c r="S808" s="52" t="s">
        <v>7126</v>
      </c>
      <c r="T808" s="67" t="s">
        <v>7127</v>
      </c>
      <c r="U808" s="75" t="s">
        <v>5331</v>
      </c>
      <c r="V808" s="47" t="s">
        <v>5331</v>
      </c>
      <c r="W808" s="47" t="s">
        <v>5331</v>
      </c>
      <c r="X808" s="47" t="s">
        <v>5331</v>
      </c>
      <c r="Y808" s="47" t="s">
        <v>5331</v>
      </c>
      <c r="Z808" s="28"/>
      <c r="AA808" s="27"/>
      <c r="AB808" s="27"/>
      <c r="AC808" s="27"/>
      <c r="AD808" s="30"/>
      <c r="AE808" s="1"/>
      <c r="AF808" s="23" t="s">
        <v>5331</v>
      </c>
      <c r="AG808" s="26"/>
      <c r="AH808" s="53"/>
    </row>
    <row r="809" spans="1:34" ht="51.6" customHeight="1" x14ac:dyDescent="0.45">
      <c r="A809" s="23">
        <v>803</v>
      </c>
      <c r="B809" s="25"/>
      <c r="C809" s="25"/>
      <c r="D809" s="29"/>
      <c r="E809" s="1"/>
      <c r="F809" s="1"/>
      <c r="G809" s="25"/>
      <c r="H809" s="71"/>
      <c r="I809" s="83"/>
      <c r="J809" s="50" t="str">
        <f t="shared" si="26"/>
        <v/>
      </c>
      <c r="K809" s="23" t="s">
        <v>7120</v>
      </c>
      <c r="L809" s="49" t="e">
        <f>VLOOKUP(E809&amp;F809,団体コード!$A$1:$C$1743,3,FALSE)</f>
        <v>#N/A</v>
      </c>
      <c r="M809" s="49" t="e">
        <f>VLOOKUP(E809&amp;F809,団体コード!$A$1:$C$1743,2,FALSE)</f>
        <v>#N/A</v>
      </c>
      <c r="N809" s="51" t="e">
        <f>VLOOKUP(E809,団体コード!$E$1:$F$48,2,FALSE)</f>
        <v>#N/A</v>
      </c>
      <c r="O809" s="51" t="e">
        <f t="shared" si="27"/>
        <v>#N/A</v>
      </c>
      <c r="P809" s="51">
        <v>1</v>
      </c>
      <c r="Q809" s="51" t="s">
        <v>5341</v>
      </c>
      <c r="R809" s="54" t="b">
        <v>1</v>
      </c>
      <c r="S809" s="52" t="s">
        <v>7126</v>
      </c>
      <c r="T809" s="67" t="s">
        <v>7127</v>
      </c>
      <c r="U809" s="75" t="s">
        <v>5331</v>
      </c>
      <c r="V809" s="47" t="s">
        <v>5331</v>
      </c>
      <c r="W809" s="47" t="s">
        <v>5331</v>
      </c>
      <c r="X809" s="47" t="s">
        <v>5331</v>
      </c>
      <c r="Y809" s="47" t="s">
        <v>5331</v>
      </c>
      <c r="Z809" s="28"/>
      <c r="AA809" s="27"/>
      <c r="AB809" s="27"/>
      <c r="AC809" s="27"/>
      <c r="AD809" s="30"/>
      <c r="AE809" s="1"/>
      <c r="AF809" s="23" t="s">
        <v>5331</v>
      </c>
      <c r="AG809" s="26"/>
      <c r="AH809" s="53"/>
    </row>
    <row r="810" spans="1:34" ht="51.6" customHeight="1" x14ac:dyDescent="0.45">
      <c r="A810" s="23">
        <v>804</v>
      </c>
      <c r="B810" s="25"/>
      <c r="C810" s="25"/>
      <c r="D810" s="29"/>
      <c r="E810" s="1"/>
      <c r="F810" s="1"/>
      <c r="G810" s="25"/>
      <c r="H810" s="71"/>
      <c r="I810" s="83"/>
      <c r="J810" s="50" t="str">
        <f t="shared" si="26"/>
        <v/>
      </c>
      <c r="K810" s="23" t="s">
        <v>7120</v>
      </c>
      <c r="L810" s="49" t="e">
        <f>VLOOKUP(E810&amp;F810,団体コード!$A$1:$C$1743,3,FALSE)</f>
        <v>#N/A</v>
      </c>
      <c r="M810" s="49" t="e">
        <f>VLOOKUP(E810&amp;F810,団体コード!$A$1:$C$1743,2,FALSE)</f>
        <v>#N/A</v>
      </c>
      <c r="N810" s="51" t="e">
        <f>VLOOKUP(E810,団体コード!$E$1:$F$48,2,FALSE)</f>
        <v>#N/A</v>
      </c>
      <c r="O810" s="51" t="e">
        <f t="shared" si="27"/>
        <v>#N/A</v>
      </c>
      <c r="P810" s="51">
        <v>1</v>
      </c>
      <c r="Q810" s="51" t="s">
        <v>5341</v>
      </c>
      <c r="R810" s="54" t="b">
        <v>1</v>
      </c>
      <c r="S810" s="52" t="s">
        <v>7126</v>
      </c>
      <c r="T810" s="67" t="s">
        <v>7127</v>
      </c>
      <c r="U810" s="75" t="s">
        <v>5331</v>
      </c>
      <c r="V810" s="47" t="s">
        <v>5331</v>
      </c>
      <c r="W810" s="47" t="s">
        <v>5331</v>
      </c>
      <c r="X810" s="47" t="s">
        <v>5331</v>
      </c>
      <c r="Y810" s="47" t="s">
        <v>5331</v>
      </c>
      <c r="Z810" s="28"/>
      <c r="AA810" s="27"/>
      <c r="AB810" s="27"/>
      <c r="AC810" s="27"/>
      <c r="AD810" s="30"/>
      <c r="AE810" s="1"/>
      <c r="AF810" s="23" t="s">
        <v>5331</v>
      </c>
      <c r="AG810" s="26"/>
      <c r="AH810" s="53"/>
    </row>
    <row r="811" spans="1:34" ht="51.6" customHeight="1" x14ac:dyDescent="0.45">
      <c r="A811" s="23">
        <v>805</v>
      </c>
      <c r="B811" s="25"/>
      <c r="C811" s="25"/>
      <c r="D811" s="29"/>
      <c r="E811" s="1"/>
      <c r="F811" s="1"/>
      <c r="G811" s="25"/>
      <c r="H811" s="71"/>
      <c r="I811" s="83"/>
      <c r="J811" s="50" t="str">
        <f t="shared" si="26"/>
        <v/>
      </c>
      <c r="K811" s="23" t="s">
        <v>7120</v>
      </c>
      <c r="L811" s="49" t="e">
        <f>VLOOKUP(E811&amp;F811,団体コード!$A$1:$C$1743,3,FALSE)</f>
        <v>#N/A</v>
      </c>
      <c r="M811" s="49" t="e">
        <f>VLOOKUP(E811&amp;F811,団体コード!$A$1:$C$1743,2,FALSE)</f>
        <v>#N/A</v>
      </c>
      <c r="N811" s="51" t="e">
        <f>VLOOKUP(E811,団体コード!$E$1:$F$48,2,FALSE)</f>
        <v>#N/A</v>
      </c>
      <c r="O811" s="51" t="e">
        <f t="shared" si="27"/>
        <v>#N/A</v>
      </c>
      <c r="P811" s="51">
        <v>1</v>
      </c>
      <c r="Q811" s="51" t="s">
        <v>5341</v>
      </c>
      <c r="R811" s="54" t="b">
        <v>1</v>
      </c>
      <c r="S811" s="52" t="s">
        <v>7126</v>
      </c>
      <c r="T811" s="67" t="s">
        <v>7127</v>
      </c>
      <c r="U811" s="75" t="s">
        <v>5331</v>
      </c>
      <c r="V811" s="47" t="s">
        <v>5331</v>
      </c>
      <c r="W811" s="47" t="s">
        <v>5331</v>
      </c>
      <c r="X811" s="47" t="s">
        <v>5331</v>
      </c>
      <c r="Y811" s="47" t="s">
        <v>5331</v>
      </c>
      <c r="Z811" s="28"/>
      <c r="AA811" s="27"/>
      <c r="AB811" s="27"/>
      <c r="AC811" s="27"/>
      <c r="AD811" s="30"/>
      <c r="AE811" s="1"/>
      <c r="AF811" s="23" t="s">
        <v>5331</v>
      </c>
      <c r="AG811" s="26"/>
      <c r="AH811" s="53"/>
    </row>
    <row r="812" spans="1:34" ht="51.6" customHeight="1" x14ac:dyDescent="0.45">
      <c r="A812" s="23">
        <v>806</v>
      </c>
      <c r="B812" s="25"/>
      <c r="C812" s="25"/>
      <c r="D812" s="29"/>
      <c r="E812" s="1"/>
      <c r="F812" s="1"/>
      <c r="G812" s="25"/>
      <c r="H812" s="71"/>
      <c r="I812" s="83"/>
      <c r="J812" s="50" t="str">
        <f t="shared" si="26"/>
        <v/>
      </c>
      <c r="K812" s="23" t="s">
        <v>7120</v>
      </c>
      <c r="L812" s="49" t="e">
        <f>VLOOKUP(E812&amp;F812,団体コード!$A$1:$C$1743,3,FALSE)</f>
        <v>#N/A</v>
      </c>
      <c r="M812" s="49" t="e">
        <f>VLOOKUP(E812&amp;F812,団体コード!$A$1:$C$1743,2,FALSE)</f>
        <v>#N/A</v>
      </c>
      <c r="N812" s="51" t="e">
        <f>VLOOKUP(E812,団体コード!$E$1:$F$48,2,FALSE)</f>
        <v>#N/A</v>
      </c>
      <c r="O812" s="51" t="e">
        <f t="shared" si="27"/>
        <v>#N/A</v>
      </c>
      <c r="P812" s="51">
        <v>1</v>
      </c>
      <c r="Q812" s="51" t="s">
        <v>5341</v>
      </c>
      <c r="R812" s="54" t="b">
        <v>1</v>
      </c>
      <c r="S812" s="52" t="s">
        <v>7126</v>
      </c>
      <c r="T812" s="67" t="s">
        <v>7127</v>
      </c>
      <c r="U812" s="75" t="s">
        <v>5331</v>
      </c>
      <c r="V812" s="47" t="s">
        <v>5331</v>
      </c>
      <c r="W812" s="47" t="s">
        <v>5331</v>
      </c>
      <c r="X812" s="47" t="s">
        <v>5331</v>
      </c>
      <c r="Y812" s="47" t="s">
        <v>5331</v>
      </c>
      <c r="Z812" s="28"/>
      <c r="AA812" s="27"/>
      <c r="AB812" s="27"/>
      <c r="AC812" s="27"/>
      <c r="AD812" s="30"/>
      <c r="AE812" s="1"/>
      <c r="AF812" s="23" t="s">
        <v>5331</v>
      </c>
      <c r="AG812" s="26"/>
      <c r="AH812" s="53"/>
    </row>
    <row r="813" spans="1:34" ht="51.6" customHeight="1" x14ac:dyDescent="0.45">
      <c r="A813" s="23">
        <v>807</v>
      </c>
      <c r="B813" s="25"/>
      <c r="C813" s="25"/>
      <c r="D813" s="29"/>
      <c r="E813" s="1"/>
      <c r="F813" s="1"/>
      <c r="G813" s="25"/>
      <c r="H813" s="71"/>
      <c r="I813" s="83"/>
      <c r="J813" s="50" t="str">
        <f t="shared" si="26"/>
        <v/>
      </c>
      <c r="K813" s="23" t="s">
        <v>7120</v>
      </c>
      <c r="L813" s="49" t="e">
        <f>VLOOKUP(E813&amp;F813,団体コード!$A$1:$C$1743,3,FALSE)</f>
        <v>#N/A</v>
      </c>
      <c r="M813" s="49" t="e">
        <f>VLOOKUP(E813&amp;F813,団体コード!$A$1:$C$1743,2,FALSE)</f>
        <v>#N/A</v>
      </c>
      <c r="N813" s="51" t="e">
        <f>VLOOKUP(E813,団体コード!$E$1:$F$48,2,FALSE)</f>
        <v>#N/A</v>
      </c>
      <c r="O813" s="51" t="e">
        <f t="shared" si="27"/>
        <v>#N/A</v>
      </c>
      <c r="P813" s="51">
        <v>1</v>
      </c>
      <c r="Q813" s="51" t="s">
        <v>5341</v>
      </c>
      <c r="R813" s="54" t="b">
        <v>1</v>
      </c>
      <c r="S813" s="52" t="s">
        <v>7126</v>
      </c>
      <c r="T813" s="67" t="s">
        <v>7127</v>
      </c>
      <c r="U813" s="75" t="s">
        <v>5331</v>
      </c>
      <c r="V813" s="47" t="s">
        <v>5331</v>
      </c>
      <c r="W813" s="47" t="s">
        <v>5331</v>
      </c>
      <c r="X813" s="47" t="s">
        <v>5331</v>
      </c>
      <c r="Y813" s="47" t="s">
        <v>5331</v>
      </c>
      <c r="Z813" s="28"/>
      <c r="AA813" s="27"/>
      <c r="AB813" s="27"/>
      <c r="AC813" s="27"/>
      <c r="AD813" s="30"/>
      <c r="AE813" s="1"/>
      <c r="AF813" s="23" t="s">
        <v>5331</v>
      </c>
      <c r="AG813" s="26"/>
      <c r="AH813" s="53"/>
    </row>
    <row r="814" spans="1:34" ht="51.6" customHeight="1" x14ac:dyDescent="0.45">
      <c r="A814" s="23">
        <v>808</v>
      </c>
      <c r="B814" s="25"/>
      <c r="C814" s="25"/>
      <c r="D814" s="29"/>
      <c r="E814" s="1"/>
      <c r="F814" s="1"/>
      <c r="G814" s="25"/>
      <c r="H814" s="71"/>
      <c r="I814" s="83"/>
      <c r="J814" s="50" t="str">
        <f t="shared" si="26"/>
        <v/>
      </c>
      <c r="K814" s="23" t="s">
        <v>7120</v>
      </c>
      <c r="L814" s="49" t="e">
        <f>VLOOKUP(E814&amp;F814,団体コード!$A$1:$C$1743,3,FALSE)</f>
        <v>#N/A</v>
      </c>
      <c r="M814" s="49" t="e">
        <f>VLOOKUP(E814&amp;F814,団体コード!$A$1:$C$1743,2,FALSE)</f>
        <v>#N/A</v>
      </c>
      <c r="N814" s="51" t="e">
        <f>VLOOKUP(E814,団体コード!$E$1:$F$48,2,FALSE)</f>
        <v>#N/A</v>
      </c>
      <c r="O814" s="51" t="e">
        <f t="shared" si="27"/>
        <v>#N/A</v>
      </c>
      <c r="P814" s="51">
        <v>1</v>
      </c>
      <c r="Q814" s="51" t="s">
        <v>5341</v>
      </c>
      <c r="R814" s="54" t="b">
        <v>1</v>
      </c>
      <c r="S814" s="52" t="s">
        <v>7126</v>
      </c>
      <c r="T814" s="67" t="s">
        <v>7127</v>
      </c>
      <c r="U814" s="75" t="s">
        <v>5331</v>
      </c>
      <c r="V814" s="47" t="s">
        <v>5331</v>
      </c>
      <c r="W814" s="47" t="s">
        <v>5331</v>
      </c>
      <c r="X814" s="47" t="s">
        <v>5331</v>
      </c>
      <c r="Y814" s="47" t="s">
        <v>5331</v>
      </c>
      <c r="Z814" s="28"/>
      <c r="AA814" s="27"/>
      <c r="AB814" s="27"/>
      <c r="AC814" s="27"/>
      <c r="AD814" s="30"/>
      <c r="AE814" s="1"/>
      <c r="AF814" s="23" t="s">
        <v>5331</v>
      </c>
      <c r="AG814" s="26"/>
      <c r="AH814" s="53"/>
    </row>
    <row r="815" spans="1:34" ht="51.6" customHeight="1" x14ac:dyDescent="0.45">
      <c r="A815" s="23">
        <v>809</v>
      </c>
      <c r="B815" s="25"/>
      <c r="C815" s="25"/>
      <c r="D815" s="29"/>
      <c r="E815" s="1"/>
      <c r="F815" s="1"/>
      <c r="G815" s="25"/>
      <c r="H815" s="71"/>
      <c r="I815" s="83"/>
      <c r="J815" s="50" t="str">
        <f t="shared" si="26"/>
        <v/>
      </c>
      <c r="K815" s="23" t="s">
        <v>7120</v>
      </c>
      <c r="L815" s="49" t="e">
        <f>VLOOKUP(E815&amp;F815,団体コード!$A$1:$C$1743,3,FALSE)</f>
        <v>#N/A</v>
      </c>
      <c r="M815" s="49" t="e">
        <f>VLOOKUP(E815&amp;F815,団体コード!$A$1:$C$1743,2,FALSE)</f>
        <v>#N/A</v>
      </c>
      <c r="N815" s="51" t="e">
        <f>VLOOKUP(E815,団体コード!$E$1:$F$48,2,FALSE)</f>
        <v>#N/A</v>
      </c>
      <c r="O815" s="51" t="e">
        <f t="shared" si="27"/>
        <v>#N/A</v>
      </c>
      <c r="P815" s="51">
        <v>1</v>
      </c>
      <c r="Q815" s="51" t="s">
        <v>5341</v>
      </c>
      <c r="R815" s="54" t="b">
        <v>1</v>
      </c>
      <c r="S815" s="52" t="s">
        <v>7126</v>
      </c>
      <c r="T815" s="67" t="s">
        <v>7127</v>
      </c>
      <c r="U815" s="75" t="s">
        <v>5331</v>
      </c>
      <c r="V815" s="47" t="s">
        <v>5331</v>
      </c>
      <c r="W815" s="47" t="s">
        <v>5331</v>
      </c>
      <c r="X815" s="47" t="s">
        <v>5331</v>
      </c>
      <c r="Y815" s="47" t="s">
        <v>5331</v>
      </c>
      <c r="Z815" s="28"/>
      <c r="AA815" s="27"/>
      <c r="AB815" s="27"/>
      <c r="AC815" s="27"/>
      <c r="AD815" s="30"/>
      <c r="AE815" s="1"/>
      <c r="AF815" s="23" t="s">
        <v>5331</v>
      </c>
      <c r="AG815" s="26"/>
      <c r="AH815" s="53"/>
    </row>
    <row r="816" spans="1:34" ht="51.6" customHeight="1" x14ac:dyDescent="0.45">
      <c r="A816" s="23">
        <v>810</v>
      </c>
      <c r="B816" s="25"/>
      <c r="C816" s="25"/>
      <c r="D816" s="29"/>
      <c r="E816" s="1"/>
      <c r="F816" s="1"/>
      <c r="G816" s="25"/>
      <c r="H816" s="71"/>
      <c r="I816" s="83"/>
      <c r="J816" s="50" t="str">
        <f t="shared" si="26"/>
        <v/>
      </c>
      <c r="K816" s="23" t="s">
        <v>7120</v>
      </c>
      <c r="L816" s="49" t="e">
        <f>VLOOKUP(E816&amp;F816,団体コード!$A$1:$C$1743,3,FALSE)</f>
        <v>#N/A</v>
      </c>
      <c r="M816" s="49" t="e">
        <f>VLOOKUP(E816&amp;F816,団体コード!$A$1:$C$1743,2,FALSE)</f>
        <v>#N/A</v>
      </c>
      <c r="N816" s="51" t="e">
        <f>VLOOKUP(E816,団体コード!$E$1:$F$48,2,FALSE)</f>
        <v>#N/A</v>
      </c>
      <c r="O816" s="51" t="e">
        <f t="shared" si="27"/>
        <v>#N/A</v>
      </c>
      <c r="P816" s="51">
        <v>1</v>
      </c>
      <c r="Q816" s="51" t="s">
        <v>5341</v>
      </c>
      <c r="R816" s="54" t="b">
        <v>1</v>
      </c>
      <c r="S816" s="52" t="s">
        <v>7126</v>
      </c>
      <c r="T816" s="67" t="s">
        <v>7127</v>
      </c>
      <c r="U816" s="75" t="s">
        <v>5331</v>
      </c>
      <c r="V816" s="47" t="s">
        <v>5331</v>
      </c>
      <c r="W816" s="47" t="s">
        <v>5331</v>
      </c>
      <c r="X816" s="47" t="s">
        <v>5331</v>
      </c>
      <c r="Y816" s="47" t="s">
        <v>5331</v>
      </c>
      <c r="Z816" s="28"/>
      <c r="AA816" s="27"/>
      <c r="AB816" s="27"/>
      <c r="AC816" s="27"/>
      <c r="AD816" s="30"/>
      <c r="AE816" s="1"/>
      <c r="AF816" s="23" t="s">
        <v>5331</v>
      </c>
      <c r="AG816" s="26"/>
      <c r="AH816" s="53"/>
    </row>
    <row r="817" spans="1:34" ht="51.6" customHeight="1" x14ac:dyDescent="0.45">
      <c r="A817" s="23">
        <v>811</v>
      </c>
      <c r="B817" s="25"/>
      <c r="C817" s="25"/>
      <c r="D817" s="29"/>
      <c r="E817" s="1"/>
      <c r="F817" s="1"/>
      <c r="G817" s="25"/>
      <c r="H817" s="71"/>
      <c r="I817" s="83"/>
      <c r="J817" s="50" t="str">
        <f t="shared" si="26"/>
        <v/>
      </c>
      <c r="K817" s="23" t="s">
        <v>7120</v>
      </c>
      <c r="L817" s="49" t="e">
        <f>VLOOKUP(E817&amp;F817,団体コード!$A$1:$C$1743,3,FALSE)</f>
        <v>#N/A</v>
      </c>
      <c r="M817" s="49" t="e">
        <f>VLOOKUP(E817&amp;F817,団体コード!$A$1:$C$1743,2,FALSE)</f>
        <v>#N/A</v>
      </c>
      <c r="N817" s="51" t="e">
        <f>VLOOKUP(E817,団体コード!$E$1:$F$48,2,FALSE)</f>
        <v>#N/A</v>
      </c>
      <c r="O817" s="51" t="e">
        <f t="shared" si="27"/>
        <v>#N/A</v>
      </c>
      <c r="P817" s="51">
        <v>1</v>
      </c>
      <c r="Q817" s="51" t="s">
        <v>5341</v>
      </c>
      <c r="R817" s="54" t="b">
        <v>1</v>
      </c>
      <c r="S817" s="52" t="s">
        <v>7126</v>
      </c>
      <c r="T817" s="67" t="s">
        <v>7127</v>
      </c>
      <c r="U817" s="75" t="s">
        <v>5331</v>
      </c>
      <c r="V817" s="47" t="s">
        <v>5331</v>
      </c>
      <c r="W817" s="47" t="s">
        <v>5331</v>
      </c>
      <c r="X817" s="47" t="s">
        <v>5331</v>
      </c>
      <c r="Y817" s="47" t="s">
        <v>5331</v>
      </c>
      <c r="Z817" s="28"/>
      <c r="AA817" s="27"/>
      <c r="AB817" s="27"/>
      <c r="AC817" s="27"/>
      <c r="AD817" s="30"/>
      <c r="AE817" s="1"/>
      <c r="AF817" s="23" t="s">
        <v>5331</v>
      </c>
      <c r="AG817" s="26"/>
      <c r="AH817" s="53"/>
    </row>
    <row r="818" spans="1:34" ht="51.6" customHeight="1" x14ac:dyDescent="0.45">
      <c r="A818" s="23">
        <v>812</v>
      </c>
      <c r="B818" s="25"/>
      <c r="C818" s="25"/>
      <c r="D818" s="29"/>
      <c r="E818" s="1"/>
      <c r="F818" s="1"/>
      <c r="G818" s="25"/>
      <c r="H818" s="71"/>
      <c r="I818" s="83"/>
      <c r="J818" s="50" t="str">
        <f t="shared" si="26"/>
        <v/>
      </c>
      <c r="K818" s="23" t="s">
        <v>7120</v>
      </c>
      <c r="L818" s="49" t="e">
        <f>VLOOKUP(E818&amp;F818,団体コード!$A$1:$C$1743,3,FALSE)</f>
        <v>#N/A</v>
      </c>
      <c r="M818" s="49" t="e">
        <f>VLOOKUP(E818&amp;F818,団体コード!$A$1:$C$1743,2,FALSE)</f>
        <v>#N/A</v>
      </c>
      <c r="N818" s="51" t="e">
        <f>VLOOKUP(E818,団体コード!$E$1:$F$48,2,FALSE)</f>
        <v>#N/A</v>
      </c>
      <c r="O818" s="51" t="e">
        <f t="shared" si="27"/>
        <v>#N/A</v>
      </c>
      <c r="P818" s="51">
        <v>1</v>
      </c>
      <c r="Q818" s="51" t="s">
        <v>5341</v>
      </c>
      <c r="R818" s="54" t="b">
        <v>1</v>
      </c>
      <c r="S818" s="52" t="s">
        <v>7126</v>
      </c>
      <c r="T818" s="67" t="s">
        <v>7127</v>
      </c>
      <c r="U818" s="75" t="s">
        <v>5331</v>
      </c>
      <c r="V818" s="47" t="s">
        <v>5331</v>
      </c>
      <c r="W818" s="47" t="s">
        <v>5331</v>
      </c>
      <c r="X818" s="47" t="s">
        <v>5331</v>
      </c>
      <c r="Y818" s="47" t="s">
        <v>5331</v>
      </c>
      <c r="Z818" s="28"/>
      <c r="AA818" s="27"/>
      <c r="AB818" s="27"/>
      <c r="AC818" s="27"/>
      <c r="AD818" s="30"/>
      <c r="AE818" s="1"/>
      <c r="AF818" s="23" t="s">
        <v>5331</v>
      </c>
      <c r="AG818" s="26"/>
      <c r="AH818" s="53"/>
    </row>
    <row r="819" spans="1:34" ht="51.6" customHeight="1" x14ac:dyDescent="0.45">
      <c r="A819" s="23">
        <v>813</v>
      </c>
      <c r="B819" s="25"/>
      <c r="C819" s="25"/>
      <c r="D819" s="29"/>
      <c r="E819" s="1"/>
      <c r="F819" s="1"/>
      <c r="G819" s="25"/>
      <c r="H819" s="71"/>
      <c r="I819" s="83"/>
      <c r="J819" s="50" t="str">
        <f t="shared" si="26"/>
        <v/>
      </c>
      <c r="K819" s="23" t="s">
        <v>7120</v>
      </c>
      <c r="L819" s="49" t="e">
        <f>VLOOKUP(E819&amp;F819,団体コード!$A$1:$C$1743,3,FALSE)</f>
        <v>#N/A</v>
      </c>
      <c r="M819" s="49" t="e">
        <f>VLOOKUP(E819&amp;F819,団体コード!$A$1:$C$1743,2,FALSE)</f>
        <v>#N/A</v>
      </c>
      <c r="N819" s="51" t="e">
        <f>VLOOKUP(E819,団体コード!$E$1:$F$48,2,FALSE)</f>
        <v>#N/A</v>
      </c>
      <c r="O819" s="51" t="e">
        <f t="shared" si="27"/>
        <v>#N/A</v>
      </c>
      <c r="P819" s="51">
        <v>1</v>
      </c>
      <c r="Q819" s="51" t="s">
        <v>5341</v>
      </c>
      <c r="R819" s="54" t="b">
        <v>1</v>
      </c>
      <c r="S819" s="52" t="s">
        <v>7126</v>
      </c>
      <c r="T819" s="67" t="s">
        <v>7127</v>
      </c>
      <c r="U819" s="75" t="s">
        <v>5331</v>
      </c>
      <c r="V819" s="47" t="s">
        <v>5331</v>
      </c>
      <c r="W819" s="47" t="s">
        <v>5331</v>
      </c>
      <c r="X819" s="47" t="s">
        <v>5331</v>
      </c>
      <c r="Y819" s="47" t="s">
        <v>5331</v>
      </c>
      <c r="Z819" s="28"/>
      <c r="AA819" s="27"/>
      <c r="AB819" s="27"/>
      <c r="AC819" s="27"/>
      <c r="AD819" s="30"/>
      <c r="AE819" s="1"/>
      <c r="AF819" s="23" t="s">
        <v>5331</v>
      </c>
      <c r="AG819" s="26"/>
      <c r="AH819" s="53"/>
    </row>
    <row r="820" spans="1:34" ht="51.6" customHeight="1" x14ac:dyDescent="0.45">
      <c r="A820" s="23">
        <v>814</v>
      </c>
      <c r="B820" s="25"/>
      <c r="C820" s="25"/>
      <c r="D820" s="29"/>
      <c r="E820" s="1"/>
      <c r="F820" s="1"/>
      <c r="G820" s="25"/>
      <c r="H820" s="71"/>
      <c r="I820" s="83"/>
      <c r="J820" s="50" t="str">
        <f t="shared" si="26"/>
        <v/>
      </c>
      <c r="K820" s="23" t="s">
        <v>7120</v>
      </c>
      <c r="L820" s="49" t="e">
        <f>VLOOKUP(E820&amp;F820,団体コード!$A$1:$C$1743,3,FALSE)</f>
        <v>#N/A</v>
      </c>
      <c r="M820" s="49" t="e">
        <f>VLOOKUP(E820&amp;F820,団体コード!$A$1:$C$1743,2,FALSE)</f>
        <v>#N/A</v>
      </c>
      <c r="N820" s="51" t="e">
        <f>VLOOKUP(E820,団体コード!$E$1:$F$48,2,FALSE)</f>
        <v>#N/A</v>
      </c>
      <c r="O820" s="51" t="e">
        <f t="shared" si="27"/>
        <v>#N/A</v>
      </c>
      <c r="P820" s="51">
        <v>1</v>
      </c>
      <c r="Q820" s="51" t="s">
        <v>5341</v>
      </c>
      <c r="R820" s="54" t="b">
        <v>1</v>
      </c>
      <c r="S820" s="52" t="s">
        <v>7126</v>
      </c>
      <c r="T820" s="67" t="s">
        <v>7127</v>
      </c>
      <c r="U820" s="75" t="s">
        <v>5331</v>
      </c>
      <c r="V820" s="47" t="s">
        <v>5331</v>
      </c>
      <c r="W820" s="47" t="s">
        <v>5331</v>
      </c>
      <c r="X820" s="47" t="s">
        <v>5331</v>
      </c>
      <c r="Y820" s="47" t="s">
        <v>5331</v>
      </c>
      <c r="Z820" s="28"/>
      <c r="AA820" s="27"/>
      <c r="AB820" s="27"/>
      <c r="AC820" s="27"/>
      <c r="AD820" s="30"/>
      <c r="AE820" s="1"/>
      <c r="AF820" s="23" t="s">
        <v>5331</v>
      </c>
      <c r="AG820" s="26"/>
      <c r="AH820" s="53"/>
    </row>
    <row r="821" spans="1:34" ht="51.6" customHeight="1" x14ac:dyDescent="0.45">
      <c r="A821" s="23">
        <v>815</v>
      </c>
      <c r="B821" s="25"/>
      <c r="C821" s="25"/>
      <c r="D821" s="29"/>
      <c r="E821" s="1"/>
      <c r="F821" s="1"/>
      <c r="G821" s="25"/>
      <c r="H821" s="71"/>
      <c r="I821" s="83"/>
      <c r="J821" s="50" t="str">
        <f t="shared" si="26"/>
        <v/>
      </c>
      <c r="K821" s="23" t="s">
        <v>7120</v>
      </c>
      <c r="L821" s="49" t="e">
        <f>VLOOKUP(E821&amp;F821,団体コード!$A$1:$C$1743,3,FALSE)</f>
        <v>#N/A</v>
      </c>
      <c r="M821" s="49" t="e">
        <f>VLOOKUP(E821&amp;F821,団体コード!$A$1:$C$1743,2,FALSE)</f>
        <v>#N/A</v>
      </c>
      <c r="N821" s="51" t="e">
        <f>VLOOKUP(E821,団体コード!$E$1:$F$48,2,FALSE)</f>
        <v>#N/A</v>
      </c>
      <c r="O821" s="51" t="e">
        <f t="shared" si="27"/>
        <v>#N/A</v>
      </c>
      <c r="P821" s="51">
        <v>1</v>
      </c>
      <c r="Q821" s="51" t="s">
        <v>5341</v>
      </c>
      <c r="R821" s="54" t="b">
        <v>1</v>
      </c>
      <c r="S821" s="52" t="s">
        <v>7126</v>
      </c>
      <c r="T821" s="67" t="s">
        <v>7127</v>
      </c>
      <c r="U821" s="75" t="s">
        <v>5331</v>
      </c>
      <c r="V821" s="47" t="s">
        <v>5331</v>
      </c>
      <c r="W821" s="47" t="s">
        <v>5331</v>
      </c>
      <c r="X821" s="47" t="s">
        <v>5331</v>
      </c>
      <c r="Y821" s="47" t="s">
        <v>5331</v>
      </c>
      <c r="Z821" s="28"/>
      <c r="AA821" s="27"/>
      <c r="AB821" s="27"/>
      <c r="AC821" s="27"/>
      <c r="AD821" s="30"/>
      <c r="AE821" s="1"/>
      <c r="AF821" s="23" t="s">
        <v>5331</v>
      </c>
      <c r="AG821" s="26"/>
      <c r="AH821" s="53"/>
    </row>
    <row r="822" spans="1:34" ht="51.6" customHeight="1" x14ac:dyDescent="0.45">
      <c r="A822" s="23">
        <v>816</v>
      </c>
      <c r="B822" s="25"/>
      <c r="C822" s="25"/>
      <c r="D822" s="29"/>
      <c r="E822" s="1"/>
      <c r="F822" s="1"/>
      <c r="G822" s="25"/>
      <c r="H822" s="71"/>
      <c r="I822" s="83"/>
      <c r="J822" s="50" t="str">
        <f t="shared" si="26"/>
        <v/>
      </c>
      <c r="K822" s="23" t="s">
        <v>7120</v>
      </c>
      <c r="L822" s="49" t="e">
        <f>VLOOKUP(E822&amp;F822,団体コード!$A$1:$C$1743,3,FALSE)</f>
        <v>#N/A</v>
      </c>
      <c r="M822" s="49" t="e">
        <f>VLOOKUP(E822&amp;F822,団体コード!$A$1:$C$1743,2,FALSE)</f>
        <v>#N/A</v>
      </c>
      <c r="N822" s="51" t="e">
        <f>VLOOKUP(E822,団体コード!$E$1:$F$48,2,FALSE)</f>
        <v>#N/A</v>
      </c>
      <c r="O822" s="51" t="e">
        <f t="shared" si="27"/>
        <v>#N/A</v>
      </c>
      <c r="P822" s="51">
        <v>1</v>
      </c>
      <c r="Q822" s="51" t="s">
        <v>5341</v>
      </c>
      <c r="R822" s="54" t="b">
        <v>1</v>
      </c>
      <c r="S822" s="52" t="s">
        <v>7126</v>
      </c>
      <c r="T822" s="67" t="s">
        <v>7127</v>
      </c>
      <c r="U822" s="75" t="s">
        <v>5331</v>
      </c>
      <c r="V822" s="47" t="s">
        <v>5331</v>
      </c>
      <c r="W822" s="47" t="s">
        <v>5331</v>
      </c>
      <c r="X822" s="47" t="s">
        <v>5331</v>
      </c>
      <c r="Y822" s="47" t="s">
        <v>5331</v>
      </c>
      <c r="Z822" s="28"/>
      <c r="AA822" s="27"/>
      <c r="AB822" s="27"/>
      <c r="AC822" s="27"/>
      <c r="AD822" s="30"/>
      <c r="AE822" s="1"/>
      <c r="AF822" s="23" t="s">
        <v>5331</v>
      </c>
      <c r="AG822" s="26"/>
      <c r="AH822" s="53"/>
    </row>
    <row r="823" spans="1:34" ht="51.6" customHeight="1" x14ac:dyDescent="0.45">
      <c r="A823" s="23">
        <v>817</v>
      </c>
      <c r="B823" s="25"/>
      <c r="C823" s="25"/>
      <c r="D823" s="29"/>
      <c r="E823" s="1"/>
      <c r="F823" s="1"/>
      <c r="G823" s="25"/>
      <c r="H823" s="71"/>
      <c r="I823" s="83"/>
      <c r="J823" s="50" t="str">
        <f t="shared" si="26"/>
        <v/>
      </c>
      <c r="K823" s="23" t="s">
        <v>7120</v>
      </c>
      <c r="L823" s="49" t="e">
        <f>VLOOKUP(E823&amp;F823,団体コード!$A$1:$C$1743,3,FALSE)</f>
        <v>#N/A</v>
      </c>
      <c r="M823" s="49" t="e">
        <f>VLOOKUP(E823&amp;F823,団体コード!$A$1:$C$1743,2,FALSE)</f>
        <v>#N/A</v>
      </c>
      <c r="N823" s="51" t="e">
        <f>VLOOKUP(E823,団体コード!$E$1:$F$48,2,FALSE)</f>
        <v>#N/A</v>
      </c>
      <c r="O823" s="51" t="e">
        <f t="shared" si="27"/>
        <v>#N/A</v>
      </c>
      <c r="P823" s="51">
        <v>1</v>
      </c>
      <c r="Q823" s="51" t="s">
        <v>5341</v>
      </c>
      <c r="R823" s="54" t="b">
        <v>1</v>
      </c>
      <c r="S823" s="52" t="s">
        <v>7126</v>
      </c>
      <c r="T823" s="67" t="s">
        <v>7127</v>
      </c>
      <c r="U823" s="75" t="s">
        <v>5331</v>
      </c>
      <c r="V823" s="47" t="s">
        <v>5331</v>
      </c>
      <c r="W823" s="47" t="s">
        <v>5331</v>
      </c>
      <c r="X823" s="47" t="s">
        <v>5331</v>
      </c>
      <c r="Y823" s="47" t="s">
        <v>5331</v>
      </c>
      <c r="Z823" s="28"/>
      <c r="AA823" s="27"/>
      <c r="AB823" s="27"/>
      <c r="AC823" s="27"/>
      <c r="AD823" s="30"/>
      <c r="AE823" s="1"/>
      <c r="AF823" s="23" t="s">
        <v>5331</v>
      </c>
      <c r="AG823" s="26"/>
      <c r="AH823" s="53"/>
    </row>
    <row r="824" spans="1:34" ht="51.6" customHeight="1" x14ac:dyDescent="0.45">
      <c r="A824" s="23">
        <v>818</v>
      </c>
      <c r="B824" s="25"/>
      <c r="C824" s="25"/>
      <c r="D824" s="29"/>
      <c r="E824" s="1"/>
      <c r="F824" s="1"/>
      <c r="G824" s="25"/>
      <c r="H824" s="71"/>
      <c r="I824" s="83"/>
      <c r="J824" s="50" t="str">
        <f t="shared" si="26"/>
        <v/>
      </c>
      <c r="K824" s="23" t="s">
        <v>7120</v>
      </c>
      <c r="L824" s="49" t="e">
        <f>VLOOKUP(E824&amp;F824,団体コード!$A$1:$C$1743,3,FALSE)</f>
        <v>#N/A</v>
      </c>
      <c r="M824" s="49" t="e">
        <f>VLOOKUP(E824&amp;F824,団体コード!$A$1:$C$1743,2,FALSE)</f>
        <v>#N/A</v>
      </c>
      <c r="N824" s="51" t="e">
        <f>VLOOKUP(E824,団体コード!$E$1:$F$48,2,FALSE)</f>
        <v>#N/A</v>
      </c>
      <c r="O824" s="51" t="e">
        <f t="shared" si="27"/>
        <v>#N/A</v>
      </c>
      <c r="P824" s="51">
        <v>1</v>
      </c>
      <c r="Q824" s="51" t="s">
        <v>5341</v>
      </c>
      <c r="R824" s="54" t="b">
        <v>1</v>
      </c>
      <c r="S824" s="52" t="s">
        <v>7126</v>
      </c>
      <c r="T824" s="67" t="s">
        <v>7127</v>
      </c>
      <c r="U824" s="75" t="s">
        <v>5331</v>
      </c>
      <c r="V824" s="47" t="s">
        <v>5331</v>
      </c>
      <c r="W824" s="47" t="s">
        <v>5331</v>
      </c>
      <c r="X824" s="47" t="s">
        <v>5331</v>
      </c>
      <c r="Y824" s="47" t="s">
        <v>5331</v>
      </c>
      <c r="Z824" s="28"/>
      <c r="AA824" s="27"/>
      <c r="AB824" s="27"/>
      <c r="AC824" s="27"/>
      <c r="AD824" s="30"/>
      <c r="AE824" s="1"/>
      <c r="AF824" s="23" t="s">
        <v>5331</v>
      </c>
      <c r="AG824" s="26"/>
      <c r="AH824" s="53"/>
    </row>
    <row r="825" spans="1:34" ht="51.6" customHeight="1" x14ac:dyDescent="0.45">
      <c r="A825" s="23">
        <v>819</v>
      </c>
      <c r="B825" s="25"/>
      <c r="C825" s="25"/>
      <c r="D825" s="29"/>
      <c r="E825" s="1"/>
      <c r="F825" s="1"/>
      <c r="G825" s="25"/>
      <c r="H825" s="71"/>
      <c r="I825" s="83"/>
      <c r="J825" s="50" t="str">
        <f t="shared" si="26"/>
        <v/>
      </c>
      <c r="K825" s="23" t="s">
        <v>7120</v>
      </c>
      <c r="L825" s="49" t="e">
        <f>VLOOKUP(E825&amp;F825,団体コード!$A$1:$C$1743,3,FALSE)</f>
        <v>#N/A</v>
      </c>
      <c r="M825" s="49" t="e">
        <f>VLOOKUP(E825&amp;F825,団体コード!$A$1:$C$1743,2,FALSE)</f>
        <v>#N/A</v>
      </c>
      <c r="N825" s="51" t="e">
        <f>VLOOKUP(E825,団体コード!$E$1:$F$48,2,FALSE)</f>
        <v>#N/A</v>
      </c>
      <c r="O825" s="51" t="e">
        <f t="shared" si="27"/>
        <v>#N/A</v>
      </c>
      <c r="P825" s="51">
        <v>1</v>
      </c>
      <c r="Q825" s="51" t="s">
        <v>5341</v>
      </c>
      <c r="R825" s="54" t="b">
        <v>1</v>
      </c>
      <c r="S825" s="52" t="s">
        <v>7126</v>
      </c>
      <c r="T825" s="67" t="s">
        <v>7127</v>
      </c>
      <c r="U825" s="75" t="s">
        <v>5331</v>
      </c>
      <c r="V825" s="47" t="s">
        <v>5331</v>
      </c>
      <c r="W825" s="47" t="s">
        <v>5331</v>
      </c>
      <c r="X825" s="47" t="s">
        <v>5331</v>
      </c>
      <c r="Y825" s="47" t="s">
        <v>5331</v>
      </c>
      <c r="Z825" s="28"/>
      <c r="AA825" s="27"/>
      <c r="AB825" s="27"/>
      <c r="AC825" s="27"/>
      <c r="AD825" s="30"/>
      <c r="AE825" s="1"/>
      <c r="AF825" s="23" t="s">
        <v>5331</v>
      </c>
      <c r="AG825" s="26"/>
      <c r="AH825" s="53"/>
    </row>
    <row r="826" spans="1:34" ht="51.6" customHeight="1" x14ac:dyDescent="0.45">
      <c r="A826" s="23">
        <v>820</v>
      </c>
      <c r="B826" s="25"/>
      <c r="C826" s="25"/>
      <c r="D826" s="29"/>
      <c r="E826" s="1"/>
      <c r="F826" s="1"/>
      <c r="G826" s="25"/>
      <c r="H826" s="71"/>
      <c r="I826" s="83"/>
      <c r="J826" s="50" t="str">
        <f t="shared" si="26"/>
        <v/>
      </c>
      <c r="K826" s="23" t="s">
        <v>7120</v>
      </c>
      <c r="L826" s="49" t="e">
        <f>VLOOKUP(E826&amp;F826,団体コード!$A$1:$C$1743,3,FALSE)</f>
        <v>#N/A</v>
      </c>
      <c r="M826" s="49" t="e">
        <f>VLOOKUP(E826&amp;F826,団体コード!$A$1:$C$1743,2,FALSE)</f>
        <v>#N/A</v>
      </c>
      <c r="N826" s="51" t="e">
        <f>VLOOKUP(E826,団体コード!$E$1:$F$48,2,FALSE)</f>
        <v>#N/A</v>
      </c>
      <c r="O826" s="51" t="e">
        <f t="shared" si="27"/>
        <v>#N/A</v>
      </c>
      <c r="P826" s="51">
        <v>1</v>
      </c>
      <c r="Q826" s="51" t="s">
        <v>5341</v>
      </c>
      <c r="R826" s="54" t="b">
        <v>1</v>
      </c>
      <c r="S826" s="52" t="s">
        <v>7126</v>
      </c>
      <c r="T826" s="67" t="s">
        <v>7127</v>
      </c>
      <c r="U826" s="75" t="s">
        <v>5331</v>
      </c>
      <c r="V826" s="47" t="s">
        <v>5331</v>
      </c>
      <c r="W826" s="47" t="s">
        <v>5331</v>
      </c>
      <c r="X826" s="47" t="s">
        <v>5331</v>
      </c>
      <c r="Y826" s="47" t="s">
        <v>5331</v>
      </c>
      <c r="Z826" s="28"/>
      <c r="AA826" s="27"/>
      <c r="AB826" s="27"/>
      <c r="AC826" s="27"/>
      <c r="AD826" s="30"/>
      <c r="AE826" s="1"/>
      <c r="AF826" s="23" t="s">
        <v>5331</v>
      </c>
      <c r="AG826" s="26"/>
      <c r="AH826" s="53"/>
    </row>
    <row r="827" spans="1:34" ht="51.6" customHeight="1" x14ac:dyDescent="0.45">
      <c r="A827" s="23">
        <v>821</v>
      </c>
      <c r="B827" s="25"/>
      <c r="C827" s="25"/>
      <c r="D827" s="29"/>
      <c r="E827" s="1"/>
      <c r="F827" s="1"/>
      <c r="G827" s="25"/>
      <c r="H827" s="71"/>
      <c r="I827" s="83"/>
      <c r="J827" s="50" t="str">
        <f t="shared" si="26"/>
        <v/>
      </c>
      <c r="K827" s="23" t="s">
        <v>7120</v>
      </c>
      <c r="L827" s="49" t="e">
        <f>VLOOKUP(E827&amp;F827,団体コード!$A$1:$C$1743,3,FALSE)</f>
        <v>#N/A</v>
      </c>
      <c r="M827" s="49" t="e">
        <f>VLOOKUP(E827&amp;F827,団体コード!$A$1:$C$1743,2,FALSE)</f>
        <v>#N/A</v>
      </c>
      <c r="N827" s="51" t="e">
        <f>VLOOKUP(E827,団体コード!$E$1:$F$48,2,FALSE)</f>
        <v>#N/A</v>
      </c>
      <c r="O827" s="51" t="e">
        <f t="shared" si="27"/>
        <v>#N/A</v>
      </c>
      <c r="P827" s="51">
        <v>1</v>
      </c>
      <c r="Q827" s="51" t="s">
        <v>5341</v>
      </c>
      <c r="R827" s="54" t="b">
        <v>1</v>
      </c>
      <c r="S827" s="52" t="s">
        <v>7126</v>
      </c>
      <c r="T827" s="67" t="s">
        <v>7127</v>
      </c>
      <c r="U827" s="75" t="s">
        <v>5331</v>
      </c>
      <c r="V827" s="47" t="s">
        <v>5331</v>
      </c>
      <c r="W827" s="47" t="s">
        <v>5331</v>
      </c>
      <c r="X827" s="47" t="s">
        <v>5331</v>
      </c>
      <c r="Y827" s="47" t="s">
        <v>5331</v>
      </c>
      <c r="Z827" s="28"/>
      <c r="AA827" s="27"/>
      <c r="AB827" s="27"/>
      <c r="AC827" s="27"/>
      <c r="AD827" s="30"/>
      <c r="AE827" s="1"/>
      <c r="AF827" s="23" t="s">
        <v>5331</v>
      </c>
      <c r="AG827" s="26"/>
      <c r="AH827" s="53"/>
    </row>
    <row r="828" spans="1:34" ht="51.6" customHeight="1" x14ac:dyDescent="0.45">
      <c r="A828" s="23">
        <v>822</v>
      </c>
      <c r="B828" s="25"/>
      <c r="C828" s="25"/>
      <c r="D828" s="29"/>
      <c r="E828" s="1"/>
      <c r="F828" s="1"/>
      <c r="G828" s="25"/>
      <c r="H828" s="71"/>
      <c r="I828" s="83"/>
      <c r="J828" s="50" t="str">
        <f t="shared" si="26"/>
        <v/>
      </c>
      <c r="K828" s="23" t="s">
        <v>7120</v>
      </c>
      <c r="L828" s="49" t="e">
        <f>VLOOKUP(E828&amp;F828,団体コード!$A$1:$C$1743,3,FALSE)</f>
        <v>#N/A</v>
      </c>
      <c r="M828" s="49" t="e">
        <f>VLOOKUP(E828&amp;F828,団体コード!$A$1:$C$1743,2,FALSE)</f>
        <v>#N/A</v>
      </c>
      <c r="N828" s="51" t="e">
        <f>VLOOKUP(E828,団体コード!$E$1:$F$48,2,FALSE)</f>
        <v>#N/A</v>
      </c>
      <c r="O828" s="51" t="e">
        <f t="shared" si="27"/>
        <v>#N/A</v>
      </c>
      <c r="P828" s="51">
        <v>1</v>
      </c>
      <c r="Q828" s="51" t="s">
        <v>5341</v>
      </c>
      <c r="R828" s="54" t="b">
        <v>1</v>
      </c>
      <c r="S828" s="52" t="s">
        <v>7126</v>
      </c>
      <c r="T828" s="67" t="s">
        <v>7127</v>
      </c>
      <c r="U828" s="75" t="s">
        <v>5331</v>
      </c>
      <c r="V828" s="47" t="s">
        <v>5331</v>
      </c>
      <c r="W828" s="47" t="s">
        <v>5331</v>
      </c>
      <c r="X828" s="47" t="s">
        <v>5331</v>
      </c>
      <c r="Y828" s="47" t="s">
        <v>5331</v>
      </c>
      <c r="Z828" s="28"/>
      <c r="AA828" s="27"/>
      <c r="AB828" s="27"/>
      <c r="AC828" s="27"/>
      <c r="AD828" s="30"/>
      <c r="AE828" s="1"/>
      <c r="AF828" s="23" t="s">
        <v>5331</v>
      </c>
      <c r="AG828" s="26"/>
      <c r="AH828" s="53"/>
    </row>
    <row r="829" spans="1:34" ht="51.6" customHeight="1" x14ac:dyDescent="0.45">
      <c r="A829" s="23">
        <v>823</v>
      </c>
      <c r="B829" s="25"/>
      <c r="C829" s="25"/>
      <c r="D829" s="29"/>
      <c r="E829" s="1"/>
      <c r="F829" s="1"/>
      <c r="G829" s="25"/>
      <c r="H829" s="71"/>
      <c r="I829" s="83"/>
      <c r="J829" s="50" t="str">
        <f t="shared" si="26"/>
        <v/>
      </c>
      <c r="K829" s="23" t="s">
        <v>7120</v>
      </c>
      <c r="L829" s="49" t="e">
        <f>VLOOKUP(E829&amp;F829,団体コード!$A$1:$C$1743,3,FALSE)</f>
        <v>#N/A</v>
      </c>
      <c r="M829" s="49" t="e">
        <f>VLOOKUP(E829&amp;F829,団体コード!$A$1:$C$1743,2,FALSE)</f>
        <v>#N/A</v>
      </c>
      <c r="N829" s="51" t="e">
        <f>VLOOKUP(E829,団体コード!$E$1:$F$48,2,FALSE)</f>
        <v>#N/A</v>
      </c>
      <c r="O829" s="51" t="e">
        <f t="shared" si="27"/>
        <v>#N/A</v>
      </c>
      <c r="P829" s="51">
        <v>1</v>
      </c>
      <c r="Q829" s="51" t="s">
        <v>5341</v>
      </c>
      <c r="R829" s="54" t="b">
        <v>1</v>
      </c>
      <c r="S829" s="52" t="s">
        <v>7126</v>
      </c>
      <c r="T829" s="67" t="s">
        <v>7127</v>
      </c>
      <c r="U829" s="75" t="s">
        <v>5331</v>
      </c>
      <c r="V829" s="47" t="s">
        <v>5331</v>
      </c>
      <c r="W829" s="47" t="s">
        <v>5331</v>
      </c>
      <c r="X829" s="47" t="s">
        <v>5331</v>
      </c>
      <c r="Y829" s="47" t="s">
        <v>5331</v>
      </c>
      <c r="Z829" s="28"/>
      <c r="AA829" s="27"/>
      <c r="AB829" s="27"/>
      <c r="AC829" s="27"/>
      <c r="AD829" s="30"/>
      <c r="AE829" s="1"/>
      <c r="AF829" s="23" t="s">
        <v>5331</v>
      </c>
      <c r="AG829" s="26"/>
      <c r="AH829" s="53"/>
    </row>
    <row r="830" spans="1:34" ht="51.6" customHeight="1" x14ac:dyDescent="0.45">
      <c r="A830" s="23">
        <v>824</v>
      </c>
      <c r="B830" s="25"/>
      <c r="C830" s="25"/>
      <c r="D830" s="29"/>
      <c r="E830" s="1"/>
      <c r="F830" s="1"/>
      <c r="G830" s="25"/>
      <c r="H830" s="71"/>
      <c r="I830" s="83"/>
      <c r="J830" s="50" t="str">
        <f t="shared" si="26"/>
        <v/>
      </c>
      <c r="K830" s="23" t="s">
        <v>7120</v>
      </c>
      <c r="L830" s="49" t="e">
        <f>VLOOKUP(E830&amp;F830,団体コード!$A$1:$C$1743,3,FALSE)</f>
        <v>#N/A</v>
      </c>
      <c r="M830" s="49" t="e">
        <f>VLOOKUP(E830&amp;F830,団体コード!$A$1:$C$1743,2,FALSE)</f>
        <v>#N/A</v>
      </c>
      <c r="N830" s="51" t="e">
        <f>VLOOKUP(E830,団体コード!$E$1:$F$48,2,FALSE)</f>
        <v>#N/A</v>
      </c>
      <c r="O830" s="51" t="e">
        <f t="shared" si="27"/>
        <v>#N/A</v>
      </c>
      <c r="P830" s="51">
        <v>1</v>
      </c>
      <c r="Q830" s="51" t="s">
        <v>5341</v>
      </c>
      <c r="R830" s="54" t="b">
        <v>1</v>
      </c>
      <c r="S830" s="52" t="s">
        <v>7126</v>
      </c>
      <c r="T830" s="67" t="s">
        <v>7127</v>
      </c>
      <c r="U830" s="75" t="s">
        <v>5331</v>
      </c>
      <c r="V830" s="47" t="s">
        <v>5331</v>
      </c>
      <c r="W830" s="47" t="s">
        <v>5331</v>
      </c>
      <c r="X830" s="47" t="s">
        <v>5331</v>
      </c>
      <c r="Y830" s="47" t="s">
        <v>5331</v>
      </c>
      <c r="Z830" s="28"/>
      <c r="AA830" s="27"/>
      <c r="AB830" s="27"/>
      <c r="AC830" s="27"/>
      <c r="AD830" s="30"/>
      <c r="AE830" s="1"/>
      <c r="AF830" s="23" t="s">
        <v>5331</v>
      </c>
      <c r="AG830" s="26"/>
      <c r="AH830" s="53"/>
    </row>
    <row r="831" spans="1:34" ht="51.6" customHeight="1" x14ac:dyDescent="0.45">
      <c r="A831" s="23">
        <v>825</v>
      </c>
      <c r="B831" s="25"/>
      <c r="C831" s="25"/>
      <c r="D831" s="29"/>
      <c r="E831" s="1"/>
      <c r="F831" s="1"/>
      <c r="G831" s="25"/>
      <c r="H831" s="71"/>
      <c r="I831" s="83"/>
      <c r="J831" s="50" t="str">
        <f t="shared" si="26"/>
        <v/>
      </c>
      <c r="K831" s="23" t="s">
        <v>7120</v>
      </c>
      <c r="L831" s="49" t="e">
        <f>VLOOKUP(E831&amp;F831,団体コード!$A$1:$C$1743,3,FALSE)</f>
        <v>#N/A</v>
      </c>
      <c r="M831" s="49" t="e">
        <f>VLOOKUP(E831&amp;F831,団体コード!$A$1:$C$1743,2,FALSE)</f>
        <v>#N/A</v>
      </c>
      <c r="N831" s="51" t="e">
        <f>VLOOKUP(E831,団体コード!$E$1:$F$48,2,FALSE)</f>
        <v>#N/A</v>
      </c>
      <c r="O831" s="51" t="e">
        <f t="shared" si="27"/>
        <v>#N/A</v>
      </c>
      <c r="P831" s="51">
        <v>1</v>
      </c>
      <c r="Q831" s="51" t="s">
        <v>5341</v>
      </c>
      <c r="R831" s="54" t="b">
        <v>1</v>
      </c>
      <c r="S831" s="52" t="s">
        <v>7126</v>
      </c>
      <c r="T831" s="67" t="s">
        <v>7127</v>
      </c>
      <c r="U831" s="75" t="s">
        <v>5331</v>
      </c>
      <c r="V831" s="47" t="s">
        <v>5331</v>
      </c>
      <c r="W831" s="47" t="s">
        <v>5331</v>
      </c>
      <c r="X831" s="47" t="s">
        <v>5331</v>
      </c>
      <c r="Y831" s="47" t="s">
        <v>5331</v>
      </c>
      <c r="Z831" s="28"/>
      <c r="AA831" s="27"/>
      <c r="AB831" s="27"/>
      <c r="AC831" s="27"/>
      <c r="AD831" s="30"/>
      <c r="AE831" s="1"/>
      <c r="AF831" s="23" t="s">
        <v>5331</v>
      </c>
      <c r="AG831" s="26"/>
      <c r="AH831" s="53"/>
    </row>
    <row r="832" spans="1:34" ht="51.6" customHeight="1" x14ac:dyDescent="0.45">
      <c r="A832" s="23">
        <v>826</v>
      </c>
      <c r="B832" s="25"/>
      <c r="C832" s="25"/>
      <c r="D832" s="29"/>
      <c r="E832" s="1"/>
      <c r="F832" s="1"/>
      <c r="G832" s="25"/>
      <c r="H832" s="71"/>
      <c r="I832" s="83"/>
      <c r="J832" s="50" t="str">
        <f t="shared" si="26"/>
        <v/>
      </c>
      <c r="K832" s="23" t="s">
        <v>7120</v>
      </c>
      <c r="L832" s="49" t="e">
        <f>VLOOKUP(E832&amp;F832,団体コード!$A$1:$C$1743,3,FALSE)</f>
        <v>#N/A</v>
      </c>
      <c r="M832" s="49" t="e">
        <f>VLOOKUP(E832&amp;F832,団体コード!$A$1:$C$1743,2,FALSE)</f>
        <v>#N/A</v>
      </c>
      <c r="N832" s="51" t="e">
        <f>VLOOKUP(E832,団体コード!$E$1:$F$48,2,FALSE)</f>
        <v>#N/A</v>
      </c>
      <c r="O832" s="51" t="e">
        <f t="shared" si="27"/>
        <v>#N/A</v>
      </c>
      <c r="P832" s="51">
        <v>1</v>
      </c>
      <c r="Q832" s="51" t="s">
        <v>5341</v>
      </c>
      <c r="R832" s="54" t="b">
        <v>1</v>
      </c>
      <c r="S832" s="52" t="s">
        <v>7126</v>
      </c>
      <c r="T832" s="67" t="s">
        <v>7127</v>
      </c>
      <c r="U832" s="75" t="s">
        <v>5331</v>
      </c>
      <c r="V832" s="47" t="s">
        <v>5331</v>
      </c>
      <c r="W832" s="47" t="s">
        <v>5331</v>
      </c>
      <c r="X832" s="47" t="s">
        <v>5331</v>
      </c>
      <c r="Y832" s="47" t="s">
        <v>5331</v>
      </c>
      <c r="Z832" s="28"/>
      <c r="AA832" s="27"/>
      <c r="AB832" s="27"/>
      <c r="AC832" s="27"/>
      <c r="AD832" s="30"/>
      <c r="AE832" s="1"/>
      <c r="AF832" s="23" t="s">
        <v>5331</v>
      </c>
      <c r="AG832" s="26"/>
      <c r="AH832" s="53"/>
    </row>
    <row r="833" spans="1:34" ht="51.6" customHeight="1" x14ac:dyDescent="0.45">
      <c r="A833" s="23">
        <v>827</v>
      </c>
      <c r="B833" s="25"/>
      <c r="C833" s="25"/>
      <c r="D833" s="29"/>
      <c r="E833" s="1"/>
      <c r="F833" s="1"/>
      <c r="G833" s="25"/>
      <c r="H833" s="71"/>
      <c r="I833" s="83"/>
      <c r="J833" s="50" t="str">
        <f t="shared" si="26"/>
        <v/>
      </c>
      <c r="K833" s="23" t="s">
        <v>7120</v>
      </c>
      <c r="L833" s="49" t="e">
        <f>VLOOKUP(E833&amp;F833,団体コード!$A$1:$C$1743,3,FALSE)</f>
        <v>#N/A</v>
      </c>
      <c r="M833" s="49" t="e">
        <f>VLOOKUP(E833&amp;F833,団体コード!$A$1:$C$1743,2,FALSE)</f>
        <v>#N/A</v>
      </c>
      <c r="N833" s="51" t="e">
        <f>VLOOKUP(E833,団体コード!$E$1:$F$48,2,FALSE)</f>
        <v>#N/A</v>
      </c>
      <c r="O833" s="51" t="e">
        <f t="shared" si="27"/>
        <v>#N/A</v>
      </c>
      <c r="P833" s="51">
        <v>1</v>
      </c>
      <c r="Q833" s="51" t="s">
        <v>5341</v>
      </c>
      <c r="R833" s="54" t="b">
        <v>1</v>
      </c>
      <c r="S833" s="52" t="s">
        <v>7126</v>
      </c>
      <c r="T833" s="67" t="s">
        <v>7127</v>
      </c>
      <c r="U833" s="75" t="s">
        <v>5331</v>
      </c>
      <c r="V833" s="47" t="s">
        <v>5331</v>
      </c>
      <c r="W833" s="47" t="s">
        <v>5331</v>
      </c>
      <c r="X833" s="47" t="s">
        <v>5331</v>
      </c>
      <c r="Y833" s="47" t="s">
        <v>5331</v>
      </c>
      <c r="Z833" s="28"/>
      <c r="AA833" s="27"/>
      <c r="AB833" s="27"/>
      <c r="AC833" s="27"/>
      <c r="AD833" s="30"/>
      <c r="AE833" s="1"/>
      <c r="AF833" s="23" t="s">
        <v>5331</v>
      </c>
      <c r="AG833" s="26"/>
      <c r="AH833" s="53"/>
    </row>
    <row r="834" spans="1:34" ht="51.6" customHeight="1" x14ac:dyDescent="0.45">
      <c r="A834" s="23">
        <v>828</v>
      </c>
      <c r="B834" s="25"/>
      <c r="C834" s="25"/>
      <c r="D834" s="29"/>
      <c r="E834" s="1"/>
      <c r="F834" s="1"/>
      <c r="G834" s="25"/>
      <c r="H834" s="71"/>
      <c r="I834" s="83"/>
      <c r="J834" s="50" t="str">
        <f t="shared" si="26"/>
        <v/>
      </c>
      <c r="K834" s="23" t="s">
        <v>7120</v>
      </c>
      <c r="L834" s="49" t="e">
        <f>VLOOKUP(E834&amp;F834,団体コード!$A$1:$C$1743,3,FALSE)</f>
        <v>#N/A</v>
      </c>
      <c r="M834" s="49" t="e">
        <f>VLOOKUP(E834&amp;F834,団体コード!$A$1:$C$1743,2,FALSE)</f>
        <v>#N/A</v>
      </c>
      <c r="N834" s="51" t="e">
        <f>VLOOKUP(E834,団体コード!$E$1:$F$48,2,FALSE)</f>
        <v>#N/A</v>
      </c>
      <c r="O834" s="51" t="e">
        <f t="shared" si="27"/>
        <v>#N/A</v>
      </c>
      <c r="P834" s="51">
        <v>1</v>
      </c>
      <c r="Q834" s="51" t="s">
        <v>5341</v>
      </c>
      <c r="R834" s="54" t="b">
        <v>1</v>
      </c>
      <c r="S834" s="52" t="s">
        <v>7126</v>
      </c>
      <c r="T834" s="67" t="s">
        <v>7127</v>
      </c>
      <c r="U834" s="75" t="s">
        <v>5331</v>
      </c>
      <c r="V834" s="47" t="s">
        <v>5331</v>
      </c>
      <c r="W834" s="47" t="s">
        <v>5331</v>
      </c>
      <c r="X834" s="47" t="s">
        <v>5331</v>
      </c>
      <c r="Y834" s="47" t="s">
        <v>5331</v>
      </c>
      <c r="Z834" s="28"/>
      <c r="AA834" s="27"/>
      <c r="AB834" s="27"/>
      <c r="AC834" s="27"/>
      <c r="AD834" s="30"/>
      <c r="AE834" s="1"/>
      <c r="AF834" s="23" t="s">
        <v>5331</v>
      </c>
      <c r="AG834" s="26"/>
      <c r="AH834" s="53"/>
    </row>
    <row r="835" spans="1:34" ht="51.6" customHeight="1" x14ac:dyDescent="0.45">
      <c r="A835" s="23">
        <v>829</v>
      </c>
      <c r="B835" s="25"/>
      <c r="C835" s="25"/>
      <c r="D835" s="29"/>
      <c r="E835" s="1"/>
      <c r="F835" s="1"/>
      <c r="G835" s="25"/>
      <c r="H835" s="71"/>
      <c r="I835" s="83"/>
      <c r="J835" s="50" t="str">
        <f t="shared" si="26"/>
        <v/>
      </c>
      <c r="K835" s="23" t="s">
        <v>7120</v>
      </c>
      <c r="L835" s="49" t="e">
        <f>VLOOKUP(E835&amp;F835,団体コード!$A$1:$C$1743,3,FALSE)</f>
        <v>#N/A</v>
      </c>
      <c r="M835" s="49" t="e">
        <f>VLOOKUP(E835&amp;F835,団体コード!$A$1:$C$1743,2,FALSE)</f>
        <v>#N/A</v>
      </c>
      <c r="N835" s="51" t="e">
        <f>VLOOKUP(E835,団体コード!$E$1:$F$48,2,FALSE)</f>
        <v>#N/A</v>
      </c>
      <c r="O835" s="51" t="e">
        <f t="shared" si="27"/>
        <v>#N/A</v>
      </c>
      <c r="P835" s="51">
        <v>1</v>
      </c>
      <c r="Q835" s="51" t="s">
        <v>5341</v>
      </c>
      <c r="R835" s="54" t="b">
        <v>1</v>
      </c>
      <c r="S835" s="52" t="s">
        <v>7126</v>
      </c>
      <c r="T835" s="67" t="s">
        <v>7127</v>
      </c>
      <c r="U835" s="75" t="s">
        <v>5331</v>
      </c>
      <c r="V835" s="47" t="s">
        <v>5331</v>
      </c>
      <c r="W835" s="47" t="s">
        <v>5331</v>
      </c>
      <c r="X835" s="47" t="s">
        <v>5331</v>
      </c>
      <c r="Y835" s="47" t="s">
        <v>5331</v>
      </c>
      <c r="Z835" s="28"/>
      <c r="AA835" s="27"/>
      <c r="AB835" s="27"/>
      <c r="AC835" s="27"/>
      <c r="AD835" s="30"/>
      <c r="AE835" s="1"/>
      <c r="AF835" s="23" t="s">
        <v>5331</v>
      </c>
      <c r="AG835" s="26"/>
      <c r="AH835" s="53"/>
    </row>
    <row r="836" spans="1:34" ht="51.6" customHeight="1" x14ac:dyDescent="0.45">
      <c r="A836" s="23">
        <v>830</v>
      </c>
      <c r="B836" s="25"/>
      <c r="C836" s="25"/>
      <c r="D836" s="29"/>
      <c r="E836" s="1"/>
      <c r="F836" s="1"/>
      <c r="G836" s="25"/>
      <c r="H836" s="71"/>
      <c r="I836" s="83"/>
      <c r="J836" s="50" t="str">
        <f t="shared" si="26"/>
        <v/>
      </c>
      <c r="K836" s="23" t="s">
        <v>7120</v>
      </c>
      <c r="L836" s="49" t="e">
        <f>VLOOKUP(E836&amp;F836,団体コード!$A$1:$C$1743,3,FALSE)</f>
        <v>#N/A</v>
      </c>
      <c r="M836" s="49" t="e">
        <f>VLOOKUP(E836&amp;F836,団体コード!$A$1:$C$1743,2,FALSE)</f>
        <v>#N/A</v>
      </c>
      <c r="N836" s="51" t="e">
        <f>VLOOKUP(E836,団体コード!$E$1:$F$48,2,FALSE)</f>
        <v>#N/A</v>
      </c>
      <c r="O836" s="51" t="e">
        <f t="shared" si="27"/>
        <v>#N/A</v>
      </c>
      <c r="P836" s="51">
        <v>1</v>
      </c>
      <c r="Q836" s="51" t="s">
        <v>5341</v>
      </c>
      <c r="R836" s="54" t="b">
        <v>1</v>
      </c>
      <c r="S836" s="52" t="s">
        <v>7126</v>
      </c>
      <c r="T836" s="67" t="s">
        <v>7127</v>
      </c>
      <c r="U836" s="75" t="s">
        <v>5331</v>
      </c>
      <c r="V836" s="47" t="s">
        <v>5331</v>
      </c>
      <c r="W836" s="47" t="s">
        <v>5331</v>
      </c>
      <c r="X836" s="47" t="s">
        <v>5331</v>
      </c>
      <c r="Y836" s="47" t="s">
        <v>5331</v>
      </c>
      <c r="Z836" s="28"/>
      <c r="AA836" s="27"/>
      <c r="AB836" s="27"/>
      <c r="AC836" s="27"/>
      <c r="AD836" s="30"/>
      <c r="AE836" s="1"/>
      <c r="AF836" s="23" t="s">
        <v>5331</v>
      </c>
      <c r="AG836" s="26"/>
      <c r="AH836" s="53"/>
    </row>
    <row r="837" spans="1:34" ht="51.6" customHeight="1" x14ac:dyDescent="0.45">
      <c r="A837" s="23">
        <v>831</v>
      </c>
      <c r="B837" s="25"/>
      <c r="C837" s="25"/>
      <c r="D837" s="29"/>
      <c r="E837" s="1"/>
      <c r="F837" s="1"/>
      <c r="G837" s="25"/>
      <c r="H837" s="71"/>
      <c r="I837" s="83"/>
      <c r="J837" s="50" t="str">
        <f t="shared" si="26"/>
        <v/>
      </c>
      <c r="K837" s="23" t="s">
        <v>7120</v>
      </c>
      <c r="L837" s="49" t="e">
        <f>VLOOKUP(E837&amp;F837,団体コード!$A$1:$C$1743,3,FALSE)</f>
        <v>#N/A</v>
      </c>
      <c r="M837" s="49" t="e">
        <f>VLOOKUP(E837&amp;F837,団体コード!$A$1:$C$1743,2,FALSE)</f>
        <v>#N/A</v>
      </c>
      <c r="N837" s="51" t="e">
        <f>VLOOKUP(E837,団体コード!$E$1:$F$48,2,FALSE)</f>
        <v>#N/A</v>
      </c>
      <c r="O837" s="51" t="e">
        <f t="shared" si="27"/>
        <v>#N/A</v>
      </c>
      <c r="P837" s="51">
        <v>1</v>
      </c>
      <c r="Q837" s="51" t="s">
        <v>5341</v>
      </c>
      <c r="R837" s="54" t="b">
        <v>1</v>
      </c>
      <c r="S837" s="52" t="s">
        <v>7126</v>
      </c>
      <c r="T837" s="67" t="s">
        <v>7127</v>
      </c>
      <c r="U837" s="75" t="s">
        <v>5331</v>
      </c>
      <c r="V837" s="47" t="s">
        <v>5331</v>
      </c>
      <c r="W837" s="47" t="s">
        <v>5331</v>
      </c>
      <c r="X837" s="47" t="s">
        <v>5331</v>
      </c>
      <c r="Y837" s="47" t="s">
        <v>5331</v>
      </c>
      <c r="Z837" s="28"/>
      <c r="AA837" s="27"/>
      <c r="AB837" s="27"/>
      <c r="AC837" s="27"/>
      <c r="AD837" s="30"/>
      <c r="AE837" s="1"/>
      <c r="AF837" s="23" t="s">
        <v>5331</v>
      </c>
      <c r="AG837" s="26"/>
      <c r="AH837" s="53"/>
    </row>
    <row r="838" spans="1:34" ht="51.6" customHeight="1" x14ac:dyDescent="0.45">
      <c r="A838" s="23">
        <v>832</v>
      </c>
      <c r="B838" s="25"/>
      <c r="C838" s="25"/>
      <c r="D838" s="29"/>
      <c r="E838" s="1"/>
      <c r="F838" s="1"/>
      <c r="G838" s="25"/>
      <c r="H838" s="71"/>
      <c r="I838" s="83"/>
      <c r="J838" s="50" t="str">
        <f t="shared" si="26"/>
        <v/>
      </c>
      <c r="K838" s="23" t="s">
        <v>7120</v>
      </c>
      <c r="L838" s="49" t="e">
        <f>VLOOKUP(E838&amp;F838,団体コード!$A$1:$C$1743,3,FALSE)</f>
        <v>#N/A</v>
      </c>
      <c r="M838" s="49" t="e">
        <f>VLOOKUP(E838&amp;F838,団体コード!$A$1:$C$1743,2,FALSE)</f>
        <v>#N/A</v>
      </c>
      <c r="N838" s="51" t="e">
        <f>VLOOKUP(E838,団体コード!$E$1:$F$48,2,FALSE)</f>
        <v>#N/A</v>
      </c>
      <c r="O838" s="51" t="e">
        <f t="shared" si="27"/>
        <v>#N/A</v>
      </c>
      <c r="P838" s="51">
        <v>1</v>
      </c>
      <c r="Q838" s="51" t="s">
        <v>5341</v>
      </c>
      <c r="R838" s="54" t="b">
        <v>1</v>
      </c>
      <c r="S838" s="52" t="s">
        <v>7126</v>
      </c>
      <c r="T838" s="67" t="s">
        <v>7127</v>
      </c>
      <c r="U838" s="75" t="s">
        <v>5331</v>
      </c>
      <c r="V838" s="47" t="s">
        <v>5331</v>
      </c>
      <c r="W838" s="47" t="s">
        <v>5331</v>
      </c>
      <c r="X838" s="47" t="s">
        <v>5331</v>
      </c>
      <c r="Y838" s="47" t="s">
        <v>5331</v>
      </c>
      <c r="Z838" s="28"/>
      <c r="AA838" s="27"/>
      <c r="AB838" s="27"/>
      <c r="AC838" s="27"/>
      <c r="AD838" s="30"/>
      <c r="AE838" s="1"/>
      <c r="AF838" s="23" t="s">
        <v>5331</v>
      </c>
      <c r="AG838" s="26"/>
      <c r="AH838" s="53"/>
    </row>
    <row r="839" spans="1:34" ht="51.6" customHeight="1" x14ac:dyDescent="0.45">
      <c r="A839" s="23">
        <v>833</v>
      </c>
      <c r="B839" s="25"/>
      <c r="C839" s="25"/>
      <c r="D839" s="29"/>
      <c r="E839" s="1"/>
      <c r="F839" s="1"/>
      <c r="G839" s="25"/>
      <c r="H839" s="71"/>
      <c r="I839" s="83"/>
      <c r="J839" s="50" t="str">
        <f t="shared" si="26"/>
        <v/>
      </c>
      <c r="K839" s="23" t="s">
        <v>7120</v>
      </c>
      <c r="L839" s="49" t="e">
        <f>VLOOKUP(E839&amp;F839,団体コード!$A$1:$C$1743,3,FALSE)</f>
        <v>#N/A</v>
      </c>
      <c r="M839" s="49" t="e">
        <f>VLOOKUP(E839&amp;F839,団体コード!$A$1:$C$1743,2,FALSE)</f>
        <v>#N/A</v>
      </c>
      <c r="N839" s="51" t="e">
        <f>VLOOKUP(E839,団体コード!$E$1:$F$48,2,FALSE)</f>
        <v>#N/A</v>
      </c>
      <c r="O839" s="51" t="e">
        <f t="shared" si="27"/>
        <v>#N/A</v>
      </c>
      <c r="P839" s="51">
        <v>1</v>
      </c>
      <c r="Q839" s="51" t="s">
        <v>5341</v>
      </c>
      <c r="R839" s="54" t="b">
        <v>1</v>
      </c>
      <c r="S839" s="52" t="s">
        <v>7126</v>
      </c>
      <c r="T839" s="67" t="s">
        <v>7127</v>
      </c>
      <c r="U839" s="75" t="s">
        <v>5331</v>
      </c>
      <c r="V839" s="47" t="s">
        <v>5331</v>
      </c>
      <c r="W839" s="47" t="s">
        <v>5331</v>
      </c>
      <c r="X839" s="47" t="s">
        <v>5331</v>
      </c>
      <c r="Y839" s="47" t="s">
        <v>5331</v>
      </c>
      <c r="Z839" s="28"/>
      <c r="AA839" s="27"/>
      <c r="AB839" s="27"/>
      <c r="AC839" s="27"/>
      <c r="AD839" s="30"/>
      <c r="AE839" s="1"/>
      <c r="AF839" s="23" t="s">
        <v>5331</v>
      </c>
      <c r="AG839" s="26"/>
      <c r="AH839" s="53"/>
    </row>
    <row r="840" spans="1:34" ht="51.6" customHeight="1" x14ac:dyDescent="0.45">
      <c r="A840" s="23">
        <v>834</v>
      </c>
      <c r="B840" s="25"/>
      <c r="C840" s="25"/>
      <c r="D840" s="29"/>
      <c r="E840" s="1"/>
      <c r="F840" s="1"/>
      <c r="G840" s="25"/>
      <c r="H840" s="71"/>
      <c r="I840" s="83"/>
      <c r="J840" s="50" t="str">
        <f t="shared" ref="J840:J903" si="28">E840&amp;F840&amp;G840</f>
        <v/>
      </c>
      <c r="K840" s="23" t="s">
        <v>7120</v>
      </c>
      <c r="L840" s="49" t="e">
        <f>VLOOKUP(E840&amp;F840,団体コード!$A$1:$C$1743,3,FALSE)</f>
        <v>#N/A</v>
      </c>
      <c r="M840" s="49" t="e">
        <f>VLOOKUP(E840&amp;F840,団体コード!$A$1:$C$1743,2,FALSE)</f>
        <v>#N/A</v>
      </c>
      <c r="N840" s="51" t="e">
        <f>VLOOKUP(E840,団体コード!$E$1:$F$48,2,FALSE)</f>
        <v>#N/A</v>
      </c>
      <c r="O840" s="51" t="e">
        <f t="shared" ref="O840:O903" si="29">N840</f>
        <v>#N/A</v>
      </c>
      <c r="P840" s="51">
        <v>1</v>
      </c>
      <c r="Q840" s="51" t="s">
        <v>5341</v>
      </c>
      <c r="R840" s="54" t="b">
        <v>1</v>
      </c>
      <c r="S840" s="52" t="s">
        <v>7126</v>
      </c>
      <c r="T840" s="67" t="s">
        <v>7127</v>
      </c>
      <c r="U840" s="75" t="s">
        <v>5331</v>
      </c>
      <c r="V840" s="47" t="s">
        <v>5331</v>
      </c>
      <c r="W840" s="47" t="s">
        <v>5331</v>
      </c>
      <c r="X840" s="47" t="s">
        <v>5331</v>
      </c>
      <c r="Y840" s="47" t="s">
        <v>5331</v>
      </c>
      <c r="Z840" s="28"/>
      <c r="AA840" s="27"/>
      <c r="AB840" s="27"/>
      <c r="AC840" s="27"/>
      <c r="AD840" s="30"/>
      <c r="AE840" s="1"/>
      <c r="AF840" s="23" t="s">
        <v>5331</v>
      </c>
      <c r="AG840" s="26"/>
      <c r="AH840" s="53"/>
    </row>
    <row r="841" spans="1:34" ht="51.6" customHeight="1" x14ac:dyDescent="0.45">
      <c r="A841" s="23">
        <v>835</v>
      </c>
      <c r="B841" s="25"/>
      <c r="C841" s="25"/>
      <c r="D841" s="29"/>
      <c r="E841" s="1"/>
      <c r="F841" s="1"/>
      <c r="G841" s="25"/>
      <c r="H841" s="71"/>
      <c r="I841" s="83"/>
      <c r="J841" s="50" t="str">
        <f t="shared" si="28"/>
        <v/>
      </c>
      <c r="K841" s="23" t="s">
        <v>7120</v>
      </c>
      <c r="L841" s="49" t="e">
        <f>VLOOKUP(E841&amp;F841,団体コード!$A$1:$C$1743,3,FALSE)</f>
        <v>#N/A</v>
      </c>
      <c r="M841" s="49" t="e">
        <f>VLOOKUP(E841&amp;F841,団体コード!$A$1:$C$1743,2,FALSE)</f>
        <v>#N/A</v>
      </c>
      <c r="N841" s="51" t="e">
        <f>VLOOKUP(E841,団体コード!$E$1:$F$48,2,FALSE)</f>
        <v>#N/A</v>
      </c>
      <c r="O841" s="51" t="e">
        <f t="shared" si="29"/>
        <v>#N/A</v>
      </c>
      <c r="P841" s="51">
        <v>1</v>
      </c>
      <c r="Q841" s="51" t="s">
        <v>5341</v>
      </c>
      <c r="R841" s="54" t="b">
        <v>1</v>
      </c>
      <c r="S841" s="52" t="s">
        <v>7126</v>
      </c>
      <c r="T841" s="67" t="s">
        <v>7127</v>
      </c>
      <c r="U841" s="75" t="s">
        <v>5331</v>
      </c>
      <c r="V841" s="47" t="s">
        <v>5331</v>
      </c>
      <c r="W841" s="47" t="s">
        <v>5331</v>
      </c>
      <c r="X841" s="47" t="s">
        <v>5331</v>
      </c>
      <c r="Y841" s="47" t="s">
        <v>5331</v>
      </c>
      <c r="Z841" s="28"/>
      <c r="AA841" s="27"/>
      <c r="AB841" s="27"/>
      <c r="AC841" s="27"/>
      <c r="AD841" s="30"/>
      <c r="AE841" s="1"/>
      <c r="AF841" s="23" t="s">
        <v>5331</v>
      </c>
      <c r="AG841" s="26"/>
      <c r="AH841" s="53"/>
    </row>
    <row r="842" spans="1:34" ht="51.6" customHeight="1" x14ac:dyDescent="0.45">
      <c r="A842" s="23">
        <v>836</v>
      </c>
      <c r="B842" s="25"/>
      <c r="C842" s="25"/>
      <c r="D842" s="29"/>
      <c r="E842" s="1"/>
      <c r="F842" s="1"/>
      <c r="G842" s="25"/>
      <c r="H842" s="71"/>
      <c r="I842" s="83"/>
      <c r="J842" s="50" t="str">
        <f t="shared" si="28"/>
        <v/>
      </c>
      <c r="K842" s="23" t="s">
        <v>7120</v>
      </c>
      <c r="L842" s="49" t="e">
        <f>VLOOKUP(E842&amp;F842,団体コード!$A$1:$C$1743,3,FALSE)</f>
        <v>#N/A</v>
      </c>
      <c r="M842" s="49" t="e">
        <f>VLOOKUP(E842&amp;F842,団体コード!$A$1:$C$1743,2,FALSE)</f>
        <v>#N/A</v>
      </c>
      <c r="N842" s="51" t="e">
        <f>VLOOKUP(E842,団体コード!$E$1:$F$48,2,FALSE)</f>
        <v>#N/A</v>
      </c>
      <c r="O842" s="51" t="e">
        <f t="shared" si="29"/>
        <v>#N/A</v>
      </c>
      <c r="P842" s="51">
        <v>1</v>
      </c>
      <c r="Q842" s="51" t="s">
        <v>5341</v>
      </c>
      <c r="R842" s="54" t="b">
        <v>1</v>
      </c>
      <c r="S842" s="52" t="s">
        <v>7126</v>
      </c>
      <c r="T842" s="67" t="s">
        <v>7127</v>
      </c>
      <c r="U842" s="75" t="s">
        <v>5331</v>
      </c>
      <c r="V842" s="47" t="s">
        <v>5331</v>
      </c>
      <c r="W842" s="47" t="s">
        <v>5331</v>
      </c>
      <c r="X842" s="47" t="s">
        <v>5331</v>
      </c>
      <c r="Y842" s="47" t="s">
        <v>5331</v>
      </c>
      <c r="Z842" s="28"/>
      <c r="AA842" s="27"/>
      <c r="AB842" s="27"/>
      <c r="AC842" s="27"/>
      <c r="AD842" s="30"/>
      <c r="AE842" s="1"/>
      <c r="AF842" s="23" t="s">
        <v>5331</v>
      </c>
      <c r="AG842" s="26"/>
      <c r="AH842" s="53"/>
    </row>
    <row r="843" spans="1:34" ht="51.6" customHeight="1" x14ac:dyDescent="0.45">
      <c r="A843" s="23">
        <v>837</v>
      </c>
      <c r="B843" s="25"/>
      <c r="C843" s="25"/>
      <c r="D843" s="29"/>
      <c r="E843" s="1"/>
      <c r="F843" s="1"/>
      <c r="G843" s="25"/>
      <c r="H843" s="71"/>
      <c r="I843" s="83"/>
      <c r="J843" s="50" t="str">
        <f t="shared" si="28"/>
        <v/>
      </c>
      <c r="K843" s="23" t="s">
        <v>7120</v>
      </c>
      <c r="L843" s="49" t="e">
        <f>VLOOKUP(E843&amp;F843,団体コード!$A$1:$C$1743,3,FALSE)</f>
        <v>#N/A</v>
      </c>
      <c r="M843" s="49" t="e">
        <f>VLOOKUP(E843&amp;F843,団体コード!$A$1:$C$1743,2,FALSE)</f>
        <v>#N/A</v>
      </c>
      <c r="N843" s="51" t="e">
        <f>VLOOKUP(E843,団体コード!$E$1:$F$48,2,FALSE)</f>
        <v>#N/A</v>
      </c>
      <c r="O843" s="51" t="e">
        <f t="shared" si="29"/>
        <v>#N/A</v>
      </c>
      <c r="P843" s="51">
        <v>1</v>
      </c>
      <c r="Q843" s="51" t="s">
        <v>5341</v>
      </c>
      <c r="R843" s="54" t="b">
        <v>1</v>
      </c>
      <c r="S843" s="52" t="s">
        <v>7126</v>
      </c>
      <c r="T843" s="67" t="s">
        <v>7127</v>
      </c>
      <c r="U843" s="75" t="s">
        <v>5331</v>
      </c>
      <c r="V843" s="47" t="s">
        <v>5331</v>
      </c>
      <c r="W843" s="47" t="s">
        <v>5331</v>
      </c>
      <c r="X843" s="47" t="s">
        <v>5331</v>
      </c>
      <c r="Y843" s="47" t="s">
        <v>5331</v>
      </c>
      <c r="Z843" s="28"/>
      <c r="AA843" s="27"/>
      <c r="AB843" s="27"/>
      <c r="AC843" s="27"/>
      <c r="AD843" s="30"/>
      <c r="AE843" s="1"/>
      <c r="AF843" s="23" t="s">
        <v>5331</v>
      </c>
      <c r="AG843" s="26"/>
      <c r="AH843" s="53"/>
    </row>
    <row r="844" spans="1:34" ht="51.6" customHeight="1" x14ac:dyDescent="0.45">
      <c r="A844" s="23">
        <v>838</v>
      </c>
      <c r="B844" s="25"/>
      <c r="C844" s="25"/>
      <c r="D844" s="29"/>
      <c r="E844" s="1"/>
      <c r="F844" s="1"/>
      <c r="G844" s="25"/>
      <c r="H844" s="71"/>
      <c r="I844" s="83"/>
      <c r="J844" s="50" t="str">
        <f t="shared" si="28"/>
        <v/>
      </c>
      <c r="K844" s="23" t="s">
        <v>7120</v>
      </c>
      <c r="L844" s="49" t="e">
        <f>VLOOKUP(E844&amp;F844,団体コード!$A$1:$C$1743,3,FALSE)</f>
        <v>#N/A</v>
      </c>
      <c r="M844" s="49" t="e">
        <f>VLOOKUP(E844&amp;F844,団体コード!$A$1:$C$1743,2,FALSE)</f>
        <v>#N/A</v>
      </c>
      <c r="N844" s="51" t="e">
        <f>VLOOKUP(E844,団体コード!$E$1:$F$48,2,FALSE)</f>
        <v>#N/A</v>
      </c>
      <c r="O844" s="51" t="e">
        <f t="shared" si="29"/>
        <v>#N/A</v>
      </c>
      <c r="P844" s="51">
        <v>1</v>
      </c>
      <c r="Q844" s="51" t="s">
        <v>5341</v>
      </c>
      <c r="R844" s="54" t="b">
        <v>1</v>
      </c>
      <c r="S844" s="52" t="s">
        <v>7126</v>
      </c>
      <c r="T844" s="67" t="s">
        <v>7127</v>
      </c>
      <c r="U844" s="75" t="s">
        <v>5331</v>
      </c>
      <c r="V844" s="47" t="s">
        <v>5331</v>
      </c>
      <c r="W844" s="47" t="s">
        <v>5331</v>
      </c>
      <c r="X844" s="47" t="s">
        <v>5331</v>
      </c>
      <c r="Y844" s="47" t="s">
        <v>5331</v>
      </c>
      <c r="Z844" s="28"/>
      <c r="AA844" s="27"/>
      <c r="AB844" s="27"/>
      <c r="AC844" s="27"/>
      <c r="AD844" s="30"/>
      <c r="AE844" s="1"/>
      <c r="AF844" s="23" t="s">
        <v>5331</v>
      </c>
      <c r="AG844" s="26"/>
      <c r="AH844" s="53"/>
    </row>
    <row r="845" spans="1:34" ht="51.6" customHeight="1" x14ac:dyDescent="0.45">
      <c r="A845" s="23">
        <v>839</v>
      </c>
      <c r="B845" s="25"/>
      <c r="C845" s="25"/>
      <c r="D845" s="29"/>
      <c r="E845" s="1"/>
      <c r="F845" s="1"/>
      <c r="G845" s="25"/>
      <c r="H845" s="71"/>
      <c r="I845" s="83"/>
      <c r="J845" s="50" t="str">
        <f t="shared" si="28"/>
        <v/>
      </c>
      <c r="K845" s="23" t="s">
        <v>7120</v>
      </c>
      <c r="L845" s="49" t="e">
        <f>VLOOKUP(E845&amp;F845,団体コード!$A$1:$C$1743,3,FALSE)</f>
        <v>#N/A</v>
      </c>
      <c r="M845" s="49" t="e">
        <f>VLOOKUP(E845&amp;F845,団体コード!$A$1:$C$1743,2,FALSE)</f>
        <v>#N/A</v>
      </c>
      <c r="N845" s="51" t="e">
        <f>VLOOKUP(E845,団体コード!$E$1:$F$48,2,FALSE)</f>
        <v>#N/A</v>
      </c>
      <c r="O845" s="51" t="e">
        <f t="shared" si="29"/>
        <v>#N/A</v>
      </c>
      <c r="P845" s="51">
        <v>1</v>
      </c>
      <c r="Q845" s="51" t="s">
        <v>5341</v>
      </c>
      <c r="R845" s="54" t="b">
        <v>1</v>
      </c>
      <c r="S845" s="52" t="s">
        <v>7126</v>
      </c>
      <c r="T845" s="67" t="s">
        <v>7127</v>
      </c>
      <c r="U845" s="75" t="s">
        <v>5331</v>
      </c>
      <c r="V845" s="47" t="s">
        <v>5331</v>
      </c>
      <c r="W845" s="47" t="s">
        <v>5331</v>
      </c>
      <c r="X845" s="47" t="s">
        <v>5331</v>
      </c>
      <c r="Y845" s="47" t="s">
        <v>5331</v>
      </c>
      <c r="Z845" s="28"/>
      <c r="AA845" s="27"/>
      <c r="AB845" s="27"/>
      <c r="AC845" s="27"/>
      <c r="AD845" s="30"/>
      <c r="AE845" s="1"/>
      <c r="AF845" s="23" t="s">
        <v>5331</v>
      </c>
      <c r="AG845" s="26"/>
      <c r="AH845" s="53"/>
    </row>
    <row r="846" spans="1:34" ht="51.6" customHeight="1" x14ac:dyDescent="0.45">
      <c r="A846" s="23">
        <v>840</v>
      </c>
      <c r="B846" s="25"/>
      <c r="C846" s="25"/>
      <c r="D846" s="29"/>
      <c r="E846" s="1"/>
      <c r="F846" s="1"/>
      <c r="G846" s="25"/>
      <c r="H846" s="71"/>
      <c r="I846" s="83"/>
      <c r="J846" s="50" t="str">
        <f t="shared" si="28"/>
        <v/>
      </c>
      <c r="K846" s="23" t="s">
        <v>7120</v>
      </c>
      <c r="L846" s="49" t="e">
        <f>VLOOKUP(E846&amp;F846,団体コード!$A$1:$C$1743,3,FALSE)</f>
        <v>#N/A</v>
      </c>
      <c r="M846" s="49" t="e">
        <f>VLOOKUP(E846&amp;F846,団体コード!$A$1:$C$1743,2,FALSE)</f>
        <v>#N/A</v>
      </c>
      <c r="N846" s="51" t="e">
        <f>VLOOKUP(E846,団体コード!$E$1:$F$48,2,FALSE)</f>
        <v>#N/A</v>
      </c>
      <c r="O846" s="51" t="e">
        <f t="shared" si="29"/>
        <v>#N/A</v>
      </c>
      <c r="P846" s="51">
        <v>1</v>
      </c>
      <c r="Q846" s="51" t="s">
        <v>5341</v>
      </c>
      <c r="R846" s="54" t="b">
        <v>1</v>
      </c>
      <c r="S846" s="52" t="s">
        <v>7126</v>
      </c>
      <c r="T846" s="67" t="s">
        <v>7127</v>
      </c>
      <c r="U846" s="75" t="s">
        <v>5331</v>
      </c>
      <c r="V846" s="47" t="s">
        <v>5331</v>
      </c>
      <c r="W846" s="47" t="s">
        <v>5331</v>
      </c>
      <c r="X846" s="47" t="s">
        <v>5331</v>
      </c>
      <c r="Y846" s="47" t="s">
        <v>5331</v>
      </c>
      <c r="Z846" s="28"/>
      <c r="AA846" s="27"/>
      <c r="AB846" s="27"/>
      <c r="AC846" s="27"/>
      <c r="AD846" s="30"/>
      <c r="AE846" s="1"/>
      <c r="AF846" s="23" t="s">
        <v>5331</v>
      </c>
      <c r="AG846" s="26"/>
      <c r="AH846" s="53"/>
    </row>
    <row r="847" spans="1:34" ht="51.6" customHeight="1" x14ac:dyDescent="0.45">
      <c r="A847" s="23">
        <v>841</v>
      </c>
      <c r="B847" s="25"/>
      <c r="C847" s="25"/>
      <c r="D847" s="29"/>
      <c r="E847" s="1"/>
      <c r="F847" s="1"/>
      <c r="G847" s="25"/>
      <c r="H847" s="71"/>
      <c r="I847" s="83"/>
      <c r="J847" s="50" t="str">
        <f t="shared" si="28"/>
        <v/>
      </c>
      <c r="K847" s="23" t="s">
        <v>7120</v>
      </c>
      <c r="L847" s="49" t="e">
        <f>VLOOKUP(E847&amp;F847,団体コード!$A$1:$C$1743,3,FALSE)</f>
        <v>#N/A</v>
      </c>
      <c r="M847" s="49" t="e">
        <f>VLOOKUP(E847&amp;F847,団体コード!$A$1:$C$1743,2,FALSE)</f>
        <v>#N/A</v>
      </c>
      <c r="N847" s="51" t="e">
        <f>VLOOKUP(E847,団体コード!$E$1:$F$48,2,FALSE)</f>
        <v>#N/A</v>
      </c>
      <c r="O847" s="51" t="e">
        <f t="shared" si="29"/>
        <v>#N/A</v>
      </c>
      <c r="P847" s="51">
        <v>1</v>
      </c>
      <c r="Q847" s="51" t="s">
        <v>5341</v>
      </c>
      <c r="R847" s="54" t="b">
        <v>1</v>
      </c>
      <c r="S847" s="52" t="s">
        <v>7126</v>
      </c>
      <c r="T847" s="67" t="s">
        <v>7127</v>
      </c>
      <c r="U847" s="75" t="s">
        <v>5331</v>
      </c>
      <c r="V847" s="47" t="s">
        <v>5331</v>
      </c>
      <c r="W847" s="47" t="s">
        <v>5331</v>
      </c>
      <c r="X847" s="47" t="s">
        <v>5331</v>
      </c>
      <c r="Y847" s="47" t="s">
        <v>5331</v>
      </c>
      <c r="Z847" s="28"/>
      <c r="AA847" s="27"/>
      <c r="AB847" s="27"/>
      <c r="AC847" s="27"/>
      <c r="AD847" s="30"/>
      <c r="AE847" s="1"/>
      <c r="AF847" s="23" t="s">
        <v>5331</v>
      </c>
      <c r="AG847" s="26"/>
      <c r="AH847" s="53"/>
    </row>
    <row r="848" spans="1:34" ht="51.6" customHeight="1" x14ac:dyDescent="0.45">
      <c r="A848" s="23">
        <v>842</v>
      </c>
      <c r="B848" s="25"/>
      <c r="C848" s="25"/>
      <c r="D848" s="29"/>
      <c r="E848" s="1"/>
      <c r="F848" s="1"/>
      <c r="G848" s="25"/>
      <c r="H848" s="71"/>
      <c r="I848" s="83"/>
      <c r="J848" s="50" t="str">
        <f t="shared" si="28"/>
        <v/>
      </c>
      <c r="K848" s="23" t="s">
        <v>7120</v>
      </c>
      <c r="L848" s="49" t="e">
        <f>VLOOKUP(E848&amp;F848,団体コード!$A$1:$C$1743,3,FALSE)</f>
        <v>#N/A</v>
      </c>
      <c r="M848" s="49" t="e">
        <f>VLOOKUP(E848&amp;F848,団体コード!$A$1:$C$1743,2,FALSE)</f>
        <v>#N/A</v>
      </c>
      <c r="N848" s="51" t="e">
        <f>VLOOKUP(E848,団体コード!$E$1:$F$48,2,FALSE)</f>
        <v>#N/A</v>
      </c>
      <c r="O848" s="51" t="e">
        <f t="shared" si="29"/>
        <v>#N/A</v>
      </c>
      <c r="P848" s="51">
        <v>1</v>
      </c>
      <c r="Q848" s="51" t="s">
        <v>5341</v>
      </c>
      <c r="R848" s="54" t="b">
        <v>1</v>
      </c>
      <c r="S848" s="52" t="s">
        <v>7126</v>
      </c>
      <c r="T848" s="67" t="s">
        <v>7127</v>
      </c>
      <c r="U848" s="75" t="s">
        <v>5331</v>
      </c>
      <c r="V848" s="47" t="s">
        <v>5331</v>
      </c>
      <c r="W848" s="47" t="s">
        <v>5331</v>
      </c>
      <c r="X848" s="47" t="s">
        <v>5331</v>
      </c>
      <c r="Y848" s="47" t="s">
        <v>5331</v>
      </c>
      <c r="Z848" s="28"/>
      <c r="AA848" s="27"/>
      <c r="AB848" s="27"/>
      <c r="AC848" s="27"/>
      <c r="AD848" s="30"/>
      <c r="AE848" s="1"/>
      <c r="AF848" s="23" t="s">
        <v>5331</v>
      </c>
      <c r="AG848" s="26"/>
      <c r="AH848" s="53"/>
    </row>
    <row r="849" spans="1:34" ht="51.6" customHeight="1" x14ac:dyDescent="0.45">
      <c r="A849" s="23">
        <v>843</v>
      </c>
      <c r="B849" s="25"/>
      <c r="C849" s="25"/>
      <c r="D849" s="29"/>
      <c r="E849" s="1"/>
      <c r="F849" s="1"/>
      <c r="G849" s="25"/>
      <c r="H849" s="71"/>
      <c r="I849" s="83"/>
      <c r="J849" s="50" t="str">
        <f t="shared" si="28"/>
        <v/>
      </c>
      <c r="K849" s="23" t="s">
        <v>7120</v>
      </c>
      <c r="L849" s="49" t="e">
        <f>VLOOKUP(E849&amp;F849,団体コード!$A$1:$C$1743,3,FALSE)</f>
        <v>#N/A</v>
      </c>
      <c r="M849" s="49" t="e">
        <f>VLOOKUP(E849&amp;F849,団体コード!$A$1:$C$1743,2,FALSE)</f>
        <v>#N/A</v>
      </c>
      <c r="N849" s="51" t="e">
        <f>VLOOKUP(E849,団体コード!$E$1:$F$48,2,FALSE)</f>
        <v>#N/A</v>
      </c>
      <c r="O849" s="51" t="e">
        <f t="shared" si="29"/>
        <v>#N/A</v>
      </c>
      <c r="P849" s="51">
        <v>1</v>
      </c>
      <c r="Q849" s="51" t="s">
        <v>5341</v>
      </c>
      <c r="R849" s="54" t="b">
        <v>1</v>
      </c>
      <c r="S849" s="52" t="s">
        <v>7126</v>
      </c>
      <c r="T849" s="67" t="s">
        <v>7127</v>
      </c>
      <c r="U849" s="75" t="s">
        <v>5331</v>
      </c>
      <c r="V849" s="47" t="s">
        <v>5331</v>
      </c>
      <c r="W849" s="47" t="s">
        <v>5331</v>
      </c>
      <c r="X849" s="47" t="s">
        <v>5331</v>
      </c>
      <c r="Y849" s="47" t="s">
        <v>5331</v>
      </c>
      <c r="Z849" s="28"/>
      <c r="AA849" s="27"/>
      <c r="AB849" s="27"/>
      <c r="AC849" s="27"/>
      <c r="AD849" s="30"/>
      <c r="AE849" s="1"/>
      <c r="AF849" s="23" t="s">
        <v>5331</v>
      </c>
      <c r="AG849" s="26"/>
      <c r="AH849" s="53"/>
    </row>
    <row r="850" spans="1:34" ht="51.6" customHeight="1" x14ac:dyDescent="0.45">
      <c r="A850" s="23">
        <v>844</v>
      </c>
      <c r="B850" s="25"/>
      <c r="C850" s="25"/>
      <c r="D850" s="29"/>
      <c r="E850" s="1"/>
      <c r="F850" s="1"/>
      <c r="G850" s="25"/>
      <c r="H850" s="71"/>
      <c r="I850" s="83"/>
      <c r="J850" s="50" t="str">
        <f t="shared" si="28"/>
        <v/>
      </c>
      <c r="K850" s="23" t="s">
        <v>7120</v>
      </c>
      <c r="L850" s="49" t="e">
        <f>VLOOKUP(E850&amp;F850,団体コード!$A$1:$C$1743,3,FALSE)</f>
        <v>#N/A</v>
      </c>
      <c r="M850" s="49" t="e">
        <f>VLOOKUP(E850&amp;F850,団体コード!$A$1:$C$1743,2,FALSE)</f>
        <v>#N/A</v>
      </c>
      <c r="N850" s="51" t="e">
        <f>VLOOKUP(E850,団体コード!$E$1:$F$48,2,FALSE)</f>
        <v>#N/A</v>
      </c>
      <c r="O850" s="51" t="e">
        <f t="shared" si="29"/>
        <v>#N/A</v>
      </c>
      <c r="P850" s="51">
        <v>1</v>
      </c>
      <c r="Q850" s="51" t="s">
        <v>5341</v>
      </c>
      <c r="R850" s="54" t="b">
        <v>1</v>
      </c>
      <c r="S850" s="52" t="s">
        <v>7126</v>
      </c>
      <c r="T850" s="67" t="s">
        <v>7127</v>
      </c>
      <c r="U850" s="75" t="s">
        <v>5331</v>
      </c>
      <c r="V850" s="47" t="s">
        <v>5331</v>
      </c>
      <c r="W850" s="47" t="s">
        <v>5331</v>
      </c>
      <c r="X850" s="47" t="s">
        <v>5331</v>
      </c>
      <c r="Y850" s="47" t="s">
        <v>5331</v>
      </c>
      <c r="Z850" s="28"/>
      <c r="AA850" s="27"/>
      <c r="AB850" s="27"/>
      <c r="AC850" s="27"/>
      <c r="AD850" s="30"/>
      <c r="AE850" s="1"/>
      <c r="AF850" s="23" t="s">
        <v>5331</v>
      </c>
      <c r="AG850" s="26"/>
      <c r="AH850" s="53"/>
    </row>
    <row r="851" spans="1:34" ht="51.6" customHeight="1" x14ac:dyDescent="0.45">
      <c r="A851" s="23">
        <v>845</v>
      </c>
      <c r="B851" s="25"/>
      <c r="C851" s="25"/>
      <c r="D851" s="29"/>
      <c r="E851" s="1"/>
      <c r="F851" s="1"/>
      <c r="G851" s="25"/>
      <c r="H851" s="71"/>
      <c r="I851" s="83"/>
      <c r="J851" s="50" t="str">
        <f t="shared" si="28"/>
        <v/>
      </c>
      <c r="K851" s="23" t="s">
        <v>7120</v>
      </c>
      <c r="L851" s="49" t="e">
        <f>VLOOKUP(E851&amp;F851,団体コード!$A$1:$C$1743,3,FALSE)</f>
        <v>#N/A</v>
      </c>
      <c r="M851" s="49" t="e">
        <f>VLOOKUP(E851&amp;F851,団体コード!$A$1:$C$1743,2,FALSE)</f>
        <v>#N/A</v>
      </c>
      <c r="N851" s="51" t="e">
        <f>VLOOKUP(E851,団体コード!$E$1:$F$48,2,FALSE)</f>
        <v>#N/A</v>
      </c>
      <c r="O851" s="51" t="e">
        <f t="shared" si="29"/>
        <v>#N/A</v>
      </c>
      <c r="P851" s="51">
        <v>1</v>
      </c>
      <c r="Q851" s="51" t="s">
        <v>5341</v>
      </c>
      <c r="R851" s="54" t="b">
        <v>1</v>
      </c>
      <c r="S851" s="52" t="s">
        <v>7126</v>
      </c>
      <c r="T851" s="67" t="s">
        <v>7127</v>
      </c>
      <c r="U851" s="75" t="s">
        <v>5331</v>
      </c>
      <c r="V851" s="47" t="s">
        <v>5331</v>
      </c>
      <c r="W851" s="47" t="s">
        <v>5331</v>
      </c>
      <c r="X851" s="47" t="s">
        <v>5331</v>
      </c>
      <c r="Y851" s="47" t="s">
        <v>5331</v>
      </c>
      <c r="Z851" s="28"/>
      <c r="AA851" s="27"/>
      <c r="AB851" s="27"/>
      <c r="AC851" s="27"/>
      <c r="AD851" s="30"/>
      <c r="AE851" s="1"/>
      <c r="AF851" s="23" t="s">
        <v>5331</v>
      </c>
      <c r="AG851" s="26"/>
      <c r="AH851" s="53"/>
    </row>
    <row r="852" spans="1:34" ht="51.6" customHeight="1" x14ac:dyDescent="0.45">
      <c r="A852" s="23">
        <v>846</v>
      </c>
      <c r="B852" s="25"/>
      <c r="C852" s="25"/>
      <c r="D852" s="29"/>
      <c r="E852" s="1"/>
      <c r="F852" s="1"/>
      <c r="G852" s="25"/>
      <c r="H852" s="71"/>
      <c r="I852" s="83"/>
      <c r="J852" s="50" t="str">
        <f t="shared" si="28"/>
        <v/>
      </c>
      <c r="K852" s="23" t="s">
        <v>7120</v>
      </c>
      <c r="L852" s="49" t="e">
        <f>VLOOKUP(E852&amp;F852,団体コード!$A$1:$C$1743,3,FALSE)</f>
        <v>#N/A</v>
      </c>
      <c r="M852" s="49" t="e">
        <f>VLOOKUP(E852&amp;F852,団体コード!$A$1:$C$1743,2,FALSE)</f>
        <v>#N/A</v>
      </c>
      <c r="N852" s="51" t="e">
        <f>VLOOKUP(E852,団体コード!$E$1:$F$48,2,FALSE)</f>
        <v>#N/A</v>
      </c>
      <c r="O852" s="51" t="e">
        <f t="shared" si="29"/>
        <v>#N/A</v>
      </c>
      <c r="P852" s="51">
        <v>1</v>
      </c>
      <c r="Q852" s="51" t="s">
        <v>5341</v>
      </c>
      <c r="R852" s="54" t="b">
        <v>1</v>
      </c>
      <c r="S852" s="52" t="s">
        <v>7126</v>
      </c>
      <c r="T852" s="67" t="s">
        <v>7127</v>
      </c>
      <c r="U852" s="75" t="s">
        <v>5331</v>
      </c>
      <c r="V852" s="47" t="s">
        <v>5331</v>
      </c>
      <c r="W852" s="47" t="s">
        <v>5331</v>
      </c>
      <c r="X852" s="47" t="s">
        <v>5331</v>
      </c>
      <c r="Y852" s="47" t="s">
        <v>5331</v>
      </c>
      <c r="Z852" s="28"/>
      <c r="AA852" s="27"/>
      <c r="AB852" s="27"/>
      <c r="AC852" s="27"/>
      <c r="AD852" s="30"/>
      <c r="AE852" s="1"/>
      <c r="AF852" s="23" t="s">
        <v>5331</v>
      </c>
      <c r="AG852" s="26"/>
      <c r="AH852" s="53"/>
    </row>
    <row r="853" spans="1:34" ht="51.6" customHeight="1" x14ac:dyDescent="0.45">
      <c r="A853" s="23">
        <v>847</v>
      </c>
      <c r="B853" s="25"/>
      <c r="C853" s="25"/>
      <c r="D853" s="29"/>
      <c r="E853" s="1"/>
      <c r="F853" s="1"/>
      <c r="G853" s="25"/>
      <c r="H853" s="71"/>
      <c r="I853" s="83"/>
      <c r="J853" s="50" t="str">
        <f t="shared" si="28"/>
        <v/>
      </c>
      <c r="K853" s="23" t="s">
        <v>7120</v>
      </c>
      <c r="L853" s="49" t="e">
        <f>VLOOKUP(E853&amp;F853,団体コード!$A$1:$C$1743,3,FALSE)</f>
        <v>#N/A</v>
      </c>
      <c r="M853" s="49" t="e">
        <f>VLOOKUP(E853&amp;F853,団体コード!$A$1:$C$1743,2,FALSE)</f>
        <v>#N/A</v>
      </c>
      <c r="N853" s="51" t="e">
        <f>VLOOKUP(E853,団体コード!$E$1:$F$48,2,FALSE)</f>
        <v>#N/A</v>
      </c>
      <c r="O853" s="51" t="e">
        <f t="shared" si="29"/>
        <v>#N/A</v>
      </c>
      <c r="P853" s="51">
        <v>1</v>
      </c>
      <c r="Q853" s="51" t="s">
        <v>5341</v>
      </c>
      <c r="R853" s="54" t="b">
        <v>1</v>
      </c>
      <c r="S853" s="52" t="s">
        <v>7126</v>
      </c>
      <c r="T853" s="67" t="s">
        <v>7127</v>
      </c>
      <c r="U853" s="75" t="s">
        <v>5331</v>
      </c>
      <c r="V853" s="47" t="s">
        <v>5331</v>
      </c>
      <c r="W853" s="47" t="s">
        <v>5331</v>
      </c>
      <c r="X853" s="47" t="s">
        <v>5331</v>
      </c>
      <c r="Y853" s="47" t="s">
        <v>5331</v>
      </c>
      <c r="Z853" s="28"/>
      <c r="AA853" s="27"/>
      <c r="AB853" s="27"/>
      <c r="AC853" s="27"/>
      <c r="AD853" s="30"/>
      <c r="AE853" s="1"/>
      <c r="AF853" s="23" t="s">
        <v>5331</v>
      </c>
      <c r="AG853" s="26"/>
      <c r="AH853" s="53"/>
    </row>
    <row r="854" spans="1:34" ht="51.6" customHeight="1" x14ac:dyDescent="0.45">
      <c r="A854" s="23">
        <v>848</v>
      </c>
      <c r="B854" s="25"/>
      <c r="C854" s="25"/>
      <c r="D854" s="29"/>
      <c r="E854" s="1"/>
      <c r="F854" s="1"/>
      <c r="G854" s="25"/>
      <c r="H854" s="71"/>
      <c r="I854" s="83"/>
      <c r="J854" s="50" t="str">
        <f t="shared" si="28"/>
        <v/>
      </c>
      <c r="K854" s="23" t="s">
        <v>7120</v>
      </c>
      <c r="L854" s="49" t="e">
        <f>VLOOKUP(E854&amp;F854,団体コード!$A$1:$C$1743,3,FALSE)</f>
        <v>#N/A</v>
      </c>
      <c r="M854" s="49" t="e">
        <f>VLOOKUP(E854&amp;F854,団体コード!$A$1:$C$1743,2,FALSE)</f>
        <v>#N/A</v>
      </c>
      <c r="N854" s="51" t="e">
        <f>VLOOKUP(E854,団体コード!$E$1:$F$48,2,FALSE)</f>
        <v>#N/A</v>
      </c>
      <c r="O854" s="51" t="e">
        <f t="shared" si="29"/>
        <v>#N/A</v>
      </c>
      <c r="P854" s="51">
        <v>1</v>
      </c>
      <c r="Q854" s="51" t="s">
        <v>5341</v>
      </c>
      <c r="R854" s="54" t="b">
        <v>1</v>
      </c>
      <c r="S854" s="52" t="s">
        <v>7126</v>
      </c>
      <c r="T854" s="67" t="s">
        <v>7127</v>
      </c>
      <c r="U854" s="75" t="s">
        <v>5331</v>
      </c>
      <c r="V854" s="47" t="s">
        <v>5331</v>
      </c>
      <c r="W854" s="47" t="s">
        <v>5331</v>
      </c>
      <c r="X854" s="47" t="s">
        <v>5331</v>
      </c>
      <c r="Y854" s="47" t="s">
        <v>5331</v>
      </c>
      <c r="Z854" s="28"/>
      <c r="AA854" s="27"/>
      <c r="AB854" s="27"/>
      <c r="AC854" s="27"/>
      <c r="AD854" s="30"/>
      <c r="AE854" s="1"/>
      <c r="AF854" s="23" t="s">
        <v>5331</v>
      </c>
      <c r="AG854" s="26"/>
      <c r="AH854" s="53"/>
    </row>
    <row r="855" spans="1:34" ht="51.6" customHeight="1" x14ac:dyDescent="0.45">
      <c r="A855" s="23">
        <v>849</v>
      </c>
      <c r="B855" s="25"/>
      <c r="C855" s="25"/>
      <c r="D855" s="29"/>
      <c r="E855" s="1"/>
      <c r="F855" s="1"/>
      <c r="G855" s="25"/>
      <c r="H855" s="71"/>
      <c r="I855" s="83"/>
      <c r="J855" s="50" t="str">
        <f t="shared" si="28"/>
        <v/>
      </c>
      <c r="K855" s="23" t="s">
        <v>7120</v>
      </c>
      <c r="L855" s="49" t="e">
        <f>VLOOKUP(E855&amp;F855,団体コード!$A$1:$C$1743,3,FALSE)</f>
        <v>#N/A</v>
      </c>
      <c r="M855" s="49" t="e">
        <f>VLOOKUP(E855&amp;F855,団体コード!$A$1:$C$1743,2,FALSE)</f>
        <v>#N/A</v>
      </c>
      <c r="N855" s="51" t="e">
        <f>VLOOKUP(E855,団体コード!$E$1:$F$48,2,FALSE)</f>
        <v>#N/A</v>
      </c>
      <c r="O855" s="51" t="e">
        <f t="shared" si="29"/>
        <v>#N/A</v>
      </c>
      <c r="P855" s="51">
        <v>1</v>
      </c>
      <c r="Q855" s="51" t="s">
        <v>5341</v>
      </c>
      <c r="R855" s="54" t="b">
        <v>1</v>
      </c>
      <c r="S855" s="52" t="s">
        <v>7126</v>
      </c>
      <c r="T855" s="67" t="s">
        <v>7127</v>
      </c>
      <c r="U855" s="75" t="s">
        <v>5331</v>
      </c>
      <c r="V855" s="47" t="s">
        <v>5331</v>
      </c>
      <c r="W855" s="47" t="s">
        <v>5331</v>
      </c>
      <c r="X855" s="47" t="s">
        <v>5331</v>
      </c>
      <c r="Y855" s="47" t="s">
        <v>5331</v>
      </c>
      <c r="Z855" s="28"/>
      <c r="AA855" s="27"/>
      <c r="AB855" s="27"/>
      <c r="AC855" s="27"/>
      <c r="AD855" s="30"/>
      <c r="AE855" s="1"/>
      <c r="AF855" s="23" t="s">
        <v>5331</v>
      </c>
      <c r="AG855" s="26"/>
      <c r="AH855" s="53"/>
    </row>
    <row r="856" spans="1:34" ht="51.6" customHeight="1" x14ac:dyDescent="0.45">
      <c r="A856" s="23">
        <v>850</v>
      </c>
      <c r="B856" s="25"/>
      <c r="C856" s="25"/>
      <c r="D856" s="29"/>
      <c r="E856" s="1"/>
      <c r="F856" s="1"/>
      <c r="G856" s="25"/>
      <c r="H856" s="71"/>
      <c r="I856" s="83"/>
      <c r="J856" s="50" t="str">
        <f t="shared" si="28"/>
        <v/>
      </c>
      <c r="K856" s="23" t="s">
        <v>7120</v>
      </c>
      <c r="L856" s="49" t="e">
        <f>VLOOKUP(E856&amp;F856,団体コード!$A$1:$C$1743,3,FALSE)</f>
        <v>#N/A</v>
      </c>
      <c r="M856" s="49" t="e">
        <f>VLOOKUP(E856&amp;F856,団体コード!$A$1:$C$1743,2,FALSE)</f>
        <v>#N/A</v>
      </c>
      <c r="N856" s="51" t="e">
        <f>VLOOKUP(E856,団体コード!$E$1:$F$48,2,FALSE)</f>
        <v>#N/A</v>
      </c>
      <c r="O856" s="51" t="e">
        <f t="shared" si="29"/>
        <v>#N/A</v>
      </c>
      <c r="P856" s="51">
        <v>1</v>
      </c>
      <c r="Q856" s="51" t="s">
        <v>5341</v>
      </c>
      <c r="R856" s="54" t="b">
        <v>1</v>
      </c>
      <c r="S856" s="52" t="s">
        <v>7126</v>
      </c>
      <c r="T856" s="67" t="s">
        <v>7127</v>
      </c>
      <c r="U856" s="75" t="s">
        <v>5331</v>
      </c>
      <c r="V856" s="47" t="s">
        <v>5331</v>
      </c>
      <c r="W856" s="47" t="s">
        <v>5331</v>
      </c>
      <c r="X856" s="47" t="s">
        <v>5331</v>
      </c>
      <c r="Y856" s="47" t="s">
        <v>5331</v>
      </c>
      <c r="Z856" s="28"/>
      <c r="AA856" s="27"/>
      <c r="AB856" s="27"/>
      <c r="AC856" s="27"/>
      <c r="AD856" s="30"/>
      <c r="AE856" s="1"/>
      <c r="AF856" s="23" t="s">
        <v>5331</v>
      </c>
      <c r="AG856" s="26"/>
      <c r="AH856" s="53"/>
    </row>
    <row r="857" spans="1:34" ht="51.6" customHeight="1" x14ac:dyDescent="0.45">
      <c r="A857" s="23">
        <v>851</v>
      </c>
      <c r="B857" s="25"/>
      <c r="C857" s="25"/>
      <c r="D857" s="29"/>
      <c r="E857" s="1"/>
      <c r="F857" s="1"/>
      <c r="G857" s="25"/>
      <c r="H857" s="71"/>
      <c r="I857" s="83"/>
      <c r="J857" s="50" t="str">
        <f t="shared" si="28"/>
        <v/>
      </c>
      <c r="K857" s="23" t="s">
        <v>7120</v>
      </c>
      <c r="L857" s="49" t="e">
        <f>VLOOKUP(E857&amp;F857,団体コード!$A$1:$C$1743,3,FALSE)</f>
        <v>#N/A</v>
      </c>
      <c r="M857" s="49" t="e">
        <f>VLOOKUP(E857&amp;F857,団体コード!$A$1:$C$1743,2,FALSE)</f>
        <v>#N/A</v>
      </c>
      <c r="N857" s="51" t="e">
        <f>VLOOKUP(E857,団体コード!$E$1:$F$48,2,FALSE)</f>
        <v>#N/A</v>
      </c>
      <c r="O857" s="51" t="e">
        <f t="shared" si="29"/>
        <v>#N/A</v>
      </c>
      <c r="P857" s="51">
        <v>1</v>
      </c>
      <c r="Q857" s="51" t="s">
        <v>5341</v>
      </c>
      <c r="R857" s="54" t="b">
        <v>1</v>
      </c>
      <c r="S857" s="52" t="s">
        <v>7126</v>
      </c>
      <c r="T857" s="67" t="s">
        <v>7127</v>
      </c>
      <c r="U857" s="75" t="s">
        <v>5331</v>
      </c>
      <c r="V857" s="47" t="s">
        <v>5331</v>
      </c>
      <c r="W857" s="47" t="s">
        <v>5331</v>
      </c>
      <c r="X857" s="47" t="s">
        <v>5331</v>
      </c>
      <c r="Y857" s="47" t="s">
        <v>5331</v>
      </c>
      <c r="Z857" s="28"/>
      <c r="AA857" s="27"/>
      <c r="AB857" s="27"/>
      <c r="AC857" s="27"/>
      <c r="AD857" s="30"/>
      <c r="AE857" s="1"/>
      <c r="AF857" s="23" t="s">
        <v>5331</v>
      </c>
      <c r="AG857" s="26"/>
      <c r="AH857" s="53"/>
    </row>
    <row r="858" spans="1:34" ht="51.6" customHeight="1" x14ac:dyDescent="0.45">
      <c r="A858" s="23">
        <v>852</v>
      </c>
      <c r="B858" s="25"/>
      <c r="C858" s="25"/>
      <c r="D858" s="29"/>
      <c r="E858" s="1"/>
      <c r="F858" s="1"/>
      <c r="G858" s="25"/>
      <c r="H858" s="71"/>
      <c r="I858" s="83"/>
      <c r="J858" s="50" t="str">
        <f t="shared" si="28"/>
        <v/>
      </c>
      <c r="K858" s="23" t="s">
        <v>7120</v>
      </c>
      <c r="L858" s="49" t="e">
        <f>VLOOKUP(E858&amp;F858,団体コード!$A$1:$C$1743,3,FALSE)</f>
        <v>#N/A</v>
      </c>
      <c r="M858" s="49" t="e">
        <f>VLOOKUP(E858&amp;F858,団体コード!$A$1:$C$1743,2,FALSE)</f>
        <v>#N/A</v>
      </c>
      <c r="N858" s="51" t="e">
        <f>VLOOKUP(E858,団体コード!$E$1:$F$48,2,FALSE)</f>
        <v>#N/A</v>
      </c>
      <c r="O858" s="51" t="e">
        <f t="shared" si="29"/>
        <v>#N/A</v>
      </c>
      <c r="P858" s="51">
        <v>1</v>
      </c>
      <c r="Q858" s="51" t="s">
        <v>5341</v>
      </c>
      <c r="R858" s="54" t="b">
        <v>1</v>
      </c>
      <c r="S858" s="52" t="s">
        <v>7126</v>
      </c>
      <c r="T858" s="67" t="s">
        <v>7127</v>
      </c>
      <c r="U858" s="75" t="s">
        <v>5331</v>
      </c>
      <c r="V858" s="47" t="s">
        <v>5331</v>
      </c>
      <c r="W858" s="47" t="s">
        <v>5331</v>
      </c>
      <c r="X858" s="47" t="s">
        <v>5331</v>
      </c>
      <c r="Y858" s="47" t="s">
        <v>5331</v>
      </c>
      <c r="Z858" s="28"/>
      <c r="AA858" s="27"/>
      <c r="AB858" s="27"/>
      <c r="AC858" s="27"/>
      <c r="AD858" s="30"/>
      <c r="AE858" s="1"/>
      <c r="AF858" s="23" t="s">
        <v>5331</v>
      </c>
      <c r="AG858" s="26"/>
      <c r="AH858" s="53"/>
    </row>
    <row r="859" spans="1:34" ht="51.6" customHeight="1" x14ac:dyDescent="0.45">
      <c r="A859" s="23">
        <v>853</v>
      </c>
      <c r="B859" s="25"/>
      <c r="C859" s="25"/>
      <c r="D859" s="29"/>
      <c r="E859" s="1"/>
      <c r="F859" s="1"/>
      <c r="G859" s="25"/>
      <c r="H859" s="71"/>
      <c r="I859" s="83"/>
      <c r="J859" s="50" t="str">
        <f t="shared" si="28"/>
        <v/>
      </c>
      <c r="K859" s="23" t="s">
        <v>7120</v>
      </c>
      <c r="L859" s="49" t="e">
        <f>VLOOKUP(E859&amp;F859,団体コード!$A$1:$C$1743,3,FALSE)</f>
        <v>#N/A</v>
      </c>
      <c r="M859" s="49" t="e">
        <f>VLOOKUP(E859&amp;F859,団体コード!$A$1:$C$1743,2,FALSE)</f>
        <v>#N/A</v>
      </c>
      <c r="N859" s="51" t="e">
        <f>VLOOKUP(E859,団体コード!$E$1:$F$48,2,FALSE)</f>
        <v>#N/A</v>
      </c>
      <c r="O859" s="51" t="e">
        <f t="shared" si="29"/>
        <v>#N/A</v>
      </c>
      <c r="P859" s="51">
        <v>1</v>
      </c>
      <c r="Q859" s="51" t="s">
        <v>5341</v>
      </c>
      <c r="R859" s="54" t="b">
        <v>1</v>
      </c>
      <c r="S859" s="52" t="s">
        <v>7126</v>
      </c>
      <c r="T859" s="67" t="s">
        <v>7127</v>
      </c>
      <c r="U859" s="75" t="s">
        <v>5331</v>
      </c>
      <c r="V859" s="47" t="s">
        <v>5331</v>
      </c>
      <c r="W859" s="47" t="s">
        <v>5331</v>
      </c>
      <c r="X859" s="47" t="s">
        <v>5331</v>
      </c>
      <c r="Y859" s="47" t="s">
        <v>5331</v>
      </c>
      <c r="Z859" s="28"/>
      <c r="AA859" s="27"/>
      <c r="AB859" s="27"/>
      <c r="AC859" s="27"/>
      <c r="AD859" s="30"/>
      <c r="AE859" s="1"/>
      <c r="AF859" s="23" t="s">
        <v>5331</v>
      </c>
      <c r="AG859" s="26"/>
      <c r="AH859" s="53"/>
    </row>
    <row r="860" spans="1:34" ht="51.6" customHeight="1" x14ac:dyDescent="0.45">
      <c r="A860" s="23">
        <v>854</v>
      </c>
      <c r="B860" s="25"/>
      <c r="C860" s="25"/>
      <c r="D860" s="29"/>
      <c r="E860" s="1"/>
      <c r="F860" s="1"/>
      <c r="G860" s="25"/>
      <c r="H860" s="71"/>
      <c r="I860" s="83"/>
      <c r="J860" s="50" t="str">
        <f t="shared" si="28"/>
        <v/>
      </c>
      <c r="K860" s="23" t="s">
        <v>7120</v>
      </c>
      <c r="L860" s="49" t="e">
        <f>VLOOKUP(E860&amp;F860,団体コード!$A$1:$C$1743,3,FALSE)</f>
        <v>#N/A</v>
      </c>
      <c r="M860" s="49" t="e">
        <f>VLOOKUP(E860&amp;F860,団体コード!$A$1:$C$1743,2,FALSE)</f>
        <v>#N/A</v>
      </c>
      <c r="N860" s="51" t="e">
        <f>VLOOKUP(E860,団体コード!$E$1:$F$48,2,FALSE)</f>
        <v>#N/A</v>
      </c>
      <c r="O860" s="51" t="e">
        <f t="shared" si="29"/>
        <v>#N/A</v>
      </c>
      <c r="P860" s="51">
        <v>1</v>
      </c>
      <c r="Q860" s="51" t="s">
        <v>5341</v>
      </c>
      <c r="R860" s="54" t="b">
        <v>1</v>
      </c>
      <c r="S860" s="52" t="s">
        <v>7126</v>
      </c>
      <c r="T860" s="67" t="s">
        <v>7127</v>
      </c>
      <c r="U860" s="75" t="s">
        <v>5331</v>
      </c>
      <c r="V860" s="47" t="s">
        <v>5331</v>
      </c>
      <c r="W860" s="47" t="s">
        <v>5331</v>
      </c>
      <c r="X860" s="47" t="s">
        <v>5331</v>
      </c>
      <c r="Y860" s="47" t="s">
        <v>5331</v>
      </c>
      <c r="Z860" s="28"/>
      <c r="AA860" s="27"/>
      <c r="AB860" s="27"/>
      <c r="AC860" s="27"/>
      <c r="AD860" s="30"/>
      <c r="AE860" s="1"/>
      <c r="AF860" s="23" t="s">
        <v>5331</v>
      </c>
      <c r="AG860" s="26"/>
      <c r="AH860" s="53"/>
    </row>
    <row r="861" spans="1:34" ht="51.6" customHeight="1" x14ac:dyDescent="0.45">
      <c r="A861" s="23">
        <v>855</v>
      </c>
      <c r="B861" s="25"/>
      <c r="C861" s="25"/>
      <c r="D861" s="29"/>
      <c r="E861" s="1"/>
      <c r="F861" s="1"/>
      <c r="G861" s="25"/>
      <c r="H861" s="71"/>
      <c r="I861" s="83"/>
      <c r="J861" s="50" t="str">
        <f t="shared" si="28"/>
        <v/>
      </c>
      <c r="K861" s="23" t="s">
        <v>7120</v>
      </c>
      <c r="L861" s="49" t="e">
        <f>VLOOKUP(E861&amp;F861,団体コード!$A$1:$C$1743,3,FALSE)</f>
        <v>#N/A</v>
      </c>
      <c r="M861" s="49" t="e">
        <f>VLOOKUP(E861&amp;F861,団体コード!$A$1:$C$1743,2,FALSE)</f>
        <v>#N/A</v>
      </c>
      <c r="N861" s="51" t="e">
        <f>VLOOKUP(E861,団体コード!$E$1:$F$48,2,FALSE)</f>
        <v>#N/A</v>
      </c>
      <c r="O861" s="51" t="e">
        <f t="shared" si="29"/>
        <v>#N/A</v>
      </c>
      <c r="P861" s="51">
        <v>1</v>
      </c>
      <c r="Q861" s="51" t="s">
        <v>5341</v>
      </c>
      <c r="R861" s="54" t="b">
        <v>1</v>
      </c>
      <c r="S861" s="52" t="s">
        <v>7126</v>
      </c>
      <c r="T861" s="67" t="s">
        <v>7127</v>
      </c>
      <c r="U861" s="75" t="s">
        <v>5331</v>
      </c>
      <c r="V861" s="47" t="s">
        <v>5331</v>
      </c>
      <c r="W861" s="47" t="s">
        <v>5331</v>
      </c>
      <c r="X861" s="47" t="s">
        <v>5331</v>
      </c>
      <c r="Y861" s="47" t="s">
        <v>5331</v>
      </c>
      <c r="Z861" s="28"/>
      <c r="AA861" s="27"/>
      <c r="AB861" s="27"/>
      <c r="AC861" s="27"/>
      <c r="AD861" s="30"/>
      <c r="AE861" s="1"/>
      <c r="AF861" s="23" t="s">
        <v>5331</v>
      </c>
      <c r="AG861" s="26"/>
      <c r="AH861" s="53"/>
    </row>
    <row r="862" spans="1:34" ht="51.6" customHeight="1" x14ac:dyDescent="0.45">
      <c r="A862" s="23">
        <v>856</v>
      </c>
      <c r="B862" s="25"/>
      <c r="C862" s="25"/>
      <c r="D862" s="29"/>
      <c r="E862" s="1"/>
      <c r="F862" s="1"/>
      <c r="G862" s="25"/>
      <c r="H862" s="71"/>
      <c r="I862" s="83"/>
      <c r="J862" s="50" t="str">
        <f t="shared" si="28"/>
        <v/>
      </c>
      <c r="K862" s="23" t="s">
        <v>7120</v>
      </c>
      <c r="L862" s="49" t="e">
        <f>VLOOKUP(E862&amp;F862,団体コード!$A$1:$C$1743,3,FALSE)</f>
        <v>#N/A</v>
      </c>
      <c r="M862" s="49" t="e">
        <f>VLOOKUP(E862&amp;F862,団体コード!$A$1:$C$1743,2,FALSE)</f>
        <v>#N/A</v>
      </c>
      <c r="N862" s="51" t="e">
        <f>VLOOKUP(E862,団体コード!$E$1:$F$48,2,FALSE)</f>
        <v>#N/A</v>
      </c>
      <c r="O862" s="51" t="e">
        <f t="shared" si="29"/>
        <v>#N/A</v>
      </c>
      <c r="P862" s="51">
        <v>1</v>
      </c>
      <c r="Q862" s="51" t="s">
        <v>5341</v>
      </c>
      <c r="R862" s="54" t="b">
        <v>1</v>
      </c>
      <c r="S862" s="52" t="s">
        <v>7126</v>
      </c>
      <c r="T862" s="67" t="s">
        <v>7127</v>
      </c>
      <c r="U862" s="75" t="s">
        <v>5331</v>
      </c>
      <c r="V862" s="47" t="s">
        <v>5331</v>
      </c>
      <c r="W862" s="47" t="s">
        <v>5331</v>
      </c>
      <c r="X862" s="47" t="s">
        <v>5331</v>
      </c>
      <c r="Y862" s="47" t="s">
        <v>5331</v>
      </c>
      <c r="Z862" s="28"/>
      <c r="AA862" s="27"/>
      <c r="AB862" s="27"/>
      <c r="AC862" s="27"/>
      <c r="AD862" s="30"/>
      <c r="AE862" s="1"/>
      <c r="AF862" s="23" t="s">
        <v>5331</v>
      </c>
      <c r="AG862" s="26"/>
      <c r="AH862" s="53"/>
    </row>
    <row r="863" spans="1:34" ht="51.6" customHeight="1" x14ac:dyDescent="0.45">
      <c r="A863" s="23">
        <v>857</v>
      </c>
      <c r="B863" s="25"/>
      <c r="C863" s="25"/>
      <c r="D863" s="29"/>
      <c r="E863" s="1"/>
      <c r="F863" s="1"/>
      <c r="G863" s="25"/>
      <c r="H863" s="71"/>
      <c r="I863" s="83"/>
      <c r="J863" s="50" t="str">
        <f t="shared" si="28"/>
        <v/>
      </c>
      <c r="K863" s="23" t="s">
        <v>7120</v>
      </c>
      <c r="L863" s="49" t="e">
        <f>VLOOKUP(E863&amp;F863,団体コード!$A$1:$C$1743,3,FALSE)</f>
        <v>#N/A</v>
      </c>
      <c r="M863" s="49" t="e">
        <f>VLOOKUP(E863&amp;F863,団体コード!$A$1:$C$1743,2,FALSE)</f>
        <v>#N/A</v>
      </c>
      <c r="N863" s="51" t="e">
        <f>VLOOKUP(E863,団体コード!$E$1:$F$48,2,FALSE)</f>
        <v>#N/A</v>
      </c>
      <c r="O863" s="51" t="e">
        <f t="shared" si="29"/>
        <v>#N/A</v>
      </c>
      <c r="P863" s="51">
        <v>1</v>
      </c>
      <c r="Q863" s="51" t="s">
        <v>5341</v>
      </c>
      <c r="R863" s="54" t="b">
        <v>1</v>
      </c>
      <c r="S863" s="52" t="s">
        <v>7126</v>
      </c>
      <c r="T863" s="67" t="s">
        <v>7127</v>
      </c>
      <c r="U863" s="75" t="s">
        <v>5331</v>
      </c>
      <c r="V863" s="47" t="s">
        <v>5331</v>
      </c>
      <c r="W863" s="47" t="s">
        <v>5331</v>
      </c>
      <c r="X863" s="47" t="s">
        <v>5331</v>
      </c>
      <c r="Y863" s="47" t="s">
        <v>5331</v>
      </c>
      <c r="Z863" s="28"/>
      <c r="AA863" s="27"/>
      <c r="AB863" s="27"/>
      <c r="AC863" s="27"/>
      <c r="AD863" s="30"/>
      <c r="AE863" s="1"/>
      <c r="AF863" s="23" t="s">
        <v>5331</v>
      </c>
      <c r="AG863" s="26"/>
      <c r="AH863" s="53"/>
    </row>
    <row r="864" spans="1:34" ht="51.6" customHeight="1" x14ac:dyDescent="0.45">
      <c r="A864" s="23">
        <v>858</v>
      </c>
      <c r="B864" s="25"/>
      <c r="C864" s="25"/>
      <c r="D864" s="29"/>
      <c r="E864" s="1"/>
      <c r="F864" s="1"/>
      <c r="G864" s="25"/>
      <c r="H864" s="71"/>
      <c r="I864" s="83"/>
      <c r="J864" s="50" t="str">
        <f t="shared" si="28"/>
        <v/>
      </c>
      <c r="K864" s="23" t="s">
        <v>7120</v>
      </c>
      <c r="L864" s="49" t="e">
        <f>VLOOKUP(E864&amp;F864,団体コード!$A$1:$C$1743,3,FALSE)</f>
        <v>#N/A</v>
      </c>
      <c r="M864" s="49" t="e">
        <f>VLOOKUP(E864&amp;F864,団体コード!$A$1:$C$1743,2,FALSE)</f>
        <v>#N/A</v>
      </c>
      <c r="N864" s="51" t="e">
        <f>VLOOKUP(E864,団体コード!$E$1:$F$48,2,FALSE)</f>
        <v>#N/A</v>
      </c>
      <c r="O864" s="51" t="e">
        <f t="shared" si="29"/>
        <v>#N/A</v>
      </c>
      <c r="P864" s="51">
        <v>1</v>
      </c>
      <c r="Q864" s="51" t="s">
        <v>5341</v>
      </c>
      <c r="R864" s="54" t="b">
        <v>1</v>
      </c>
      <c r="S864" s="52" t="s">
        <v>7126</v>
      </c>
      <c r="T864" s="67" t="s">
        <v>7127</v>
      </c>
      <c r="U864" s="75" t="s">
        <v>5331</v>
      </c>
      <c r="V864" s="47" t="s">
        <v>5331</v>
      </c>
      <c r="W864" s="47" t="s">
        <v>5331</v>
      </c>
      <c r="X864" s="47" t="s">
        <v>5331</v>
      </c>
      <c r="Y864" s="47" t="s">
        <v>5331</v>
      </c>
      <c r="Z864" s="28"/>
      <c r="AA864" s="27"/>
      <c r="AB864" s="27"/>
      <c r="AC864" s="27"/>
      <c r="AD864" s="30"/>
      <c r="AE864" s="1"/>
      <c r="AF864" s="23" t="s">
        <v>5331</v>
      </c>
      <c r="AG864" s="26"/>
      <c r="AH864" s="53"/>
    </row>
    <row r="865" spans="1:34" ht="51.6" customHeight="1" x14ac:dyDescent="0.45">
      <c r="A865" s="23">
        <v>859</v>
      </c>
      <c r="B865" s="25"/>
      <c r="C865" s="25"/>
      <c r="D865" s="29"/>
      <c r="E865" s="1"/>
      <c r="F865" s="1"/>
      <c r="G865" s="25"/>
      <c r="H865" s="71"/>
      <c r="I865" s="83"/>
      <c r="J865" s="50" t="str">
        <f t="shared" si="28"/>
        <v/>
      </c>
      <c r="K865" s="23" t="s">
        <v>7120</v>
      </c>
      <c r="L865" s="49" t="e">
        <f>VLOOKUP(E865&amp;F865,団体コード!$A$1:$C$1743,3,FALSE)</f>
        <v>#N/A</v>
      </c>
      <c r="M865" s="49" t="e">
        <f>VLOOKUP(E865&amp;F865,団体コード!$A$1:$C$1743,2,FALSE)</f>
        <v>#N/A</v>
      </c>
      <c r="N865" s="51" t="e">
        <f>VLOOKUP(E865,団体コード!$E$1:$F$48,2,FALSE)</f>
        <v>#N/A</v>
      </c>
      <c r="O865" s="51" t="e">
        <f t="shared" si="29"/>
        <v>#N/A</v>
      </c>
      <c r="P865" s="51">
        <v>1</v>
      </c>
      <c r="Q865" s="51" t="s">
        <v>5341</v>
      </c>
      <c r="R865" s="54" t="b">
        <v>1</v>
      </c>
      <c r="S865" s="52" t="s">
        <v>7126</v>
      </c>
      <c r="T865" s="67" t="s">
        <v>7127</v>
      </c>
      <c r="U865" s="75" t="s">
        <v>5331</v>
      </c>
      <c r="V865" s="47" t="s">
        <v>5331</v>
      </c>
      <c r="W865" s="47" t="s">
        <v>5331</v>
      </c>
      <c r="X865" s="47" t="s">
        <v>5331</v>
      </c>
      <c r="Y865" s="47" t="s">
        <v>5331</v>
      </c>
      <c r="Z865" s="28"/>
      <c r="AA865" s="27"/>
      <c r="AB865" s="27"/>
      <c r="AC865" s="27"/>
      <c r="AD865" s="30"/>
      <c r="AE865" s="1"/>
      <c r="AF865" s="23" t="s">
        <v>5331</v>
      </c>
      <c r="AG865" s="26"/>
      <c r="AH865" s="53"/>
    </row>
    <row r="866" spans="1:34" ht="51.6" customHeight="1" x14ac:dyDescent="0.45">
      <c r="A866" s="23">
        <v>860</v>
      </c>
      <c r="B866" s="25"/>
      <c r="C866" s="25"/>
      <c r="D866" s="29"/>
      <c r="E866" s="1"/>
      <c r="F866" s="1"/>
      <c r="G866" s="25"/>
      <c r="H866" s="71"/>
      <c r="I866" s="83"/>
      <c r="J866" s="50" t="str">
        <f t="shared" si="28"/>
        <v/>
      </c>
      <c r="K866" s="23" t="s">
        <v>7120</v>
      </c>
      <c r="L866" s="49" t="e">
        <f>VLOOKUP(E866&amp;F866,団体コード!$A$1:$C$1743,3,FALSE)</f>
        <v>#N/A</v>
      </c>
      <c r="M866" s="49" t="e">
        <f>VLOOKUP(E866&amp;F866,団体コード!$A$1:$C$1743,2,FALSE)</f>
        <v>#N/A</v>
      </c>
      <c r="N866" s="51" t="e">
        <f>VLOOKUP(E866,団体コード!$E$1:$F$48,2,FALSE)</f>
        <v>#N/A</v>
      </c>
      <c r="O866" s="51" t="e">
        <f t="shared" si="29"/>
        <v>#N/A</v>
      </c>
      <c r="P866" s="51">
        <v>1</v>
      </c>
      <c r="Q866" s="51" t="s">
        <v>5341</v>
      </c>
      <c r="R866" s="54" t="b">
        <v>1</v>
      </c>
      <c r="S866" s="52" t="s">
        <v>7126</v>
      </c>
      <c r="T866" s="67" t="s">
        <v>7127</v>
      </c>
      <c r="U866" s="75" t="s">
        <v>5331</v>
      </c>
      <c r="V866" s="47" t="s">
        <v>5331</v>
      </c>
      <c r="W866" s="47" t="s">
        <v>5331</v>
      </c>
      <c r="X866" s="47" t="s">
        <v>5331</v>
      </c>
      <c r="Y866" s="47" t="s">
        <v>5331</v>
      </c>
      <c r="Z866" s="28"/>
      <c r="AA866" s="27"/>
      <c r="AB866" s="27"/>
      <c r="AC866" s="27"/>
      <c r="AD866" s="30"/>
      <c r="AE866" s="1"/>
      <c r="AF866" s="23" t="s">
        <v>5331</v>
      </c>
      <c r="AG866" s="26"/>
      <c r="AH866" s="53"/>
    </row>
    <row r="867" spans="1:34" ht="51.6" customHeight="1" x14ac:dyDescent="0.45">
      <c r="A867" s="23">
        <v>861</v>
      </c>
      <c r="B867" s="25"/>
      <c r="C867" s="25"/>
      <c r="D867" s="29"/>
      <c r="E867" s="1"/>
      <c r="F867" s="1"/>
      <c r="G867" s="25"/>
      <c r="H867" s="71"/>
      <c r="I867" s="83"/>
      <c r="J867" s="50" t="str">
        <f t="shared" si="28"/>
        <v/>
      </c>
      <c r="K867" s="23" t="s">
        <v>7120</v>
      </c>
      <c r="L867" s="49" t="e">
        <f>VLOOKUP(E867&amp;F867,団体コード!$A$1:$C$1743,3,FALSE)</f>
        <v>#N/A</v>
      </c>
      <c r="M867" s="49" t="e">
        <f>VLOOKUP(E867&amp;F867,団体コード!$A$1:$C$1743,2,FALSE)</f>
        <v>#N/A</v>
      </c>
      <c r="N867" s="51" t="e">
        <f>VLOOKUP(E867,団体コード!$E$1:$F$48,2,FALSE)</f>
        <v>#N/A</v>
      </c>
      <c r="O867" s="51" t="e">
        <f t="shared" si="29"/>
        <v>#N/A</v>
      </c>
      <c r="P867" s="51">
        <v>1</v>
      </c>
      <c r="Q867" s="51" t="s">
        <v>5341</v>
      </c>
      <c r="R867" s="54" t="b">
        <v>1</v>
      </c>
      <c r="S867" s="52" t="s">
        <v>7126</v>
      </c>
      <c r="T867" s="67" t="s">
        <v>7127</v>
      </c>
      <c r="U867" s="75" t="s">
        <v>5331</v>
      </c>
      <c r="V867" s="47" t="s">
        <v>5331</v>
      </c>
      <c r="W867" s="47" t="s">
        <v>5331</v>
      </c>
      <c r="X867" s="47" t="s">
        <v>5331</v>
      </c>
      <c r="Y867" s="47" t="s">
        <v>5331</v>
      </c>
      <c r="Z867" s="28"/>
      <c r="AA867" s="27"/>
      <c r="AB867" s="27"/>
      <c r="AC867" s="27"/>
      <c r="AD867" s="30"/>
      <c r="AE867" s="1"/>
      <c r="AF867" s="23" t="s">
        <v>5331</v>
      </c>
      <c r="AG867" s="26"/>
      <c r="AH867" s="53"/>
    </row>
    <row r="868" spans="1:34" ht="51.6" customHeight="1" x14ac:dyDescent="0.45">
      <c r="A868" s="23">
        <v>862</v>
      </c>
      <c r="B868" s="25"/>
      <c r="C868" s="25"/>
      <c r="D868" s="29"/>
      <c r="E868" s="1"/>
      <c r="F868" s="1"/>
      <c r="G868" s="25"/>
      <c r="H868" s="71"/>
      <c r="I868" s="83"/>
      <c r="J868" s="50" t="str">
        <f t="shared" si="28"/>
        <v/>
      </c>
      <c r="K868" s="23" t="s">
        <v>7120</v>
      </c>
      <c r="L868" s="49" t="e">
        <f>VLOOKUP(E868&amp;F868,団体コード!$A$1:$C$1743,3,FALSE)</f>
        <v>#N/A</v>
      </c>
      <c r="M868" s="49" t="e">
        <f>VLOOKUP(E868&amp;F868,団体コード!$A$1:$C$1743,2,FALSE)</f>
        <v>#N/A</v>
      </c>
      <c r="N868" s="51" t="e">
        <f>VLOOKUP(E868,団体コード!$E$1:$F$48,2,FALSE)</f>
        <v>#N/A</v>
      </c>
      <c r="O868" s="51" t="e">
        <f t="shared" si="29"/>
        <v>#N/A</v>
      </c>
      <c r="P868" s="51">
        <v>1</v>
      </c>
      <c r="Q868" s="51" t="s">
        <v>5341</v>
      </c>
      <c r="R868" s="54" t="b">
        <v>1</v>
      </c>
      <c r="S868" s="52" t="s">
        <v>7126</v>
      </c>
      <c r="T868" s="67" t="s">
        <v>7127</v>
      </c>
      <c r="U868" s="75" t="s">
        <v>5331</v>
      </c>
      <c r="V868" s="47" t="s">
        <v>5331</v>
      </c>
      <c r="W868" s="47" t="s">
        <v>5331</v>
      </c>
      <c r="X868" s="47" t="s">
        <v>5331</v>
      </c>
      <c r="Y868" s="47" t="s">
        <v>5331</v>
      </c>
      <c r="Z868" s="28"/>
      <c r="AA868" s="27"/>
      <c r="AB868" s="27"/>
      <c r="AC868" s="27"/>
      <c r="AD868" s="30"/>
      <c r="AE868" s="1"/>
      <c r="AF868" s="23" t="s">
        <v>5331</v>
      </c>
      <c r="AG868" s="26"/>
      <c r="AH868" s="53"/>
    </row>
    <row r="869" spans="1:34" ht="51.6" customHeight="1" x14ac:dyDescent="0.45">
      <c r="A869" s="23">
        <v>863</v>
      </c>
      <c r="B869" s="25"/>
      <c r="C869" s="25"/>
      <c r="D869" s="29"/>
      <c r="E869" s="1"/>
      <c r="F869" s="1"/>
      <c r="G869" s="25"/>
      <c r="H869" s="71"/>
      <c r="I869" s="83"/>
      <c r="J869" s="50" t="str">
        <f t="shared" si="28"/>
        <v/>
      </c>
      <c r="K869" s="23" t="s">
        <v>7120</v>
      </c>
      <c r="L869" s="49" t="e">
        <f>VLOOKUP(E869&amp;F869,団体コード!$A$1:$C$1743,3,FALSE)</f>
        <v>#N/A</v>
      </c>
      <c r="M869" s="49" t="e">
        <f>VLOOKUP(E869&amp;F869,団体コード!$A$1:$C$1743,2,FALSE)</f>
        <v>#N/A</v>
      </c>
      <c r="N869" s="51" t="e">
        <f>VLOOKUP(E869,団体コード!$E$1:$F$48,2,FALSE)</f>
        <v>#N/A</v>
      </c>
      <c r="O869" s="51" t="e">
        <f t="shared" si="29"/>
        <v>#N/A</v>
      </c>
      <c r="P869" s="51">
        <v>1</v>
      </c>
      <c r="Q869" s="51" t="s">
        <v>5341</v>
      </c>
      <c r="R869" s="54" t="b">
        <v>1</v>
      </c>
      <c r="S869" s="52" t="s">
        <v>7126</v>
      </c>
      <c r="T869" s="67" t="s">
        <v>7127</v>
      </c>
      <c r="U869" s="75" t="s">
        <v>5331</v>
      </c>
      <c r="V869" s="47" t="s">
        <v>5331</v>
      </c>
      <c r="W869" s="47" t="s">
        <v>5331</v>
      </c>
      <c r="X869" s="47" t="s">
        <v>5331</v>
      </c>
      <c r="Y869" s="47" t="s">
        <v>5331</v>
      </c>
      <c r="Z869" s="28"/>
      <c r="AA869" s="27"/>
      <c r="AB869" s="27"/>
      <c r="AC869" s="27"/>
      <c r="AD869" s="30"/>
      <c r="AE869" s="1"/>
      <c r="AF869" s="23" t="s">
        <v>5331</v>
      </c>
      <c r="AG869" s="26"/>
      <c r="AH869" s="53"/>
    </row>
    <row r="870" spans="1:34" ht="51.6" customHeight="1" x14ac:dyDescent="0.45">
      <c r="A870" s="23">
        <v>864</v>
      </c>
      <c r="B870" s="25"/>
      <c r="C870" s="25"/>
      <c r="D870" s="29"/>
      <c r="E870" s="1"/>
      <c r="F870" s="1"/>
      <c r="G870" s="25"/>
      <c r="H870" s="71"/>
      <c r="I870" s="83"/>
      <c r="J870" s="50" t="str">
        <f t="shared" si="28"/>
        <v/>
      </c>
      <c r="K870" s="23" t="s">
        <v>7120</v>
      </c>
      <c r="L870" s="49" t="e">
        <f>VLOOKUP(E870&amp;F870,団体コード!$A$1:$C$1743,3,FALSE)</f>
        <v>#N/A</v>
      </c>
      <c r="M870" s="49" t="e">
        <f>VLOOKUP(E870&amp;F870,団体コード!$A$1:$C$1743,2,FALSE)</f>
        <v>#N/A</v>
      </c>
      <c r="N870" s="51" t="e">
        <f>VLOOKUP(E870,団体コード!$E$1:$F$48,2,FALSE)</f>
        <v>#N/A</v>
      </c>
      <c r="O870" s="51" t="e">
        <f t="shared" si="29"/>
        <v>#N/A</v>
      </c>
      <c r="P870" s="51">
        <v>1</v>
      </c>
      <c r="Q870" s="51" t="s">
        <v>5341</v>
      </c>
      <c r="R870" s="54" t="b">
        <v>1</v>
      </c>
      <c r="S870" s="52" t="s">
        <v>7126</v>
      </c>
      <c r="T870" s="67" t="s">
        <v>7127</v>
      </c>
      <c r="U870" s="75" t="s">
        <v>5331</v>
      </c>
      <c r="V870" s="47" t="s">
        <v>5331</v>
      </c>
      <c r="W870" s="47" t="s">
        <v>5331</v>
      </c>
      <c r="X870" s="47" t="s">
        <v>5331</v>
      </c>
      <c r="Y870" s="47" t="s">
        <v>5331</v>
      </c>
      <c r="Z870" s="28"/>
      <c r="AA870" s="27"/>
      <c r="AB870" s="27"/>
      <c r="AC870" s="27"/>
      <c r="AD870" s="30"/>
      <c r="AE870" s="1"/>
      <c r="AF870" s="23" t="s">
        <v>5331</v>
      </c>
      <c r="AG870" s="26"/>
      <c r="AH870" s="53"/>
    </row>
    <row r="871" spans="1:34" ht="51.6" customHeight="1" x14ac:dyDescent="0.45">
      <c r="A871" s="23">
        <v>865</v>
      </c>
      <c r="B871" s="25"/>
      <c r="C871" s="25"/>
      <c r="D871" s="29"/>
      <c r="E871" s="1"/>
      <c r="F871" s="1"/>
      <c r="G871" s="25"/>
      <c r="H871" s="71"/>
      <c r="I871" s="83"/>
      <c r="J871" s="50" t="str">
        <f t="shared" si="28"/>
        <v/>
      </c>
      <c r="K871" s="23" t="s">
        <v>7120</v>
      </c>
      <c r="L871" s="49" t="e">
        <f>VLOOKUP(E871&amp;F871,団体コード!$A$1:$C$1743,3,FALSE)</f>
        <v>#N/A</v>
      </c>
      <c r="M871" s="49" t="e">
        <f>VLOOKUP(E871&amp;F871,団体コード!$A$1:$C$1743,2,FALSE)</f>
        <v>#N/A</v>
      </c>
      <c r="N871" s="51" t="e">
        <f>VLOOKUP(E871,団体コード!$E$1:$F$48,2,FALSE)</f>
        <v>#N/A</v>
      </c>
      <c r="O871" s="51" t="e">
        <f t="shared" si="29"/>
        <v>#N/A</v>
      </c>
      <c r="P871" s="51">
        <v>1</v>
      </c>
      <c r="Q871" s="51" t="s">
        <v>5341</v>
      </c>
      <c r="R871" s="54" t="b">
        <v>1</v>
      </c>
      <c r="S871" s="52" t="s">
        <v>7126</v>
      </c>
      <c r="T871" s="67" t="s">
        <v>7127</v>
      </c>
      <c r="U871" s="75" t="s">
        <v>5331</v>
      </c>
      <c r="V871" s="47" t="s">
        <v>5331</v>
      </c>
      <c r="W871" s="47" t="s">
        <v>5331</v>
      </c>
      <c r="X871" s="47" t="s">
        <v>5331</v>
      </c>
      <c r="Y871" s="47" t="s">
        <v>5331</v>
      </c>
      <c r="Z871" s="28"/>
      <c r="AA871" s="27"/>
      <c r="AB871" s="27"/>
      <c r="AC871" s="27"/>
      <c r="AD871" s="30"/>
      <c r="AE871" s="1"/>
      <c r="AF871" s="23" t="s">
        <v>5331</v>
      </c>
      <c r="AG871" s="26"/>
      <c r="AH871" s="53"/>
    </row>
    <row r="872" spans="1:34" ht="51.6" customHeight="1" x14ac:dyDescent="0.45">
      <c r="A872" s="23">
        <v>866</v>
      </c>
      <c r="B872" s="25"/>
      <c r="C872" s="25"/>
      <c r="D872" s="29"/>
      <c r="E872" s="1"/>
      <c r="F872" s="1"/>
      <c r="G872" s="25"/>
      <c r="H872" s="71"/>
      <c r="I872" s="83"/>
      <c r="J872" s="50" t="str">
        <f t="shared" si="28"/>
        <v/>
      </c>
      <c r="K872" s="23" t="s">
        <v>7120</v>
      </c>
      <c r="L872" s="49" t="e">
        <f>VLOOKUP(E872&amp;F872,団体コード!$A$1:$C$1743,3,FALSE)</f>
        <v>#N/A</v>
      </c>
      <c r="M872" s="49" t="e">
        <f>VLOOKUP(E872&amp;F872,団体コード!$A$1:$C$1743,2,FALSE)</f>
        <v>#N/A</v>
      </c>
      <c r="N872" s="51" t="e">
        <f>VLOOKUP(E872,団体コード!$E$1:$F$48,2,FALSE)</f>
        <v>#N/A</v>
      </c>
      <c r="O872" s="51" t="e">
        <f t="shared" si="29"/>
        <v>#N/A</v>
      </c>
      <c r="P872" s="51">
        <v>1</v>
      </c>
      <c r="Q872" s="51" t="s">
        <v>5341</v>
      </c>
      <c r="R872" s="54" t="b">
        <v>1</v>
      </c>
      <c r="S872" s="52" t="s">
        <v>7126</v>
      </c>
      <c r="T872" s="67" t="s">
        <v>7127</v>
      </c>
      <c r="U872" s="75" t="s">
        <v>5331</v>
      </c>
      <c r="V872" s="47" t="s">
        <v>5331</v>
      </c>
      <c r="W872" s="47" t="s">
        <v>5331</v>
      </c>
      <c r="X872" s="47" t="s">
        <v>5331</v>
      </c>
      <c r="Y872" s="47" t="s">
        <v>5331</v>
      </c>
      <c r="Z872" s="28"/>
      <c r="AA872" s="27"/>
      <c r="AB872" s="27"/>
      <c r="AC872" s="27"/>
      <c r="AD872" s="30"/>
      <c r="AE872" s="1"/>
      <c r="AF872" s="23" t="s">
        <v>5331</v>
      </c>
      <c r="AG872" s="26"/>
      <c r="AH872" s="53"/>
    </row>
    <row r="873" spans="1:34" ht="51.6" customHeight="1" x14ac:dyDescent="0.45">
      <c r="A873" s="23">
        <v>867</v>
      </c>
      <c r="B873" s="25"/>
      <c r="C873" s="25"/>
      <c r="D873" s="29"/>
      <c r="E873" s="1"/>
      <c r="F873" s="1"/>
      <c r="G873" s="25"/>
      <c r="H873" s="71"/>
      <c r="I873" s="83"/>
      <c r="J873" s="50" t="str">
        <f t="shared" si="28"/>
        <v/>
      </c>
      <c r="K873" s="23" t="s">
        <v>7120</v>
      </c>
      <c r="L873" s="49" t="e">
        <f>VLOOKUP(E873&amp;F873,団体コード!$A$1:$C$1743,3,FALSE)</f>
        <v>#N/A</v>
      </c>
      <c r="M873" s="49" t="e">
        <f>VLOOKUP(E873&amp;F873,団体コード!$A$1:$C$1743,2,FALSE)</f>
        <v>#N/A</v>
      </c>
      <c r="N873" s="51" t="e">
        <f>VLOOKUP(E873,団体コード!$E$1:$F$48,2,FALSE)</f>
        <v>#N/A</v>
      </c>
      <c r="O873" s="51" t="e">
        <f t="shared" si="29"/>
        <v>#N/A</v>
      </c>
      <c r="P873" s="51">
        <v>1</v>
      </c>
      <c r="Q873" s="51" t="s">
        <v>5341</v>
      </c>
      <c r="R873" s="54" t="b">
        <v>1</v>
      </c>
      <c r="S873" s="52" t="s">
        <v>7126</v>
      </c>
      <c r="T873" s="67" t="s">
        <v>7127</v>
      </c>
      <c r="U873" s="75" t="s">
        <v>5331</v>
      </c>
      <c r="V873" s="47" t="s">
        <v>5331</v>
      </c>
      <c r="W873" s="47" t="s">
        <v>5331</v>
      </c>
      <c r="X873" s="47" t="s">
        <v>5331</v>
      </c>
      <c r="Y873" s="47" t="s">
        <v>5331</v>
      </c>
      <c r="Z873" s="28"/>
      <c r="AA873" s="27"/>
      <c r="AB873" s="27"/>
      <c r="AC873" s="27"/>
      <c r="AD873" s="30"/>
      <c r="AE873" s="1"/>
      <c r="AF873" s="23" t="s">
        <v>5331</v>
      </c>
      <c r="AG873" s="26"/>
      <c r="AH873" s="53"/>
    </row>
    <row r="874" spans="1:34" ht="51.6" customHeight="1" x14ac:dyDescent="0.45">
      <c r="A874" s="23">
        <v>868</v>
      </c>
      <c r="B874" s="25"/>
      <c r="C874" s="25"/>
      <c r="D874" s="29"/>
      <c r="E874" s="1"/>
      <c r="F874" s="1"/>
      <c r="G874" s="25"/>
      <c r="H874" s="71"/>
      <c r="I874" s="83"/>
      <c r="J874" s="50" t="str">
        <f t="shared" si="28"/>
        <v/>
      </c>
      <c r="K874" s="23" t="s">
        <v>7120</v>
      </c>
      <c r="L874" s="49" t="e">
        <f>VLOOKUP(E874&amp;F874,団体コード!$A$1:$C$1743,3,FALSE)</f>
        <v>#N/A</v>
      </c>
      <c r="M874" s="49" t="e">
        <f>VLOOKUP(E874&amp;F874,団体コード!$A$1:$C$1743,2,FALSE)</f>
        <v>#N/A</v>
      </c>
      <c r="N874" s="51" t="e">
        <f>VLOOKUP(E874,団体コード!$E$1:$F$48,2,FALSE)</f>
        <v>#N/A</v>
      </c>
      <c r="O874" s="51" t="e">
        <f t="shared" si="29"/>
        <v>#N/A</v>
      </c>
      <c r="P874" s="51">
        <v>1</v>
      </c>
      <c r="Q874" s="51" t="s">
        <v>5341</v>
      </c>
      <c r="R874" s="54" t="b">
        <v>1</v>
      </c>
      <c r="S874" s="52" t="s">
        <v>7126</v>
      </c>
      <c r="T874" s="67" t="s">
        <v>7127</v>
      </c>
      <c r="U874" s="75" t="s">
        <v>5331</v>
      </c>
      <c r="V874" s="47" t="s">
        <v>5331</v>
      </c>
      <c r="W874" s="47" t="s">
        <v>5331</v>
      </c>
      <c r="X874" s="47" t="s">
        <v>5331</v>
      </c>
      <c r="Y874" s="47" t="s">
        <v>5331</v>
      </c>
      <c r="Z874" s="28"/>
      <c r="AA874" s="27"/>
      <c r="AB874" s="27"/>
      <c r="AC874" s="27"/>
      <c r="AD874" s="30"/>
      <c r="AE874" s="1"/>
      <c r="AF874" s="23" t="s">
        <v>5331</v>
      </c>
      <c r="AG874" s="26"/>
      <c r="AH874" s="53"/>
    </row>
    <row r="875" spans="1:34" ht="51.6" customHeight="1" x14ac:dyDescent="0.45">
      <c r="A875" s="23">
        <v>869</v>
      </c>
      <c r="B875" s="25"/>
      <c r="C875" s="25"/>
      <c r="D875" s="29"/>
      <c r="E875" s="1"/>
      <c r="F875" s="1"/>
      <c r="G875" s="25"/>
      <c r="H875" s="71"/>
      <c r="I875" s="83"/>
      <c r="J875" s="50" t="str">
        <f t="shared" si="28"/>
        <v/>
      </c>
      <c r="K875" s="23" t="s">
        <v>7120</v>
      </c>
      <c r="L875" s="49" t="e">
        <f>VLOOKUP(E875&amp;F875,団体コード!$A$1:$C$1743,3,FALSE)</f>
        <v>#N/A</v>
      </c>
      <c r="M875" s="49" t="e">
        <f>VLOOKUP(E875&amp;F875,団体コード!$A$1:$C$1743,2,FALSE)</f>
        <v>#N/A</v>
      </c>
      <c r="N875" s="51" t="e">
        <f>VLOOKUP(E875,団体コード!$E$1:$F$48,2,FALSE)</f>
        <v>#N/A</v>
      </c>
      <c r="O875" s="51" t="e">
        <f t="shared" si="29"/>
        <v>#N/A</v>
      </c>
      <c r="P875" s="51">
        <v>1</v>
      </c>
      <c r="Q875" s="51" t="s">
        <v>5341</v>
      </c>
      <c r="R875" s="54" t="b">
        <v>1</v>
      </c>
      <c r="S875" s="52" t="s">
        <v>7126</v>
      </c>
      <c r="T875" s="67" t="s">
        <v>7127</v>
      </c>
      <c r="U875" s="75" t="s">
        <v>5331</v>
      </c>
      <c r="V875" s="47" t="s">
        <v>5331</v>
      </c>
      <c r="W875" s="47" t="s">
        <v>5331</v>
      </c>
      <c r="X875" s="47" t="s">
        <v>5331</v>
      </c>
      <c r="Y875" s="47" t="s">
        <v>5331</v>
      </c>
      <c r="Z875" s="28"/>
      <c r="AA875" s="27"/>
      <c r="AB875" s="27"/>
      <c r="AC875" s="27"/>
      <c r="AD875" s="30"/>
      <c r="AE875" s="1"/>
      <c r="AF875" s="23" t="s">
        <v>5331</v>
      </c>
      <c r="AG875" s="26"/>
      <c r="AH875" s="53"/>
    </row>
    <row r="876" spans="1:34" ht="51.6" customHeight="1" x14ac:dyDescent="0.45">
      <c r="A876" s="23">
        <v>870</v>
      </c>
      <c r="B876" s="25"/>
      <c r="C876" s="25"/>
      <c r="D876" s="29"/>
      <c r="E876" s="1"/>
      <c r="F876" s="1"/>
      <c r="G876" s="25"/>
      <c r="H876" s="71"/>
      <c r="I876" s="83"/>
      <c r="J876" s="50" t="str">
        <f t="shared" si="28"/>
        <v/>
      </c>
      <c r="K876" s="23" t="s">
        <v>7120</v>
      </c>
      <c r="L876" s="49" t="e">
        <f>VLOOKUP(E876&amp;F876,団体コード!$A$1:$C$1743,3,FALSE)</f>
        <v>#N/A</v>
      </c>
      <c r="M876" s="49" t="e">
        <f>VLOOKUP(E876&amp;F876,団体コード!$A$1:$C$1743,2,FALSE)</f>
        <v>#N/A</v>
      </c>
      <c r="N876" s="51" t="e">
        <f>VLOOKUP(E876,団体コード!$E$1:$F$48,2,FALSE)</f>
        <v>#N/A</v>
      </c>
      <c r="O876" s="51" t="e">
        <f t="shared" si="29"/>
        <v>#N/A</v>
      </c>
      <c r="P876" s="51">
        <v>1</v>
      </c>
      <c r="Q876" s="51" t="s">
        <v>5341</v>
      </c>
      <c r="R876" s="54" t="b">
        <v>1</v>
      </c>
      <c r="S876" s="52" t="s">
        <v>7126</v>
      </c>
      <c r="T876" s="67" t="s">
        <v>7127</v>
      </c>
      <c r="U876" s="75" t="s">
        <v>5331</v>
      </c>
      <c r="V876" s="47" t="s">
        <v>5331</v>
      </c>
      <c r="W876" s="47" t="s">
        <v>5331</v>
      </c>
      <c r="X876" s="47" t="s">
        <v>5331</v>
      </c>
      <c r="Y876" s="47" t="s">
        <v>5331</v>
      </c>
      <c r="Z876" s="28"/>
      <c r="AA876" s="27"/>
      <c r="AB876" s="27"/>
      <c r="AC876" s="27"/>
      <c r="AD876" s="30"/>
      <c r="AE876" s="1"/>
      <c r="AF876" s="23" t="s">
        <v>5331</v>
      </c>
      <c r="AG876" s="26"/>
      <c r="AH876" s="53"/>
    </row>
    <row r="877" spans="1:34" ht="51.6" customHeight="1" x14ac:dyDescent="0.45">
      <c r="A877" s="23">
        <v>871</v>
      </c>
      <c r="B877" s="25"/>
      <c r="C877" s="25"/>
      <c r="D877" s="29"/>
      <c r="E877" s="1"/>
      <c r="F877" s="1"/>
      <c r="G877" s="25"/>
      <c r="H877" s="71"/>
      <c r="I877" s="83"/>
      <c r="J877" s="50" t="str">
        <f t="shared" si="28"/>
        <v/>
      </c>
      <c r="K877" s="23" t="s">
        <v>7120</v>
      </c>
      <c r="L877" s="49" t="e">
        <f>VLOOKUP(E877&amp;F877,団体コード!$A$1:$C$1743,3,FALSE)</f>
        <v>#N/A</v>
      </c>
      <c r="M877" s="49" t="e">
        <f>VLOOKUP(E877&amp;F877,団体コード!$A$1:$C$1743,2,FALSE)</f>
        <v>#N/A</v>
      </c>
      <c r="N877" s="51" t="e">
        <f>VLOOKUP(E877,団体コード!$E$1:$F$48,2,FALSE)</f>
        <v>#N/A</v>
      </c>
      <c r="O877" s="51" t="e">
        <f t="shared" si="29"/>
        <v>#N/A</v>
      </c>
      <c r="P877" s="51">
        <v>1</v>
      </c>
      <c r="Q877" s="51" t="s">
        <v>5341</v>
      </c>
      <c r="R877" s="54" t="b">
        <v>1</v>
      </c>
      <c r="S877" s="52" t="s">
        <v>7126</v>
      </c>
      <c r="T877" s="67" t="s">
        <v>7127</v>
      </c>
      <c r="U877" s="75" t="s">
        <v>5331</v>
      </c>
      <c r="V877" s="47" t="s">
        <v>5331</v>
      </c>
      <c r="W877" s="47" t="s">
        <v>5331</v>
      </c>
      <c r="X877" s="47" t="s">
        <v>5331</v>
      </c>
      <c r="Y877" s="47" t="s">
        <v>5331</v>
      </c>
      <c r="Z877" s="28"/>
      <c r="AA877" s="27"/>
      <c r="AB877" s="27"/>
      <c r="AC877" s="27"/>
      <c r="AD877" s="30"/>
      <c r="AE877" s="1"/>
      <c r="AF877" s="23" t="s">
        <v>5331</v>
      </c>
      <c r="AG877" s="26"/>
      <c r="AH877" s="53"/>
    </row>
    <row r="878" spans="1:34" ht="51.6" customHeight="1" x14ac:dyDescent="0.45">
      <c r="A878" s="23">
        <v>872</v>
      </c>
      <c r="B878" s="25"/>
      <c r="C878" s="25"/>
      <c r="D878" s="29"/>
      <c r="E878" s="1"/>
      <c r="F878" s="1"/>
      <c r="G878" s="25"/>
      <c r="H878" s="71"/>
      <c r="I878" s="83"/>
      <c r="J878" s="50" t="str">
        <f t="shared" si="28"/>
        <v/>
      </c>
      <c r="K878" s="23" t="s">
        <v>7120</v>
      </c>
      <c r="L878" s="49" t="e">
        <f>VLOOKUP(E878&amp;F878,団体コード!$A$1:$C$1743,3,FALSE)</f>
        <v>#N/A</v>
      </c>
      <c r="M878" s="49" t="e">
        <f>VLOOKUP(E878&amp;F878,団体コード!$A$1:$C$1743,2,FALSE)</f>
        <v>#N/A</v>
      </c>
      <c r="N878" s="51" t="e">
        <f>VLOOKUP(E878,団体コード!$E$1:$F$48,2,FALSE)</f>
        <v>#N/A</v>
      </c>
      <c r="O878" s="51" t="e">
        <f t="shared" si="29"/>
        <v>#N/A</v>
      </c>
      <c r="P878" s="51">
        <v>1</v>
      </c>
      <c r="Q878" s="51" t="s">
        <v>5341</v>
      </c>
      <c r="R878" s="54" t="b">
        <v>1</v>
      </c>
      <c r="S878" s="52" t="s">
        <v>7126</v>
      </c>
      <c r="T878" s="67" t="s">
        <v>7127</v>
      </c>
      <c r="U878" s="75" t="s">
        <v>5331</v>
      </c>
      <c r="V878" s="47" t="s">
        <v>5331</v>
      </c>
      <c r="W878" s="47" t="s">
        <v>5331</v>
      </c>
      <c r="X878" s="47" t="s">
        <v>5331</v>
      </c>
      <c r="Y878" s="47" t="s">
        <v>5331</v>
      </c>
      <c r="Z878" s="28"/>
      <c r="AA878" s="27"/>
      <c r="AB878" s="27"/>
      <c r="AC878" s="27"/>
      <c r="AD878" s="30"/>
      <c r="AE878" s="1"/>
      <c r="AF878" s="23" t="s">
        <v>5331</v>
      </c>
      <c r="AG878" s="26"/>
      <c r="AH878" s="53"/>
    </row>
    <row r="879" spans="1:34" ht="51.6" customHeight="1" x14ac:dyDescent="0.45">
      <c r="A879" s="23">
        <v>873</v>
      </c>
      <c r="B879" s="25"/>
      <c r="C879" s="25"/>
      <c r="D879" s="29"/>
      <c r="E879" s="1"/>
      <c r="F879" s="1"/>
      <c r="G879" s="25"/>
      <c r="H879" s="71"/>
      <c r="I879" s="83"/>
      <c r="J879" s="50" t="str">
        <f t="shared" si="28"/>
        <v/>
      </c>
      <c r="K879" s="23" t="s">
        <v>7120</v>
      </c>
      <c r="L879" s="49" t="e">
        <f>VLOOKUP(E879&amp;F879,団体コード!$A$1:$C$1743,3,FALSE)</f>
        <v>#N/A</v>
      </c>
      <c r="M879" s="49" t="e">
        <f>VLOOKUP(E879&amp;F879,団体コード!$A$1:$C$1743,2,FALSE)</f>
        <v>#N/A</v>
      </c>
      <c r="N879" s="51" t="e">
        <f>VLOOKUP(E879,団体コード!$E$1:$F$48,2,FALSE)</f>
        <v>#N/A</v>
      </c>
      <c r="O879" s="51" t="e">
        <f t="shared" si="29"/>
        <v>#N/A</v>
      </c>
      <c r="P879" s="51">
        <v>1</v>
      </c>
      <c r="Q879" s="51" t="s">
        <v>5341</v>
      </c>
      <c r="R879" s="54" t="b">
        <v>1</v>
      </c>
      <c r="S879" s="52" t="s">
        <v>7126</v>
      </c>
      <c r="T879" s="67" t="s">
        <v>7127</v>
      </c>
      <c r="U879" s="75" t="s">
        <v>5331</v>
      </c>
      <c r="V879" s="47" t="s">
        <v>5331</v>
      </c>
      <c r="W879" s="47" t="s">
        <v>5331</v>
      </c>
      <c r="X879" s="47" t="s">
        <v>5331</v>
      </c>
      <c r="Y879" s="47" t="s">
        <v>5331</v>
      </c>
      <c r="Z879" s="28"/>
      <c r="AA879" s="27"/>
      <c r="AB879" s="27"/>
      <c r="AC879" s="27"/>
      <c r="AD879" s="30"/>
      <c r="AE879" s="1"/>
      <c r="AF879" s="23" t="s">
        <v>5331</v>
      </c>
      <c r="AG879" s="26"/>
      <c r="AH879" s="53"/>
    </row>
    <row r="880" spans="1:34" ht="51.6" customHeight="1" x14ac:dyDescent="0.45">
      <c r="A880" s="23">
        <v>874</v>
      </c>
      <c r="B880" s="25"/>
      <c r="C880" s="25"/>
      <c r="D880" s="29"/>
      <c r="E880" s="1"/>
      <c r="F880" s="1"/>
      <c r="G880" s="25"/>
      <c r="H880" s="71"/>
      <c r="I880" s="83"/>
      <c r="J880" s="50" t="str">
        <f t="shared" si="28"/>
        <v/>
      </c>
      <c r="K880" s="23" t="s">
        <v>7120</v>
      </c>
      <c r="L880" s="49" t="e">
        <f>VLOOKUP(E880&amp;F880,団体コード!$A$1:$C$1743,3,FALSE)</f>
        <v>#N/A</v>
      </c>
      <c r="M880" s="49" t="e">
        <f>VLOOKUP(E880&amp;F880,団体コード!$A$1:$C$1743,2,FALSE)</f>
        <v>#N/A</v>
      </c>
      <c r="N880" s="51" t="e">
        <f>VLOOKUP(E880,団体コード!$E$1:$F$48,2,FALSE)</f>
        <v>#N/A</v>
      </c>
      <c r="O880" s="51" t="e">
        <f t="shared" si="29"/>
        <v>#N/A</v>
      </c>
      <c r="P880" s="51">
        <v>1</v>
      </c>
      <c r="Q880" s="51" t="s">
        <v>5341</v>
      </c>
      <c r="R880" s="54" t="b">
        <v>1</v>
      </c>
      <c r="S880" s="52" t="s">
        <v>7126</v>
      </c>
      <c r="T880" s="67" t="s">
        <v>7127</v>
      </c>
      <c r="U880" s="75" t="s">
        <v>5331</v>
      </c>
      <c r="V880" s="47" t="s">
        <v>5331</v>
      </c>
      <c r="W880" s="47" t="s">
        <v>5331</v>
      </c>
      <c r="X880" s="47" t="s">
        <v>5331</v>
      </c>
      <c r="Y880" s="47" t="s">
        <v>5331</v>
      </c>
      <c r="Z880" s="28"/>
      <c r="AA880" s="27"/>
      <c r="AB880" s="27"/>
      <c r="AC880" s="27"/>
      <c r="AD880" s="30"/>
      <c r="AE880" s="1"/>
      <c r="AF880" s="23" t="s">
        <v>5331</v>
      </c>
      <c r="AG880" s="26"/>
      <c r="AH880" s="53"/>
    </row>
    <row r="881" spans="1:34" ht="51.6" customHeight="1" x14ac:dyDescent="0.45">
      <c r="A881" s="23">
        <v>875</v>
      </c>
      <c r="B881" s="25"/>
      <c r="C881" s="25"/>
      <c r="D881" s="29"/>
      <c r="E881" s="1"/>
      <c r="F881" s="1"/>
      <c r="G881" s="25"/>
      <c r="H881" s="71"/>
      <c r="I881" s="83"/>
      <c r="J881" s="50" t="str">
        <f t="shared" si="28"/>
        <v/>
      </c>
      <c r="K881" s="23" t="s">
        <v>7120</v>
      </c>
      <c r="L881" s="49" t="e">
        <f>VLOOKUP(E881&amp;F881,団体コード!$A$1:$C$1743,3,FALSE)</f>
        <v>#N/A</v>
      </c>
      <c r="M881" s="49" t="e">
        <f>VLOOKUP(E881&amp;F881,団体コード!$A$1:$C$1743,2,FALSE)</f>
        <v>#N/A</v>
      </c>
      <c r="N881" s="51" t="e">
        <f>VLOOKUP(E881,団体コード!$E$1:$F$48,2,FALSE)</f>
        <v>#N/A</v>
      </c>
      <c r="O881" s="51" t="e">
        <f t="shared" si="29"/>
        <v>#N/A</v>
      </c>
      <c r="P881" s="51">
        <v>1</v>
      </c>
      <c r="Q881" s="51" t="s">
        <v>5341</v>
      </c>
      <c r="R881" s="54" t="b">
        <v>1</v>
      </c>
      <c r="S881" s="52" t="s">
        <v>7126</v>
      </c>
      <c r="T881" s="67" t="s">
        <v>7127</v>
      </c>
      <c r="U881" s="75" t="s">
        <v>5331</v>
      </c>
      <c r="V881" s="47" t="s">
        <v>5331</v>
      </c>
      <c r="W881" s="47" t="s">
        <v>5331</v>
      </c>
      <c r="X881" s="47" t="s">
        <v>5331</v>
      </c>
      <c r="Y881" s="47" t="s">
        <v>5331</v>
      </c>
      <c r="Z881" s="28"/>
      <c r="AA881" s="27"/>
      <c r="AB881" s="27"/>
      <c r="AC881" s="27"/>
      <c r="AD881" s="30"/>
      <c r="AE881" s="1"/>
      <c r="AF881" s="23" t="s">
        <v>5331</v>
      </c>
      <c r="AG881" s="26"/>
      <c r="AH881" s="53"/>
    </row>
    <row r="882" spans="1:34" ht="51.6" customHeight="1" x14ac:dyDescent="0.45">
      <c r="A882" s="23">
        <v>876</v>
      </c>
      <c r="B882" s="25"/>
      <c r="C882" s="25"/>
      <c r="D882" s="29"/>
      <c r="E882" s="1"/>
      <c r="F882" s="1"/>
      <c r="G882" s="25"/>
      <c r="H882" s="71"/>
      <c r="I882" s="83"/>
      <c r="J882" s="50" t="str">
        <f t="shared" si="28"/>
        <v/>
      </c>
      <c r="K882" s="23" t="s">
        <v>7120</v>
      </c>
      <c r="L882" s="49" t="e">
        <f>VLOOKUP(E882&amp;F882,団体コード!$A$1:$C$1743,3,FALSE)</f>
        <v>#N/A</v>
      </c>
      <c r="M882" s="49" t="e">
        <f>VLOOKUP(E882&amp;F882,団体コード!$A$1:$C$1743,2,FALSE)</f>
        <v>#N/A</v>
      </c>
      <c r="N882" s="51" t="e">
        <f>VLOOKUP(E882,団体コード!$E$1:$F$48,2,FALSE)</f>
        <v>#N/A</v>
      </c>
      <c r="O882" s="51" t="e">
        <f t="shared" si="29"/>
        <v>#N/A</v>
      </c>
      <c r="P882" s="51">
        <v>1</v>
      </c>
      <c r="Q882" s="51" t="s">
        <v>5341</v>
      </c>
      <c r="R882" s="54" t="b">
        <v>1</v>
      </c>
      <c r="S882" s="52" t="s">
        <v>7126</v>
      </c>
      <c r="T882" s="67" t="s">
        <v>7127</v>
      </c>
      <c r="U882" s="75" t="s">
        <v>5331</v>
      </c>
      <c r="V882" s="47" t="s">
        <v>5331</v>
      </c>
      <c r="W882" s="47" t="s">
        <v>5331</v>
      </c>
      <c r="X882" s="47" t="s">
        <v>5331</v>
      </c>
      <c r="Y882" s="47" t="s">
        <v>5331</v>
      </c>
      <c r="Z882" s="28"/>
      <c r="AA882" s="27"/>
      <c r="AB882" s="27"/>
      <c r="AC882" s="27"/>
      <c r="AD882" s="30"/>
      <c r="AE882" s="1"/>
      <c r="AF882" s="23" t="s">
        <v>5331</v>
      </c>
      <c r="AG882" s="26"/>
      <c r="AH882" s="53"/>
    </row>
    <row r="883" spans="1:34" ht="51.6" customHeight="1" x14ac:dyDescent="0.45">
      <c r="A883" s="23">
        <v>877</v>
      </c>
      <c r="B883" s="25"/>
      <c r="C883" s="25"/>
      <c r="D883" s="29"/>
      <c r="E883" s="1"/>
      <c r="F883" s="1"/>
      <c r="G883" s="25"/>
      <c r="H883" s="71"/>
      <c r="I883" s="83"/>
      <c r="J883" s="50" t="str">
        <f t="shared" si="28"/>
        <v/>
      </c>
      <c r="K883" s="23" t="s">
        <v>7120</v>
      </c>
      <c r="L883" s="49" t="e">
        <f>VLOOKUP(E883&amp;F883,団体コード!$A$1:$C$1743,3,FALSE)</f>
        <v>#N/A</v>
      </c>
      <c r="M883" s="49" t="e">
        <f>VLOOKUP(E883&amp;F883,団体コード!$A$1:$C$1743,2,FALSE)</f>
        <v>#N/A</v>
      </c>
      <c r="N883" s="51" t="e">
        <f>VLOOKUP(E883,団体コード!$E$1:$F$48,2,FALSE)</f>
        <v>#N/A</v>
      </c>
      <c r="O883" s="51" t="e">
        <f t="shared" si="29"/>
        <v>#N/A</v>
      </c>
      <c r="P883" s="51">
        <v>1</v>
      </c>
      <c r="Q883" s="51" t="s">
        <v>5341</v>
      </c>
      <c r="R883" s="54" t="b">
        <v>1</v>
      </c>
      <c r="S883" s="52" t="s">
        <v>7126</v>
      </c>
      <c r="T883" s="67" t="s">
        <v>7127</v>
      </c>
      <c r="U883" s="75" t="s">
        <v>5331</v>
      </c>
      <c r="V883" s="47" t="s">
        <v>5331</v>
      </c>
      <c r="W883" s="47" t="s">
        <v>5331</v>
      </c>
      <c r="X883" s="47" t="s">
        <v>5331</v>
      </c>
      <c r="Y883" s="47" t="s">
        <v>5331</v>
      </c>
      <c r="Z883" s="28"/>
      <c r="AA883" s="27"/>
      <c r="AB883" s="27"/>
      <c r="AC883" s="27"/>
      <c r="AD883" s="30"/>
      <c r="AE883" s="1"/>
      <c r="AF883" s="23" t="s">
        <v>5331</v>
      </c>
      <c r="AG883" s="26"/>
      <c r="AH883" s="53"/>
    </row>
    <row r="884" spans="1:34" ht="51.6" customHeight="1" x14ac:dyDescent="0.45">
      <c r="A884" s="23">
        <v>878</v>
      </c>
      <c r="B884" s="25"/>
      <c r="C884" s="25"/>
      <c r="D884" s="29"/>
      <c r="E884" s="1"/>
      <c r="F884" s="1"/>
      <c r="G884" s="25"/>
      <c r="H884" s="71"/>
      <c r="I884" s="83"/>
      <c r="J884" s="50" t="str">
        <f t="shared" si="28"/>
        <v/>
      </c>
      <c r="K884" s="23" t="s">
        <v>7120</v>
      </c>
      <c r="L884" s="49" t="e">
        <f>VLOOKUP(E884&amp;F884,団体コード!$A$1:$C$1743,3,FALSE)</f>
        <v>#N/A</v>
      </c>
      <c r="M884" s="49" t="e">
        <f>VLOOKUP(E884&amp;F884,団体コード!$A$1:$C$1743,2,FALSE)</f>
        <v>#N/A</v>
      </c>
      <c r="N884" s="51" t="e">
        <f>VLOOKUP(E884,団体コード!$E$1:$F$48,2,FALSE)</f>
        <v>#N/A</v>
      </c>
      <c r="O884" s="51" t="e">
        <f t="shared" si="29"/>
        <v>#N/A</v>
      </c>
      <c r="P884" s="51">
        <v>1</v>
      </c>
      <c r="Q884" s="51" t="s">
        <v>5341</v>
      </c>
      <c r="R884" s="54" t="b">
        <v>1</v>
      </c>
      <c r="S884" s="52" t="s">
        <v>7126</v>
      </c>
      <c r="T884" s="67" t="s">
        <v>7127</v>
      </c>
      <c r="U884" s="75" t="s">
        <v>5331</v>
      </c>
      <c r="V884" s="47" t="s">
        <v>5331</v>
      </c>
      <c r="W884" s="47" t="s">
        <v>5331</v>
      </c>
      <c r="X884" s="47" t="s">
        <v>5331</v>
      </c>
      <c r="Y884" s="47" t="s">
        <v>5331</v>
      </c>
      <c r="Z884" s="28"/>
      <c r="AA884" s="27"/>
      <c r="AB884" s="27"/>
      <c r="AC884" s="27"/>
      <c r="AD884" s="30"/>
      <c r="AE884" s="1"/>
      <c r="AF884" s="23" t="s">
        <v>5331</v>
      </c>
      <c r="AG884" s="26"/>
      <c r="AH884" s="53"/>
    </row>
    <row r="885" spans="1:34" ht="51.6" customHeight="1" x14ac:dyDescent="0.45">
      <c r="A885" s="23">
        <v>879</v>
      </c>
      <c r="B885" s="25"/>
      <c r="C885" s="25"/>
      <c r="D885" s="29"/>
      <c r="E885" s="1"/>
      <c r="F885" s="1"/>
      <c r="G885" s="25"/>
      <c r="H885" s="71"/>
      <c r="I885" s="83"/>
      <c r="J885" s="50" t="str">
        <f t="shared" si="28"/>
        <v/>
      </c>
      <c r="K885" s="23" t="s">
        <v>7120</v>
      </c>
      <c r="L885" s="49" t="e">
        <f>VLOOKUP(E885&amp;F885,団体コード!$A$1:$C$1743,3,FALSE)</f>
        <v>#N/A</v>
      </c>
      <c r="M885" s="49" t="e">
        <f>VLOOKUP(E885&amp;F885,団体コード!$A$1:$C$1743,2,FALSE)</f>
        <v>#N/A</v>
      </c>
      <c r="N885" s="51" t="e">
        <f>VLOOKUP(E885,団体コード!$E$1:$F$48,2,FALSE)</f>
        <v>#N/A</v>
      </c>
      <c r="O885" s="51" t="e">
        <f t="shared" si="29"/>
        <v>#N/A</v>
      </c>
      <c r="P885" s="51">
        <v>1</v>
      </c>
      <c r="Q885" s="51" t="s">
        <v>5341</v>
      </c>
      <c r="R885" s="54" t="b">
        <v>1</v>
      </c>
      <c r="S885" s="52" t="s">
        <v>7126</v>
      </c>
      <c r="T885" s="67" t="s">
        <v>7127</v>
      </c>
      <c r="U885" s="75" t="s">
        <v>5331</v>
      </c>
      <c r="V885" s="47" t="s">
        <v>5331</v>
      </c>
      <c r="W885" s="47" t="s">
        <v>5331</v>
      </c>
      <c r="X885" s="47" t="s">
        <v>5331</v>
      </c>
      <c r="Y885" s="47" t="s">
        <v>5331</v>
      </c>
      <c r="Z885" s="28"/>
      <c r="AA885" s="27"/>
      <c r="AB885" s="27"/>
      <c r="AC885" s="27"/>
      <c r="AD885" s="30"/>
      <c r="AE885" s="1"/>
      <c r="AF885" s="23" t="s">
        <v>5331</v>
      </c>
      <c r="AG885" s="26"/>
      <c r="AH885" s="53"/>
    </row>
    <row r="886" spans="1:34" ht="51.6" customHeight="1" x14ac:dyDescent="0.45">
      <c r="A886" s="23">
        <v>880</v>
      </c>
      <c r="B886" s="25"/>
      <c r="C886" s="25"/>
      <c r="D886" s="29"/>
      <c r="E886" s="1"/>
      <c r="F886" s="1"/>
      <c r="G886" s="25"/>
      <c r="H886" s="71"/>
      <c r="I886" s="83"/>
      <c r="J886" s="50" t="str">
        <f t="shared" si="28"/>
        <v/>
      </c>
      <c r="K886" s="23" t="s">
        <v>7120</v>
      </c>
      <c r="L886" s="49" t="e">
        <f>VLOOKUP(E886&amp;F886,団体コード!$A$1:$C$1743,3,FALSE)</f>
        <v>#N/A</v>
      </c>
      <c r="M886" s="49" t="e">
        <f>VLOOKUP(E886&amp;F886,団体コード!$A$1:$C$1743,2,FALSE)</f>
        <v>#N/A</v>
      </c>
      <c r="N886" s="51" t="e">
        <f>VLOOKUP(E886,団体コード!$E$1:$F$48,2,FALSE)</f>
        <v>#N/A</v>
      </c>
      <c r="O886" s="51" t="e">
        <f t="shared" si="29"/>
        <v>#N/A</v>
      </c>
      <c r="P886" s="51">
        <v>1</v>
      </c>
      <c r="Q886" s="51" t="s">
        <v>5341</v>
      </c>
      <c r="R886" s="54" t="b">
        <v>1</v>
      </c>
      <c r="S886" s="52" t="s">
        <v>7126</v>
      </c>
      <c r="T886" s="67" t="s">
        <v>7127</v>
      </c>
      <c r="U886" s="75" t="s">
        <v>5331</v>
      </c>
      <c r="V886" s="47" t="s">
        <v>5331</v>
      </c>
      <c r="W886" s="47" t="s">
        <v>5331</v>
      </c>
      <c r="X886" s="47" t="s">
        <v>5331</v>
      </c>
      <c r="Y886" s="47" t="s">
        <v>5331</v>
      </c>
      <c r="Z886" s="28"/>
      <c r="AA886" s="27"/>
      <c r="AB886" s="27"/>
      <c r="AC886" s="27"/>
      <c r="AD886" s="30"/>
      <c r="AE886" s="1"/>
      <c r="AF886" s="23" t="s">
        <v>5331</v>
      </c>
      <c r="AG886" s="26"/>
      <c r="AH886" s="53"/>
    </row>
    <row r="887" spans="1:34" ht="51.6" customHeight="1" x14ac:dyDescent="0.45">
      <c r="A887" s="23">
        <v>881</v>
      </c>
      <c r="B887" s="25"/>
      <c r="C887" s="25"/>
      <c r="D887" s="29"/>
      <c r="E887" s="1"/>
      <c r="F887" s="1"/>
      <c r="G887" s="25"/>
      <c r="H887" s="71"/>
      <c r="I887" s="83"/>
      <c r="J887" s="50" t="str">
        <f t="shared" si="28"/>
        <v/>
      </c>
      <c r="K887" s="23" t="s">
        <v>7120</v>
      </c>
      <c r="L887" s="49" t="e">
        <f>VLOOKUP(E887&amp;F887,団体コード!$A$1:$C$1743,3,FALSE)</f>
        <v>#N/A</v>
      </c>
      <c r="M887" s="49" t="e">
        <f>VLOOKUP(E887&amp;F887,団体コード!$A$1:$C$1743,2,FALSE)</f>
        <v>#N/A</v>
      </c>
      <c r="N887" s="51" t="e">
        <f>VLOOKUP(E887,団体コード!$E$1:$F$48,2,FALSE)</f>
        <v>#N/A</v>
      </c>
      <c r="O887" s="51" t="e">
        <f t="shared" si="29"/>
        <v>#N/A</v>
      </c>
      <c r="P887" s="51">
        <v>1</v>
      </c>
      <c r="Q887" s="51" t="s">
        <v>5341</v>
      </c>
      <c r="R887" s="54" t="b">
        <v>1</v>
      </c>
      <c r="S887" s="52" t="s">
        <v>7126</v>
      </c>
      <c r="T887" s="67" t="s">
        <v>7127</v>
      </c>
      <c r="U887" s="75" t="s">
        <v>5331</v>
      </c>
      <c r="V887" s="47" t="s">
        <v>5331</v>
      </c>
      <c r="W887" s="47" t="s">
        <v>5331</v>
      </c>
      <c r="X887" s="47" t="s">
        <v>5331</v>
      </c>
      <c r="Y887" s="47" t="s">
        <v>5331</v>
      </c>
      <c r="Z887" s="28"/>
      <c r="AA887" s="27"/>
      <c r="AB887" s="27"/>
      <c r="AC887" s="27"/>
      <c r="AD887" s="30"/>
      <c r="AE887" s="1"/>
      <c r="AF887" s="23" t="s">
        <v>5331</v>
      </c>
      <c r="AG887" s="26"/>
      <c r="AH887" s="53"/>
    </row>
    <row r="888" spans="1:34" ht="51.6" customHeight="1" x14ac:dyDescent="0.45">
      <c r="A888" s="23">
        <v>882</v>
      </c>
      <c r="B888" s="25"/>
      <c r="C888" s="25"/>
      <c r="D888" s="29"/>
      <c r="E888" s="1"/>
      <c r="F888" s="1"/>
      <c r="G888" s="25"/>
      <c r="H888" s="71"/>
      <c r="I888" s="83"/>
      <c r="J888" s="50" t="str">
        <f t="shared" si="28"/>
        <v/>
      </c>
      <c r="K888" s="23" t="s">
        <v>7120</v>
      </c>
      <c r="L888" s="49" t="e">
        <f>VLOOKUP(E888&amp;F888,団体コード!$A$1:$C$1743,3,FALSE)</f>
        <v>#N/A</v>
      </c>
      <c r="M888" s="49" t="e">
        <f>VLOOKUP(E888&amp;F888,団体コード!$A$1:$C$1743,2,FALSE)</f>
        <v>#N/A</v>
      </c>
      <c r="N888" s="51" t="e">
        <f>VLOOKUP(E888,団体コード!$E$1:$F$48,2,FALSE)</f>
        <v>#N/A</v>
      </c>
      <c r="O888" s="51" t="e">
        <f t="shared" si="29"/>
        <v>#N/A</v>
      </c>
      <c r="P888" s="51">
        <v>1</v>
      </c>
      <c r="Q888" s="51" t="s">
        <v>5341</v>
      </c>
      <c r="R888" s="54" t="b">
        <v>1</v>
      </c>
      <c r="S888" s="52" t="s">
        <v>7126</v>
      </c>
      <c r="T888" s="67" t="s">
        <v>7127</v>
      </c>
      <c r="U888" s="75" t="s">
        <v>5331</v>
      </c>
      <c r="V888" s="47" t="s">
        <v>5331</v>
      </c>
      <c r="W888" s="47" t="s">
        <v>5331</v>
      </c>
      <c r="X888" s="47" t="s">
        <v>5331</v>
      </c>
      <c r="Y888" s="47" t="s">
        <v>5331</v>
      </c>
      <c r="Z888" s="28"/>
      <c r="AA888" s="27"/>
      <c r="AB888" s="27"/>
      <c r="AC888" s="27"/>
      <c r="AD888" s="30"/>
      <c r="AE888" s="1"/>
      <c r="AF888" s="23" t="s">
        <v>5331</v>
      </c>
      <c r="AG888" s="26"/>
      <c r="AH888" s="53"/>
    </row>
    <row r="889" spans="1:34" ht="51.6" customHeight="1" x14ac:dyDescent="0.45">
      <c r="A889" s="23">
        <v>883</v>
      </c>
      <c r="B889" s="25"/>
      <c r="C889" s="25"/>
      <c r="D889" s="29"/>
      <c r="E889" s="1"/>
      <c r="F889" s="1"/>
      <c r="G889" s="25"/>
      <c r="H889" s="71"/>
      <c r="I889" s="83"/>
      <c r="J889" s="50" t="str">
        <f t="shared" si="28"/>
        <v/>
      </c>
      <c r="K889" s="23" t="s">
        <v>7120</v>
      </c>
      <c r="L889" s="49" t="e">
        <f>VLOOKUP(E889&amp;F889,団体コード!$A$1:$C$1743,3,FALSE)</f>
        <v>#N/A</v>
      </c>
      <c r="M889" s="49" t="e">
        <f>VLOOKUP(E889&amp;F889,団体コード!$A$1:$C$1743,2,FALSE)</f>
        <v>#N/A</v>
      </c>
      <c r="N889" s="51" t="e">
        <f>VLOOKUP(E889,団体コード!$E$1:$F$48,2,FALSE)</f>
        <v>#N/A</v>
      </c>
      <c r="O889" s="51" t="e">
        <f t="shared" si="29"/>
        <v>#N/A</v>
      </c>
      <c r="P889" s="51">
        <v>1</v>
      </c>
      <c r="Q889" s="51" t="s">
        <v>5341</v>
      </c>
      <c r="R889" s="54" t="b">
        <v>1</v>
      </c>
      <c r="S889" s="52" t="s">
        <v>7126</v>
      </c>
      <c r="T889" s="67" t="s">
        <v>7127</v>
      </c>
      <c r="U889" s="75" t="s">
        <v>5331</v>
      </c>
      <c r="V889" s="47" t="s">
        <v>5331</v>
      </c>
      <c r="W889" s="47" t="s">
        <v>5331</v>
      </c>
      <c r="X889" s="47" t="s">
        <v>5331</v>
      </c>
      <c r="Y889" s="47" t="s">
        <v>5331</v>
      </c>
      <c r="Z889" s="28"/>
      <c r="AA889" s="27"/>
      <c r="AB889" s="27"/>
      <c r="AC889" s="27"/>
      <c r="AD889" s="30"/>
      <c r="AE889" s="1"/>
      <c r="AF889" s="23" t="s">
        <v>5331</v>
      </c>
      <c r="AG889" s="26"/>
      <c r="AH889" s="53"/>
    </row>
    <row r="890" spans="1:34" ht="51.6" customHeight="1" x14ac:dyDescent="0.45">
      <c r="A890" s="23">
        <v>884</v>
      </c>
      <c r="B890" s="25"/>
      <c r="C890" s="25"/>
      <c r="D890" s="29"/>
      <c r="E890" s="1"/>
      <c r="F890" s="1"/>
      <c r="G890" s="25"/>
      <c r="H890" s="71"/>
      <c r="I890" s="83"/>
      <c r="J890" s="50" t="str">
        <f t="shared" si="28"/>
        <v/>
      </c>
      <c r="K890" s="23" t="s">
        <v>7120</v>
      </c>
      <c r="L890" s="49" t="e">
        <f>VLOOKUP(E890&amp;F890,団体コード!$A$1:$C$1743,3,FALSE)</f>
        <v>#N/A</v>
      </c>
      <c r="M890" s="49" t="e">
        <f>VLOOKUP(E890&amp;F890,団体コード!$A$1:$C$1743,2,FALSE)</f>
        <v>#N/A</v>
      </c>
      <c r="N890" s="51" t="e">
        <f>VLOOKUP(E890,団体コード!$E$1:$F$48,2,FALSE)</f>
        <v>#N/A</v>
      </c>
      <c r="O890" s="51" t="e">
        <f t="shared" si="29"/>
        <v>#N/A</v>
      </c>
      <c r="P890" s="51">
        <v>1</v>
      </c>
      <c r="Q890" s="51" t="s">
        <v>5341</v>
      </c>
      <c r="R890" s="54" t="b">
        <v>1</v>
      </c>
      <c r="S890" s="52" t="s">
        <v>7126</v>
      </c>
      <c r="T890" s="67" t="s">
        <v>7127</v>
      </c>
      <c r="U890" s="75" t="s">
        <v>5331</v>
      </c>
      <c r="V890" s="47" t="s">
        <v>5331</v>
      </c>
      <c r="W890" s="47" t="s">
        <v>5331</v>
      </c>
      <c r="X890" s="47" t="s">
        <v>5331</v>
      </c>
      <c r="Y890" s="47" t="s">
        <v>5331</v>
      </c>
      <c r="Z890" s="28"/>
      <c r="AA890" s="27"/>
      <c r="AB890" s="27"/>
      <c r="AC890" s="27"/>
      <c r="AD890" s="30"/>
      <c r="AE890" s="1"/>
      <c r="AF890" s="23" t="s">
        <v>5331</v>
      </c>
      <c r="AG890" s="26"/>
      <c r="AH890" s="53"/>
    </row>
    <row r="891" spans="1:34" ht="51.6" customHeight="1" x14ac:dyDescent="0.45">
      <c r="A891" s="23">
        <v>885</v>
      </c>
      <c r="B891" s="25"/>
      <c r="C891" s="25"/>
      <c r="D891" s="29"/>
      <c r="E891" s="1"/>
      <c r="F891" s="1"/>
      <c r="G891" s="25"/>
      <c r="H891" s="71"/>
      <c r="I891" s="83"/>
      <c r="J891" s="50" t="str">
        <f t="shared" si="28"/>
        <v/>
      </c>
      <c r="K891" s="23" t="s">
        <v>7120</v>
      </c>
      <c r="L891" s="49" t="e">
        <f>VLOOKUP(E891&amp;F891,団体コード!$A$1:$C$1743,3,FALSE)</f>
        <v>#N/A</v>
      </c>
      <c r="M891" s="49" t="e">
        <f>VLOOKUP(E891&amp;F891,団体コード!$A$1:$C$1743,2,FALSE)</f>
        <v>#N/A</v>
      </c>
      <c r="N891" s="51" t="e">
        <f>VLOOKUP(E891,団体コード!$E$1:$F$48,2,FALSE)</f>
        <v>#N/A</v>
      </c>
      <c r="O891" s="51" t="e">
        <f t="shared" si="29"/>
        <v>#N/A</v>
      </c>
      <c r="P891" s="51">
        <v>1</v>
      </c>
      <c r="Q891" s="51" t="s">
        <v>5341</v>
      </c>
      <c r="R891" s="54" t="b">
        <v>1</v>
      </c>
      <c r="S891" s="52" t="s">
        <v>7126</v>
      </c>
      <c r="T891" s="67" t="s">
        <v>7127</v>
      </c>
      <c r="U891" s="75" t="s">
        <v>5331</v>
      </c>
      <c r="V891" s="47" t="s">
        <v>5331</v>
      </c>
      <c r="W891" s="47" t="s">
        <v>5331</v>
      </c>
      <c r="X891" s="47" t="s">
        <v>5331</v>
      </c>
      <c r="Y891" s="47" t="s">
        <v>5331</v>
      </c>
      <c r="Z891" s="28"/>
      <c r="AA891" s="27"/>
      <c r="AB891" s="27"/>
      <c r="AC891" s="27"/>
      <c r="AD891" s="30"/>
      <c r="AE891" s="1"/>
      <c r="AF891" s="23" t="s">
        <v>5331</v>
      </c>
      <c r="AG891" s="26"/>
      <c r="AH891" s="53"/>
    </row>
    <row r="892" spans="1:34" ht="51.6" customHeight="1" x14ac:dyDescent="0.45">
      <c r="A892" s="23">
        <v>886</v>
      </c>
      <c r="B892" s="25"/>
      <c r="C892" s="25"/>
      <c r="D892" s="29"/>
      <c r="E892" s="1"/>
      <c r="F892" s="1"/>
      <c r="G892" s="25"/>
      <c r="H892" s="71"/>
      <c r="I892" s="83"/>
      <c r="J892" s="50" t="str">
        <f t="shared" si="28"/>
        <v/>
      </c>
      <c r="K892" s="23" t="s">
        <v>7120</v>
      </c>
      <c r="L892" s="49" t="e">
        <f>VLOOKUP(E892&amp;F892,団体コード!$A$1:$C$1743,3,FALSE)</f>
        <v>#N/A</v>
      </c>
      <c r="M892" s="49" t="e">
        <f>VLOOKUP(E892&amp;F892,団体コード!$A$1:$C$1743,2,FALSE)</f>
        <v>#N/A</v>
      </c>
      <c r="N892" s="51" t="e">
        <f>VLOOKUP(E892,団体コード!$E$1:$F$48,2,FALSE)</f>
        <v>#N/A</v>
      </c>
      <c r="O892" s="51" t="e">
        <f t="shared" si="29"/>
        <v>#N/A</v>
      </c>
      <c r="P892" s="51">
        <v>1</v>
      </c>
      <c r="Q892" s="51" t="s">
        <v>5341</v>
      </c>
      <c r="R892" s="54" t="b">
        <v>1</v>
      </c>
      <c r="S892" s="52" t="s">
        <v>7126</v>
      </c>
      <c r="T892" s="67" t="s">
        <v>7127</v>
      </c>
      <c r="U892" s="75" t="s">
        <v>5331</v>
      </c>
      <c r="V892" s="47" t="s">
        <v>5331</v>
      </c>
      <c r="W892" s="47" t="s">
        <v>5331</v>
      </c>
      <c r="X892" s="47" t="s">
        <v>5331</v>
      </c>
      <c r="Y892" s="47" t="s">
        <v>5331</v>
      </c>
      <c r="Z892" s="28"/>
      <c r="AA892" s="27"/>
      <c r="AB892" s="27"/>
      <c r="AC892" s="27"/>
      <c r="AD892" s="30"/>
      <c r="AE892" s="1"/>
      <c r="AF892" s="23" t="s">
        <v>5331</v>
      </c>
      <c r="AG892" s="26"/>
      <c r="AH892" s="53"/>
    </row>
    <row r="893" spans="1:34" ht="51.6" customHeight="1" x14ac:dyDescent="0.45">
      <c r="A893" s="23">
        <v>887</v>
      </c>
      <c r="B893" s="25"/>
      <c r="C893" s="25"/>
      <c r="D893" s="29"/>
      <c r="E893" s="1"/>
      <c r="F893" s="1"/>
      <c r="G893" s="25"/>
      <c r="H893" s="71"/>
      <c r="I893" s="83"/>
      <c r="J893" s="50" t="str">
        <f t="shared" si="28"/>
        <v/>
      </c>
      <c r="K893" s="23" t="s">
        <v>7120</v>
      </c>
      <c r="L893" s="49" t="e">
        <f>VLOOKUP(E893&amp;F893,団体コード!$A$1:$C$1743,3,FALSE)</f>
        <v>#N/A</v>
      </c>
      <c r="M893" s="49" t="e">
        <f>VLOOKUP(E893&amp;F893,団体コード!$A$1:$C$1743,2,FALSE)</f>
        <v>#N/A</v>
      </c>
      <c r="N893" s="51" t="e">
        <f>VLOOKUP(E893,団体コード!$E$1:$F$48,2,FALSE)</f>
        <v>#N/A</v>
      </c>
      <c r="O893" s="51" t="e">
        <f t="shared" si="29"/>
        <v>#N/A</v>
      </c>
      <c r="P893" s="51">
        <v>1</v>
      </c>
      <c r="Q893" s="51" t="s">
        <v>5341</v>
      </c>
      <c r="R893" s="54" t="b">
        <v>1</v>
      </c>
      <c r="S893" s="52" t="s">
        <v>7126</v>
      </c>
      <c r="T893" s="67" t="s">
        <v>7127</v>
      </c>
      <c r="U893" s="75" t="s">
        <v>5331</v>
      </c>
      <c r="V893" s="47" t="s">
        <v>5331</v>
      </c>
      <c r="W893" s="47" t="s">
        <v>5331</v>
      </c>
      <c r="X893" s="47" t="s">
        <v>5331</v>
      </c>
      <c r="Y893" s="47" t="s">
        <v>5331</v>
      </c>
      <c r="Z893" s="28"/>
      <c r="AA893" s="27"/>
      <c r="AB893" s="27"/>
      <c r="AC893" s="27"/>
      <c r="AD893" s="30"/>
      <c r="AE893" s="1"/>
      <c r="AF893" s="23" t="s">
        <v>5331</v>
      </c>
      <c r="AG893" s="26"/>
      <c r="AH893" s="53"/>
    </row>
    <row r="894" spans="1:34" ht="51.6" customHeight="1" x14ac:dyDescent="0.45">
      <c r="A894" s="23">
        <v>888</v>
      </c>
      <c r="B894" s="25"/>
      <c r="C894" s="25"/>
      <c r="D894" s="29"/>
      <c r="E894" s="1"/>
      <c r="F894" s="1"/>
      <c r="G894" s="25"/>
      <c r="H894" s="71"/>
      <c r="I894" s="83"/>
      <c r="J894" s="50" t="str">
        <f t="shared" si="28"/>
        <v/>
      </c>
      <c r="K894" s="23" t="s">
        <v>7120</v>
      </c>
      <c r="L894" s="49" t="e">
        <f>VLOOKUP(E894&amp;F894,団体コード!$A$1:$C$1743,3,FALSE)</f>
        <v>#N/A</v>
      </c>
      <c r="M894" s="49" t="e">
        <f>VLOOKUP(E894&amp;F894,団体コード!$A$1:$C$1743,2,FALSE)</f>
        <v>#N/A</v>
      </c>
      <c r="N894" s="51" t="e">
        <f>VLOOKUP(E894,団体コード!$E$1:$F$48,2,FALSE)</f>
        <v>#N/A</v>
      </c>
      <c r="O894" s="51" t="e">
        <f t="shared" si="29"/>
        <v>#N/A</v>
      </c>
      <c r="P894" s="51">
        <v>1</v>
      </c>
      <c r="Q894" s="51" t="s">
        <v>5341</v>
      </c>
      <c r="R894" s="54" t="b">
        <v>1</v>
      </c>
      <c r="S894" s="52" t="s">
        <v>7126</v>
      </c>
      <c r="T894" s="67" t="s">
        <v>7127</v>
      </c>
      <c r="U894" s="75" t="s">
        <v>5331</v>
      </c>
      <c r="V894" s="47" t="s">
        <v>5331</v>
      </c>
      <c r="W894" s="47" t="s">
        <v>5331</v>
      </c>
      <c r="X894" s="47" t="s">
        <v>5331</v>
      </c>
      <c r="Y894" s="47" t="s">
        <v>5331</v>
      </c>
      <c r="Z894" s="28"/>
      <c r="AA894" s="27"/>
      <c r="AB894" s="27"/>
      <c r="AC894" s="27"/>
      <c r="AD894" s="30"/>
      <c r="AE894" s="1"/>
      <c r="AF894" s="23" t="s">
        <v>5331</v>
      </c>
      <c r="AG894" s="26"/>
      <c r="AH894" s="53"/>
    </row>
    <row r="895" spans="1:34" ht="51.6" customHeight="1" x14ac:dyDescent="0.45">
      <c r="A895" s="23">
        <v>889</v>
      </c>
      <c r="B895" s="25"/>
      <c r="C895" s="25"/>
      <c r="D895" s="29"/>
      <c r="E895" s="1"/>
      <c r="F895" s="1"/>
      <c r="G895" s="25"/>
      <c r="H895" s="71"/>
      <c r="I895" s="83"/>
      <c r="J895" s="50" t="str">
        <f t="shared" si="28"/>
        <v/>
      </c>
      <c r="K895" s="23" t="s">
        <v>7120</v>
      </c>
      <c r="L895" s="49" t="e">
        <f>VLOOKUP(E895&amp;F895,団体コード!$A$1:$C$1743,3,FALSE)</f>
        <v>#N/A</v>
      </c>
      <c r="M895" s="49" t="e">
        <f>VLOOKUP(E895&amp;F895,団体コード!$A$1:$C$1743,2,FALSE)</f>
        <v>#N/A</v>
      </c>
      <c r="N895" s="51" t="e">
        <f>VLOOKUP(E895,団体コード!$E$1:$F$48,2,FALSE)</f>
        <v>#N/A</v>
      </c>
      <c r="O895" s="51" t="e">
        <f t="shared" si="29"/>
        <v>#N/A</v>
      </c>
      <c r="P895" s="51">
        <v>1</v>
      </c>
      <c r="Q895" s="51" t="s">
        <v>5341</v>
      </c>
      <c r="R895" s="54" t="b">
        <v>1</v>
      </c>
      <c r="S895" s="52" t="s">
        <v>7126</v>
      </c>
      <c r="T895" s="67" t="s">
        <v>7127</v>
      </c>
      <c r="U895" s="75" t="s">
        <v>5331</v>
      </c>
      <c r="V895" s="47" t="s">
        <v>5331</v>
      </c>
      <c r="W895" s="47" t="s">
        <v>5331</v>
      </c>
      <c r="X895" s="47" t="s">
        <v>5331</v>
      </c>
      <c r="Y895" s="47" t="s">
        <v>5331</v>
      </c>
      <c r="Z895" s="28"/>
      <c r="AA895" s="27"/>
      <c r="AB895" s="27"/>
      <c r="AC895" s="27"/>
      <c r="AD895" s="30"/>
      <c r="AE895" s="1"/>
      <c r="AF895" s="23" t="s">
        <v>5331</v>
      </c>
      <c r="AG895" s="26"/>
      <c r="AH895" s="53"/>
    </row>
    <row r="896" spans="1:34" ht="51.6" customHeight="1" x14ac:dyDescent="0.45">
      <c r="A896" s="23">
        <v>890</v>
      </c>
      <c r="B896" s="25"/>
      <c r="C896" s="25"/>
      <c r="D896" s="29"/>
      <c r="E896" s="1"/>
      <c r="F896" s="1"/>
      <c r="G896" s="25"/>
      <c r="H896" s="71"/>
      <c r="I896" s="83"/>
      <c r="J896" s="50" t="str">
        <f t="shared" si="28"/>
        <v/>
      </c>
      <c r="K896" s="23" t="s">
        <v>7120</v>
      </c>
      <c r="L896" s="49" t="e">
        <f>VLOOKUP(E896&amp;F896,団体コード!$A$1:$C$1743,3,FALSE)</f>
        <v>#N/A</v>
      </c>
      <c r="M896" s="49" t="e">
        <f>VLOOKUP(E896&amp;F896,団体コード!$A$1:$C$1743,2,FALSE)</f>
        <v>#N/A</v>
      </c>
      <c r="N896" s="51" t="e">
        <f>VLOOKUP(E896,団体コード!$E$1:$F$48,2,FALSE)</f>
        <v>#N/A</v>
      </c>
      <c r="O896" s="51" t="e">
        <f t="shared" si="29"/>
        <v>#N/A</v>
      </c>
      <c r="P896" s="51">
        <v>1</v>
      </c>
      <c r="Q896" s="51" t="s">
        <v>5341</v>
      </c>
      <c r="R896" s="54" t="b">
        <v>1</v>
      </c>
      <c r="S896" s="52" t="s">
        <v>7126</v>
      </c>
      <c r="T896" s="67" t="s">
        <v>7127</v>
      </c>
      <c r="U896" s="75" t="s">
        <v>5331</v>
      </c>
      <c r="V896" s="47" t="s">
        <v>5331</v>
      </c>
      <c r="W896" s="47" t="s">
        <v>5331</v>
      </c>
      <c r="X896" s="47" t="s">
        <v>5331</v>
      </c>
      <c r="Y896" s="47" t="s">
        <v>5331</v>
      </c>
      <c r="Z896" s="28"/>
      <c r="AA896" s="27"/>
      <c r="AB896" s="27"/>
      <c r="AC896" s="27"/>
      <c r="AD896" s="30"/>
      <c r="AE896" s="1"/>
      <c r="AF896" s="23" t="s">
        <v>5331</v>
      </c>
      <c r="AG896" s="26"/>
      <c r="AH896" s="53"/>
    </row>
    <row r="897" spans="1:34" ht="51.6" customHeight="1" x14ac:dyDescent="0.45">
      <c r="A897" s="23">
        <v>891</v>
      </c>
      <c r="B897" s="25"/>
      <c r="C897" s="25"/>
      <c r="D897" s="29"/>
      <c r="E897" s="1"/>
      <c r="F897" s="1"/>
      <c r="G897" s="25"/>
      <c r="H897" s="71"/>
      <c r="I897" s="83"/>
      <c r="J897" s="50" t="str">
        <f t="shared" si="28"/>
        <v/>
      </c>
      <c r="K897" s="23" t="s">
        <v>7120</v>
      </c>
      <c r="L897" s="49" t="e">
        <f>VLOOKUP(E897&amp;F897,団体コード!$A$1:$C$1743,3,FALSE)</f>
        <v>#N/A</v>
      </c>
      <c r="M897" s="49" t="e">
        <f>VLOOKUP(E897&amp;F897,団体コード!$A$1:$C$1743,2,FALSE)</f>
        <v>#N/A</v>
      </c>
      <c r="N897" s="51" t="e">
        <f>VLOOKUP(E897,団体コード!$E$1:$F$48,2,FALSE)</f>
        <v>#N/A</v>
      </c>
      <c r="O897" s="51" t="e">
        <f t="shared" si="29"/>
        <v>#N/A</v>
      </c>
      <c r="P897" s="51">
        <v>1</v>
      </c>
      <c r="Q897" s="51" t="s">
        <v>5341</v>
      </c>
      <c r="R897" s="54" t="b">
        <v>1</v>
      </c>
      <c r="S897" s="52" t="s">
        <v>7126</v>
      </c>
      <c r="T897" s="67" t="s">
        <v>7127</v>
      </c>
      <c r="U897" s="75" t="s">
        <v>5331</v>
      </c>
      <c r="V897" s="47" t="s">
        <v>5331</v>
      </c>
      <c r="W897" s="47" t="s">
        <v>5331</v>
      </c>
      <c r="X897" s="47" t="s">
        <v>5331</v>
      </c>
      <c r="Y897" s="47" t="s">
        <v>5331</v>
      </c>
      <c r="Z897" s="28"/>
      <c r="AA897" s="27"/>
      <c r="AB897" s="27"/>
      <c r="AC897" s="27"/>
      <c r="AD897" s="30"/>
      <c r="AE897" s="1"/>
      <c r="AF897" s="23" t="s">
        <v>5331</v>
      </c>
      <c r="AG897" s="26"/>
      <c r="AH897" s="53"/>
    </row>
    <row r="898" spans="1:34" ht="51.6" customHeight="1" x14ac:dyDescent="0.45">
      <c r="A898" s="23">
        <v>892</v>
      </c>
      <c r="B898" s="25"/>
      <c r="C898" s="25"/>
      <c r="D898" s="29"/>
      <c r="E898" s="1"/>
      <c r="F898" s="1"/>
      <c r="G898" s="25"/>
      <c r="H898" s="71"/>
      <c r="I898" s="83"/>
      <c r="J898" s="50" t="str">
        <f t="shared" si="28"/>
        <v/>
      </c>
      <c r="K898" s="23" t="s">
        <v>7120</v>
      </c>
      <c r="L898" s="49" t="e">
        <f>VLOOKUP(E898&amp;F898,団体コード!$A$1:$C$1743,3,FALSE)</f>
        <v>#N/A</v>
      </c>
      <c r="M898" s="49" t="e">
        <f>VLOOKUP(E898&amp;F898,団体コード!$A$1:$C$1743,2,FALSE)</f>
        <v>#N/A</v>
      </c>
      <c r="N898" s="51" t="e">
        <f>VLOOKUP(E898,団体コード!$E$1:$F$48,2,FALSE)</f>
        <v>#N/A</v>
      </c>
      <c r="O898" s="51" t="e">
        <f t="shared" si="29"/>
        <v>#N/A</v>
      </c>
      <c r="P898" s="51">
        <v>1</v>
      </c>
      <c r="Q898" s="51" t="s">
        <v>5341</v>
      </c>
      <c r="R898" s="54" t="b">
        <v>1</v>
      </c>
      <c r="S898" s="52" t="s">
        <v>7126</v>
      </c>
      <c r="T898" s="67" t="s">
        <v>7127</v>
      </c>
      <c r="U898" s="75" t="s">
        <v>5331</v>
      </c>
      <c r="V898" s="47" t="s">
        <v>5331</v>
      </c>
      <c r="W898" s="47" t="s">
        <v>5331</v>
      </c>
      <c r="X898" s="47" t="s">
        <v>5331</v>
      </c>
      <c r="Y898" s="47" t="s">
        <v>5331</v>
      </c>
      <c r="Z898" s="28"/>
      <c r="AA898" s="27"/>
      <c r="AB898" s="27"/>
      <c r="AC898" s="27"/>
      <c r="AD898" s="30"/>
      <c r="AE898" s="1"/>
      <c r="AF898" s="23" t="s">
        <v>5331</v>
      </c>
      <c r="AG898" s="26"/>
      <c r="AH898" s="53"/>
    </row>
    <row r="899" spans="1:34" ht="51.6" customHeight="1" x14ac:dyDescent="0.45">
      <c r="A899" s="23">
        <v>893</v>
      </c>
      <c r="B899" s="25"/>
      <c r="C899" s="25"/>
      <c r="D899" s="29"/>
      <c r="E899" s="1"/>
      <c r="F899" s="1"/>
      <c r="G899" s="25"/>
      <c r="H899" s="71"/>
      <c r="I899" s="83"/>
      <c r="J899" s="50" t="str">
        <f t="shared" si="28"/>
        <v/>
      </c>
      <c r="K899" s="23" t="s">
        <v>7120</v>
      </c>
      <c r="L899" s="49" t="e">
        <f>VLOOKUP(E899&amp;F899,団体コード!$A$1:$C$1743,3,FALSE)</f>
        <v>#N/A</v>
      </c>
      <c r="M899" s="49" t="e">
        <f>VLOOKUP(E899&amp;F899,団体コード!$A$1:$C$1743,2,FALSE)</f>
        <v>#N/A</v>
      </c>
      <c r="N899" s="51" t="e">
        <f>VLOOKUP(E899,団体コード!$E$1:$F$48,2,FALSE)</f>
        <v>#N/A</v>
      </c>
      <c r="O899" s="51" t="e">
        <f t="shared" si="29"/>
        <v>#N/A</v>
      </c>
      <c r="P899" s="51">
        <v>1</v>
      </c>
      <c r="Q899" s="51" t="s">
        <v>5341</v>
      </c>
      <c r="R899" s="54" t="b">
        <v>1</v>
      </c>
      <c r="S899" s="52" t="s">
        <v>7126</v>
      </c>
      <c r="T899" s="67" t="s">
        <v>7127</v>
      </c>
      <c r="U899" s="75" t="s">
        <v>5331</v>
      </c>
      <c r="V899" s="47" t="s">
        <v>5331</v>
      </c>
      <c r="W899" s="47" t="s">
        <v>5331</v>
      </c>
      <c r="X899" s="47" t="s">
        <v>5331</v>
      </c>
      <c r="Y899" s="47" t="s">
        <v>5331</v>
      </c>
      <c r="Z899" s="28"/>
      <c r="AA899" s="27"/>
      <c r="AB899" s="27"/>
      <c r="AC899" s="27"/>
      <c r="AD899" s="30"/>
      <c r="AE899" s="1"/>
      <c r="AF899" s="23" t="s">
        <v>5331</v>
      </c>
      <c r="AG899" s="26"/>
      <c r="AH899" s="53"/>
    </row>
    <row r="900" spans="1:34" ht="51.6" customHeight="1" x14ac:dyDescent="0.45">
      <c r="A900" s="23">
        <v>894</v>
      </c>
      <c r="B900" s="25"/>
      <c r="C900" s="25"/>
      <c r="D900" s="29"/>
      <c r="E900" s="1"/>
      <c r="F900" s="1"/>
      <c r="G900" s="25"/>
      <c r="H900" s="71"/>
      <c r="I900" s="83"/>
      <c r="J900" s="50" t="str">
        <f t="shared" si="28"/>
        <v/>
      </c>
      <c r="K900" s="23" t="s">
        <v>7120</v>
      </c>
      <c r="L900" s="49" t="e">
        <f>VLOOKUP(E900&amp;F900,団体コード!$A$1:$C$1743,3,FALSE)</f>
        <v>#N/A</v>
      </c>
      <c r="M900" s="49" t="e">
        <f>VLOOKUP(E900&amp;F900,団体コード!$A$1:$C$1743,2,FALSE)</f>
        <v>#N/A</v>
      </c>
      <c r="N900" s="51" t="e">
        <f>VLOOKUP(E900,団体コード!$E$1:$F$48,2,FALSE)</f>
        <v>#N/A</v>
      </c>
      <c r="O900" s="51" t="e">
        <f t="shared" si="29"/>
        <v>#N/A</v>
      </c>
      <c r="P900" s="51">
        <v>1</v>
      </c>
      <c r="Q900" s="51" t="s">
        <v>5341</v>
      </c>
      <c r="R900" s="54" t="b">
        <v>1</v>
      </c>
      <c r="S900" s="52" t="s">
        <v>7126</v>
      </c>
      <c r="T900" s="67" t="s">
        <v>7127</v>
      </c>
      <c r="U900" s="75" t="s">
        <v>5331</v>
      </c>
      <c r="V900" s="47" t="s">
        <v>5331</v>
      </c>
      <c r="W900" s="47" t="s">
        <v>5331</v>
      </c>
      <c r="X900" s="47" t="s">
        <v>5331</v>
      </c>
      <c r="Y900" s="47" t="s">
        <v>5331</v>
      </c>
      <c r="Z900" s="28"/>
      <c r="AA900" s="27"/>
      <c r="AB900" s="27"/>
      <c r="AC900" s="27"/>
      <c r="AD900" s="30"/>
      <c r="AE900" s="1"/>
      <c r="AF900" s="23" t="s">
        <v>5331</v>
      </c>
      <c r="AG900" s="26"/>
      <c r="AH900" s="53"/>
    </row>
    <row r="901" spans="1:34" ht="51.6" customHeight="1" x14ac:dyDescent="0.45">
      <c r="A901" s="23">
        <v>895</v>
      </c>
      <c r="B901" s="25"/>
      <c r="C901" s="25"/>
      <c r="D901" s="29"/>
      <c r="E901" s="1"/>
      <c r="F901" s="1"/>
      <c r="G901" s="25"/>
      <c r="H901" s="71"/>
      <c r="I901" s="83"/>
      <c r="J901" s="50" t="str">
        <f t="shared" si="28"/>
        <v/>
      </c>
      <c r="K901" s="23" t="s">
        <v>7120</v>
      </c>
      <c r="L901" s="49" t="e">
        <f>VLOOKUP(E901&amp;F901,団体コード!$A$1:$C$1743,3,FALSE)</f>
        <v>#N/A</v>
      </c>
      <c r="M901" s="49" t="e">
        <f>VLOOKUP(E901&amp;F901,団体コード!$A$1:$C$1743,2,FALSE)</f>
        <v>#N/A</v>
      </c>
      <c r="N901" s="51" t="e">
        <f>VLOOKUP(E901,団体コード!$E$1:$F$48,2,FALSE)</f>
        <v>#N/A</v>
      </c>
      <c r="O901" s="51" t="e">
        <f t="shared" si="29"/>
        <v>#N/A</v>
      </c>
      <c r="P901" s="51">
        <v>1</v>
      </c>
      <c r="Q901" s="51" t="s">
        <v>5341</v>
      </c>
      <c r="R901" s="54" t="b">
        <v>1</v>
      </c>
      <c r="S901" s="52" t="s">
        <v>7126</v>
      </c>
      <c r="T901" s="67" t="s">
        <v>7127</v>
      </c>
      <c r="U901" s="75" t="s">
        <v>5331</v>
      </c>
      <c r="V901" s="47" t="s">
        <v>5331</v>
      </c>
      <c r="W901" s="47" t="s">
        <v>5331</v>
      </c>
      <c r="X901" s="47" t="s">
        <v>5331</v>
      </c>
      <c r="Y901" s="47" t="s">
        <v>5331</v>
      </c>
      <c r="Z901" s="28"/>
      <c r="AA901" s="27"/>
      <c r="AB901" s="27"/>
      <c r="AC901" s="27"/>
      <c r="AD901" s="30"/>
      <c r="AE901" s="1"/>
      <c r="AF901" s="23" t="s">
        <v>5331</v>
      </c>
      <c r="AG901" s="26"/>
      <c r="AH901" s="53"/>
    </row>
    <row r="902" spans="1:34" ht="51.6" customHeight="1" x14ac:dyDescent="0.45">
      <c r="A902" s="23">
        <v>896</v>
      </c>
      <c r="B902" s="25"/>
      <c r="C902" s="25"/>
      <c r="D902" s="29"/>
      <c r="E902" s="1"/>
      <c r="F902" s="1"/>
      <c r="G902" s="25"/>
      <c r="H902" s="71"/>
      <c r="I902" s="83"/>
      <c r="J902" s="50" t="str">
        <f t="shared" si="28"/>
        <v/>
      </c>
      <c r="K902" s="23" t="s">
        <v>7120</v>
      </c>
      <c r="L902" s="49" t="e">
        <f>VLOOKUP(E902&amp;F902,団体コード!$A$1:$C$1743,3,FALSE)</f>
        <v>#N/A</v>
      </c>
      <c r="M902" s="49" t="e">
        <f>VLOOKUP(E902&amp;F902,団体コード!$A$1:$C$1743,2,FALSE)</f>
        <v>#N/A</v>
      </c>
      <c r="N902" s="51" t="e">
        <f>VLOOKUP(E902,団体コード!$E$1:$F$48,2,FALSE)</f>
        <v>#N/A</v>
      </c>
      <c r="O902" s="51" t="e">
        <f t="shared" si="29"/>
        <v>#N/A</v>
      </c>
      <c r="P902" s="51">
        <v>1</v>
      </c>
      <c r="Q902" s="51" t="s">
        <v>5341</v>
      </c>
      <c r="R902" s="54" t="b">
        <v>1</v>
      </c>
      <c r="S902" s="52" t="s">
        <v>7126</v>
      </c>
      <c r="T902" s="67" t="s">
        <v>7127</v>
      </c>
      <c r="U902" s="75" t="s">
        <v>5331</v>
      </c>
      <c r="V902" s="47" t="s">
        <v>5331</v>
      </c>
      <c r="W902" s="47" t="s">
        <v>5331</v>
      </c>
      <c r="X902" s="47" t="s">
        <v>5331</v>
      </c>
      <c r="Y902" s="47" t="s">
        <v>5331</v>
      </c>
      <c r="Z902" s="28"/>
      <c r="AA902" s="27"/>
      <c r="AB902" s="27"/>
      <c r="AC902" s="27"/>
      <c r="AD902" s="30"/>
      <c r="AE902" s="1"/>
      <c r="AF902" s="23" t="s">
        <v>5331</v>
      </c>
      <c r="AG902" s="26"/>
      <c r="AH902" s="53"/>
    </row>
    <row r="903" spans="1:34" ht="51.6" customHeight="1" x14ac:dyDescent="0.45">
      <c r="A903" s="23">
        <v>897</v>
      </c>
      <c r="B903" s="25"/>
      <c r="C903" s="25"/>
      <c r="D903" s="29"/>
      <c r="E903" s="1"/>
      <c r="F903" s="1"/>
      <c r="G903" s="25"/>
      <c r="H903" s="71"/>
      <c r="I903" s="83"/>
      <c r="J903" s="50" t="str">
        <f t="shared" si="28"/>
        <v/>
      </c>
      <c r="K903" s="23" t="s">
        <v>7120</v>
      </c>
      <c r="L903" s="49" t="e">
        <f>VLOOKUP(E903&amp;F903,団体コード!$A$1:$C$1743,3,FALSE)</f>
        <v>#N/A</v>
      </c>
      <c r="M903" s="49" t="e">
        <f>VLOOKUP(E903&amp;F903,団体コード!$A$1:$C$1743,2,FALSE)</f>
        <v>#N/A</v>
      </c>
      <c r="N903" s="51" t="e">
        <f>VLOOKUP(E903,団体コード!$E$1:$F$48,2,FALSE)</f>
        <v>#N/A</v>
      </c>
      <c r="O903" s="51" t="e">
        <f t="shared" si="29"/>
        <v>#N/A</v>
      </c>
      <c r="P903" s="51">
        <v>1</v>
      </c>
      <c r="Q903" s="51" t="s">
        <v>5341</v>
      </c>
      <c r="R903" s="54" t="b">
        <v>1</v>
      </c>
      <c r="S903" s="52" t="s">
        <v>7126</v>
      </c>
      <c r="T903" s="67" t="s">
        <v>7127</v>
      </c>
      <c r="U903" s="75" t="s">
        <v>5331</v>
      </c>
      <c r="V903" s="47" t="s">
        <v>5331</v>
      </c>
      <c r="W903" s="47" t="s">
        <v>5331</v>
      </c>
      <c r="X903" s="47" t="s">
        <v>5331</v>
      </c>
      <c r="Y903" s="47" t="s">
        <v>5331</v>
      </c>
      <c r="Z903" s="28"/>
      <c r="AA903" s="27"/>
      <c r="AB903" s="27"/>
      <c r="AC903" s="27"/>
      <c r="AD903" s="30"/>
      <c r="AE903" s="1"/>
      <c r="AF903" s="23" t="s">
        <v>5331</v>
      </c>
      <c r="AG903" s="26"/>
      <c r="AH903" s="53"/>
    </row>
    <row r="904" spans="1:34" ht="51.6" customHeight="1" x14ac:dyDescent="0.45">
      <c r="A904" s="23">
        <v>898</v>
      </c>
      <c r="B904" s="25"/>
      <c r="C904" s="25"/>
      <c r="D904" s="29"/>
      <c r="E904" s="1"/>
      <c r="F904" s="1"/>
      <c r="G904" s="25"/>
      <c r="H904" s="71"/>
      <c r="I904" s="83"/>
      <c r="J904" s="50" t="str">
        <f t="shared" ref="J904:J967" si="30">E904&amp;F904&amp;G904</f>
        <v/>
      </c>
      <c r="K904" s="23" t="s">
        <v>7120</v>
      </c>
      <c r="L904" s="49" t="e">
        <f>VLOOKUP(E904&amp;F904,団体コード!$A$1:$C$1743,3,FALSE)</f>
        <v>#N/A</v>
      </c>
      <c r="M904" s="49" t="e">
        <f>VLOOKUP(E904&amp;F904,団体コード!$A$1:$C$1743,2,FALSE)</f>
        <v>#N/A</v>
      </c>
      <c r="N904" s="51" t="e">
        <f>VLOOKUP(E904,団体コード!$E$1:$F$48,2,FALSE)</f>
        <v>#N/A</v>
      </c>
      <c r="O904" s="51" t="e">
        <f t="shared" ref="O904:O967" si="31">N904</f>
        <v>#N/A</v>
      </c>
      <c r="P904" s="51">
        <v>1</v>
      </c>
      <c r="Q904" s="51" t="s">
        <v>5341</v>
      </c>
      <c r="R904" s="54" t="b">
        <v>1</v>
      </c>
      <c r="S904" s="52" t="s">
        <v>7126</v>
      </c>
      <c r="T904" s="67" t="s">
        <v>7127</v>
      </c>
      <c r="U904" s="75" t="s">
        <v>5331</v>
      </c>
      <c r="V904" s="47" t="s">
        <v>5331</v>
      </c>
      <c r="W904" s="47" t="s">
        <v>5331</v>
      </c>
      <c r="X904" s="47" t="s">
        <v>5331</v>
      </c>
      <c r="Y904" s="47" t="s">
        <v>5331</v>
      </c>
      <c r="Z904" s="28"/>
      <c r="AA904" s="27"/>
      <c r="AB904" s="27"/>
      <c r="AC904" s="27"/>
      <c r="AD904" s="30"/>
      <c r="AE904" s="1"/>
      <c r="AF904" s="23" t="s">
        <v>5331</v>
      </c>
      <c r="AG904" s="26"/>
      <c r="AH904" s="53"/>
    </row>
    <row r="905" spans="1:34" ht="51.6" customHeight="1" x14ac:dyDescent="0.45">
      <c r="A905" s="23">
        <v>899</v>
      </c>
      <c r="B905" s="25"/>
      <c r="C905" s="25"/>
      <c r="D905" s="29"/>
      <c r="E905" s="1"/>
      <c r="F905" s="1"/>
      <c r="G905" s="25"/>
      <c r="H905" s="71"/>
      <c r="I905" s="83"/>
      <c r="J905" s="50" t="str">
        <f t="shared" si="30"/>
        <v/>
      </c>
      <c r="K905" s="23" t="s">
        <v>7120</v>
      </c>
      <c r="L905" s="49" t="e">
        <f>VLOOKUP(E905&amp;F905,団体コード!$A$1:$C$1743,3,FALSE)</f>
        <v>#N/A</v>
      </c>
      <c r="M905" s="49" t="e">
        <f>VLOOKUP(E905&amp;F905,団体コード!$A$1:$C$1743,2,FALSE)</f>
        <v>#N/A</v>
      </c>
      <c r="N905" s="51" t="e">
        <f>VLOOKUP(E905,団体コード!$E$1:$F$48,2,FALSE)</f>
        <v>#N/A</v>
      </c>
      <c r="O905" s="51" t="e">
        <f t="shared" si="31"/>
        <v>#N/A</v>
      </c>
      <c r="P905" s="51">
        <v>1</v>
      </c>
      <c r="Q905" s="51" t="s">
        <v>5341</v>
      </c>
      <c r="R905" s="54" t="b">
        <v>1</v>
      </c>
      <c r="S905" s="52" t="s">
        <v>7126</v>
      </c>
      <c r="T905" s="67" t="s">
        <v>7127</v>
      </c>
      <c r="U905" s="75" t="s">
        <v>5331</v>
      </c>
      <c r="V905" s="47" t="s">
        <v>5331</v>
      </c>
      <c r="W905" s="47" t="s">
        <v>5331</v>
      </c>
      <c r="X905" s="47" t="s">
        <v>5331</v>
      </c>
      <c r="Y905" s="47" t="s">
        <v>5331</v>
      </c>
      <c r="Z905" s="28"/>
      <c r="AA905" s="27"/>
      <c r="AB905" s="27"/>
      <c r="AC905" s="27"/>
      <c r="AD905" s="30"/>
      <c r="AE905" s="1"/>
      <c r="AF905" s="23" t="s">
        <v>5331</v>
      </c>
      <c r="AG905" s="26"/>
      <c r="AH905" s="53"/>
    </row>
    <row r="906" spans="1:34" ht="51.6" customHeight="1" x14ac:dyDescent="0.45">
      <c r="A906" s="23">
        <v>900</v>
      </c>
      <c r="B906" s="25"/>
      <c r="C906" s="25"/>
      <c r="D906" s="29"/>
      <c r="E906" s="1"/>
      <c r="F906" s="1"/>
      <c r="G906" s="25"/>
      <c r="H906" s="71"/>
      <c r="I906" s="83"/>
      <c r="J906" s="50" t="str">
        <f t="shared" si="30"/>
        <v/>
      </c>
      <c r="K906" s="23" t="s">
        <v>7120</v>
      </c>
      <c r="L906" s="49" t="e">
        <f>VLOOKUP(E906&amp;F906,団体コード!$A$1:$C$1743,3,FALSE)</f>
        <v>#N/A</v>
      </c>
      <c r="M906" s="49" t="e">
        <f>VLOOKUP(E906&amp;F906,団体コード!$A$1:$C$1743,2,FALSE)</f>
        <v>#N/A</v>
      </c>
      <c r="N906" s="51" t="e">
        <f>VLOOKUP(E906,団体コード!$E$1:$F$48,2,FALSE)</f>
        <v>#N/A</v>
      </c>
      <c r="O906" s="51" t="e">
        <f t="shared" si="31"/>
        <v>#N/A</v>
      </c>
      <c r="P906" s="51">
        <v>1</v>
      </c>
      <c r="Q906" s="51" t="s">
        <v>5341</v>
      </c>
      <c r="R906" s="54" t="b">
        <v>1</v>
      </c>
      <c r="S906" s="52" t="s">
        <v>7126</v>
      </c>
      <c r="T906" s="67" t="s">
        <v>7127</v>
      </c>
      <c r="U906" s="75" t="s">
        <v>5331</v>
      </c>
      <c r="V906" s="47" t="s">
        <v>5331</v>
      </c>
      <c r="W906" s="47" t="s">
        <v>5331</v>
      </c>
      <c r="X906" s="47" t="s">
        <v>5331</v>
      </c>
      <c r="Y906" s="47" t="s">
        <v>5331</v>
      </c>
      <c r="Z906" s="28"/>
      <c r="AA906" s="27"/>
      <c r="AB906" s="27"/>
      <c r="AC906" s="27"/>
      <c r="AD906" s="30"/>
      <c r="AE906" s="1"/>
      <c r="AF906" s="23" t="s">
        <v>5331</v>
      </c>
      <c r="AG906" s="26"/>
      <c r="AH906" s="53"/>
    </row>
    <row r="907" spans="1:34" ht="51.6" customHeight="1" x14ac:dyDescent="0.45">
      <c r="A907" s="23">
        <v>901</v>
      </c>
      <c r="B907" s="25"/>
      <c r="C907" s="25"/>
      <c r="D907" s="29"/>
      <c r="E907" s="1"/>
      <c r="F907" s="1"/>
      <c r="G907" s="25"/>
      <c r="H907" s="71"/>
      <c r="I907" s="83"/>
      <c r="J907" s="50" t="str">
        <f t="shared" si="30"/>
        <v/>
      </c>
      <c r="K907" s="23" t="s">
        <v>7120</v>
      </c>
      <c r="L907" s="49" t="e">
        <f>VLOOKUP(E907&amp;F907,団体コード!$A$1:$C$1743,3,FALSE)</f>
        <v>#N/A</v>
      </c>
      <c r="M907" s="49" t="e">
        <f>VLOOKUP(E907&amp;F907,団体コード!$A$1:$C$1743,2,FALSE)</f>
        <v>#N/A</v>
      </c>
      <c r="N907" s="51" t="e">
        <f>VLOOKUP(E907,団体コード!$E$1:$F$48,2,FALSE)</f>
        <v>#N/A</v>
      </c>
      <c r="O907" s="51" t="e">
        <f t="shared" si="31"/>
        <v>#N/A</v>
      </c>
      <c r="P907" s="51">
        <v>1</v>
      </c>
      <c r="Q907" s="51" t="s">
        <v>5341</v>
      </c>
      <c r="R907" s="54" t="b">
        <v>1</v>
      </c>
      <c r="S907" s="52" t="s">
        <v>7126</v>
      </c>
      <c r="T907" s="67" t="s">
        <v>7127</v>
      </c>
      <c r="U907" s="75" t="s">
        <v>5331</v>
      </c>
      <c r="V907" s="47" t="s">
        <v>5331</v>
      </c>
      <c r="W907" s="47" t="s">
        <v>5331</v>
      </c>
      <c r="X907" s="47" t="s">
        <v>5331</v>
      </c>
      <c r="Y907" s="47" t="s">
        <v>5331</v>
      </c>
      <c r="Z907" s="28"/>
      <c r="AA907" s="27"/>
      <c r="AB907" s="27"/>
      <c r="AC907" s="27"/>
      <c r="AD907" s="30"/>
      <c r="AE907" s="1"/>
      <c r="AF907" s="23" t="s">
        <v>5331</v>
      </c>
      <c r="AG907" s="26"/>
      <c r="AH907" s="53"/>
    </row>
    <row r="908" spans="1:34" ht="51.6" customHeight="1" x14ac:dyDescent="0.45">
      <c r="A908" s="23">
        <v>902</v>
      </c>
      <c r="B908" s="25"/>
      <c r="C908" s="25"/>
      <c r="D908" s="29"/>
      <c r="E908" s="1"/>
      <c r="F908" s="1"/>
      <c r="G908" s="25"/>
      <c r="H908" s="71"/>
      <c r="I908" s="83"/>
      <c r="J908" s="50" t="str">
        <f t="shared" si="30"/>
        <v/>
      </c>
      <c r="K908" s="23" t="s">
        <v>7120</v>
      </c>
      <c r="L908" s="49" t="e">
        <f>VLOOKUP(E908&amp;F908,団体コード!$A$1:$C$1743,3,FALSE)</f>
        <v>#N/A</v>
      </c>
      <c r="M908" s="49" t="e">
        <f>VLOOKUP(E908&amp;F908,団体コード!$A$1:$C$1743,2,FALSE)</f>
        <v>#N/A</v>
      </c>
      <c r="N908" s="51" t="e">
        <f>VLOOKUP(E908,団体コード!$E$1:$F$48,2,FALSE)</f>
        <v>#N/A</v>
      </c>
      <c r="O908" s="51" t="e">
        <f t="shared" si="31"/>
        <v>#N/A</v>
      </c>
      <c r="P908" s="51">
        <v>1</v>
      </c>
      <c r="Q908" s="51" t="s">
        <v>5341</v>
      </c>
      <c r="R908" s="54" t="b">
        <v>1</v>
      </c>
      <c r="S908" s="52" t="s">
        <v>7126</v>
      </c>
      <c r="T908" s="67" t="s">
        <v>7127</v>
      </c>
      <c r="U908" s="75" t="s">
        <v>5331</v>
      </c>
      <c r="V908" s="47" t="s">
        <v>5331</v>
      </c>
      <c r="W908" s="47" t="s">
        <v>5331</v>
      </c>
      <c r="X908" s="47" t="s">
        <v>5331</v>
      </c>
      <c r="Y908" s="47" t="s">
        <v>5331</v>
      </c>
      <c r="Z908" s="28"/>
      <c r="AA908" s="27"/>
      <c r="AB908" s="27"/>
      <c r="AC908" s="27"/>
      <c r="AD908" s="30"/>
      <c r="AE908" s="1"/>
      <c r="AF908" s="23" t="s">
        <v>5331</v>
      </c>
      <c r="AG908" s="26"/>
      <c r="AH908" s="53"/>
    </row>
    <row r="909" spans="1:34" ht="51.6" customHeight="1" x14ac:dyDescent="0.45">
      <c r="A909" s="23">
        <v>903</v>
      </c>
      <c r="B909" s="25"/>
      <c r="C909" s="25"/>
      <c r="D909" s="29"/>
      <c r="E909" s="1"/>
      <c r="F909" s="1"/>
      <c r="G909" s="25"/>
      <c r="H909" s="71"/>
      <c r="I909" s="83"/>
      <c r="J909" s="50" t="str">
        <f t="shared" si="30"/>
        <v/>
      </c>
      <c r="K909" s="23" t="s">
        <v>7120</v>
      </c>
      <c r="L909" s="49" t="e">
        <f>VLOOKUP(E909&amp;F909,団体コード!$A$1:$C$1743,3,FALSE)</f>
        <v>#N/A</v>
      </c>
      <c r="M909" s="49" t="e">
        <f>VLOOKUP(E909&amp;F909,団体コード!$A$1:$C$1743,2,FALSE)</f>
        <v>#N/A</v>
      </c>
      <c r="N909" s="51" t="e">
        <f>VLOOKUP(E909,団体コード!$E$1:$F$48,2,FALSE)</f>
        <v>#N/A</v>
      </c>
      <c r="O909" s="51" t="e">
        <f t="shared" si="31"/>
        <v>#N/A</v>
      </c>
      <c r="P909" s="51">
        <v>1</v>
      </c>
      <c r="Q909" s="51" t="s">
        <v>5341</v>
      </c>
      <c r="R909" s="54" t="b">
        <v>1</v>
      </c>
      <c r="S909" s="52" t="s">
        <v>7126</v>
      </c>
      <c r="T909" s="67" t="s">
        <v>7127</v>
      </c>
      <c r="U909" s="75" t="s">
        <v>5331</v>
      </c>
      <c r="V909" s="47" t="s">
        <v>5331</v>
      </c>
      <c r="W909" s="47" t="s">
        <v>5331</v>
      </c>
      <c r="X909" s="47" t="s">
        <v>5331</v>
      </c>
      <c r="Y909" s="47" t="s">
        <v>5331</v>
      </c>
      <c r="Z909" s="28"/>
      <c r="AA909" s="27"/>
      <c r="AB909" s="27"/>
      <c r="AC909" s="27"/>
      <c r="AD909" s="30"/>
      <c r="AE909" s="1"/>
      <c r="AF909" s="23" t="s">
        <v>5331</v>
      </c>
      <c r="AG909" s="26"/>
      <c r="AH909" s="53"/>
    </row>
    <row r="910" spans="1:34" ht="51.6" customHeight="1" x14ac:dyDescent="0.45">
      <c r="A910" s="23">
        <v>904</v>
      </c>
      <c r="B910" s="25"/>
      <c r="C910" s="25"/>
      <c r="D910" s="29"/>
      <c r="E910" s="1"/>
      <c r="F910" s="1"/>
      <c r="G910" s="25"/>
      <c r="H910" s="71"/>
      <c r="I910" s="83"/>
      <c r="J910" s="50" t="str">
        <f t="shared" si="30"/>
        <v/>
      </c>
      <c r="K910" s="23" t="s">
        <v>7120</v>
      </c>
      <c r="L910" s="49" t="e">
        <f>VLOOKUP(E910&amp;F910,団体コード!$A$1:$C$1743,3,FALSE)</f>
        <v>#N/A</v>
      </c>
      <c r="M910" s="49" t="e">
        <f>VLOOKUP(E910&amp;F910,団体コード!$A$1:$C$1743,2,FALSE)</f>
        <v>#N/A</v>
      </c>
      <c r="N910" s="51" t="e">
        <f>VLOOKUP(E910,団体コード!$E$1:$F$48,2,FALSE)</f>
        <v>#N/A</v>
      </c>
      <c r="O910" s="51" t="e">
        <f t="shared" si="31"/>
        <v>#N/A</v>
      </c>
      <c r="P910" s="51">
        <v>1</v>
      </c>
      <c r="Q910" s="51" t="s">
        <v>5341</v>
      </c>
      <c r="R910" s="54" t="b">
        <v>1</v>
      </c>
      <c r="S910" s="52" t="s">
        <v>7126</v>
      </c>
      <c r="T910" s="67" t="s">
        <v>7127</v>
      </c>
      <c r="U910" s="75" t="s">
        <v>5331</v>
      </c>
      <c r="V910" s="47" t="s">
        <v>5331</v>
      </c>
      <c r="W910" s="47" t="s">
        <v>5331</v>
      </c>
      <c r="X910" s="47" t="s">
        <v>5331</v>
      </c>
      <c r="Y910" s="47" t="s">
        <v>5331</v>
      </c>
      <c r="Z910" s="28"/>
      <c r="AA910" s="27"/>
      <c r="AB910" s="27"/>
      <c r="AC910" s="27"/>
      <c r="AD910" s="30"/>
      <c r="AE910" s="1"/>
      <c r="AF910" s="23" t="s">
        <v>5331</v>
      </c>
      <c r="AG910" s="26"/>
      <c r="AH910" s="53"/>
    </row>
    <row r="911" spans="1:34" ht="51.6" customHeight="1" x14ac:dyDescent="0.45">
      <c r="A911" s="23">
        <v>905</v>
      </c>
      <c r="B911" s="25"/>
      <c r="C911" s="25"/>
      <c r="D911" s="29"/>
      <c r="E911" s="1"/>
      <c r="F911" s="1"/>
      <c r="G911" s="25"/>
      <c r="H911" s="71"/>
      <c r="I911" s="83"/>
      <c r="J911" s="50" t="str">
        <f t="shared" si="30"/>
        <v/>
      </c>
      <c r="K911" s="23" t="s">
        <v>7120</v>
      </c>
      <c r="L911" s="49" t="e">
        <f>VLOOKUP(E911&amp;F911,団体コード!$A$1:$C$1743,3,FALSE)</f>
        <v>#N/A</v>
      </c>
      <c r="M911" s="49" t="e">
        <f>VLOOKUP(E911&amp;F911,団体コード!$A$1:$C$1743,2,FALSE)</f>
        <v>#N/A</v>
      </c>
      <c r="N911" s="51" t="e">
        <f>VLOOKUP(E911,団体コード!$E$1:$F$48,2,FALSE)</f>
        <v>#N/A</v>
      </c>
      <c r="O911" s="51" t="e">
        <f t="shared" si="31"/>
        <v>#N/A</v>
      </c>
      <c r="P911" s="51">
        <v>1</v>
      </c>
      <c r="Q911" s="51" t="s">
        <v>5341</v>
      </c>
      <c r="R911" s="54" t="b">
        <v>1</v>
      </c>
      <c r="S911" s="52" t="s">
        <v>7126</v>
      </c>
      <c r="T911" s="67" t="s">
        <v>7127</v>
      </c>
      <c r="U911" s="75" t="s">
        <v>5331</v>
      </c>
      <c r="V911" s="47" t="s">
        <v>5331</v>
      </c>
      <c r="W911" s="47" t="s">
        <v>5331</v>
      </c>
      <c r="X911" s="47" t="s">
        <v>5331</v>
      </c>
      <c r="Y911" s="47" t="s">
        <v>5331</v>
      </c>
      <c r="Z911" s="28"/>
      <c r="AA911" s="27"/>
      <c r="AB911" s="27"/>
      <c r="AC911" s="27"/>
      <c r="AD911" s="30"/>
      <c r="AE911" s="1"/>
      <c r="AF911" s="23" t="s">
        <v>5331</v>
      </c>
      <c r="AG911" s="26"/>
      <c r="AH911" s="53"/>
    </row>
    <row r="912" spans="1:34" ht="51.6" customHeight="1" x14ac:dyDescent="0.45">
      <c r="A912" s="23">
        <v>906</v>
      </c>
      <c r="B912" s="25"/>
      <c r="C912" s="25"/>
      <c r="D912" s="29"/>
      <c r="E912" s="1"/>
      <c r="F912" s="1"/>
      <c r="G912" s="25"/>
      <c r="H912" s="71"/>
      <c r="I912" s="83"/>
      <c r="J912" s="50" t="str">
        <f t="shared" si="30"/>
        <v/>
      </c>
      <c r="K912" s="23" t="s">
        <v>7120</v>
      </c>
      <c r="L912" s="49" t="e">
        <f>VLOOKUP(E912&amp;F912,団体コード!$A$1:$C$1743,3,FALSE)</f>
        <v>#N/A</v>
      </c>
      <c r="M912" s="49" t="e">
        <f>VLOOKUP(E912&amp;F912,団体コード!$A$1:$C$1743,2,FALSE)</f>
        <v>#N/A</v>
      </c>
      <c r="N912" s="51" t="e">
        <f>VLOOKUP(E912,団体コード!$E$1:$F$48,2,FALSE)</f>
        <v>#N/A</v>
      </c>
      <c r="O912" s="51" t="e">
        <f t="shared" si="31"/>
        <v>#N/A</v>
      </c>
      <c r="P912" s="51">
        <v>1</v>
      </c>
      <c r="Q912" s="51" t="s">
        <v>5341</v>
      </c>
      <c r="R912" s="54" t="b">
        <v>1</v>
      </c>
      <c r="S912" s="52" t="s">
        <v>7126</v>
      </c>
      <c r="T912" s="67" t="s">
        <v>7127</v>
      </c>
      <c r="U912" s="75" t="s">
        <v>5331</v>
      </c>
      <c r="V912" s="47" t="s">
        <v>5331</v>
      </c>
      <c r="W912" s="47" t="s">
        <v>5331</v>
      </c>
      <c r="X912" s="47" t="s">
        <v>5331</v>
      </c>
      <c r="Y912" s="47" t="s">
        <v>5331</v>
      </c>
      <c r="Z912" s="28"/>
      <c r="AA912" s="27"/>
      <c r="AB912" s="27"/>
      <c r="AC912" s="27"/>
      <c r="AD912" s="30"/>
      <c r="AE912" s="1"/>
      <c r="AF912" s="23" t="s">
        <v>5331</v>
      </c>
      <c r="AG912" s="26"/>
      <c r="AH912" s="53"/>
    </row>
    <row r="913" spans="1:34" ht="51.6" customHeight="1" x14ac:dyDescent="0.45">
      <c r="A913" s="23">
        <v>907</v>
      </c>
      <c r="B913" s="25"/>
      <c r="C913" s="25"/>
      <c r="D913" s="29"/>
      <c r="E913" s="1"/>
      <c r="F913" s="1"/>
      <c r="G913" s="25"/>
      <c r="H913" s="71"/>
      <c r="I913" s="83"/>
      <c r="J913" s="50" t="str">
        <f t="shared" si="30"/>
        <v/>
      </c>
      <c r="K913" s="23" t="s">
        <v>7120</v>
      </c>
      <c r="L913" s="49" t="e">
        <f>VLOOKUP(E913&amp;F913,団体コード!$A$1:$C$1743,3,FALSE)</f>
        <v>#N/A</v>
      </c>
      <c r="M913" s="49" t="e">
        <f>VLOOKUP(E913&amp;F913,団体コード!$A$1:$C$1743,2,FALSE)</f>
        <v>#N/A</v>
      </c>
      <c r="N913" s="51" t="e">
        <f>VLOOKUP(E913,団体コード!$E$1:$F$48,2,FALSE)</f>
        <v>#N/A</v>
      </c>
      <c r="O913" s="51" t="e">
        <f t="shared" si="31"/>
        <v>#N/A</v>
      </c>
      <c r="P913" s="51">
        <v>1</v>
      </c>
      <c r="Q913" s="51" t="s">
        <v>5341</v>
      </c>
      <c r="R913" s="54" t="b">
        <v>1</v>
      </c>
      <c r="S913" s="52" t="s">
        <v>7126</v>
      </c>
      <c r="T913" s="67" t="s">
        <v>7127</v>
      </c>
      <c r="U913" s="75" t="s">
        <v>5331</v>
      </c>
      <c r="V913" s="47" t="s">
        <v>5331</v>
      </c>
      <c r="W913" s="47" t="s">
        <v>5331</v>
      </c>
      <c r="X913" s="47" t="s">
        <v>5331</v>
      </c>
      <c r="Y913" s="47" t="s">
        <v>5331</v>
      </c>
      <c r="Z913" s="28"/>
      <c r="AA913" s="27"/>
      <c r="AB913" s="27"/>
      <c r="AC913" s="27"/>
      <c r="AD913" s="30"/>
      <c r="AE913" s="1"/>
      <c r="AF913" s="23" t="s">
        <v>5331</v>
      </c>
      <c r="AG913" s="26"/>
      <c r="AH913" s="53"/>
    </row>
    <row r="914" spans="1:34" ht="51.6" customHeight="1" x14ac:dyDescent="0.45">
      <c r="A914" s="23">
        <v>908</v>
      </c>
      <c r="B914" s="25"/>
      <c r="C914" s="25"/>
      <c r="D914" s="29"/>
      <c r="E914" s="1"/>
      <c r="F914" s="1"/>
      <c r="G914" s="25"/>
      <c r="H914" s="71"/>
      <c r="I914" s="83"/>
      <c r="J914" s="50" t="str">
        <f t="shared" si="30"/>
        <v/>
      </c>
      <c r="K914" s="23" t="s">
        <v>7120</v>
      </c>
      <c r="L914" s="49" t="e">
        <f>VLOOKUP(E914&amp;F914,団体コード!$A$1:$C$1743,3,FALSE)</f>
        <v>#N/A</v>
      </c>
      <c r="M914" s="49" t="e">
        <f>VLOOKUP(E914&amp;F914,団体コード!$A$1:$C$1743,2,FALSE)</f>
        <v>#N/A</v>
      </c>
      <c r="N914" s="51" t="e">
        <f>VLOOKUP(E914,団体コード!$E$1:$F$48,2,FALSE)</f>
        <v>#N/A</v>
      </c>
      <c r="O914" s="51" t="e">
        <f t="shared" si="31"/>
        <v>#N/A</v>
      </c>
      <c r="P914" s="51">
        <v>1</v>
      </c>
      <c r="Q914" s="51" t="s">
        <v>5341</v>
      </c>
      <c r="R914" s="54" t="b">
        <v>1</v>
      </c>
      <c r="S914" s="52" t="s">
        <v>7126</v>
      </c>
      <c r="T914" s="67" t="s">
        <v>7127</v>
      </c>
      <c r="U914" s="75" t="s">
        <v>5331</v>
      </c>
      <c r="V914" s="47" t="s">
        <v>5331</v>
      </c>
      <c r="W914" s="47" t="s">
        <v>5331</v>
      </c>
      <c r="X914" s="47" t="s">
        <v>5331</v>
      </c>
      <c r="Y914" s="47" t="s">
        <v>5331</v>
      </c>
      <c r="Z914" s="28"/>
      <c r="AA914" s="27"/>
      <c r="AB914" s="27"/>
      <c r="AC914" s="27"/>
      <c r="AD914" s="30"/>
      <c r="AE914" s="1"/>
      <c r="AF914" s="23" t="s">
        <v>5331</v>
      </c>
      <c r="AG914" s="26"/>
      <c r="AH914" s="53"/>
    </row>
    <row r="915" spans="1:34" ht="51.6" customHeight="1" x14ac:dyDescent="0.45">
      <c r="A915" s="23">
        <v>909</v>
      </c>
      <c r="B915" s="25"/>
      <c r="C915" s="25"/>
      <c r="D915" s="29"/>
      <c r="E915" s="1"/>
      <c r="F915" s="1"/>
      <c r="G915" s="25"/>
      <c r="H915" s="71"/>
      <c r="I915" s="83"/>
      <c r="J915" s="50" t="str">
        <f t="shared" si="30"/>
        <v/>
      </c>
      <c r="K915" s="23" t="s">
        <v>7120</v>
      </c>
      <c r="L915" s="49" t="e">
        <f>VLOOKUP(E915&amp;F915,団体コード!$A$1:$C$1743,3,FALSE)</f>
        <v>#N/A</v>
      </c>
      <c r="M915" s="49" t="e">
        <f>VLOOKUP(E915&amp;F915,団体コード!$A$1:$C$1743,2,FALSE)</f>
        <v>#N/A</v>
      </c>
      <c r="N915" s="51" t="e">
        <f>VLOOKUP(E915,団体コード!$E$1:$F$48,2,FALSE)</f>
        <v>#N/A</v>
      </c>
      <c r="O915" s="51" t="e">
        <f t="shared" si="31"/>
        <v>#N/A</v>
      </c>
      <c r="P915" s="51">
        <v>1</v>
      </c>
      <c r="Q915" s="51" t="s">
        <v>5341</v>
      </c>
      <c r="R915" s="54" t="b">
        <v>1</v>
      </c>
      <c r="S915" s="52" t="s">
        <v>7126</v>
      </c>
      <c r="T915" s="67" t="s">
        <v>7127</v>
      </c>
      <c r="U915" s="75" t="s">
        <v>5331</v>
      </c>
      <c r="V915" s="47" t="s">
        <v>5331</v>
      </c>
      <c r="W915" s="47" t="s">
        <v>5331</v>
      </c>
      <c r="X915" s="47" t="s">
        <v>5331</v>
      </c>
      <c r="Y915" s="47" t="s">
        <v>5331</v>
      </c>
      <c r="Z915" s="28"/>
      <c r="AA915" s="27"/>
      <c r="AB915" s="27"/>
      <c r="AC915" s="27"/>
      <c r="AD915" s="30"/>
      <c r="AE915" s="1"/>
      <c r="AF915" s="23" t="s">
        <v>5331</v>
      </c>
      <c r="AG915" s="26"/>
      <c r="AH915" s="53"/>
    </row>
    <row r="916" spans="1:34" ht="51.6" customHeight="1" x14ac:dyDescent="0.45">
      <c r="A916" s="23">
        <v>910</v>
      </c>
      <c r="B916" s="25"/>
      <c r="C916" s="25"/>
      <c r="D916" s="29"/>
      <c r="E916" s="1"/>
      <c r="F916" s="1"/>
      <c r="G916" s="25"/>
      <c r="H916" s="71"/>
      <c r="I916" s="83"/>
      <c r="J916" s="50" t="str">
        <f t="shared" si="30"/>
        <v/>
      </c>
      <c r="K916" s="23" t="s">
        <v>7120</v>
      </c>
      <c r="L916" s="49" t="e">
        <f>VLOOKUP(E916&amp;F916,団体コード!$A$1:$C$1743,3,FALSE)</f>
        <v>#N/A</v>
      </c>
      <c r="M916" s="49" t="e">
        <f>VLOOKUP(E916&amp;F916,団体コード!$A$1:$C$1743,2,FALSE)</f>
        <v>#N/A</v>
      </c>
      <c r="N916" s="51" t="e">
        <f>VLOOKUP(E916,団体コード!$E$1:$F$48,2,FALSE)</f>
        <v>#N/A</v>
      </c>
      <c r="O916" s="51" t="e">
        <f t="shared" si="31"/>
        <v>#N/A</v>
      </c>
      <c r="P916" s="51">
        <v>1</v>
      </c>
      <c r="Q916" s="51" t="s">
        <v>5341</v>
      </c>
      <c r="R916" s="54" t="b">
        <v>1</v>
      </c>
      <c r="S916" s="52" t="s">
        <v>7126</v>
      </c>
      <c r="T916" s="67" t="s">
        <v>7127</v>
      </c>
      <c r="U916" s="75" t="s">
        <v>5331</v>
      </c>
      <c r="V916" s="47" t="s">
        <v>5331</v>
      </c>
      <c r="W916" s="47" t="s">
        <v>5331</v>
      </c>
      <c r="X916" s="47" t="s">
        <v>5331</v>
      </c>
      <c r="Y916" s="47" t="s">
        <v>5331</v>
      </c>
      <c r="Z916" s="28"/>
      <c r="AA916" s="27"/>
      <c r="AB916" s="27"/>
      <c r="AC916" s="27"/>
      <c r="AD916" s="30"/>
      <c r="AE916" s="1"/>
      <c r="AF916" s="23" t="s">
        <v>5331</v>
      </c>
      <c r="AG916" s="26"/>
      <c r="AH916" s="53"/>
    </row>
    <row r="917" spans="1:34" ht="51.6" customHeight="1" x14ac:dyDescent="0.45">
      <c r="A917" s="23">
        <v>911</v>
      </c>
      <c r="B917" s="25"/>
      <c r="C917" s="25"/>
      <c r="D917" s="29"/>
      <c r="E917" s="1"/>
      <c r="F917" s="1"/>
      <c r="G917" s="25"/>
      <c r="H917" s="71"/>
      <c r="I917" s="83"/>
      <c r="J917" s="50" t="str">
        <f t="shared" si="30"/>
        <v/>
      </c>
      <c r="K917" s="23" t="s">
        <v>7120</v>
      </c>
      <c r="L917" s="49" t="e">
        <f>VLOOKUP(E917&amp;F917,団体コード!$A$1:$C$1743,3,FALSE)</f>
        <v>#N/A</v>
      </c>
      <c r="M917" s="49" t="e">
        <f>VLOOKUP(E917&amp;F917,団体コード!$A$1:$C$1743,2,FALSE)</f>
        <v>#N/A</v>
      </c>
      <c r="N917" s="51" t="e">
        <f>VLOOKUP(E917,団体コード!$E$1:$F$48,2,FALSE)</f>
        <v>#N/A</v>
      </c>
      <c r="O917" s="51" t="e">
        <f t="shared" si="31"/>
        <v>#N/A</v>
      </c>
      <c r="P917" s="51">
        <v>1</v>
      </c>
      <c r="Q917" s="51" t="s">
        <v>5341</v>
      </c>
      <c r="R917" s="54" t="b">
        <v>1</v>
      </c>
      <c r="S917" s="52" t="s">
        <v>7126</v>
      </c>
      <c r="T917" s="67" t="s">
        <v>7127</v>
      </c>
      <c r="U917" s="75" t="s">
        <v>5331</v>
      </c>
      <c r="V917" s="47" t="s">
        <v>5331</v>
      </c>
      <c r="W917" s="47" t="s">
        <v>5331</v>
      </c>
      <c r="X917" s="47" t="s">
        <v>5331</v>
      </c>
      <c r="Y917" s="47" t="s">
        <v>5331</v>
      </c>
      <c r="Z917" s="28"/>
      <c r="AA917" s="27"/>
      <c r="AB917" s="27"/>
      <c r="AC917" s="27"/>
      <c r="AD917" s="30"/>
      <c r="AE917" s="1"/>
      <c r="AF917" s="23" t="s">
        <v>5331</v>
      </c>
      <c r="AG917" s="26"/>
      <c r="AH917" s="53"/>
    </row>
    <row r="918" spans="1:34" ht="51.6" customHeight="1" x14ac:dyDescent="0.45">
      <c r="A918" s="23">
        <v>912</v>
      </c>
      <c r="B918" s="25"/>
      <c r="C918" s="25"/>
      <c r="D918" s="29"/>
      <c r="E918" s="1"/>
      <c r="F918" s="1"/>
      <c r="G918" s="25"/>
      <c r="H918" s="71"/>
      <c r="I918" s="83"/>
      <c r="J918" s="50" t="str">
        <f t="shared" si="30"/>
        <v/>
      </c>
      <c r="K918" s="23" t="s">
        <v>7120</v>
      </c>
      <c r="L918" s="49" t="e">
        <f>VLOOKUP(E918&amp;F918,団体コード!$A$1:$C$1743,3,FALSE)</f>
        <v>#N/A</v>
      </c>
      <c r="M918" s="49" t="e">
        <f>VLOOKUP(E918&amp;F918,団体コード!$A$1:$C$1743,2,FALSE)</f>
        <v>#N/A</v>
      </c>
      <c r="N918" s="51" t="e">
        <f>VLOOKUP(E918,団体コード!$E$1:$F$48,2,FALSE)</f>
        <v>#N/A</v>
      </c>
      <c r="O918" s="51" t="e">
        <f t="shared" si="31"/>
        <v>#N/A</v>
      </c>
      <c r="P918" s="51">
        <v>1</v>
      </c>
      <c r="Q918" s="51" t="s">
        <v>5341</v>
      </c>
      <c r="R918" s="54" t="b">
        <v>1</v>
      </c>
      <c r="S918" s="52" t="s">
        <v>7126</v>
      </c>
      <c r="T918" s="67" t="s">
        <v>7127</v>
      </c>
      <c r="U918" s="75" t="s">
        <v>5331</v>
      </c>
      <c r="V918" s="47" t="s">
        <v>5331</v>
      </c>
      <c r="W918" s="47" t="s">
        <v>5331</v>
      </c>
      <c r="X918" s="47" t="s">
        <v>5331</v>
      </c>
      <c r="Y918" s="47" t="s">
        <v>5331</v>
      </c>
      <c r="Z918" s="28"/>
      <c r="AA918" s="27"/>
      <c r="AB918" s="27"/>
      <c r="AC918" s="27"/>
      <c r="AD918" s="30"/>
      <c r="AE918" s="1"/>
      <c r="AF918" s="23" t="s">
        <v>5331</v>
      </c>
      <c r="AG918" s="26"/>
      <c r="AH918" s="53"/>
    </row>
    <row r="919" spans="1:34" ht="51.6" customHeight="1" x14ac:dyDescent="0.45">
      <c r="A919" s="23">
        <v>913</v>
      </c>
      <c r="B919" s="25"/>
      <c r="C919" s="25"/>
      <c r="D919" s="29"/>
      <c r="E919" s="1"/>
      <c r="F919" s="1"/>
      <c r="G919" s="25"/>
      <c r="H919" s="71"/>
      <c r="I919" s="83"/>
      <c r="J919" s="50" t="str">
        <f t="shared" si="30"/>
        <v/>
      </c>
      <c r="K919" s="23" t="s">
        <v>7120</v>
      </c>
      <c r="L919" s="49" t="e">
        <f>VLOOKUP(E919&amp;F919,団体コード!$A$1:$C$1743,3,FALSE)</f>
        <v>#N/A</v>
      </c>
      <c r="M919" s="49" t="e">
        <f>VLOOKUP(E919&amp;F919,団体コード!$A$1:$C$1743,2,FALSE)</f>
        <v>#N/A</v>
      </c>
      <c r="N919" s="51" t="e">
        <f>VLOOKUP(E919,団体コード!$E$1:$F$48,2,FALSE)</f>
        <v>#N/A</v>
      </c>
      <c r="O919" s="51" t="e">
        <f t="shared" si="31"/>
        <v>#N/A</v>
      </c>
      <c r="P919" s="51">
        <v>1</v>
      </c>
      <c r="Q919" s="51" t="s">
        <v>5341</v>
      </c>
      <c r="R919" s="54" t="b">
        <v>1</v>
      </c>
      <c r="S919" s="52" t="s">
        <v>7126</v>
      </c>
      <c r="T919" s="67" t="s">
        <v>7127</v>
      </c>
      <c r="U919" s="75" t="s">
        <v>5331</v>
      </c>
      <c r="V919" s="47" t="s">
        <v>5331</v>
      </c>
      <c r="W919" s="47" t="s">
        <v>5331</v>
      </c>
      <c r="X919" s="47" t="s">
        <v>5331</v>
      </c>
      <c r="Y919" s="47" t="s">
        <v>5331</v>
      </c>
      <c r="Z919" s="28"/>
      <c r="AA919" s="27"/>
      <c r="AB919" s="27"/>
      <c r="AC919" s="27"/>
      <c r="AD919" s="30"/>
      <c r="AE919" s="1"/>
      <c r="AF919" s="23" t="s">
        <v>5331</v>
      </c>
      <c r="AG919" s="26"/>
      <c r="AH919" s="53"/>
    </row>
    <row r="920" spans="1:34" ht="51.6" customHeight="1" x14ac:dyDescent="0.45">
      <c r="A920" s="23">
        <v>914</v>
      </c>
      <c r="B920" s="25"/>
      <c r="C920" s="25"/>
      <c r="D920" s="29"/>
      <c r="E920" s="1"/>
      <c r="F920" s="1"/>
      <c r="G920" s="25"/>
      <c r="H920" s="71"/>
      <c r="I920" s="83"/>
      <c r="J920" s="50" t="str">
        <f t="shared" si="30"/>
        <v/>
      </c>
      <c r="K920" s="23" t="s">
        <v>7120</v>
      </c>
      <c r="L920" s="49" t="e">
        <f>VLOOKUP(E920&amp;F920,団体コード!$A$1:$C$1743,3,FALSE)</f>
        <v>#N/A</v>
      </c>
      <c r="M920" s="49" t="e">
        <f>VLOOKUP(E920&amp;F920,団体コード!$A$1:$C$1743,2,FALSE)</f>
        <v>#N/A</v>
      </c>
      <c r="N920" s="51" t="e">
        <f>VLOOKUP(E920,団体コード!$E$1:$F$48,2,FALSE)</f>
        <v>#N/A</v>
      </c>
      <c r="O920" s="51" t="e">
        <f t="shared" si="31"/>
        <v>#N/A</v>
      </c>
      <c r="P920" s="51">
        <v>1</v>
      </c>
      <c r="Q920" s="51" t="s">
        <v>5341</v>
      </c>
      <c r="R920" s="54" t="b">
        <v>1</v>
      </c>
      <c r="S920" s="52" t="s">
        <v>7126</v>
      </c>
      <c r="T920" s="67" t="s">
        <v>7127</v>
      </c>
      <c r="U920" s="75" t="s">
        <v>5331</v>
      </c>
      <c r="V920" s="47" t="s">
        <v>5331</v>
      </c>
      <c r="W920" s="47" t="s">
        <v>5331</v>
      </c>
      <c r="X920" s="47" t="s">
        <v>5331</v>
      </c>
      <c r="Y920" s="47" t="s">
        <v>5331</v>
      </c>
      <c r="Z920" s="28"/>
      <c r="AA920" s="27"/>
      <c r="AB920" s="27"/>
      <c r="AC920" s="27"/>
      <c r="AD920" s="30"/>
      <c r="AE920" s="1"/>
      <c r="AF920" s="23" t="s">
        <v>5331</v>
      </c>
      <c r="AG920" s="26"/>
      <c r="AH920" s="53"/>
    </row>
    <row r="921" spans="1:34" ht="51.6" customHeight="1" x14ac:dyDescent="0.45">
      <c r="A921" s="23">
        <v>915</v>
      </c>
      <c r="B921" s="25"/>
      <c r="C921" s="25"/>
      <c r="D921" s="29"/>
      <c r="E921" s="1"/>
      <c r="F921" s="1"/>
      <c r="G921" s="25"/>
      <c r="H921" s="71"/>
      <c r="I921" s="83"/>
      <c r="J921" s="50" t="str">
        <f t="shared" si="30"/>
        <v/>
      </c>
      <c r="K921" s="23" t="s">
        <v>7120</v>
      </c>
      <c r="L921" s="49" t="e">
        <f>VLOOKUP(E921&amp;F921,団体コード!$A$1:$C$1743,3,FALSE)</f>
        <v>#N/A</v>
      </c>
      <c r="M921" s="49" t="e">
        <f>VLOOKUP(E921&amp;F921,団体コード!$A$1:$C$1743,2,FALSE)</f>
        <v>#N/A</v>
      </c>
      <c r="N921" s="51" t="e">
        <f>VLOOKUP(E921,団体コード!$E$1:$F$48,2,FALSE)</f>
        <v>#N/A</v>
      </c>
      <c r="O921" s="51" t="e">
        <f t="shared" si="31"/>
        <v>#N/A</v>
      </c>
      <c r="P921" s="51">
        <v>1</v>
      </c>
      <c r="Q921" s="51" t="s">
        <v>5341</v>
      </c>
      <c r="R921" s="54" t="b">
        <v>1</v>
      </c>
      <c r="S921" s="52" t="s">
        <v>7126</v>
      </c>
      <c r="T921" s="67" t="s">
        <v>7127</v>
      </c>
      <c r="U921" s="75" t="s">
        <v>5331</v>
      </c>
      <c r="V921" s="47" t="s">
        <v>5331</v>
      </c>
      <c r="W921" s="47" t="s">
        <v>5331</v>
      </c>
      <c r="X921" s="47" t="s">
        <v>5331</v>
      </c>
      <c r="Y921" s="47" t="s">
        <v>5331</v>
      </c>
      <c r="Z921" s="28"/>
      <c r="AA921" s="27"/>
      <c r="AB921" s="27"/>
      <c r="AC921" s="27"/>
      <c r="AD921" s="30"/>
      <c r="AE921" s="1"/>
      <c r="AF921" s="23" t="s">
        <v>5331</v>
      </c>
      <c r="AG921" s="26"/>
      <c r="AH921" s="53"/>
    </row>
    <row r="922" spans="1:34" ht="51.6" customHeight="1" x14ac:dyDescent="0.45">
      <c r="A922" s="23">
        <v>916</v>
      </c>
      <c r="B922" s="25"/>
      <c r="C922" s="25"/>
      <c r="D922" s="29"/>
      <c r="E922" s="1"/>
      <c r="F922" s="1"/>
      <c r="G922" s="25"/>
      <c r="H922" s="71"/>
      <c r="I922" s="83"/>
      <c r="J922" s="50" t="str">
        <f t="shared" si="30"/>
        <v/>
      </c>
      <c r="K922" s="23" t="s">
        <v>7120</v>
      </c>
      <c r="L922" s="49" t="e">
        <f>VLOOKUP(E922&amp;F922,団体コード!$A$1:$C$1743,3,FALSE)</f>
        <v>#N/A</v>
      </c>
      <c r="M922" s="49" t="e">
        <f>VLOOKUP(E922&amp;F922,団体コード!$A$1:$C$1743,2,FALSE)</f>
        <v>#N/A</v>
      </c>
      <c r="N922" s="51" t="e">
        <f>VLOOKUP(E922,団体コード!$E$1:$F$48,2,FALSE)</f>
        <v>#N/A</v>
      </c>
      <c r="O922" s="51" t="e">
        <f t="shared" si="31"/>
        <v>#N/A</v>
      </c>
      <c r="P922" s="51">
        <v>1</v>
      </c>
      <c r="Q922" s="51" t="s">
        <v>5341</v>
      </c>
      <c r="R922" s="54" t="b">
        <v>1</v>
      </c>
      <c r="S922" s="52" t="s">
        <v>7126</v>
      </c>
      <c r="T922" s="67" t="s">
        <v>7127</v>
      </c>
      <c r="U922" s="75" t="s">
        <v>5331</v>
      </c>
      <c r="V922" s="47" t="s">
        <v>5331</v>
      </c>
      <c r="W922" s="47" t="s">
        <v>5331</v>
      </c>
      <c r="X922" s="47" t="s">
        <v>5331</v>
      </c>
      <c r="Y922" s="47" t="s">
        <v>5331</v>
      </c>
      <c r="Z922" s="28"/>
      <c r="AA922" s="27"/>
      <c r="AB922" s="27"/>
      <c r="AC922" s="27"/>
      <c r="AD922" s="30"/>
      <c r="AE922" s="1"/>
      <c r="AF922" s="23" t="s">
        <v>5331</v>
      </c>
      <c r="AG922" s="26"/>
      <c r="AH922" s="53"/>
    </row>
    <row r="923" spans="1:34" ht="51.6" customHeight="1" x14ac:dyDescent="0.45">
      <c r="A923" s="23">
        <v>917</v>
      </c>
      <c r="B923" s="25"/>
      <c r="C923" s="25"/>
      <c r="D923" s="29"/>
      <c r="E923" s="1"/>
      <c r="F923" s="1"/>
      <c r="G923" s="25"/>
      <c r="H923" s="71"/>
      <c r="I923" s="83"/>
      <c r="J923" s="50" t="str">
        <f t="shared" si="30"/>
        <v/>
      </c>
      <c r="K923" s="23" t="s">
        <v>7120</v>
      </c>
      <c r="L923" s="49" t="e">
        <f>VLOOKUP(E923&amp;F923,団体コード!$A$1:$C$1743,3,FALSE)</f>
        <v>#N/A</v>
      </c>
      <c r="M923" s="49" t="e">
        <f>VLOOKUP(E923&amp;F923,団体コード!$A$1:$C$1743,2,FALSE)</f>
        <v>#N/A</v>
      </c>
      <c r="N923" s="51" t="e">
        <f>VLOOKUP(E923,団体コード!$E$1:$F$48,2,FALSE)</f>
        <v>#N/A</v>
      </c>
      <c r="O923" s="51" t="e">
        <f t="shared" si="31"/>
        <v>#N/A</v>
      </c>
      <c r="P923" s="51">
        <v>1</v>
      </c>
      <c r="Q923" s="51" t="s">
        <v>5341</v>
      </c>
      <c r="R923" s="54" t="b">
        <v>1</v>
      </c>
      <c r="S923" s="52" t="s">
        <v>7126</v>
      </c>
      <c r="T923" s="67" t="s">
        <v>7127</v>
      </c>
      <c r="U923" s="75" t="s">
        <v>5331</v>
      </c>
      <c r="V923" s="47" t="s">
        <v>5331</v>
      </c>
      <c r="W923" s="47" t="s">
        <v>5331</v>
      </c>
      <c r="X923" s="47" t="s">
        <v>5331</v>
      </c>
      <c r="Y923" s="47" t="s">
        <v>5331</v>
      </c>
      <c r="Z923" s="28"/>
      <c r="AA923" s="27"/>
      <c r="AB923" s="27"/>
      <c r="AC923" s="27"/>
      <c r="AD923" s="30"/>
      <c r="AE923" s="1"/>
      <c r="AF923" s="23" t="s">
        <v>5331</v>
      </c>
      <c r="AG923" s="26"/>
      <c r="AH923" s="53"/>
    </row>
    <row r="924" spans="1:34" ht="51.6" customHeight="1" x14ac:dyDescent="0.45">
      <c r="A924" s="23">
        <v>918</v>
      </c>
      <c r="B924" s="25"/>
      <c r="C924" s="25"/>
      <c r="D924" s="29"/>
      <c r="E924" s="1"/>
      <c r="F924" s="1"/>
      <c r="G924" s="25"/>
      <c r="H924" s="71"/>
      <c r="I924" s="83"/>
      <c r="J924" s="50" t="str">
        <f t="shared" si="30"/>
        <v/>
      </c>
      <c r="K924" s="23" t="s">
        <v>7120</v>
      </c>
      <c r="L924" s="49" t="e">
        <f>VLOOKUP(E924&amp;F924,団体コード!$A$1:$C$1743,3,FALSE)</f>
        <v>#N/A</v>
      </c>
      <c r="M924" s="49" t="e">
        <f>VLOOKUP(E924&amp;F924,団体コード!$A$1:$C$1743,2,FALSE)</f>
        <v>#N/A</v>
      </c>
      <c r="N924" s="51" t="e">
        <f>VLOOKUP(E924,団体コード!$E$1:$F$48,2,FALSE)</f>
        <v>#N/A</v>
      </c>
      <c r="O924" s="51" t="e">
        <f t="shared" si="31"/>
        <v>#N/A</v>
      </c>
      <c r="P924" s="51">
        <v>1</v>
      </c>
      <c r="Q924" s="51" t="s">
        <v>5341</v>
      </c>
      <c r="R924" s="54" t="b">
        <v>1</v>
      </c>
      <c r="S924" s="52" t="s">
        <v>7126</v>
      </c>
      <c r="T924" s="67" t="s">
        <v>7127</v>
      </c>
      <c r="U924" s="75" t="s">
        <v>5331</v>
      </c>
      <c r="V924" s="47" t="s">
        <v>5331</v>
      </c>
      <c r="W924" s="47" t="s">
        <v>5331</v>
      </c>
      <c r="X924" s="47" t="s">
        <v>5331</v>
      </c>
      <c r="Y924" s="47" t="s">
        <v>5331</v>
      </c>
      <c r="Z924" s="28"/>
      <c r="AA924" s="27"/>
      <c r="AB924" s="27"/>
      <c r="AC924" s="27"/>
      <c r="AD924" s="30"/>
      <c r="AE924" s="1"/>
      <c r="AF924" s="23" t="s">
        <v>5331</v>
      </c>
      <c r="AG924" s="26"/>
      <c r="AH924" s="53"/>
    </row>
    <row r="925" spans="1:34" ht="51.6" customHeight="1" x14ac:dyDescent="0.45">
      <c r="A925" s="23">
        <v>919</v>
      </c>
      <c r="B925" s="25"/>
      <c r="C925" s="25"/>
      <c r="D925" s="29"/>
      <c r="E925" s="1"/>
      <c r="F925" s="1"/>
      <c r="G925" s="25"/>
      <c r="H925" s="71"/>
      <c r="I925" s="83"/>
      <c r="J925" s="50" t="str">
        <f t="shared" si="30"/>
        <v/>
      </c>
      <c r="K925" s="23" t="s">
        <v>7120</v>
      </c>
      <c r="L925" s="49" t="e">
        <f>VLOOKUP(E925&amp;F925,団体コード!$A$1:$C$1743,3,FALSE)</f>
        <v>#N/A</v>
      </c>
      <c r="M925" s="49" t="e">
        <f>VLOOKUP(E925&amp;F925,団体コード!$A$1:$C$1743,2,FALSE)</f>
        <v>#N/A</v>
      </c>
      <c r="N925" s="51" t="e">
        <f>VLOOKUP(E925,団体コード!$E$1:$F$48,2,FALSE)</f>
        <v>#N/A</v>
      </c>
      <c r="O925" s="51" t="e">
        <f t="shared" si="31"/>
        <v>#N/A</v>
      </c>
      <c r="P925" s="51">
        <v>1</v>
      </c>
      <c r="Q925" s="51" t="s">
        <v>5341</v>
      </c>
      <c r="R925" s="54" t="b">
        <v>1</v>
      </c>
      <c r="S925" s="52" t="s">
        <v>7126</v>
      </c>
      <c r="T925" s="67" t="s">
        <v>7127</v>
      </c>
      <c r="U925" s="75" t="s">
        <v>5331</v>
      </c>
      <c r="V925" s="47" t="s">
        <v>5331</v>
      </c>
      <c r="W925" s="47" t="s">
        <v>5331</v>
      </c>
      <c r="X925" s="47" t="s">
        <v>5331</v>
      </c>
      <c r="Y925" s="47" t="s">
        <v>5331</v>
      </c>
      <c r="Z925" s="28"/>
      <c r="AA925" s="27"/>
      <c r="AB925" s="27"/>
      <c r="AC925" s="27"/>
      <c r="AD925" s="30"/>
      <c r="AE925" s="1"/>
      <c r="AF925" s="23" t="s">
        <v>5331</v>
      </c>
      <c r="AG925" s="26"/>
      <c r="AH925" s="53"/>
    </row>
    <row r="926" spans="1:34" ht="51.6" customHeight="1" x14ac:dyDescent="0.45">
      <c r="A926" s="23">
        <v>920</v>
      </c>
      <c r="B926" s="25"/>
      <c r="C926" s="25"/>
      <c r="D926" s="29"/>
      <c r="E926" s="1"/>
      <c r="F926" s="1"/>
      <c r="G926" s="25"/>
      <c r="H926" s="71"/>
      <c r="I926" s="83"/>
      <c r="J926" s="50" t="str">
        <f t="shared" si="30"/>
        <v/>
      </c>
      <c r="K926" s="23" t="s">
        <v>7120</v>
      </c>
      <c r="L926" s="49" t="e">
        <f>VLOOKUP(E926&amp;F926,団体コード!$A$1:$C$1743,3,FALSE)</f>
        <v>#N/A</v>
      </c>
      <c r="M926" s="49" t="e">
        <f>VLOOKUP(E926&amp;F926,団体コード!$A$1:$C$1743,2,FALSE)</f>
        <v>#N/A</v>
      </c>
      <c r="N926" s="51" t="e">
        <f>VLOOKUP(E926,団体コード!$E$1:$F$48,2,FALSE)</f>
        <v>#N/A</v>
      </c>
      <c r="O926" s="51" t="e">
        <f t="shared" si="31"/>
        <v>#N/A</v>
      </c>
      <c r="P926" s="51">
        <v>1</v>
      </c>
      <c r="Q926" s="51" t="s">
        <v>5341</v>
      </c>
      <c r="R926" s="54" t="b">
        <v>1</v>
      </c>
      <c r="S926" s="52" t="s">
        <v>7126</v>
      </c>
      <c r="T926" s="67" t="s">
        <v>7127</v>
      </c>
      <c r="U926" s="75" t="s">
        <v>5331</v>
      </c>
      <c r="V926" s="47" t="s">
        <v>5331</v>
      </c>
      <c r="W926" s="47" t="s">
        <v>5331</v>
      </c>
      <c r="X926" s="47" t="s">
        <v>5331</v>
      </c>
      <c r="Y926" s="47" t="s">
        <v>5331</v>
      </c>
      <c r="Z926" s="28"/>
      <c r="AA926" s="27"/>
      <c r="AB926" s="27"/>
      <c r="AC926" s="27"/>
      <c r="AD926" s="30"/>
      <c r="AE926" s="1"/>
      <c r="AF926" s="23" t="s">
        <v>5331</v>
      </c>
      <c r="AG926" s="26"/>
      <c r="AH926" s="53"/>
    </row>
    <row r="927" spans="1:34" ht="51.6" customHeight="1" x14ac:dyDescent="0.45">
      <c r="A927" s="23">
        <v>921</v>
      </c>
      <c r="B927" s="25"/>
      <c r="C927" s="25"/>
      <c r="D927" s="29"/>
      <c r="E927" s="1"/>
      <c r="F927" s="1"/>
      <c r="G927" s="25"/>
      <c r="H927" s="71"/>
      <c r="I927" s="83"/>
      <c r="J927" s="50" t="str">
        <f t="shared" si="30"/>
        <v/>
      </c>
      <c r="K927" s="23" t="s">
        <v>7120</v>
      </c>
      <c r="L927" s="49" t="e">
        <f>VLOOKUP(E927&amp;F927,団体コード!$A$1:$C$1743,3,FALSE)</f>
        <v>#N/A</v>
      </c>
      <c r="M927" s="49" t="e">
        <f>VLOOKUP(E927&amp;F927,団体コード!$A$1:$C$1743,2,FALSE)</f>
        <v>#N/A</v>
      </c>
      <c r="N927" s="51" t="e">
        <f>VLOOKUP(E927,団体コード!$E$1:$F$48,2,FALSE)</f>
        <v>#N/A</v>
      </c>
      <c r="O927" s="51" t="e">
        <f t="shared" si="31"/>
        <v>#N/A</v>
      </c>
      <c r="P927" s="51">
        <v>1</v>
      </c>
      <c r="Q927" s="51" t="s">
        <v>5341</v>
      </c>
      <c r="R927" s="54" t="b">
        <v>1</v>
      </c>
      <c r="S927" s="52" t="s">
        <v>7126</v>
      </c>
      <c r="T927" s="67" t="s">
        <v>7127</v>
      </c>
      <c r="U927" s="75" t="s">
        <v>5331</v>
      </c>
      <c r="V927" s="47" t="s">
        <v>5331</v>
      </c>
      <c r="W927" s="47" t="s">
        <v>5331</v>
      </c>
      <c r="X927" s="47" t="s">
        <v>5331</v>
      </c>
      <c r="Y927" s="47" t="s">
        <v>5331</v>
      </c>
      <c r="Z927" s="28"/>
      <c r="AA927" s="27"/>
      <c r="AB927" s="27"/>
      <c r="AC927" s="27"/>
      <c r="AD927" s="30"/>
      <c r="AE927" s="1"/>
      <c r="AF927" s="23" t="s">
        <v>5331</v>
      </c>
      <c r="AG927" s="26"/>
      <c r="AH927" s="53"/>
    </row>
    <row r="928" spans="1:34" ht="51.6" customHeight="1" x14ac:dyDescent="0.45">
      <c r="A928" s="23">
        <v>922</v>
      </c>
      <c r="B928" s="25"/>
      <c r="C928" s="25"/>
      <c r="D928" s="29"/>
      <c r="E928" s="1"/>
      <c r="F928" s="1"/>
      <c r="G928" s="25"/>
      <c r="H928" s="71"/>
      <c r="I928" s="83"/>
      <c r="J928" s="50" t="str">
        <f t="shared" si="30"/>
        <v/>
      </c>
      <c r="K928" s="23" t="s">
        <v>7120</v>
      </c>
      <c r="L928" s="49" t="e">
        <f>VLOOKUP(E928&amp;F928,団体コード!$A$1:$C$1743,3,FALSE)</f>
        <v>#N/A</v>
      </c>
      <c r="M928" s="49" t="e">
        <f>VLOOKUP(E928&amp;F928,団体コード!$A$1:$C$1743,2,FALSE)</f>
        <v>#N/A</v>
      </c>
      <c r="N928" s="51" t="e">
        <f>VLOOKUP(E928,団体コード!$E$1:$F$48,2,FALSE)</f>
        <v>#N/A</v>
      </c>
      <c r="O928" s="51" t="e">
        <f t="shared" si="31"/>
        <v>#N/A</v>
      </c>
      <c r="P928" s="51">
        <v>1</v>
      </c>
      <c r="Q928" s="51" t="s">
        <v>5341</v>
      </c>
      <c r="R928" s="54" t="b">
        <v>1</v>
      </c>
      <c r="S928" s="52" t="s">
        <v>7126</v>
      </c>
      <c r="T928" s="67" t="s">
        <v>7127</v>
      </c>
      <c r="U928" s="75" t="s">
        <v>5331</v>
      </c>
      <c r="V928" s="47" t="s">
        <v>5331</v>
      </c>
      <c r="W928" s="47" t="s">
        <v>5331</v>
      </c>
      <c r="X928" s="47" t="s">
        <v>5331</v>
      </c>
      <c r="Y928" s="47" t="s">
        <v>5331</v>
      </c>
      <c r="Z928" s="28"/>
      <c r="AA928" s="27"/>
      <c r="AB928" s="27"/>
      <c r="AC928" s="27"/>
      <c r="AD928" s="30"/>
      <c r="AE928" s="1"/>
      <c r="AF928" s="23" t="s">
        <v>5331</v>
      </c>
      <c r="AG928" s="26"/>
      <c r="AH928" s="53"/>
    </row>
    <row r="929" spans="1:34" ht="51.6" customHeight="1" x14ac:dyDescent="0.45">
      <c r="A929" s="23">
        <v>923</v>
      </c>
      <c r="B929" s="25"/>
      <c r="C929" s="25"/>
      <c r="D929" s="29"/>
      <c r="E929" s="1"/>
      <c r="F929" s="1"/>
      <c r="G929" s="25"/>
      <c r="H929" s="71"/>
      <c r="I929" s="83"/>
      <c r="J929" s="50" t="str">
        <f t="shared" si="30"/>
        <v/>
      </c>
      <c r="K929" s="23" t="s">
        <v>7120</v>
      </c>
      <c r="L929" s="49" t="e">
        <f>VLOOKUP(E929&amp;F929,団体コード!$A$1:$C$1743,3,FALSE)</f>
        <v>#N/A</v>
      </c>
      <c r="M929" s="49" t="e">
        <f>VLOOKUP(E929&amp;F929,団体コード!$A$1:$C$1743,2,FALSE)</f>
        <v>#N/A</v>
      </c>
      <c r="N929" s="51" t="e">
        <f>VLOOKUP(E929,団体コード!$E$1:$F$48,2,FALSE)</f>
        <v>#N/A</v>
      </c>
      <c r="O929" s="51" t="e">
        <f t="shared" si="31"/>
        <v>#N/A</v>
      </c>
      <c r="P929" s="51">
        <v>1</v>
      </c>
      <c r="Q929" s="51" t="s">
        <v>5341</v>
      </c>
      <c r="R929" s="54" t="b">
        <v>1</v>
      </c>
      <c r="S929" s="52" t="s">
        <v>7126</v>
      </c>
      <c r="T929" s="67" t="s">
        <v>7127</v>
      </c>
      <c r="U929" s="75" t="s">
        <v>5331</v>
      </c>
      <c r="V929" s="47" t="s">
        <v>5331</v>
      </c>
      <c r="W929" s="47" t="s">
        <v>5331</v>
      </c>
      <c r="X929" s="47" t="s">
        <v>5331</v>
      </c>
      <c r="Y929" s="47" t="s">
        <v>5331</v>
      </c>
      <c r="Z929" s="28"/>
      <c r="AA929" s="27"/>
      <c r="AB929" s="27"/>
      <c r="AC929" s="27"/>
      <c r="AD929" s="30"/>
      <c r="AE929" s="1"/>
      <c r="AF929" s="23" t="s">
        <v>5331</v>
      </c>
      <c r="AG929" s="26"/>
      <c r="AH929" s="53"/>
    </row>
    <row r="930" spans="1:34" ht="51.6" customHeight="1" x14ac:dyDescent="0.45">
      <c r="A930" s="23">
        <v>924</v>
      </c>
      <c r="B930" s="25"/>
      <c r="C930" s="25"/>
      <c r="D930" s="29"/>
      <c r="E930" s="1"/>
      <c r="F930" s="1"/>
      <c r="G930" s="25"/>
      <c r="H930" s="71"/>
      <c r="I930" s="83"/>
      <c r="J930" s="50" t="str">
        <f t="shared" si="30"/>
        <v/>
      </c>
      <c r="K930" s="23" t="s">
        <v>7120</v>
      </c>
      <c r="L930" s="49" t="e">
        <f>VLOOKUP(E930&amp;F930,団体コード!$A$1:$C$1743,3,FALSE)</f>
        <v>#N/A</v>
      </c>
      <c r="M930" s="49" t="e">
        <f>VLOOKUP(E930&amp;F930,団体コード!$A$1:$C$1743,2,FALSE)</f>
        <v>#N/A</v>
      </c>
      <c r="N930" s="51" t="e">
        <f>VLOOKUP(E930,団体コード!$E$1:$F$48,2,FALSE)</f>
        <v>#N/A</v>
      </c>
      <c r="O930" s="51" t="e">
        <f t="shared" si="31"/>
        <v>#N/A</v>
      </c>
      <c r="P930" s="51">
        <v>1</v>
      </c>
      <c r="Q930" s="51" t="s">
        <v>5341</v>
      </c>
      <c r="R930" s="54" t="b">
        <v>1</v>
      </c>
      <c r="S930" s="52" t="s">
        <v>7126</v>
      </c>
      <c r="T930" s="67" t="s">
        <v>7127</v>
      </c>
      <c r="U930" s="75" t="s">
        <v>5331</v>
      </c>
      <c r="V930" s="47" t="s">
        <v>5331</v>
      </c>
      <c r="W930" s="47" t="s">
        <v>5331</v>
      </c>
      <c r="X930" s="47" t="s">
        <v>5331</v>
      </c>
      <c r="Y930" s="47" t="s">
        <v>5331</v>
      </c>
      <c r="Z930" s="28"/>
      <c r="AA930" s="27"/>
      <c r="AB930" s="27"/>
      <c r="AC930" s="27"/>
      <c r="AD930" s="30"/>
      <c r="AE930" s="1"/>
      <c r="AF930" s="23" t="s">
        <v>5331</v>
      </c>
      <c r="AG930" s="26"/>
      <c r="AH930" s="53"/>
    </row>
    <row r="931" spans="1:34" ht="51.6" customHeight="1" x14ac:dyDescent="0.45">
      <c r="A931" s="23">
        <v>925</v>
      </c>
      <c r="B931" s="25"/>
      <c r="C931" s="25"/>
      <c r="D931" s="29"/>
      <c r="E931" s="1"/>
      <c r="F931" s="1"/>
      <c r="G931" s="25"/>
      <c r="H931" s="71"/>
      <c r="I931" s="83"/>
      <c r="J931" s="50" t="str">
        <f t="shared" si="30"/>
        <v/>
      </c>
      <c r="K931" s="23" t="s">
        <v>7120</v>
      </c>
      <c r="L931" s="49" t="e">
        <f>VLOOKUP(E931&amp;F931,団体コード!$A$1:$C$1743,3,FALSE)</f>
        <v>#N/A</v>
      </c>
      <c r="M931" s="49" t="e">
        <f>VLOOKUP(E931&amp;F931,団体コード!$A$1:$C$1743,2,FALSE)</f>
        <v>#N/A</v>
      </c>
      <c r="N931" s="51" t="e">
        <f>VLOOKUP(E931,団体コード!$E$1:$F$48,2,FALSE)</f>
        <v>#N/A</v>
      </c>
      <c r="O931" s="51" t="e">
        <f t="shared" si="31"/>
        <v>#N/A</v>
      </c>
      <c r="P931" s="51">
        <v>1</v>
      </c>
      <c r="Q931" s="51" t="s">
        <v>5341</v>
      </c>
      <c r="R931" s="54" t="b">
        <v>1</v>
      </c>
      <c r="S931" s="52" t="s">
        <v>7126</v>
      </c>
      <c r="T931" s="67" t="s">
        <v>7127</v>
      </c>
      <c r="U931" s="75" t="s">
        <v>5331</v>
      </c>
      <c r="V931" s="47" t="s">
        <v>5331</v>
      </c>
      <c r="W931" s="47" t="s">
        <v>5331</v>
      </c>
      <c r="X931" s="47" t="s">
        <v>5331</v>
      </c>
      <c r="Y931" s="47" t="s">
        <v>5331</v>
      </c>
      <c r="Z931" s="28"/>
      <c r="AA931" s="27"/>
      <c r="AB931" s="27"/>
      <c r="AC931" s="27"/>
      <c r="AD931" s="30"/>
      <c r="AE931" s="1"/>
      <c r="AF931" s="23" t="s">
        <v>5331</v>
      </c>
      <c r="AG931" s="26"/>
      <c r="AH931" s="53"/>
    </row>
    <row r="932" spans="1:34" ht="51.6" customHeight="1" x14ac:dyDescent="0.45">
      <c r="A932" s="23">
        <v>926</v>
      </c>
      <c r="B932" s="25"/>
      <c r="C932" s="25"/>
      <c r="D932" s="29"/>
      <c r="E932" s="1"/>
      <c r="F932" s="1"/>
      <c r="G932" s="25"/>
      <c r="H932" s="71"/>
      <c r="I932" s="83"/>
      <c r="J932" s="50" t="str">
        <f t="shared" si="30"/>
        <v/>
      </c>
      <c r="K932" s="23" t="s">
        <v>7120</v>
      </c>
      <c r="L932" s="49" t="e">
        <f>VLOOKUP(E932&amp;F932,団体コード!$A$1:$C$1743,3,FALSE)</f>
        <v>#N/A</v>
      </c>
      <c r="M932" s="49" t="e">
        <f>VLOOKUP(E932&amp;F932,団体コード!$A$1:$C$1743,2,FALSE)</f>
        <v>#N/A</v>
      </c>
      <c r="N932" s="51" t="e">
        <f>VLOOKUP(E932,団体コード!$E$1:$F$48,2,FALSE)</f>
        <v>#N/A</v>
      </c>
      <c r="O932" s="51" t="e">
        <f t="shared" si="31"/>
        <v>#N/A</v>
      </c>
      <c r="P932" s="51">
        <v>1</v>
      </c>
      <c r="Q932" s="51" t="s">
        <v>5341</v>
      </c>
      <c r="R932" s="54" t="b">
        <v>1</v>
      </c>
      <c r="S932" s="52" t="s">
        <v>7126</v>
      </c>
      <c r="T932" s="67" t="s">
        <v>7127</v>
      </c>
      <c r="U932" s="75" t="s">
        <v>5331</v>
      </c>
      <c r="V932" s="47" t="s">
        <v>5331</v>
      </c>
      <c r="W932" s="47" t="s">
        <v>5331</v>
      </c>
      <c r="X932" s="47" t="s">
        <v>5331</v>
      </c>
      <c r="Y932" s="47" t="s">
        <v>5331</v>
      </c>
      <c r="Z932" s="28"/>
      <c r="AA932" s="27"/>
      <c r="AB932" s="27"/>
      <c r="AC932" s="27"/>
      <c r="AD932" s="30"/>
      <c r="AE932" s="1"/>
      <c r="AF932" s="23" t="s">
        <v>5331</v>
      </c>
      <c r="AG932" s="26"/>
      <c r="AH932" s="53"/>
    </row>
    <row r="933" spans="1:34" ht="51.6" customHeight="1" x14ac:dyDescent="0.45">
      <c r="A933" s="23">
        <v>927</v>
      </c>
      <c r="B933" s="25"/>
      <c r="C933" s="25"/>
      <c r="D933" s="29"/>
      <c r="E933" s="1"/>
      <c r="F933" s="1"/>
      <c r="G933" s="25"/>
      <c r="H933" s="71"/>
      <c r="I933" s="83"/>
      <c r="J933" s="50" t="str">
        <f t="shared" si="30"/>
        <v/>
      </c>
      <c r="K933" s="23" t="s">
        <v>7120</v>
      </c>
      <c r="L933" s="49" t="e">
        <f>VLOOKUP(E933&amp;F933,団体コード!$A$1:$C$1743,3,FALSE)</f>
        <v>#N/A</v>
      </c>
      <c r="M933" s="49" t="e">
        <f>VLOOKUP(E933&amp;F933,団体コード!$A$1:$C$1743,2,FALSE)</f>
        <v>#N/A</v>
      </c>
      <c r="N933" s="51" t="e">
        <f>VLOOKUP(E933,団体コード!$E$1:$F$48,2,FALSE)</f>
        <v>#N/A</v>
      </c>
      <c r="O933" s="51" t="e">
        <f t="shared" si="31"/>
        <v>#N/A</v>
      </c>
      <c r="P933" s="51">
        <v>1</v>
      </c>
      <c r="Q933" s="51" t="s">
        <v>5341</v>
      </c>
      <c r="R933" s="54" t="b">
        <v>1</v>
      </c>
      <c r="S933" s="52" t="s">
        <v>7126</v>
      </c>
      <c r="T933" s="67" t="s">
        <v>7127</v>
      </c>
      <c r="U933" s="75" t="s">
        <v>5331</v>
      </c>
      <c r="V933" s="47" t="s">
        <v>5331</v>
      </c>
      <c r="W933" s="47" t="s">
        <v>5331</v>
      </c>
      <c r="X933" s="47" t="s">
        <v>5331</v>
      </c>
      <c r="Y933" s="47" t="s">
        <v>5331</v>
      </c>
      <c r="Z933" s="28"/>
      <c r="AA933" s="27"/>
      <c r="AB933" s="27"/>
      <c r="AC933" s="27"/>
      <c r="AD933" s="30"/>
      <c r="AE933" s="1"/>
      <c r="AF933" s="23" t="s">
        <v>5331</v>
      </c>
      <c r="AG933" s="26"/>
      <c r="AH933" s="53"/>
    </row>
    <row r="934" spans="1:34" ht="51.6" customHeight="1" x14ac:dyDescent="0.45">
      <c r="A934" s="23">
        <v>928</v>
      </c>
      <c r="B934" s="25"/>
      <c r="C934" s="25"/>
      <c r="D934" s="29"/>
      <c r="E934" s="1"/>
      <c r="F934" s="1"/>
      <c r="G934" s="25"/>
      <c r="H934" s="71"/>
      <c r="I934" s="83"/>
      <c r="J934" s="50" t="str">
        <f t="shared" si="30"/>
        <v/>
      </c>
      <c r="K934" s="23" t="s">
        <v>7120</v>
      </c>
      <c r="L934" s="49" t="e">
        <f>VLOOKUP(E934&amp;F934,団体コード!$A$1:$C$1743,3,FALSE)</f>
        <v>#N/A</v>
      </c>
      <c r="M934" s="49" t="e">
        <f>VLOOKUP(E934&amp;F934,団体コード!$A$1:$C$1743,2,FALSE)</f>
        <v>#N/A</v>
      </c>
      <c r="N934" s="51" t="e">
        <f>VLOOKUP(E934,団体コード!$E$1:$F$48,2,FALSE)</f>
        <v>#N/A</v>
      </c>
      <c r="O934" s="51" t="e">
        <f t="shared" si="31"/>
        <v>#N/A</v>
      </c>
      <c r="P934" s="51">
        <v>1</v>
      </c>
      <c r="Q934" s="51" t="s">
        <v>5341</v>
      </c>
      <c r="R934" s="54" t="b">
        <v>1</v>
      </c>
      <c r="S934" s="52" t="s">
        <v>7126</v>
      </c>
      <c r="T934" s="67" t="s">
        <v>7127</v>
      </c>
      <c r="U934" s="75" t="s">
        <v>5331</v>
      </c>
      <c r="V934" s="47" t="s">
        <v>5331</v>
      </c>
      <c r="W934" s="47" t="s">
        <v>5331</v>
      </c>
      <c r="X934" s="47" t="s">
        <v>5331</v>
      </c>
      <c r="Y934" s="47" t="s">
        <v>5331</v>
      </c>
      <c r="Z934" s="28"/>
      <c r="AA934" s="27"/>
      <c r="AB934" s="27"/>
      <c r="AC934" s="27"/>
      <c r="AD934" s="30"/>
      <c r="AE934" s="1"/>
      <c r="AF934" s="23" t="s">
        <v>5331</v>
      </c>
      <c r="AG934" s="26"/>
      <c r="AH934" s="53"/>
    </row>
    <row r="935" spans="1:34" ht="51.6" customHeight="1" x14ac:dyDescent="0.45">
      <c r="A935" s="23">
        <v>929</v>
      </c>
      <c r="B935" s="25"/>
      <c r="C935" s="25"/>
      <c r="D935" s="29"/>
      <c r="E935" s="1"/>
      <c r="F935" s="1"/>
      <c r="G935" s="25"/>
      <c r="H935" s="71"/>
      <c r="I935" s="83"/>
      <c r="J935" s="50" t="str">
        <f t="shared" si="30"/>
        <v/>
      </c>
      <c r="K935" s="23" t="s">
        <v>7120</v>
      </c>
      <c r="L935" s="49" t="e">
        <f>VLOOKUP(E935&amp;F935,団体コード!$A$1:$C$1743,3,FALSE)</f>
        <v>#N/A</v>
      </c>
      <c r="M935" s="49" t="e">
        <f>VLOOKUP(E935&amp;F935,団体コード!$A$1:$C$1743,2,FALSE)</f>
        <v>#N/A</v>
      </c>
      <c r="N935" s="51" t="e">
        <f>VLOOKUP(E935,団体コード!$E$1:$F$48,2,FALSE)</f>
        <v>#N/A</v>
      </c>
      <c r="O935" s="51" t="e">
        <f t="shared" si="31"/>
        <v>#N/A</v>
      </c>
      <c r="P935" s="51">
        <v>1</v>
      </c>
      <c r="Q935" s="51" t="s">
        <v>5341</v>
      </c>
      <c r="R935" s="54" t="b">
        <v>1</v>
      </c>
      <c r="S935" s="52" t="s">
        <v>7126</v>
      </c>
      <c r="T935" s="67" t="s">
        <v>7127</v>
      </c>
      <c r="U935" s="75" t="s">
        <v>5331</v>
      </c>
      <c r="V935" s="47" t="s">
        <v>5331</v>
      </c>
      <c r="W935" s="47" t="s">
        <v>5331</v>
      </c>
      <c r="X935" s="47" t="s">
        <v>5331</v>
      </c>
      <c r="Y935" s="47" t="s">
        <v>5331</v>
      </c>
      <c r="Z935" s="28"/>
      <c r="AA935" s="27"/>
      <c r="AB935" s="27"/>
      <c r="AC935" s="27"/>
      <c r="AD935" s="30"/>
      <c r="AE935" s="1"/>
      <c r="AF935" s="23" t="s">
        <v>5331</v>
      </c>
      <c r="AG935" s="26"/>
      <c r="AH935" s="53"/>
    </row>
    <row r="936" spans="1:34" ht="51.6" customHeight="1" x14ac:dyDescent="0.45">
      <c r="A936" s="23">
        <v>930</v>
      </c>
      <c r="B936" s="25"/>
      <c r="C936" s="25"/>
      <c r="D936" s="29"/>
      <c r="E936" s="1"/>
      <c r="F936" s="1"/>
      <c r="G936" s="25"/>
      <c r="H936" s="71"/>
      <c r="I936" s="83"/>
      <c r="J936" s="50" t="str">
        <f t="shared" si="30"/>
        <v/>
      </c>
      <c r="K936" s="23" t="s">
        <v>7120</v>
      </c>
      <c r="L936" s="49" t="e">
        <f>VLOOKUP(E936&amp;F936,団体コード!$A$1:$C$1743,3,FALSE)</f>
        <v>#N/A</v>
      </c>
      <c r="M936" s="49" t="e">
        <f>VLOOKUP(E936&amp;F936,団体コード!$A$1:$C$1743,2,FALSE)</f>
        <v>#N/A</v>
      </c>
      <c r="N936" s="51" t="e">
        <f>VLOOKUP(E936,団体コード!$E$1:$F$48,2,FALSE)</f>
        <v>#N/A</v>
      </c>
      <c r="O936" s="51" t="e">
        <f t="shared" si="31"/>
        <v>#N/A</v>
      </c>
      <c r="P936" s="51">
        <v>1</v>
      </c>
      <c r="Q936" s="51" t="s">
        <v>5341</v>
      </c>
      <c r="R936" s="54" t="b">
        <v>1</v>
      </c>
      <c r="S936" s="52" t="s">
        <v>7126</v>
      </c>
      <c r="T936" s="67" t="s">
        <v>7127</v>
      </c>
      <c r="U936" s="75" t="s">
        <v>5331</v>
      </c>
      <c r="V936" s="47" t="s">
        <v>5331</v>
      </c>
      <c r="W936" s="47" t="s">
        <v>5331</v>
      </c>
      <c r="X936" s="47" t="s">
        <v>5331</v>
      </c>
      <c r="Y936" s="47" t="s">
        <v>5331</v>
      </c>
      <c r="Z936" s="28"/>
      <c r="AA936" s="27"/>
      <c r="AB936" s="27"/>
      <c r="AC936" s="27"/>
      <c r="AD936" s="30"/>
      <c r="AE936" s="1"/>
      <c r="AF936" s="23" t="s">
        <v>5331</v>
      </c>
      <c r="AG936" s="26"/>
      <c r="AH936" s="53"/>
    </row>
    <row r="937" spans="1:34" ht="51.6" customHeight="1" x14ac:dyDescent="0.45">
      <c r="A937" s="23">
        <v>931</v>
      </c>
      <c r="B937" s="25"/>
      <c r="C937" s="25"/>
      <c r="D937" s="29"/>
      <c r="E937" s="1"/>
      <c r="F937" s="1"/>
      <c r="G937" s="25"/>
      <c r="H937" s="71"/>
      <c r="I937" s="83"/>
      <c r="J937" s="50" t="str">
        <f t="shared" si="30"/>
        <v/>
      </c>
      <c r="K937" s="23" t="s">
        <v>7120</v>
      </c>
      <c r="L937" s="49" t="e">
        <f>VLOOKUP(E937&amp;F937,団体コード!$A$1:$C$1743,3,FALSE)</f>
        <v>#N/A</v>
      </c>
      <c r="M937" s="49" t="e">
        <f>VLOOKUP(E937&amp;F937,団体コード!$A$1:$C$1743,2,FALSE)</f>
        <v>#N/A</v>
      </c>
      <c r="N937" s="51" t="e">
        <f>VLOOKUP(E937,団体コード!$E$1:$F$48,2,FALSE)</f>
        <v>#N/A</v>
      </c>
      <c r="O937" s="51" t="e">
        <f t="shared" si="31"/>
        <v>#N/A</v>
      </c>
      <c r="P937" s="51">
        <v>1</v>
      </c>
      <c r="Q937" s="51" t="s">
        <v>5341</v>
      </c>
      <c r="R937" s="54" t="b">
        <v>1</v>
      </c>
      <c r="S937" s="52" t="s">
        <v>7126</v>
      </c>
      <c r="T937" s="67" t="s">
        <v>7127</v>
      </c>
      <c r="U937" s="75" t="s">
        <v>5331</v>
      </c>
      <c r="V937" s="47" t="s">
        <v>5331</v>
      </c>
      <c r="W937" s="47" t="s">
        <v>5331</v>
      </c>
      <c r="X937" s="47" t="s">
        <v>5331</v>
      </c>
      <c r="Y937" s="47" t="s">
        <v>5331</v>
      </c>
      <c r="Z937" s="28"/>
      <c r="AA937" s="27"/>
      <c r="AB937" s="27"/>
      <c r="AC937" s="27"/>
      <c r="AD937" s="30"/>
      <c r="AE937" s="1"/>
      <c r="AF937" s="23" t="s">
        <v>5331</v>
      </c>
      <c r="AG937" s="26"/>
      <c r="AH937" s="53"/>
    </row>
    <row r="938" spans="1:34" ht="51.6" customHeight="1" x14ac:dyDescent="0.45">
      <c r="A938" s="23">
        <v>932</v>
      </c>
      <c r="B938" s="25"/>
      <c r="C938" s="25"/>
      <c r="D938" s="29"/>
      <c r="E938" s="1"/>
      <c r="F938" s="1"/>
      <c r="G938" s="25"/>
      <c r="H938" s="71"/>
      <c r="I938" s="83"/>
      <c r="J938" s="50" t="str">
        <f t="shared" si="30"/>
        <v/>
      </c>
      <c r="K938" s="23" t="s">
        <v>7120</v>
      </c>
      <c r="L938" s="49" t="e">
        <f>VLOOKUP(E938&amp;F938,団体コード!$A$1:$C$1743,3,FALSE)</f>
        <v>#N/A</v>
      </c>
      <c r="M938" s="49" t="e">
        <f>VLOOKUP(E938&amp;F938,団体コード!$A$1:$C$1743,2,FALSE)</f>
        <v>#N/A</v>
      </c>
      <c r="N938" s="51" t="e">
        <f>VLOOKUP(E938,団体コード!$E$1:$F$48,2,FALSE)</f>
        <v>#N/A</v>
      </c>
      <c r="O938" s="51" t="e">
        <f t="shared" si="31"/>
        <v>#N/A</v>
      </c>
      <c r="P938" s="51">
        <v>1</v>
      </c>
      <c r="Q938" s="51" t="s">
        <v>5341</v>
      </c>
      <c r="R938" s="54" t="b">
        <v>1</v>
      </c>
      <c r="S938" s="52" t="s">
        <v>7126</v>
      </c>
      <c r="T938" s="67" t="s">
        <v>7127</v>
      </c>
      <c r="U938" s="75" t="s">
        <v>5331</v>
      </c>
      <c r="V938" s="47" t="s">
        <v>5331</v>
      </c>
      <c r="W938" s="47" t="s">
        <v>5331</v>
      </c>
      <c r="X938" s="47" t="s">
        <v>5331</v>
      </c>
      <c r="Y938" s="47" t="s">
        <v>5331</v>
      </c>
      <c r="Z938" s="28"/>
      <c r="AA938" s="27"/>
      <c r="AB938" s="27"/>
      <c r="AC938" s="27"/>
      <c r="AD938" s="30"/>
      <c r="AE938" s="1"/>
      <c r="AF938" s="23" t="s">
        <v>5331</v>
      </c>
      <c r="AG938" s="26"/>
      <c r="AH938" s="53"/>
    </row>
    <row r="939" spans="1:34" ht="51.6" customHeight="1" x14ac:dyDescent="0.45">
      <c r="A939" s="23">
        <v>933</v>
      </c>
      <c r="B939" s="25"/>
      <c r="C939" s="25"/>
      <c r="D939" s="29"/>
      <c r="E939" s="1"/>
      <c r="F939" s="1"/>
      <c r="G939" s="25"/>
      <c r="H939" s="71"/>
      <c r="I939" s="83"/>
      <c r="J939" s="50" t="str">
        <f t="shared" si="30"/>
        <v/>
      </c>
      <c r="K939" s="23" t="s">
        <v>7120</v>
      </c>
      <c r="L939" s="49" t="e">
        <f>VLOOKUP(E939&amp;F939,団体コード!$A$1:$C$1743,3,FALSE)</f>
        <v>#N/A</v>
      </c>
      <c r="M939" s="49" t="e">
        <f>VLOOKUP(E939&amp;F939,団体コード!$A$1:$C$1743,2,FALSE)</f>
        <v>#N/A</v>
      </c>
      <c r="N939" s="51" t="e">
        <f>VLOOKUP(E939,団体コード!$E$1:$F$48,2,FALSE)</f>
        <v>#N/A</v>
      </c>
      <c r="O939" s="51" t="e">
        <f t="shared" si="31"/>
        <v>#N/A</v>
      </c>
      <c r="P939" s="51">
        <v>1</v>
      </c>
      <c r="Q939" s="51" t="s">
        <v>5341</v>
      </c>
      <c r="R939" s="54" t="b">
        <v>1</v>
      </c>
      <c r="S939" s="52" t="s">
        <v>7126</v>
      </c>
      <c r="T939" s="67" t="s">
        <v>7127</v>
      </c>
      <c r="U939" s="75" t="s">
        <v>5331</v>
      </c>
      <c r="V939" s="47" t="s">
        <v>5331</v>
      </c>
      <c r="W939" s="47" t="s">
        <v>5331</v>
      </c>
      <c r="X939" s="47" t="s">
        <v>5331</v>
      </c>
      <c r="Y939" s="47" t="s">
        <v>5331</v>
      </c>
      <c r="Z939" s="28"/>
      <c r="AA939" s="27"/>
      <c r="AB939" s="27"/>
      <c r="AC939" s="27"/>
      <c r="AD939" s="30"/>
      <c r="AE939" s="1"/>
      <c r="AF939" s="23" t="s">
        <v>5331</v>
      </c>
      <c r="AG939" s="26"/>
      <c r="AH939" s="53"/>
    </row>
    <row r="940" spans="1:34" ht="51.6" customHeight="1" x14ac:dyDescent="0.45">
      <c r="A940" s="23">
        <v>934</v>
      </c>
      <c r="B940" s="25"/>
      <c r="C940" s="25"/>
      <c r="D940" s="29"/>
      <c r="E940" s="1"/>
      <c r="F940" s="1"/>
      <c r="G940" s="25"/>
      <c r="H940" s="71"/>
      <c r="I940" s="83"/>
      <c r="J940" s="50" t="str">
        <f t="shared" si="30"/>
        <v/>
      </c>
      <c r="K940" s="23" t="s">
        <v>7120</v>
      </c>
      <c r="L940" s="49" t="e">
        <f>VLOOKUP(E940&amp;F940,団体コード!$A$1:$C$1743,3,FALSE)</f>
        <v>#N/A</v>
      </c>
      <c r="M940" s="49" t="e">
        <f>VLOOKUP(E940&amp;F940,団体コード!$A$1:$C$1743,2,FALSE)</f>
        <v>#N/A</v>
      </c>
      <c r="N940" s="51" t="e">
        <f>VLOOKUP(E940,団体コード!$E$1:$F$48,2,FALSE)</f>
        <v>#N/A</v>
      </c>
      <c r="O940" s="51" t="e">
        <f t="shared" si="31"/>
        <v>#N/A</v>
      </c>
      <c r="P940" s="51">
        <v>1</v>
      </c>
      <c r="Q940" s="51" t="s">
        <v>5341</v>
      </c>
      <c r="R940" s="54" t="b">
        <v>1</v>
      </c>
      <c r="S940" s="52" t="s">
        <v>7126</v>
      </c>
      <c r="T940" s="67" t="s">
        <v>7127</v>
      </c>
      <c r="U940" s="75" t="s">
        <v>5331</v>
      </c>
      <c r="V940" s="47" t="s">
        <v>5331</v>
      </c>
      <c r="W940" s="47" t="s">
        <v>5331</v>
      </c>
      <c r="X940" s="47" t="s">
        <v>5331</v>
      </c>
      <c r="Y940" s="47" t="s">
        <v>5331</v>
      </c>
      <c r="Z940" s="28"/>
      <c r="AA940" s="27"/>
      <c r="AB940" s="27"/>
      <c r="AC940" s="27"/>
      <c r="AD940" s="30"/>
      <c r="AE940" s="1"/>
      <c r="AF940" s="23" t="s">
        <v>5331</v>
      </c>
      <c r="AG940" s="26"/>
      <c r="AH940" s="53"/>
    </row>
    <row r="941" spans="1:34" ht="51.6" customHeight="1" x14ac:dyDescent="0.45">
      <c r="A941" s="23">
        <v>935</v>
      </c>
      <c r="B941" s="25"/>
      <c r="C941" s="25"/>
      <c r="D941" s="29"/>
      <c r="E941" s="1"/>
      <c r="F941" s="1"/>
      <c r="G941" s="25"/>
      <c r="H941" s="71"/>
      <c r="I941" s="83"/>
      <c r="J941" s="50" t="str">
        <f t="shared" si="30"/>
        <v/>
      </c>
      <c r="K941" s="23" t="s">
        <v>7120</v>
      </c>
      <c r="L941" s="49" t="e">
        <f>VLOOKUP(E941&amp;F941,団体コード!$A$1:$C$1743,3,FALSE)</f>
        <v>#N/A</v>
      </c>
      <c r="M941" s="49" t="e">
        <f>VLOOKUP(E941&amp;F941,団体コード!$A$1:$C$1743,2,FALSE)</f>
        <v>#N/A</v>
      </c>
      <c r="N941" s="51" t="e">
        <f>VLOOKUP(E941,団体コード!$E$1:$F$48,2,FALSE)</f>
        <v>#N/A</v>
      </c>
      <c r="O941" s="51" t="e">
        <f t="shared" si="31"/>
        <v>#N/A</v>
      </c>
      <c r="P941" s="51">
        <v>1</v>
      </c>
      <c r="Q941" s="51" t="s">
        <v>5341</v>
      </c>
      <c r="R941" s="54" t="b">
        <v>1</v>
      </c>
      <c r="S941" s="52" t="s">
        <v>7126</v>
      </c>
      <c r="T941" s="67" t="s">
        <v>7127</v>
      </c>
      <c r="U941" s="75" t="s">
        <v>5331</v>
      </c>
      <c r="V941" s="47" t="s">
        <v>5331</v>
      </c>
      <c r="W941" s="47" t="s">
        <v>5331</v>
      </c>
      <c r="X941" s="47" t="s">
        <v>5331</v>
      </c>
      <c r="Y941" s="47" t="s">
        <v>5331</v>
      </c>
      <c r="Z941" s="28"/>
      <c r="AA941" s="27"/>
      <c r="AB941" s="27"/>
      <c r="AC941" s="27"/>
      <c r="AD941" s="30"/>
      <c r="AE941" s="1"/>
      <c r="AF941" s="23" t="s">
        <v>5331</v>
      </c>
      <c r="AG941" s="26"/>
      <c r="AH941" s="53"/>
    </row>
    <row r="942" spans="1:34" ht="51.6" customHeight="1" x14ac:dyDescent="0.45">
      <c r="A942" s="23">
        <v>936</v>
      </c>
      <c r="B942" s="25"/>
      <c r="C942" s="25"/>
      <c r="D942" s="29"/>
      <c r="E942" s="1"/>
      <c r="F942" s="1"/>
      <c r="G942" s="25"/>
      <c r="H942" s="71"/>
      <c r="I942" s="83"/>
      <c r="J942" s="50" t="str">
        <f t="shared" si="30"/>
        <v/>
      </c>
      <c r="K942" s="23" t="s">
        <v>7120</v>
      </c>
      <c r="L942" s="49" t="e">
        <f>VLOOKUP(E942&amp;F942,団体コード!$A$1:$C$1743,3,FALSE)</f>
        <v>#N/A</v>
      </c>
      <c r="M942" s="49" t="e">
        <f>VLOOKUP(E942&amp;F942,団体コード!$A$1:$C$1743,2,FALSE)</f>
        <v>#N/A</v>
      </c>
      <c r="N942" s="51" t="e">
        <f>VLOOKUP(E942,団体コード!$E$1:$F$48,2,FALSE)</f>
        <v>#N/A</v>
      </c>
      <c r="O942" s="51" t="e">
        <f t="shared" si="31"/>
        <v>#N/A</v>
      </c>
      <c r="P942" s="51">
        <v>1</v>
      </c>
      <c r="Q942" s="51" t="s">
        <v>5341</v>
      </c>
      <c r="R942" s="54" t="b">
        <v>1</v>
      </c>
      <c r="S942" s="52" t="s">
        <v>7126</v>
      </c>
      <c r="T942" s="67" t="s">
        <v>7127</v>
      </c>
      <c r="U942" s="75" t="s">
        <v>5331</v>
      </c>
      <c r="V942" s="47" t="s">
        <v>5331</v>
      </c>
      <c r="W942" s="47" t="s">
        <v>5331</v>
      </c>
      <c r="X942" s="47" t="s">
        <v>5331</v>
      </c>
      <c r="Y942" s="47" t="s">
        <v>5331</v>
      </c>
      <c r="Z942" s="28"/>
      <c r="AA942" s="27"/>
      <c r="AB942" s="27"/>
      <c r="AC942" s="27"/>
      <c r="AD942" s="30"/>
      <c r="AE942" s="1"/>
      <c r="AF942" s="23" t="s">
        <v>5331</v>
      </c>
      <c r="AG942" s="26"/>
      <c r="AH942" s="53"/>
    </row>
    <row r="943" spans="1:34" ht="51.6" customHeight="1" x14ac:dyDescent="0.45">
      <c r="A943" s="23">
        <v>937</v>
      </c>
      <c r="B943" s="25"/>
      <c r="C943" s="25"/>
      <c r="D943" s="29"/>
      <c r="E943" s="1"/>
      <c r="F943" s="1"/>
      <c r="G943" s="25"/>
      <c r="H943" s="71"/>
      <c r="I943" s="83"/>
      <c r="J943" s="50" t="str">
        <f t="shared" si="30"/>
        <v/>
      </c>
      <c r="K943" s="23" t="s">
        <v>7120</v>
      </c>
      <c r="L943" s="49" t="e">
        <f>VLOOKUP(E943&amp;F943,団体コード!$A$1:$C$1743,3,FALSE)</f>
        <v>#N/A</v>
      </c>
      <c r="M943" s="49" t="e">
        <f>VLOOKUP(E943&amp;F943,団体コード!$A$1:$C$1743,2,FALSE)</f>
        <v>#N/A</v>
      </c>
      <c r="N943" s="51" t="e">
        <f>VLOOKUP(E943,団体コード!$E$1:$F$48,2,FALSE)</f>
        <v>#N/A</v>
      </c>
      <c r="O943" s="51" t="e">
        <f t="shared" si="31"/>
        <v>#N/A</v>
      </c>
      <c r="P943" s="51">
        <v>1</v>
      </c>
      <c r="Q943" s="51" t="s">
        <v>5341</v>
      </c>
      <c r="R943" s="54" t="b">
        <v>1</v>
      </c>
      <c r="S943" s="52" t="s">
        <v>7126</v>
      </c>
      <c r="T943" s="67" t="s">
        <v>7127</v>
      </c>
      <c r="U943" s="75" t="s">
        <v>5331</v>
      </c>
      <c r="V943" s="47" t="s">
        <v>5331</v>
      </c>
      <c r="W943" s="47" t="s">
        <v>5331</v>
      </c>
      <c r="X943" s="47" t="s">
        <v>5331</v>
      </c>
      <c r="Y943" s="47" t="s">
        <v>5331</v>
      </c>
      <c r="Z943" s="28"/>
      <c r="AA943" s="27"/>
      <c r="AB943" s="27"/>
      <c r="AC943" s="27"/>
      <c r="AD943" s="30"/>
      <c r="AE943" s="1"/>
      <c r="AF943" s="23" t="s">
        <v>5331</v>
      </c>
      <c r="AG943" s="26"/>
      <c r="AH943" s="53"/>
    </row>
    <row r="944" spans="1:34" ht="51.6" customHeight="1" x14ac:dyDescent="0.45">
      <c r="A944" s="23">
        <v>938</v>
      </c>
      <c r="B944" s="25"/>
      <c r="C944" s="25"/>
      <c r="D944" s="29"/>
      <c r="E944" s="1"/>
      <c r="F944" s="1"/>
      <c r="G944" s="25"/>
      <c r="H944" s="71"/>
      <c r="I944" s="83"/>
      <c r="J944" s="50" t="str">
        <f t="shared" si="30"/>
        <v/>
      </c>
      <c r="K944" s="23" t="s">
        <v>7120</v>
      </c>
      <c r="L944" s="49" t="e">
        <f>VLOOKUP(E944&amp;F944,団体コード!$A$1:$C$1743,3,FALSE)</f>
        <v>#N/A</v>
      </c>
      <c r="M944" s="49" t="e">
        <f>VLOOKUP(E944&amp;F944,団体コード!$A$1:$C$1743,2,FALSE)</f>
        <v>#N/A</v>
      </c>
      <c r="N944" s="51" t="e">
        <f>VLOOKUP(E944,団体コード!$E$1:$F$48,2,FALSE)</f>
        <v>#N/A</v>
      </c>
      <c r="O944" s="51" t="e">
        <f t="shared" si="31"/>
        <v>#N/A</v>
      </c>
      <c r="P944" s="51">
        <v>1</v>
      </c>
      <c r="Q944" s="51" t="s">
        <v>5341</v>
      </c>
      <c r="R944" s="54" t="b">
        <v>1</v>
      </c>
      <c r="S944" s="52" t="s">
        <v>7126</v>
      </c>
      <c r="T944" s="67" t="s">
        <v>7127</v>
      </c>
      <c r="U944" s="75" t="s">
        <v>5331</v>
      </c>
      <c r="V944" s="47" t="s">
        <v>5331</v>
      </c>
      <c r="W944" s="47" t="s">
        <v>5331</v>
      </c>
      <c r="X944" s="47" t="s">
        <v>5331</v>
      </c>
      <c r="Y944" s="47" t="s">
        <v>5331</v>
      </c>
      <c r="Z944" s="28"/>
      <c r="AA944" s="27"/>
      <c r="AB944" s="27"/>
      <c r="AC944" s="27"/>
      <c r="AD944" s="30"/>
      <c r="AE944" s="1"/>
      <c r="AF944" s="23" t="s">
        <v>5331</v>
      </c>
      <c r="AG944" s="26"/>
      <c r="AH944" s="53"/>
    </row>
    <row r="945" spans="1:34" ht="51.6" customHeight="1" x14ac:dyDescent="0.45">
      <c r="A945" s="23">
        <v>939</v>
      </c>
      <c r="B945" s="25"/>
      <c r="C945" s="25"/>
      <c r="D945" s="29"/>
      <c r="E945" s="1"/>
      <c r="F945" s="1"/>
      <c r="G945" s="25"/>
      <c r="H945" s="71"/>
      <c r="I945" s="83"/>
      <c r="J945" s="50" t="str">
        <f t="shared" si="30"/>
        <v/>
      </c>
      <c r="K945" s="23" t="s">
        <v>7120</v>
      </c>
      <c r="L945" s="49" t="e">
        <f>VLOOKUP(E945&amp;F945,団体コード!$A$1:$C$1743,3,FALSE)</f>
        <v>#N/A</v>
      </c>
      <c r="M945" s="49" t="e">
        <f>VLOOKUP(E945&amp;F945,団体コード!$A$1:$C$1743,2,FALSE)</f>
        <v>#N/A</v>
      </c>
      <c r="N945" s="51" t="e">
        <f>VLOOKUP(E945,団体コード!$E$1:$F$48,2,FALSE)</f>
        <v>#N/A</v>
      </c>
      <c r="O945" s="51" t="e">
        <f t="shared" si="31"/>
        <v>#N/A</v>
      </c>
      <c r="P945" s="51">
        <v>1</v>
      </c>
      <c r="Q945" s="51" t="s">
        <v>5341</v>
      </c>
      <c r="R945" s="54" t="b">
        <v>1</v>
      </c>
      <c r="S945" s="52" t="s">
        <v>7126</v>
      </c>
      <c r="T945" s="67" t="s">
        <v>7127</v>
      </c>
      <c r="U945" s="75" t="s">
        <v>5331</v>
      </c>
      <c r="V945" s="47" t="s">
        <v>5331</v>
      </c>
      <c r="W945" s="47" t="s">
        <v>5331</v>
      </c>
      <c r="X945" s="47" t="s">
        <v>5331</v>
      </c>
      <c r="Y945" s="47" t="s">
        <v>5331</v>
      </c>
      <c r="Z945" s="28"/>
      <c r="AA945" s="27"/>
      <c r="AB945" s="27"/>
      <c r="AC945" s="27"/>
      <c r="AD945" s="30"/>
      <c r="AE945" s="1"/>
      <c r="AF945" s="23" t="s">
        <v>5331</v>
      </c>
      <c r="AG945" s="26"/>
      <c r="AH945" s="53"/>
    </row>
    <row r="946" spans="1:34" ht="51.6" customHeight="1" x14ac:dyDescent="0.45">
      <c r="A946" s="23">
        <v>940</v>
      </c>
      <c r="B946" s="25"/>
      <c r="C946" s="25"/>
      <c r="D946" s="29"/>
      <c r="E946" s="1"/>
      <c r="F946" s="1"/>
      <c r="G946" s="25"/>
      <c r="H946" s="71"/>
      <c r="I946" s="83"/>
      <c r="J946" s="50" t="str">
        <f t="shared" si="30"/>
        <v/>
      </c>
      <c r="K946" s="23" t="s">
        <v>7120</v>
      </c>
      <c r="L946" s="49" t="e">
        <f>VLOOKUP(E946&amp;F946,団体コード!$A$1:$C$1743,3,FALSE)</f>
        <v>#N/A</v>
      </c>
      <c r="M946" s="49" t="e">
        <f>VLOOKUP(E946&amp;F946,団体コード!$A$1:$C$1743,2,FALSE)</f>
        <v>#N/A</v>
      </c>
      <c r="N946" s="51" t="e">
        <f>VLOOKUP(E946,団体コード!$E$1:$F$48,2,FALSE)</f>
        <v>#N/A</v>
      </c>
      <c r="O946" s="51" t="e">
        <f t="shared" si="31"/>
        <v>#N/A</v>
      </c>
      <c r="P946" s="51">
        <v>1</v>
      </c>
      <c r="Q946" s="51" t="s">
        <v>5341</v>
      </c>
      <c r="R946" s="54" t="b">
        <v>1</v>
      </c>
      <c r="S946" s="52" t="s">
        <v>7126</v>
      </c>
      <c r="T946" s="67" t="s">
        <v>7127</v>
      </c>
      <c r="U946" s="75" t="s">
        <v>5331</v>
      </c>
      <c r="V946" s="47" t="s">
        <v>5331</v>
      </c>
      <c r="W946" s="47" t="s">
        <v>5331</v>
      </c>
      <c r="X946" s="47" t="s">
        <v>5331</v>
      </c>
      <c r="Y946" s="47" t="s">
        <v>5331</v>
      </c>
      <c r="Z946" s="28"/>
      <c r="AA946" s="27"/>
      <c r="AB946" s="27"/>
      <c r="AC946" s="27"/>
      <c r="AD946" s="30"/>
      <c r="AE946" s="1"/>
      <c r="AF946" s="23" t="s">
        <v>5331</v>
      </c>
      <c r="AG946" s="26"/>
      <c r="AH946" s="53"/>
    </row>
    <row r="947" spans="1:34" ht="51.6" customHeight="1" x14ac:dyDescent="0.45">
      <c r="A947" s="23">
        <v>941</v>
      </c>
      <c r="B947" s="25"/>
      <c r="C947" s="25"/>
      <c r="D947" s="29"/>
      <c r="E947" s="1"/>
      <c r="F947" s="1"/>
      <c r="G947" s="25"/>
      <c r="H947" s="71"/>
      <c r="I947" s="83"/>
      <c r="J947" s="50" t="str">
        <f t="shared" si="30"/>
        <v/>
      </c>
      <c r="K947" s="23" t="s">
        <v>7120</v>
      </c>
      <c r="L947" s="49" t="e">
        <f>VLOOKUP(E947&amp;F947,団体コード!$A$1:$C$1743,3,FALSE)</f>
        <v>#N/A</v>
      </c>
      <c r="M947" s="49" t="e">
        <f>VLOOKUP(E947&amp;F947,団体コード!$A$1:$C$1743,2,FALSE)</f>
        <v>#N/A</v>
      </c>
      <c r="N947" s="51" t="e">
        <f>VLOOKUP(E947,団体コード!$E$1:$F$48,2,FALSE)</f>
        <v>#N/A</v>
      </c>
      <c r="O947" s="51" t="e">
        <f t="shared" si="31"/>
        <v>#N/A</v>
      </c>
      <c r="P947" s="51">
        <v>1</v>
      </c>
      <c r="Q947" s="51" t="s">
        <v>5341</v>
      </c>
      <c r="R947" s="54" t="b">
        <v>1</v>
      </c>
      <c r="S947" s="52" t="s">
        <v>7126</v>
      </c>
      <c r="T947" s="67" t="s">
        <v>7127</v>
      </c>
      <c r="U947" s="75" t="s">
        <v>5331</v>
      </c>
      <c r="V947" s="47" t="s">
        <v>5331</v>
      </c>
      <c r="W947" s="47" t="s">
        <v>5331</v>
      </c>
      <c r="X947" s="47" t="s">
        <v>5331</v>
      </c>
      <c r="Y947" s="47" t="s">
        <v>5331</v>
      </c>
      <c r="Z947" s="28"/>
      <c r="AA947" s="27"/>
      <c r="AB947" s="27"/>
      <c r="AC947" s="27"/>
      <c r="AD947" s="30"/>
      <c r="AE947" s="1"/>
      <c r="AF947" s="23" t="s">
        <v>5331</v>
      </c>
      <c r="AG947" s="26"/>
      <c r="AH947" s="53"/>
    </row>
    <row r="948" spans="1:34" ht="51.6" customHeight="1" x14ac:dyDescent="0.45">
      <c r="A948" s="23">
        <v>942</v>
      </c>
      <c r="B948" s="25"/>
      <c r="C948" s="25"/>
      <c r="D948" s="29"/>
      <c r="E948" s="1"/>
      <c r="F948" s="1"/>
      <c r="G948" s="25"/>
      <c r="H948" s="71"/>
      <c r="I948" s="83"/>
      <c r="J948" s="50" t="str">
        <f t="shared" si="30"/>
        <v/>
      </c>
      <c r="K948" s="23" t="s">
        <v>7120</v>
      </c>
      <c r="L948" s="49" t="e">
        <f>VLOOKUP(E948&amp;F948,団体コード!$A$1:$C$1743,3,FALSE)</f>
        <v>#N/A</v>
      </c>
      <c r="M948" s="49" t="e">
        <f>VLOOKUP(E948&amp;F948,団体コード!$A$1:$C$1743,2,FALSE)</f>
        <v>#N/A</v>
      </c>
      <c r="N948" s="51" t="e">
        <f>VLOOKUP(E948,団体コード!$E$1:$F$48,2,FALSE)</f>
        <v>#N/A</v>
      </c>
      <c r="O948" s="51" t="e">
        <f t="shared" si="31"/>
        <v>#N/A</v>
      </c>
      <c r="P948" s="51">
        <v>1</v>
      </c>
      <c r="Q948" s="51" t="s">
        <v>5341</v>
      </c>
      <c r="R948" s="54" t="b">
        <v>1</v>
      </c>
      <c r="S948" s="52" t="s">
        <v>7126</v>
      </c>
      <c r="T948" s="67" t="s">
        <v>7127</v>
      </c>
      <c r="U948" s="75" t="s">
        <v>5331</v>
      </c>
      <c r="V948" s="47" t="s">
        <v>5331</v>
      </c>
      <c r="W948" s="47" t="s">
        <v>5331</v>
      </c>
      <c r="X948" s="47" t="s">
        <v>5331</v>
      </c>
      <c r="Y948" s="47" t="s">
        <v>5331</v>
      </c>
      <c r="Z948" s="28"/>
      <c r="AA948" s="27"/>
      <c r="AB948" s="27"/>
      <c r="AC948" s="27"/>
      <c r="AD948" s="30"/>
      <c r="AE948" s="1"/>
      <c r="AF948" s="23" t="s">
        <v>5331</v>
      </c>
      <c r="AG948" s="26"/>
      <c r="AH948" s="53"/>
    </row>
    <row r="949" spans="1:34" ht="51.6" customHeight="1" x14ac:dyDescent="0.45">
      <c r="A949" s="23">
        <v>943</v>
      </c>
      <c r="B949" s="25"/>
      <c r="C949" s="25"/>
      <c r="D949" s="29"/>
      <c r="E949" s="1"/>
      <c r="F949" s="1"/>
      <c r="G949" s="25"/>
      <c r="H949" s="71"/>
      <c r="I949" s="83"/>
      <c r="J949" s="50" t="str">
        <f t="shared" si="30"/>
        <v/>
      </c>
      <c r="K949" s="23" t="s">
        <v>7120</v>
      </c>
      <c r="L949" s="49" t="e">
        <f>VLOOKUP(E949&amp;F949,団体コード!$A$1:$C$1743,3,FALSE)</f>
        <v>#N/A</v>
      </c>
      <c r="M949" s="49" t="e">
        <f>VLOOKUP(E949&amp;F949,団体コード!$A$1:$C$1743,2,FALSE)</f>
        <v>#N/A</v>
      </c>
      <c r="N949" s="51" t="e">
        <f>VLOOKUP(E949,団体コード!$E$1:$F$48,2,FALSE)</f>
        <v>#N/A</v>
      </c>
      <c r="O949" s="51" t="e">
        <f t="shared" si="31"/>
        <v>#N/A</v>
      </c>
      <c r="P949" s="51">
        <v>1</v>
      </c>
      <c r="Q949" s="51" t="s">
        <v>5341</v>
      </c>
      <c r="R949" s="54" t="b">
        <v>1</v>
      </c>
      <c r="S949" s="52" t="s">
        <v>7126</v>
      </c>
      <c r="T949" s="67" t="s">
        <v>7127</v>
      </c>
      <c r="U949" s="75" t="s">
        <v>5331</v>
      </c>
      <c r="V949" s="47" t="s">
        <v>5331</v>
      </c>
      <c r="W949" s="47" t="s">
        <v>5331</v>
      </c>
      <c r="X949" s="47" t="s">
        <v>5331</v>
      </c>
      <c r="Y949" s="47" t="s">
        <v>5331</v>
      </c>
      <c r="Z949" s="28"/>
      <c r="AA949" s="27"/>
      <c r="AB949" s="27"/>
      <c r="AC949" s="27"/>
      <c r="AD949" s="30"/>
      <c r="AE949" s="1"/>
      <c r="AF949" s="23" t="s">
        <v>5331</v>
      </c>
      <c r="AG949" s="26"/>
      <c r="AH949" s="53"/>
    </row>
    <row r="950" spans="1:34" ht="51.6" customHeight="1" x14ac:dyDescent="0.45">
      <c r="A950" s="23">
        <v>944</v>
      </c>
      <c r="B950" s="25"/>
      <c r="C950" s="25"/>
      <c r="D950" s="29"/>
      <c r="E950" s="1"/>
      <c r="F950" s="1"/>
      <c r="G950" s="25"/>
      <c r="H950" s="71"/>
      <c r="I950" s="83"/>
      <c r="J950" s="50" t="str">
        <f t="shared" si="30"/>
        <v/>
      </c>
      <c r="K950" s="23" t="s">
        <v>7120</v>
      </c>
      <c r="L950" s="49" t="e">
        <f>VLOOKUP(E950&amp;F950,団体コード!$A$1:$C$1743,3,FALSE)</f>
        <v>#N/A</v>
      </c>
      <c r="M950" s="49" t="e">
        <f>VLOOKUP(E950&amp;F950,団体コード!$A$1:$C$1743,2,FALSE)</f>
        <v>#N/A</v>
      </c>
      <c r="N950" s="51" t="e">
        <f>VLOOKUP(E950,団体コード!$E$1:$F$48,2,FALSE)</f>
        <v>#N/A</v>
      </c>
      <c r="O950" s="51" t="e">
        <f t="shared" si="31"/>
        <v>#N/A</v>
      </c>
      <c r="P950" s="51">
        <v>1</v>
      </c>
      <c r="Q950" s="51" t="s">
        <v>5341</v>
      </c>
      <c r="R950" s="54" t="b">
        <v>1</v>
      </c>
      <c r="S950" s="52" t="s">
        <v>7126</v>
      </c>
      <c r="T950" s="67" t="s">
        <v>7127</v>
      </c>
      <c r="U950" s="75" t="s">
        <v>5331</v>
      </c>
      <c r="V950" s="47" t="s">
        <v>5331</v>
      </c>
      <c r="W950" s="47" t="s">
        <v>5331</v>
      </c>
      <c r="X950" s="47" t="s">
        <v>5331</v>
      </c>
      <c r="Y950" s="47" t="s">
        <v>5331</v>
      </c>
      <c r="Z950" s="28"/>
      <c r="AA950" s="27"/>
      <c r="AB950" s="27"/>
      <c r="AC950" s="27"/>
      <c r="AD950" s="30"/>
      <c r="AE950" s="1"/>
      <c r="AF950" s="23" t="s">
        <v>5331</v>
      </c>
      <c r="AG950" s="26"/>
      <c r="AH950" s="53"/>
    </row>
    <row r="951" spans="1:34" ht="51.6" customHeight="1" x14ac:dyDescent="0.45">
      <c r="A951" s="23">
        <v>945</v>
      </c>
      <c r="B951" s="25"/>
      <c r="C951" s="25"/>
      <c r="D951" s="29"/>
      <c r="E951" s="1"/>
      <c r="F951" s="1"/>
      <c r="G951" s="25"/>
      <c r="H951" s="71"/>
      <c r="I951" s="83"/>
      <c r="J951" s="50" t="str">
        <f t="shared" si="30"/>
        <v/>
      </c>
      <c r="K951" s="23" t="s">
        <v>7120</v>
      </c>
      <c r="L951" s="49" t="e">
        <f>VLOOKUP(E951&amp;F951,団体コード!$A$1:$C$1743,3,FALSE)</f>
        <v>#N/A</v>
      </c>
      <c r="M951" s="49" t="e">
        <f>VLOOKUP(E951&amp;F951,団体コード!$A$1:$C$1743,2,FALSE)</f>
        <v>#N/A</v>
      </c>
      <c r="N951" s="51" t="e">
        <f>VLOOKUP(E951,団体コード!$E$1:$F$48,2,FALSE)</f>
        <v>#N/A</v>
      </c>
      <c r="O951" s="51" t="e">
        <f t="shared" si="31"/>
        <v>#N/A</v>
      </c>
      <c r="P951" s="51">
        <v>1</v>
      </c>
      <c r="Q951" s="51" t="s">
        <v>5341</v>
      </c>
      <c r="R951" s="54" t="b">
        <v>1</v>
      </c>
      <c r="S951" s="52" t="s">
        <v>7126</v>
      </c>
      <c r="T951" s="67" t="s">
        <v>7127</v>
      </c>
      <c r="U951" s="75" t="s">
        <v>5331</v>
      </c>
      <c r="V951" s="47" t="s">
        <v>5331</v>
      </c>
      <c r="W951" s="47" t="s">
        <v>5331</v>
      </c>
      <c r="X951" s="47" t="s">
        <v>5331</v>
      </c>
      <c r="Y951" s="47" t="s">
        <v>5331</v>
      </c>
      <c r="Z951" s="28"/>
      <c r="AA951" s="27"/>
      <c r="AB951" s="27"/>
      <c r="AC951" s="27"/>
      <c r="AD951" s="30"/>
      <c r="AE951" s="1"/>
      <c r="AF951" s="23" t="s">
        <v>5331</v>
      </c>
      <c r="AG951" s="26"/>
      <c r="AH951" s="53"/>
    </row>
    <row r="952" spans="1:34" ht="51.6" customHeight="1" x14ac:dyDescent="0.45">
      <c r="A952" s="23">
        <v>946</v>
      </c>
      <c r="B952" s="25"/>
      <c r="C952" s="25"/>
      <c r="D952" s="29"/>
      <c r="E952" s="1"/>
      <c r="F952" s="1"/>
      <c r="G952" s="25"/>
      <c r="H952" s="71"/>
      <c r="I952" s="83"/>
      <c r="J952" s="50" t="str">
        <f t="shared" si="30"/>
        <v/>
      </c>
      <c r="K952" s="23" t="s">
        <v>7120</v>
      </c>
      <c r="L952" s="49" t="e">
        <f>VLOOKUP(E952&amp;F952,団体コード!$A$1:$C$1743,3,FALSE)</f>
        <v>#N/A</v>
      </c>
      <c r="M952" s="49" t="e">
        <f>VLOOKUP(E952&amp;F952,団体コード!$A$1:$C$1743,2,FALSE)</f>
        <v>#N/A</v>
      </c>
      <c r="N952" s="51" t="e">
        <f>VLOOKUP(E952,団体コード!$E$1:$F$48,2,FALSE)</f>
        <v>#N/A</v>
      </c>
      <c r="O952" s="51" t="e">
        <f t="shared" si="31"/>
        <v>#N/A</v>
      </c>
      <c r="P952" s="51">
        <v>1</v>
      </c>
      <c r="Q952" s="51" t="s">
        <v>5341</v>
      </c>
      <c r="R952" s="54" t="b">
        <v>1</v>
      </c>
      <c r="S952" s="52" t="s">
        <v>7126</v>
      </c>
      <c r="T952" s="67" t="s">
        <v>7127</v>
      </c>
      <c r="U952" s="75" t="s">
        <v>5331</v>
      </c>
      <c r="V952" s="47" t="s">
        <v>5331</v>
      </c>
      <c r="W952" s="47" t="s">
        <v>5331</v>
      </c>
      <c r="X952" s="47" t="s">
        <v>5331</v>
      </c>
      <c r="Y952" s="47" t="s">
        <v>5331</v>
      </c>
      <c r="Z952" s="28"/>
      <c r="AA952" s="27"/>
      <c r="AB952" s="27"/>
      <c r="AC952" s="27"/>
      <c r="AD952" s="30"/>
      <c r="AE952" s="1"/>
      <c r="AF952" s="23" t="s">
        <v>5331</v>
      </c>
      <c r="AG952" s="26"/>
      <c r="AH952" s="53"/>
    </row>
    <row r="953" spans="1:34" ht="51.6" customHeight="1" x14ac:dyDescent="0.45">
      <c r="A953" s="23">
        <v>947</v>
      </c>
      <c r="B953" s="25"/>
      <c r="C953" s="25"/>
      <c r="D953" s="29"/>
      <c r="E953" s="1"/>
      <c r="F953" s="1"/>
      <c r="G953" s="25"/>
      <c r="H953" s="71"/>
      <c r="I953" s="83"/>
      <c r="J953" s="50" t="str">
        <f t="shared" si="30"/>
        <v/>
      </c>
      <c r="K953" s="23" t="s">
        <v>7120</v>
      </c>
      <c r="L953" s="49" t="e">
        <f>VLOOKUP(E953&amp;F953,団体コード!$A$1:$C$1743,3,FALSE)</f>
        <v>#N/A</v>
      </c>
      <c r="M953" s="49" t="e">
        <f>VLOOKUP(E953&amp;F953,団体コード!$A$1:$C$1743,2,FALSE)</f>
        <v>#N/A</v>
      </c>
      <c r="N953" s="51" t="e">
        <f>VLOOKUP(E953,団体コード!$E$1:$F$48,2,FALSE)</f>
        <v>#N/A</v>
      </c>
      <c r="O953" s="51" t="e">
        <f t="shared" si="31"/>
        <v>#N/A</v>
      </c>
      <c r="P953" s="51">
        <v>1</v>
      </c>
      <c r="Q953" s="51" t="s">
        <v>5341</v>
      </c>
      <c r="R953" s="54" t="b">
        <v>1</v>
      </c>
      <c r="S953" s="52" t="s">
        <v>7126</v>
      </c>
      <c r="T953" s="67" t="s">
        <v>7127</v>
      </c>
      <c r="U953" s="75" t="s">
        <v>5331</v>
      </c>
      <c r="V953" s="47" t="s">
        <v>5331</v>
      </c>
      <c r="W953" s="47" t="s">
        <v>5331</v>
      </c>
      <c r="X953" s="47" t="s">
        <v>5331</v>
      </c>
      <c r="Y953" s="47" t="s">
        <v>5331</v>
      </c>
      <c r="Z953" s="28"/>
      <c r="AA953" s="27"/>
      <c r="AB953" s="27"/>
      <c r="AC953" s="27"/>
      <c r="AD953" s="30"/>
      <c r="AE953" s="1"/>
      <c r="AF953" s="23" t="s">
        <v>5331</v>
      </c>
      <c r="AG953" s="26"/>
      <c r="AH953" s="53"/>
    </row>
    <row r="954" spans="1:34" ht="51.6" customHeight="1" x14ac:dyDescent="0.45">
      <c r="A954" s="23">
        <v>948</v>
      </c>
      <c r="B954" s="25"/>
      <c r="C954" s="25"/>
      <c r="D954" s="29"/>
      <c r="E954" s="1"/>
      <c r="F954" s="1"/>
      <c r="G954" s="25"/>
      <c r="H954" s="71"/>
      <c r="I954" s="83"/>
      <c r="J954" s="50" t="str">
        <f t="shared" si="30"/>
        <v/>
      </c>
      <c r="K954" s="23" t="s">
        <v>7120</v>
      </c>
      <c r="L954" s="49" t="e">
        <f>VLOOKUP(E954&amp;F954,団体コード!$A$1:$C$1743,3,FALSE)</f>
        <v>#N/A</v>
      </c>
      <c r="M954" s="49" t="e">
        <f>VLOOKUP(E954&amp;F954,団体コード!$A$1:$C$1743,2,FALSE)</f>
        <v>#N/A</v>
      </c>
      <c r="N954" s="51" t="e">
        <f>VLOOKUP(E954,団体コード!$E$1:$F$48,2,FALSE)</f>
        <v>#N/A</v>
      </c>
      <c r="O954" s="51" t="e">
        <f t="shared" si="31"/>
        <v>#N/A</v>
      </c>
      <c r="P954" s="51">
        <v>1</v>
      </c>
      <c r="Q954" s="51" t="s">
        <v>5341</v>
      </c>
      <c r="R954" s="54" t="b">
        <v>1</v>
      </c>
      <c r="S954" s="52" t="s">
        <v>7126</v>
      </c>
      <c r="T954" s="67" t="s">
        <v>7127</v>
      </c>
      <c r="U954" s="75" t="s">
        <v>5331</v>
      </c>
      <c r="V954" s="47" t="s">
        <v>5331</v>
      </c>
      <c r="W954" s="47" t="s">
        <v>5331</v>
      </c>
      <c r="X954" s="47" t="s">
        <v>5331</v>
      </c>
      <c r="Y954" s="47" t="s">
        <v>5331</v>
      </c>
      <c r="Z954" s="28"/>
      <c r="AA954" s="27"/>
      <c r="AB954" s="27"/>
      <c r="AC954" s="27"/>
      <c r="AD954" s="30"/>
      <c r="AE954" s="1"/>
      <c r="AF954" s="23" t="s">
        <v>5331</v>
      </c>
      <c r="AG954" s="26"/>
      <c r="AH954" s="53"/>
    </row>
    <row r="955" spans="1:34" ht="51.6" customHeight="1" x14ac:dyDescent="0.45">
      <c r="A955" s="23">
        <v>949</v>
      </c>
      <c r="B955" s="25"/>
      <c r="C955" s="25"/>
      <c r="D955" s="29"/>
      <c r="E955" s="1"/>
      <c r="F955" s="1"/>
      <c r="G955" s="25"/>
      <c r="H955" s="71"/>
      <c r="I955" s="83"/>
      <c r="J955" s="50" t="str">
        <f t="shared" si="30"/>
        <v/>
      </c>
      <c r="K955" s="23" t="s">
        <v>7120</v>
      </c>
      <c r="L955" s="49" t="e">
        <f>VLOOKUP(E955&amp;F955,団体コード!$A$1:$C$1743,3,FALSE)</f>
        <v>#N/A</v>
      </c>
      <c r="M955" s="49" t="e">
        <f>VLOOKUP(E955&amp;F955,団体コード!$A$1:$C$1743,2,FALSE)</f>
        <v>#N/A</v>
      </c>
      <c r="N955" s="51" t="e">
        <f>VLOOKUP(E955,団体コード!$E$1:$F$48,2,FALSE)</f>
        <v>#N/A</v>
      </c>
      <c r="O955" s="51" t="e">
        <f t="shared" si="31"/>
        <v>#N/A</v>
      </c>
      <c r="P955" s="51">
        <v>1</v>
      </c>
      <c r="Q955" s="51" t="s">
        <v>5341</v>
      </c>
      <c r="R955" s="54" t="b">
        <v>1</v>
      </c>
      <c r="S955" s="52" t="s">
        <v>7126</v>
      </c>
      <c r="T955" s="67" t="s">
        <v>7127</v>
      </c>
      <c r="U955" s="75" t="s">
        <v>5331</v>
      </c>
      <c r="V955" s="47" t="s">
        <v>5331</v>
      </c>
      <c r="W955" s="47" t="s">
        <v>5331</v>
      </c>
      <c r="X955" s="47" t="s">
        <v>5331</v>
      </c>
      <c r="Y955" s="47" t="s">
        <v>5331</v>
      </c>
      <c r="Z955" s="28"/>
      <c r="AA955" s="27"/>
      <c r="AB955" s="27"/>
      <c r="AC955" s="27"/>
      <c r="AD955" s="30"/>
      <c r="AE955" s="1"/>
      <c r="AF955" s="23" t="s">
        <v>5331</v>
      </c>
      <c r="AG955" s="26"/>
      <c r="AH955" s="53"/>
    </row>
    <row r="956" spans="1:34" ht="51.6" customHeight="1" x14ac:dyDescent="0.45">
      <c r="A956" s="23">
        <v>950</v>
      </c>
      <c r="B956" s="25"/>
      <c r="C956" s="25"/>
      <c r="D956" s="29"/>
      <c r="E956" s="1"/>
      <c r="F956" s="1"/>
      <c r="G956" s="25"/>
      <c r="H956" s="71"/>
      <c r="I956" s="83"/>
      <c r="J956" s="50" t="str">
        <f t="shared" si="30"/>
        <v/>
      </c>
      <c r="K956" s="23" t="s">
        <v>7120</v>
      </c>
      <c r="L956" s="49" t="e">
        <f>VLOOKUP(E956&amp;F956,団体コード!$A$1:$C$1743,3,FALSE)</f>
        <v>#N/A</v>
      </c>
      <c r="M956" s="49" t="e">
        <f>VLOOKUP(E956&amp;F956,団体コード!$A$1:$C$1743,2,FALSE)</f>
        <v>#N/A</v>
      </c>
      <c r="N956" s="51" t="e">
        <f>VLOOKUP(E956,団体コード!$E$1:$F$48,2,FALSE)</f>
        <v>#N/A</v>
      </c>
      <c r="O956" s="51" t="e">
        <f t="shared" si="31"/>
        <v>#N/A</v>
      </c>
      <c r="P956" s="51">
        <v>1</v>
      </c>
      <c r="Q956" s="51" t="s">
        <v>5341</v>
      </c>
      <c r="R956" s="54" t="b">
        <v>1</v>
      </c>
      <c r="S956" s="52" t="s">
        <v>7126</v>
      </c>
      <c r="T956" s="67" t="s">
        <v>7127</v>
      </c>
      <c r="U956" s="75" t="s">
        <v>5331</v>
      </c>
      <c r="V956" s="47" t="s">
        <v>5331</v>
      </c>
      <c r="W956" s="47" t="s">
        <v>5331</v>
      </c>
      <c r="X956" s="47" t="s">
        <v>5331</v>
      </c>
      <c r="Y956" s="47" t="s">
        <v>5331</v>
      </c>
      <c r="Z956" s="28"/>
      <c r="AA956" s="27"/>
      <c r="AB956" s="27"/>
      <c r="AC956" s="27"/>
      <c r="AD956" s="30"/>
      <c r="AE956" s="1"/>
      <c r="AF956" s="23" t="s">
        <v>5331</v>
      </c>
      <c r="AG956" s="26"/>
      <c r="AH956" s="53"/>
    </row>
    <row r="957" spans="1:34" ht="51.6" customHeight="1" x14ac:dyDescent="0.45">
      <c r="A957" s="23">
        <v>951</v>
      </c>
      <c r="B957" s="25"/>
      <c r="C957" s="25"/>
      <c r="D957" s="29"/>
      <c r="E957" s="1"/>
      <c r="F957" s="1"/>
      <c r="G957" s="25"/>
      <c r="H957" s="71"/>
      <c r="I957" s="83"/>
      <c r="J957" s="50" t="str">
        <f t="shared" si="30"/>
        <v/>
      </c>
      <c r="K957" s="23" t="s">
        <v>7120</v>
      </c>
      <c r="L957" s="49" t="e">
        <f>VLOOKUP(E957&amp;F957,団体コード!$A$1:$C$1743,3,FALSE)</f>
        <v>#N/A</v>
      </c>
      <c r="M957" s="49" t="e">
        <f>VLOOKUP(E957&amp;F957,団体コード!$A$1:$C$1743,2,FALSE)</f>
        <v>#N/A</v>
      </c>
      <c r="N957" s="51" t="e">
        <f>VLOOKUP(E957,団体コード!$E$1:$F$48,2,FALSE)</f>
        <v>#N/A</v>
      </c>
      <c r="O957" s="51" t="e">
        <f t="shared" si="31"/>
        <v>#N/A</v>
      </c>
      <c r="P957" s="51">
        <v>1</v>
      </c>
      <c r="Q957" s="51" t="s">
        <v>5341</v>
      </c>
      <c r="R957" s="54" t="b">
        <v>1</v>
      </c>
      <c r="S957" s="52" t="s">
        <v>7126</v>
      </c>
      <c r="T957" s="67" t="s">
        <v>7127</v>
      </c>
      <c r="U957" s="75" t="s">
        <v>5331</v>
      </c>
      <c r="V957" s="47" t="s">
        <v>5331</v>
      </c>
      <c r="W957" s="47" t="s">
        <v>5331</v>
      </c>
      <c r="X957" s="47" t="s">
        <v>5331</v>
      </c>
      <c r="Y957" s="47" t="s">
        <v>5331</v>
      </c>
      <c r="Z957" s="28"/>
      <c r="AA957" s="27"/>
      <c r="AB957" s="27"/>
      <c r="AC957" s="27"/>
      <c r="AD957" s="30"/>
      <c r="AE957" s="1"/>
      <c r="AF957" s="23" t="s">
        <v>5331</v>
      </c>
      <c r="AG957" s="26"/>
      <c r="AH957" s="53"/>
    </row>
    <row r="958" spans="1:34" ht="51.6" customHeight="1" x14ac:dyDescent="0.45">
      <c r="A958" s="23">
        <v>952</v>
      </c>
      <c r="B958" s="25"/>
      <c r="C958" s="25"/>
      <c r="D958" s="29"/>
      <c r="E958" s="1"/>
      <c r="F958" s="1"/>
      <c r="G958" s="25"/>
      <c r="H958" s="71"/>
      <c r="I958" s="83"/>
      <c r="J958" s="50" t="str">
        <f t="shared" si="30"/>
        <v/>
      </c>
      <c r="K958" s="23" t="s">
        <v>7120</v>
      </c>
      <c r="L958" s="49" t="e">
        <f>VLOOKUP(E958&amp;F958,団体コード!$A$1:$C$1743,3,FALSE)</f>
        <v>#N/A</v>
      </c>
      <c r="M958" s="49" t="e">
        <f>VLOOKUP(E958&amp;F958,団体コード!$A$1:$C$1743,2,FALSE)</f>
        <v>#N/A</v>
      </c>
      <c r="N958" s="51" t="e">
        <f>VLOOKUP(E958,団体コード!$E$1:$F$48,2,FALSE)</f>
        <v>#N/A</v>
      </c>
      <c r="O958" s="51" t="e">
        <f t="shared" si="31"/>
        <v>#N/A</v>
      </c>
      <c r="P958" s="51">
        <v>1</v>
      </c>
      <c r="Q958" s="51" t="s">
        <v>5341</v>
      </c>
      <c r="R958" s="54" t="b">
        <v>1</v>
      </c>
      <c r="S958" s="52" t="s">
        <v>7126</v>
      </c>
      <c r="T958" s="67" t="s">
        <v>7127</v>
      </c>
      <c r="U958" s="75" t="s">
        <v>5331</v>
      </c>
      <c r="V958" s="47" t="s">
        <v>5331</v>
      </c>
      <c r="W958" s="47" t="s">
        <v>5331</v>
      </c>
      <c r="X958" s="47" t="s">
        <v>5331</v>
      </c>
      <c r="Y958" s="47" t="s">
        <v>5331</v>
      </c>
      <c r="Z958" s="28"/>
      <c r="AA958" s="27"/>
      <c r="AB958" s="27"/>
      <c r="AC958" s="27"/>
      <c r="AD958" s="30"/>
      <c r="AE958" s="1"/>
      <c r="AF958" s="23" t="s">
        <v>5331</v>
      </c>
      <c r="AG958" s="26"/>
      <c r="AH958" s="53"/>
    </row>
    <row r="959" spans="1:34" ht="51.6" customHeight="1" x14ac:dyDescent="0.45">
      <c r="A959" s="23">
        <v>953</v>
      </c>
      <c r="B959" s="25"/>
      <c r="C959" s="25"/>
      <c r="D959" s="29"/>
      <c r="E959" s="1"/>
      <c r="F959" s="1"/>
      <c r="G959" s="25"/>
      <c r="H959" s="71"/>
      <c r="I959" s="83"/>
      <c r="J959" s="50" t="str">
        <f t="shared" si="30"/>
        <v/>
      </c>
      <c r="K959" s="23" t="s">
        <v>7120</v>
      </c>
      <c r="L959" s="49" t="e">
        <f>VLOOKUP(E959&amp;F959,団体コード!$A$1:$C$1743,3,FALSE)</f>
        <v>#N/A</v>
      </c>
      <c r="M959" s="49" t="e">
        <f>VLOOKUP(E959&amp;F959,団体コード!$A$1:$C$1743,2,FALSE)</f>
        <v>#N/A</v>
      </c>
      <c r="N959" s="51" t="e">
        <f>VLOOKUP(E959,団体コード!$E$1:$F$48,2,FALSE)</f>
        <v>#N/A</v>
      </c>
      <c r="O959" s="51" t="e">
        <f t="shared" si="31"/>
        <v>#N/A</v>
      </c>
      <c r="P959" s="51">
        <v>1</v>
      </c>
      <c r="Q959" s="51" t="s">
        <v>5341</v>
      </c>
      <c r="R959" s="54" t="b">
        <v>1</v>
      </c>
      <c r="S959" s="52" t="s">
        <v>7126</v>
      </c>
      <c r="T959" s="67" t="s">
        <v>7127</v>
      </c>
      <c r="U959" s="75" t="s">
        <v>5331</v>
      </c>
      <c r="V959" s="47" t="s">
        <v>5331</v>
      </c>
      <c r="W959" s="47" t="s">
        <v>5331</v>
      </c>
      <c r="X959" s="47" t="s">
        <v>5331</v>
      </c>
      <c r="Y959" s="47" t="s">
        <v>5331</v>
      </c>
      <c r="Z959" s="28"/>
      <c r="AA959" s="27"/>
      <c r="AB959" s="27"/>
      <c r="AC959" s="27"/>
      <c r="AD959" s="30"/>
      <c r="AE959" s="1"/>
      <c r="AF959" s="23" t="s">
        <v>5331</v>
      </c>
      <c r="AG959" s="26"/>
      <c r="AH959" s="53"/>
    </row>
    <row r="960" spans="1:34" ht="51.6" customHeight="1" x14ac:dyDescent="0.45">
      <c r="A960" s="23">
        <v>954</v>
      </c>
      <c r="B960" s="25"/>
      <c r="C960" s="25"/>
      <c r="D960" s="29"/>
      <c r="E960" s="1"/>
      <c r="F960" s="1"/>
      <c r="G960" s="25"/>
      <c r="H960" s="71"/>
      <c r="I960" s="83"/>
      <c r="J960" s="50" t="str">
        <f t="shared" si="30"/>
        <v/>
      </c>
      <c r="K960" s="23" t="s">
        <v>7120</v>
      </c>
      <c r="L960" s="49" t="e">
        <f>VLOOKUP(E960&amp;F960,団体コード!$A$1:$C$1743,3,FALSE)</f>
        <v>#N/A</v>
      </c>
      <c r="M960" s="49" t="e">
        <f>VLOOKUP(E960&amp;F960,団体コード!$A$1:$C$1743,2,FALSE)</f>
        <v>#N/A</v>
      </c>
      <c r="N960" s="51" t="e">
        <f>VLOOKUP(E960,団体コード!$E$1:$F$48,2,FALSE)</f>
        <v>#N/A</v>
      </c>
      <c r="O960" s="51" t="e">
        <f t="shared" si="31"/>
        <v>#N/A</v>
      </c>
      <c r="P960" s="51">
        <v>1</v>
      </c>
      <c r="Q960" s="51" t="s">
        <v>5341</v>
      </c>
      <c r="R960" s="54" t="b">
        <v>1</v>
      </c>
      <c r="S960" s="52" t="s">
        <v>7126</v>
      </c>
      <c r="T960" s="67" t="s">
        <v>7127</v>
      </c>
      <c r="U960" s="75" t="s">
        <v>5331</v>
      </c>
      <c r="V960" s="47" t="s">
        <v>5331</v>
      </c>
      <c r="W960" s="47" t="s">
        <v>5331</v>
      </c>
      <c r="X960" s="47" t="s">
        <v>5331</v>
      </c>
      <c r="Y960" s="47" t="s">
        <v>5331</v>
      </c>
      <c r="Z960" s="28"/>
      <c r="AA960" s="27"/>
      <c r="AB960" s="27"/>
      <c r="AC960" s="27"/>
      <c r="AD960" s="30"/>
      <c r="AE960" s="1"/>
      <c r="AF960" s="23" t="s">
        <v>5331</v>
      </c>
      <c r="AG960" s="26"/>
      <c r="AH960" s="53"/>
    </row>
    <row r="961" spans="1:34" ht="51.6" customHeight="1" x14ac:dyDescent="0.45">
      <c r="A961" s="23">
        <v>955</v>
      </c>
      <c r="B961" s="25"/>
      <c r="C961" s="25"/>
      <c r="D961" s="29"/>
      <c r="E961" s="1"/>
      <c r="F961" s="1"/>
      <c r="G961" s="25"/>
      <c r="H961" s="71"/>
      <c r="I961" s="83"/>
      <c r="J961" s="50" t="str">
        <f t="shared" si="30"/>
        <v/>
      </c>
      <c r="K961" s="23" t="s">
        <v>7120</v>
      </c>
      <c r="L961" s="49" t="e">
        <f>VLOOKUP(E961&amp;F961,団体コード!$A$1:$C$1743,3,FALSE)</f>
        <v>#N/A</v>
      </c>
      <c r="M961" s="49" t="e">
        <f>VLOOKUP(E961&amp;F961,団体コード!$A$1:$C$1743,2,FALSE)</f>
        <v>#N/A</v>
      </c>
      <c r="N961" s="51" t="e">
        <f>VLOOKUP(E961,団体コード!$E$1:$F$48,2,FALSE)</f>
        <v>#N/A</v>
      </c>
      <c r="O961" s="51" t="e">
        <f t="shared" si="31"/>
        <v>#N/A</v>
      </c>
      <c r="P961" s="51">
        <v>1</v>
      </c>
      <c r="Q961" s="51" t="s">
        <v>5341</v>
      </c>
      <c r="R961" s="54" t="b">
        <v>1</v>
      </c>
      <c r="S961" s="52" t="s">
        <v>7126</v>
      </c>
      <c r="T961" s="67" t="s">
        <v>7127</v>
      </c>
      <c r="U961" s="75" t="s">
        <v>5331</v>
      </c>
      <c r="V961" s="47" t="s">
        <v>5331</v>
      </c>
      <c r="W961" s="47" t="s">
        <v>5331</v>
      </c>
      <c r="X961" s="47" t="s">
        <v>5331</v>
      </c>
      <c r="Y961" s="47" t="s">
        <v>5331</v>
      </c>
      <c r="Z961" s="28"/>
      <c r="AA961" s="27"/>
      <c r="AB961" s="27"/>
      <c r="AC961" s="27"/>
      <c r="AD961" s="30"/>
      <c r="AE961" s="1"/>
      <c r="AF961" s="23" t="s">
        <v>5331</v>
      </c>
      <c r="AG961" s="26"/>
      <c r="AH961" s="53"/>
    </row>
    <row r="962" spans="1:34" ht="51.6" customHeight="1" x14ac:dyDescent="0.45">
      <c r="A962" s="23">
        <v>956</v>
      </c>
      <c r="B962" s="25"/>
      <c r="C962" s="25"/>
      <c r="D962" s="29"/>
      <c r="E962" s="1"/>
      <c r="F962" s="1"/>
      <c r="G962" s="25"/>
      <c r="H962" s="71"/>
      <c r="I962" s="83"/>
      <c r="J962" s="50" t="str">
        <f t="shared" si="30"/>
        <v/>
      </c>
      <c r="K962" s="23" t="s">
        <v>7120</v>
      </c>
      <c r="L962" s="49" t="e">
        <f>VLOOKUP(E962&amp;F962,団体コード!$A$1:$C$1743,3,FALSE)</f>
        <v>#N/A</v>
      </c>
      <c r="M962" s="49" t="e">
        <f>VLOOKUP(E962&amp;F962,団体コード!$A$1:$C$1743,2,FALSE)</f>
        <v>#N/A</v>
      </c>
      <c r="N962" s="51" t="e">
        <f>VLOOKUP(E962,団体コード!$E$1:$F$48,2,FALSE)</f>
        <v>#N/A</v>
      </c>
      <c r="O962" s="51" t="e">
        <f t="shared" si="31"/>
        <v>#N/A</v>
      </c>
      <c r="P962" s="51">
        <v>1</v>
      </c>
      <c r="Q962" s="51" t="s">
        <v>5341</v>
      </c>
      <c r="R962" s="54" t="b">
        <v>1</v>
      </c>
      <c r="S962" s="52" t="s">
        <v>7126</v>
      </c>
      <c r="T962" s="67" t="s">
        <v>7127</v>
      </c>
      <c r="U962" s="75" t="s">
        <v>5331</v>
      </c>
      <c r="V962" s="47" t="s">
        <v>5331</v>
      </c>
      <c r="W962" s="47" t="s">
        <v>5331</v>
      </c>
      <c r="X962" s="47" t="s">
        <v>5331</v>
      </c>
      <c r="Y962" s="47" t="s">
        <v>5331</v>
      </c>
      <c r="Z962" s="28"/>
      <c r="AA962" s="27"/>
      <c r="AB962" s="27"/>
      <c r="AC962" s="27"/>
      <c r="AD962" s="30"/>
      <c r="AE962" s="1"/>
      <c r="AF962" s="23" t="s">
        <v>5331</v>
      </c>
      <c r="AG962" s="26"/>
      <c r="AH962" s="53"/>
    </row>
    <row r="963" spans="1:34" ht="51.6" customHeight="1" x14ac:dyDescent="0.45">
      <c r="A963" s="23">
        <v>957</v>
      </c>
      <c r="B963" s="25"/>
      <c r="C963" s="25"/>
      <c r="D963" s="29"/>
      <c r="E963" s="1"/>
      <c r="F963" s="1"/>
      <c r="G963" s="25"/>
      <c r="H963" s="71"/>
      <c r="I963" s="83"/>
      <c r="J963" s="50" t="str">
        <f t="shared" si="30"/>
        <v/>
      </c>
      <c r="K963" s="23" t="s">
        <v>7120</v>
      </c>
      <c r="L963" s="49" t="e">
        <f>VLOOKUP(E963&amp;F963,団体コード!$A$1:$C$1743,3,FALSE)</f>
        <v>#N/A</v>
      </c>
      <c r="M963" s="49" t="e">
        <f>VLOOKUP(E963&amp;F963,団体コード!$A$1:$C$1743,2,FALSE)</f>
        <v>#N/A</v>
      </c>
      <c r="N963" s="51" t="e">
        <f>VLOOKUP(E963,団体コード!$E$1:$F$48,2,FALSE)</f>
        <v>#N/A</v>
      </c>
      <c r="O963" s="51" t="e">
        <f t="shared" si="31"/>
        <v>#N/A</v>
      </c>
      <c r="P963" s="51">
        <v>1</v>
      </c>
      <c r="Q963" s="51" t="s">
        <v>5341</v>
      </c>
      <c r="R963" s="54" t="b">
        <v>1</v>
      </c>
      <c r="S963" s="52" t="s">
        <v>7126</v>
      </c>
      <c r="T963" s="67" t="s">
        <v>7127</v>
      </c>
      <c r="U963" s="75" t="s">
        <v>5331</v>
      </c>
      <c r="V963" s="47" t="s">
        <v>5331</v>
      </c>
      <c r="W963" s="47" t="s">
        <v>5331</v>
      </c>
      <c r="X963" s="47" t="s">
        <v>5331</v>
      </c>
      <c r="Y963" s="47" t="s">
        <v>5331</v>
      </c>
      <c r="Z963" s="28"/>
      <c r="AA963" s="27"/>
      <c r="AB963" s="27"/>
      <c r="AC963" s="27"/>
      <c r="AD963" s="30"/>
      <c r="AE963" s="1"/>
      <c r="AF963" s="23" t="s">
        <v>5331</v>
      </c>
      <c r="AG963" s="26"/>
      <c r="AH963" s="53"/>
    </row>
    <row r="964" spans="1:34" ht="51.6" customHeight="1" x14ac:dyDescent="0.45">
      <c r="A964" s="23">
        <v>958</v>
      </c>
      <c r="B964" s="25"/>
      <c r="C964" s="25"/>
      <c r="D964" s="29"/>
      <c r="E964" s="1"/>
      <c r="F964" s="1"/>
      <c r="G964" s="25"/>
      <c r="H964" s="71"/>
      <c r="I964" s="83"/>
      <c r="J964" s="50" t="str">
        <f t="shared" si="30"/>
        <v/>
      </c>
      <c r="K964" s="23" t="s">
        <v>7120</v>
      </c>
      <c r="L964" s="49" t="e">
        <f>VLOOKUP(E964&amp;F964,団体コード!$A$1:$C$1743,3,FALSE)</f>
        <v>#N/A</v>
      </c>
      <c r="M964" s="49" t="e">
        <f>VLOOKUP(E964&amp;F964,団体コード!$A$1:$C$1743,2,FALSE)</f>
        <v>#N/A</v>
      </c>
      <c r="N964" s="51" t="e">
        <f>VLOOKUP(E964,団体コード!$E$1:$F$48,2,FALSE)</f>
        <v>#N/A</v>
      </c>
      <c r="O964" s="51" t="e">
        <f t="shared" si="31"/>
        <v>#N/A</v>
      </c>
      <c r="P964" s="51">
        <v>1</v>
      </c>
      <c r="Q964" s="51" t="s">
        <v>5341</v>
      </c>
      <c r="R964" s="54" t="b">
        <v>1</v>
      </c>
      <c r="S964" s="52" t="s">
        <v>7126</v>
      </c>
      <c r="T964" s="67" t="s">
        <v>7127</v>
      </c>
      <c r="U964" s="75" t="s">
        <v>5331</v>
      </c>
      <c r="V964" s="47" t="s">
        <v>5331</v>
      </c>
      <c r="W964" s="47" t="s">
        <v>5331</v>
      </c>
      <c r="X964" s="47" t="s">
        <v>5331</v>
      </c>
      <c r="Y964" s="47" t="s">
        <v>5331</v>
      </c>
      <c r="Z964" s="28"/>
      <c r="AA964" s="27"/>
      <c r="AB964" s="27"/>
      <c r="AC964" s="27"/>
      <c r="AD964" s="30"/>
      <c r="AE964" s="1"/>
      <c r="AF964" s="23" t="s">
        <v>5331</v>
      </c>
      <c r="AG964" s="26"/>
      <c r="AH964" s="53"/>
    </row>
    <row r="965" spans="1:34" ht="51.6" customHeight="1" x14ac:dyDescent="0.45">
      <c r="A965" s="23">
        <v>959</v>
      </c>
      <c r="B965" s="25"/>
      <c r="C965" s="25"/>
      <c r="D965" s="29"/>
      <c r="E965" s="1"/>
      <c r="F965" s="1"/>
      <c r="G965" s="25"/>
      <c r="H965" s="71"/>
      <c r="I965" s="83"/>
      <c r="J965" s="50" t="str">
        <f t="shared" si="30"/>
        <v/>
      </c>
      <c r="K965" s="23" t="s">
        <v>7120</v>
      </c>
      <c r="L965" s="49" t="e">
        <f>VLOOKUP(E965&amp;F965,団体コード!$A$1:$C$1743,3,FALSE)</f>
        <v>#N/A</v>
      </c>
      <c r="M965" s="49" t="e">
        <f>VLOOKUP(E965&amp;F965,団体コード!$A$1:$C$1743,2,FALSE)</f>
        <v>#N/A</v>
      </c>
      <c r="N965" s="51" t="e">
        <f>VLOOKUP(E965,団体コード!$E$1:$F$48,2,FALSE)</f>
        <v>#N/A</v>
      </c>
      <c r="O965" s="51" t="e">
        <f t="shared" si="31"/>
        <v>#N/A</v>
      </c>
      <c r="P965" s="51">
        <v>1</v>
      </c>
      <c r="Q965" s="51" t="s">
        <v>5341</v>
      </c>
      <c r="R965" s="54" t="b">
        <v>1</v>
      </c>
      <c r="S965" s="52" t="s">
        <v>7126</v>
      </c>
      <c r="T965" s="67" t="s">
        <v>7127</v>
      </c>
      <c r="U965" s="75" t="s">
        <v>5331</v>
      </c>
      <c r="V965" s="47" t="s">
        <v>5331</v>
      </c>
      <c r="W965" s="47" t="s">
        <v>5331</v>
      </c>
      <c r="X965" s="47" t="s">
        <v>5331</v>
      </c>
      <c r="Y965" s="47" t="s">
        <v>5331</v>
      </c>
      <c r="Z965" s="28"/>
      <c r="AA965" s="27"/>
      <c r="AB965" s="27"/>
      <c r="AC965" s="27"/>
      <c r="AD965" s="30"/>
      <c r="AE965" s="1"/>
      <c r="AF965" s="23" t="s">
        <v>5331</v>
      </c>
      <c r="AG965" s="26"/>
      <c r="AH965" s="53"/>
    </row>
    <row r="966" spans="1:34" ht="51.6" customHeight="1" x14ac:dyDescent="0.45">
      <c r="A966" s="23">
        <v>960</v>
      </c>
      <c r="B966" s="25"/>
      <c r="C966" s="25"/>
      <c r="D966" s="29"/>
      <c r="E966" s="1"/>
      <c r="F966" s="1"/>
      <c r="G966" s="25"/>
      <c r="H966" s="71"/>
      <c r="I966" s="83"/>
      <c r="J966" s="50" t="str">
        <f t="shared" si="30"/>
        <v/>
      </c>
      <c r="K966" s="23" t="s">
        <v>7120</v>
      </c>
      <c r="L966" s="49" t="e">
        <f>VLOOKUP(E966&amp;F966,団体コード!$A$1:$C$1743,3,FALSE)</f>
        <v>#N/A</v>
      </c>
      <c r="M966" s="49" t="e">
        <f>VLOOKUP(E966&amp;F966,団体コード!$A$1:$C$1743,2,FALSE)</f>
        <v>#N/A</v>
      </c>
      <c r="N966" s="51" t="e">
        <f>VLOOKUP(E966,団体コード!$E$1:$F$48,2,FALSE)</f>
        <v>#N/A</v>
      </c>
      <c r="O966" s="51" t="e">
        <f t="shared" si="31"/>
        <v>#N/A</v>
      </c>
      <c r="P966" s="51">
        <v>1</v>
      </c>
      <c r="Q966" s="51" t="s">
        <v>5341</v>
      </c>
      <c r="R966" s="54" t="b">
        <v>1</v>
      </c>
      <c r="S966" s="52" t="s">
        <v>7126</v>
      </c>
      <c r="T966" s="67" t="s">
        <v>7127</v>
      </c>
      <c r="U966" s="75" t="s">
        <v>5331</v>
      </c>
      <c r="V966" s="47" t="s">
        <v>5331</v>
      </c>
      <c r="W966" s="47" t="s">
        <v>5331</v>
      </c>
      <c r="X966" s="47" t="s">
        <v>5331</v>
      </c>
      <c r="Y966" s="47" t="s">
        <v>5331</v>
      </c>
      <c r="Z966" s="28"/>
      <c r="AA966" s="27"/>
      <c r="AB966" s="27"/>
      <c r="AC966" s="27"/>
      <c r="AD966" s="30"/>
      <c r="AE966" s="1"/>
      <c r="AF966" s="23" t="s">
        <v>5331</v>
      </c>
      <c r="AG966" s="26"/>
      <c r="AH966" s="53"/>
    </row>
    <row r="967" spans="1:34" ht="51.6" customHeight="1" x14ac:dyDescent="0.45">
      <c r="A967" s="23">
        <v>961</v>
      </c>
      <c r="B967" s="25"/>
      <c r="C967" s="25"/>
      <c r="D967" s="29"/>
      <c r="E967" s="1"/>
      <c r="F967" s="1"/>
      <c r="G967" s="25"/>
      <c r="H967" s="71"/>
      <c r="I967" s="83"/>
      <c r="J967" s="50" t="str">
        <f t="shared" si="30"/>
        <v/>
      </c>
      <c r="K967" s="23" t="s">
        <v>7120</v>
      </c>
      <c r="L967" s="49" t="e">
        <f>VLOOKUP(E967&amp;F967,団体コード!$A$1:$C$1743,3,FALSE)</f>
        <v>#N/A</v>
      </c>
      <c r="M967" s="49" t="e">
        <f>VLOOKUP(E967&amp;F967,団体コード!$A$1:$C$1743,2,FALSE)</f>
        <v>#N/A</v>
      </c>
      <c r="N967" s="51" t="e">
        <f>VLOOKUP(E967,団体コード!$E$1:$F$48,2,FALSE)</f>
        <v>#N/A</v>
      </c>
      <c r="O967" s="51" t="e">
        <f t="shared" si="31"/>
        <v>#N/A</v>
      </c>
      <c r="P967" s="51">
        <v>1</v>
      </c>
      <c r="Q967" s="51" t="s">
        <v>5341</v>
      </c>
      <c r="R967" s="54" t="b">
        <v>1</v>
      </c>
      <c r="S967" s="52" t="s">
        <v>7126</v>
      </c>
      <c r="T967" s="67" t="s">
        <v>7127</v>
      </c>
      <c r="U967" s="75" t="s">
        <v>5331</v>
      </c>
      <c r="V967" s="47" t="s">
        <v>5331</v>
      </c>
      <c r="W967" s="47" t="s">
        <v>5331</v>
      </c>
      <c r="X967" s="47" t="s">
        <v>5331</v>
      </c>
      <c r="Y967" s="47" t="s">
        <v>5331</v>
      </c>
      <c r="Z967" s="28"/>
      <c r="AA967" s="27"/>
      <c r="AB967" s="27"/>
      <c r="AC967" s="27"/>
      <c r="AD967" s="30"/>
      <c r="AE967" s="1"/>
      <c r="AF967" s="23" t="s">
        <v>5331</v>
      </c>
      <c r="AG967" s="26"/>
      <c r="AH967" s="53"/>
    </row>
    <row r="968" spans="1:34" ht="51.6" customHeight="1" x14ac:dyDescent="0.45">
      <c r="A968" s="23">
        <v>962</v>
      </c>
      <c r="B968" s="25"/>
      <c r="C968" s="25"/>
      <c r="D968" s="29"/>
      <c r="E968" s="1"/>
      <c r="F968" s="1"/>
      <c r="G968" s="25"/>
      <c r="H968" s="71"/>
      <c r="I968" s="83"/>
      <c r="J968" s="50" t="str">
        <f t="shared" ref="J968:J1031" si="32">E968&amp;F968&amp;G968</f>
        <v/>
      </c>
      <c r="K968" s="23" t="s">
        <v>7120</v>
      </c>
      <c r="L968" s="49" t="e">
        <f>VLOOKUP(E968&amp;F968,団体コード!$A$1:$C$1743,3,FALSE)</f>
        <v>#N/A</v>
      </c>
      <c r="M968" s="49" t="e">
        <f>VLOOKUP(E968&amp;F968,団体コード!$A$1:$C$1743,2,FALSE)</f>
        <v>#N/A</v>
      </c>
      <c r="N968" s="51" t="e">
        <f>VLOOKUP(E968,団体コード!$E$1:$F$48,2,FALSE)</f>
        <v>#N/A</v>
      </c>
      <c r="O968" s="51" t="e">
        <f t="shared" ref="O968:O1031" si="33">N968</f>
        <v>#N/A</v>
      </c>
      <c r="P968" s="51">
        <v>1</v>
      </c>
      <c r="Q968" s="51" t="s">
        <v>5341</v>
      </c>
      <c r="R968" s="54" t="b">
        <v>1</v>
      </c>
      <c r="S968" s="52" t="s">
        <v>7126</v>
      </c>
      <c r="T968" s="67" t="s">
        <v>7127</v>
      </c>
      <c r="U968" s="75" t="s">
        <v>5331</v>
      </c>
      <c r="V968" s="47" t="s">
        <v>5331</v>
      </c>
      <c r="W968" s="47" t="s">
        <v>5331</v>
      </c>
      <c r="X968" s="47" t="s">
        <v>5331</v>
      </c>
      <c r="Y968" s="47" t="s">
        <v>5331</v>
      </c>
      <c r="Z968" s="28"/>
      <c r="AA968" s="27"/>
      <c r="AB968" s="27"/>
      <c r="AC968" s="27"/>
      <c r="AD968" s="30"/>
      <c r="AE968" s="1"/>
      <c r="AF968" s="23" t="s">
        <v>5331</v>
      </c>
      <c r="AG968" s="26"/>
      <c r="AH968" s="53"/>
    </row>
    <row r="969" spans="1:34" ht="51.6" customHeight="1" x14ac:dyDescent="0.45">
      <c r="A969" s="23">
        <v>963</v>
      </c>
      <c r="B969" s="25"/>
      <c r="C969" s="25"/>
      <c r="D969" s="29"/>
      <c r="E969" s="1"/>
      <c r="F969" s="1"/>
      <c r="G969" s="25"/>
      <c r="H969" s="71"/>
      <c r="I969" s="83"/>
      <c r="J969" s="50" t="str">
        <f t="shared" si="32"/>
        <v/>
      </c>
      <c r="K969" s="23" t="s">
        <v>7120</v>
      </c>
      <c r="L969" s="49" t="e">
        <f>VLOOKUP(E969&amp;F969,団体コード!$A$1:$C$1743,3,FALSE)</f>
        <v>#N/A</v>
      </c>
      <c r="M969" s="49" t="e">
        <f>VLOOKUP(E969&amp;F969,団体コード!$A$1:$C$1743,2,FALSE)</f>
        <v>#N/A</v>
      </c>
      <c r="N969" s="51" t="e">
        <f>VLOOKUP(E969,団体コード!$E$1:$F$48,2,FALSE)</f>
        <v>#N/A</v>
      </c>
      <c r="O969" s="51" t="e">
        <f t="shared" si="33"/>
        <v>#N/A</v>
      </c>
      <c r="P969" s="51">
        <v>1</v>
      </c>
      <c r="Q969" s="51" t="s">
        <v>5341</v>
      </c>
      <c r="R969" s="54" t="b">
        <v>1</v>
      </c>
      <c r="S969" s="52" t="s">
        <v>7126</v>
      </c>
      <c r="T969" s="67" t="s">
        <v>7127</v>
      </c>
      <c r="U969" s="75" t="s">
        <v>5331</v>
      </c>
      <c r="V969" s="47" t="s">
        <v>5331</v>
      </c>
      <c r="W969" s="47" t="s">
        <v>5331</v>
      </c>
      <c r="X969" s="47" t="s">
        <v>5331</v>
      </c>
      <c r="Y969" s="47" t="s">
        <v>5331</v>
      </c>
      <c r="Z969" s="28"/>
      <c r="AA969" s="27"/>
      <c r="AB969" s="27"/>
      <c r="AC969" s="27"/>
      <c r="AD969" s="30"/>
      <c r="AE969" s="1"/>
      <c r="AF969" s="23" t="s">
        <v>5331</v>
      </c>
      <c r="AG969" s="26"/>
      <c r="AH969" s="53"/>
    </row>
    <row r="970" spans="1:34" ht="51.6" customHeight="1" x14ac:dyDescent="0.45">
      <c r="A970" s="23">
        <v>964</v>
      </c>
      <c r="B970" s="25"/>
      <c r="C970" s="25"/>
      <c r="D970" s="29"/>
      <c r="E970" s="1"/>
      <c r="F970" s="1"/>
      <c r="G970" s="25"/>
      <c r="H970" s="71"/>
      <c r="I970" s="83"/>
      <c r="J970" s="50" t="str">
        <f t="shared" si="32"/>
        <v/>
      </c>
      <c r="K970" s="23" t="s">
        <v>7120</v>
      </c>
      <c r="L970" s="49" t="e">
        <f>VLOOKUP(E970&amp;F970,団体コード!$A$1:$C$1743,3,FALSE)</f>
        <v>#N/A</v>
      </c>
      <c r="M970" s="49" t="e">
        <f>VLOOKUP(E970&amp;F970,団体コード!$A$1:$C$1743,2,FALSE)</f>
        <v>#N/A</v>
      </c>
      <c r="N970" s="51" t="e">
        <f>VLOOKUP(E970,団体コード!$E$1:$F$48,2,FALSE)</f>
        <v>#N/A</v>
      </c>
      <c r="O970" s="51" t="e">
        <f t="shared" si="33"/>
        <v>#N/A</v>
      </c>
      <c r="P970" s="51">
        <v>1</v>
      </c>
      <c r="Q970" s="51" t="s">
        <v>5341</v>
      </c>
      <c r="R970" s="54" t="b">
        <v>1</v>
      </c>
      <c r="S970" s="52" t="s">
        <v>7126</v>
      </c>
      <c r="T970" s="67" t="s">
        <v>7127</v>
      </c>
      <c r="U970" s="75" t="s">
        <v>5331</v>
      </c>
      <c r="V970" s="47" t="s">
        <v>5331</v>
      </c>
      <c r="W970" s="47" t="s">
        <v>5331</v>
      </c>
      <c r="X970" s="47" t="s">
        <v>5331</v>
      </c>
      <c r="Y970" s="47" t="s">
        <v>5331</v>
      </c>
      <c r="Z970" s="28"/>
      <c r="AA970" s="27"/>
      <c r="AB970" s="27"/>
      <c r="AC970" s="27"/>
      <c r="AD970" s="30"/>
      <c r="AE970" s="1"/>
      <c r="AF970" s="23" t="s">
        <v>5331</v>
      </c>
      <c r="AG970" s="26"/>
      <c r="AH970" s="53"/>
    </row>
    <row r="971" spans="1:34" ht="51.6" customHeight="1" x14ac:dyDescent="0.45">
      <c r="A971" s="23">
        <v>965</v>
      </c>
      <c r="B971" s="25"/>
      <c r="C971" s="25"/>
      <c r="D971" s="29"/>
      <c r="E971" s="1"/>
      <c r="F971" s="1"/>
      <c r="G971" s="25"/>
      <c r="H971" s="71"/>
      <c r="I971" s="83"/>
      <c r="J971" s="50" t="str">
        <f t="shared" si="32"/>
        <v/>
      </c>
      <c r="K971" s="23" t="s">
        <v>7120</v>
      </c>
      <c r="L971" s="49" t="e">
        <f>VLOOKUP(E971&amp;F971,団体コード!$A$1:$C$1743,3,FALSE)</f>
        <v>#N/A</v>
      </c>
      <c r="M971" s="49" t="e">
        <f>VLOOKUP(E971&amp;F971,団体コード!$A$1:$C$1743,2,FALSE)</f>
        <v>#N/A</v>
      </c>
      <c r="N971" s="51" t="e">
        <f>VLOOKUP(E971,団体コード!$E$1:$F$48,2,FALSE)</f>
        <v>#N/A</v>
      </c>
      <c r="O971" s="51" t="e">
        <f t="shared" si="33"/>
        <v>#N/A</v>
      </c>
      <c r="P971" s="51">
        <v>1</v>
      </c>
      <c r="Q971" s="51" t="s">
        <v>5341</v>
      </c>
      <c r="R971" s="54" t="b">
        <v>1</v>
      </c>
      <c r="S971" s="52" t="s">
        <v>7126</v>
      </c>
      <c r="T971" s="67" t="s">
        <v>7127</v>
      </c>
      <c r="U971" s="75" t="s">
        <v>5331</v>
      </c>
      <c r="V971" s="47" t="s">
        <v>5331</v>
      </c>
      <c r="W971" s="47" t="s">
        <v>5331</v>
      </c>
      <c r="X971" s="47" t="s">
        <v>5331</v>
      </c>
      <c r="Y971" s="47" t="s">
        <v>5331</v>
      </c>
      <c r="Z971" s="28"/>
      <c r="AA971" s="27"/>
      <c r="AB971" s="27"/>
      <c r="AC971" s="27"/>
      <c r="AD971" s="30"/>
      <c r="AE971" s="1"/>
      <c r="AF971" s="23" t="s">
        <v>5331</v>
      </c>
      <c r="AG971" s="26"/>
      <c r="AH971" s="53"/>
    </row>
    <row r="972" spans="1:34" ht="51.6" customHeight="1" x14ac:dyDescent="0.45">
      <c r="A972" s="23">
        <v>966</v>
      </c>
      <c r="B972" s="25"/>
      <c r="C972" s="25"/>
      <c r="D972" s="29"/>
      <c r="E972" s="1"/>
      <c r="F972" s="1"/>
      <c r="G972" s="25"/>
      <c r="H972" s="71"/>
      <c r="I972" s="83"/>
      <c r="J972" s="50" t="str">
        <f t="shared" si="32"/>
        <v/>
      </c>
      <c r="K972" s="23" t="s">
        <v>7120</v>
      </c>
      <c r="L972" s="49" t="e">
        <f>VLOOKUP(E972&amp;F972,団体コード!$A$1:$C$1743,3,FALSE)</f>
        <v>#N/A</v>
      </c>
      <c r="M972" s="49" t="e">
        <f>VLOOKUP(E972&amp;F972,団体コード!$A$1:$C$1743,2,FALSE)</f>
        <v>#N/A</v>
      </c>
      <c r="N972" s="51" t="e">
        <f>VLOOKUP(E972,団体コード!$E$1:$F$48,2,FALSE)</f>
        <v>#N/A</v>
      </c>
      <c r="O972" s="51" t="e">
        <f t="shared" si="33"/>
        <v>#N/A</v>
      </c>
      <c r="P972" s="51">
        <v>1</v>
      </c>
      <c r="Q972" s="51" t="s">
        <v>5341</v>
      </c>
      <c r="R972" s="54" t="b">
        <v>1</v>
      </c>
      <c r="S972" s="52" t="s">
        <v>7126</v>
      </c>
      <c r="T972" s="67" t="s">
        <v>7127</v>
      </c>
      <c r="U972" s="75" t="s">
        <v>5331</v>
      </c>
      <c r="V972" s="47" t="s">
        <v>5331</v>
      </c>
      <c r="W972" s="47" t="s">
        <v>5331</v>
      </c>
      <c r="X972" s="47" t="s">
        <v>5331</v>
      </c>
      <c r="Y972" s="47" t="s">
        <v>5331</v>
      </c>
      <c r="Z972" s="28"/>
      <c r="AA972" s="27"/>
      <c r="AB972" s="27"/>
      <c r="AC972" s="27"/>
      <c r="AD972" s="30"/>
      <c r="AE972" s="1"/>
      <c r="AF972" s="23" t="s">
        <v>5331</v>
      </c>
      <c r="AG972" s="26"/>
      <c r="AH972" s="53"/>
    </row>
    <row r="973" spans="1:34" ht="51.6" customHeight="1" x14ac:dyDescent="0.45">
      <c r="A973" s="23">
        <v>967</v>
      </c>
      <c r="B973" s="25"/>
      <c r="C973" s="25"/>
      <c r="D973" s="29"/>
      <c r="E973" s="1"/>
      <c r="F973" s="1"/>
      <c r="G973" s="25"/>
      <c r="H973" s="71"/>
      <c r="I973" s="83"/>
      <c r="J973" s="50" t="str">
        <f t="shared" si="32"/>
        <v/>
      </c>
      <c r="K973" s="23" t="s">
        <v>7120</v>
      </c>
      <c r="L973" s="49" t="e">
        <f>VLOOKUP(E973&amp;F973,団体コード!$A$1:$C$1743,3,FALSE)</f>
        <v>#N/A</v>
      </c>
      <c r="M973" s="49" t="e">
        <f>VLOOKUP(E973&amp;F973,団体コード!$A$1:$C$1743,2,FALSE)</f>
        <v>#N/A</v>
      </c>
      <c r="N973" s="51" t="e">
        <f>VLOOKUP(E973,団体コード!$E$1:$F$48,2,FALSE)</f>
        <v>#N/A</v>
      </c>
      <c r="O973" s="51" t="e">
        <f t="shared" si="33"/>
        <v>#N/A</v>
      </c>
      <c r="P973" s="51">
        <v>1</v>
      </c>
      <c r="Q973" s="51" t="s">
        <v>5341</v>
      </c>
      <c r="R973" s="54" t="b">
        <v>1</v>
      </c>
      <c r="S973" s="52" t="s">
        <v>7126</v>
      </c>
      <c r="T973" s="67" t="s">
        <v>7127</v>
      </c>
      <c r="U973" s="75" t="s">
        <v>5331</v>
      </c>
      <c r="V973" s="47" t="s">
        <v>5331</v>
      </c>
      <c r="W973" s="47" t="s">
        <v>5331</v>
      </c>
      <c r="X973" s="47" t="s">
        <v>5331</v>
      </c>
      <c r="Y973" s="47" t="s">
        <v>5331</v>
      </c>
      <c r="Z973" s="28"/>
      <c r="AA973" s="27"/>
      <c r="AB973" s="27"/>
      <c r="AC973" s="27"/>
      <c r="AD973" s="30"/>
      <c r="AE973" s="1"/>
      <c r="AF973" s="23" t="s">
        <v>5331</v>
      </c>
      <c r="AG973" s="26"/>
      <c r="AH973" s="53"/>
    </row>
    <row r="974" spans="1:34" ht="51.6" customHeight="1" x14ac:dyDescent="0.45">
      <c r="A974" s="23">
        <v>968</v>
      </c>
      <c r="B974" s="25"/>
      <c r="C974" s="25"/>
      <c r="D974" s="29"/>
      <c r="E974" s="1"/>
      <c r="F974" s="1"/>
      <c r="G974" s="25"/>
      <c r="H974" s="71"/>
      <c r="I974" s="83"/>
      <c r="J974" s="50" t="str">
        <f t="shared" si="32"/>
        <v/>
      </c>
      <c r="K974" s="23" t="s">
        <v>7120</v>
      </c>
      <c r="L974" s="49" t="e">
        <f>VLOOKUP(E974&amp;F974,団体コード!$A$1:$C$1743,3,FALSE)</f>
        <v>#N/A</v>
      </c>
      <c r="M974" s="49" t="e">
        <f>VLOOKUP(E974&amp;F974,団体コード!$A$1:$C$1743,2,FALSE)</f>
        <v>#N/A</v>
      </c>
      <c r="N974" s="51" t="e">
        <f>VLOOKUP(E974,団体コード!$E$1:$F$48,2,FALSE)</f>
        <v>#N/A</v>
      </c>
      <c r="O974" s="51" t="e">
        <f t="shared" si="33"/>
        <v>#N/A</v>
      </c>
      <c r="P974" s="51">
        <v>1</v>
      </c>
      <c r="Q974" s="51" t="s">
        <v>5341</v>
      </c>
      <c r="R974" s="54" t="b">
        <v>1</v>
      </c>
      <c r="S974" s="52" t="s">
        <v>7126</v>
      </c>
      <c r="T974" s="67" t="s">
        <v>7127</v>
      </c>
      <c r="U974" s="75" t="s">
        <v>5331</v>
      </c>
      <c r="V974" s="47" t="s">
        <v>5331</v>
      </c>
      <c r="W974" s="47" t="s">
        <v>5331</v>
      </c>
      <c r="X974" s="47" t="s">
        <v>5331</v>
      </c>
      <c r="Y974" s="47" t="s">
        <v>5331</v>
      </c>
      <c r="Z974" s="28"/>
      <c r="AA974" s="27"/>
      <c r="AB974" s="27"/>
      <c r="AC974" s="27"/>
      <c r="AD974" s="30"/>
      <c r="AE974" s="1"/>
      <c r="AF974" s="23" t="s">
        <v>5331</v>
      </c>
      <c r="AG974" s="26"/>
      <c r="AH974" s="53"/>
    </row>
    <row r="975" spans="1:34" ht="51.6" customHeight="1" x14ac:dyDescent="0.45">
      <c r="A975" s="23">
        <v>969</v>
      </c>
      <c r="B975" s="25"/>
      <c r="C975" s="25"/>
      <c r="D975" s="29"/>
      <c r="E975" s="1"/>
      <c r="F975" s="1"/>
      <c r="G975" s="25"/>
      <c r="H975" s="71"/>
      <c r="I975" s="83"/>
      <c r="J975" s="50" t="str">
        <f t="shared" si="32"/>
        <v/>
      </c>
      <c r="K975" s="23" t="s">
        <v>7120</v>
      </c>
      <c r="L975" s="49" t="e">
        <f>VLOOKUP(E975&amp;F975,団体コード!$A$1:$C$1743,3,FALSE)</f>
        <v>#N/A</v>
      </c>
      <c r="M975" s="49" t="e">
        <f>VLOOKUP(E975&amp;F975,団体コード!$A$1:$C$1743,2,FALSE)</f>
        <v>#N/A</v>
      </c>
      <c r="N975" s="51" t="e">
        <f>VLOOKUP(E975,団体コード!$E$1:$F$48,2,FALSE)</f>
        <v>#N/A</v>
      </c>
      <c r="O975" s="51" t="e">
        <f t="shared" si="33"/>
        <v>#N/A</v>
      </c>
      <c r="P975" s="51">
        <v>1</v>
      </c>
      <c r="Q975" s="51" t="s">
        <v>5341</v>
      </c>
      <c r="R975" s="54" t="b">
        <v>1</v>
      </c>
      <c r="S975" s="52" t="s">
        <v>7126</v>
      </c>
      <c r="T975" s="67" t="s">
        <v>7127</v>
      </c>
      <c r="U975" s="75" t="s">
        <v>5331</v>
      </c>
      <c r="V975" s="47" t="s">
        <v>5331</v>
      </c>
      <c r="W975" s="47" t="s">
        <v>5331</v>
      </c>
      <c r="X975" s="47" t="s">
        <v>5331</v>
      </c>
      <c r="Y975" s="47" t="s">
        <v>5331</v>
      </c>
      <c r="Z975" s="28"/>
      <c r="AA975" s="27"/>
      <c r="AB975" s="27"/>
      <c r="AC975" s="27"/>
      <c r="AD975" s="30"/>
      <c r="AE975" s="1"/>
      <c r="AF975" s="23" t="s">
        <v>5331</v>
      </c>
      <c r="AG975" s="26"/>
      <c r="AH975" s="53"/>
    </row>
    <row r="976" spans="1:34" ht="51.6" customHeight="1" x14ac:dyDescent="0.45">
      <c r="A976" s="23">
        <v>970</v>
      </c>
      <c r="B976" s="25"/>
      <c r="C976" s="25"/>
      <c r="D976" s="29"/>
      <c r="E976" s="1"/>
      <c r="F976" s="1"/>
      <c r="G976" s="25"/>
      <c r="H976" s="71"/>
      <c r="I976" s="83"/>
      <c r="J976" s="50" t="str">
        <f t="shared" si="32"/>
        <v/>
      </c>
      <c r="K976" s="23" t="s">
        <v>7120</v>
      </c>
      <c r="L976" s="49" t="e">
        <f>VLOOKUP(E976&amp;F976,団体コード!$A$1:$C$1743,3,FALSE)</f>
        <v>#N/A</v>
      </c>
      <c r="M976" s="49" t="e">
        <f>VLOOKUP(E976&amp;F976,団体コード!$A$1:$C$1743,2,FALSE)</f>
        <v>#N/A</v>
      </c>
      <c r="N976" s="51" t="e">
        <f>VLOOKUP(E976,団体コード!$E$1:$F$48,2,FALSE)</f>
        <v>#N/A</v>
      </c>
      <c r="O976" s="51" t="e">
        <f t="shared" si="33"/>
        <v>#N/A</v>
      </c>
      <c r="P976" s="51">
        <v>1</v>
      </c>
      <c r="Q976" s="51" t="s">
        <v>5341</v>
      </c>
      <c r="R976" s="54" t="b">
        <v>1</v>
      </c>
      <c r="S976" s="52" t="s">
        <v>7126</v>
      </c>
      <c r="T976" s="67" t="s">
        <v>7127</v>
      </c>
      <c r="U976" s="75" t="s">
        <v>5331</v>
      </c>
      <c r="V976" s="47" t="s">
        <v>5331</v>
      </c>
      <c r="W976" s="47" t="s">
        <v>5331</v>
      </c>
      <c r="X976" s="47" t="s">
        <v>5331</v>
      </c>
      <c r="Y976" s="47" t="s">
        <v>5331</v>
      </c>
      <c r="Z976" s="28"/>
      <c r="AA976" s="27"/>
      <c r="AB976" s="27"/>
      <c r="AC976" s="27"/>
      <c r="AD976" s="30"/>
      <c r="AE976" s="1"/>
      <c r="AF976" s="23" t="s">
        <v>5331</v>
      </c>
      <c r="AG976" s="26"/>
      <c r="AH976" s="53"/>
    </row>
    <row r="977" spans="1:34" ht="51.6" customHeight="1" x14ac:dyDescent="0.45">
      <c r="A977" s="23">
        <v>971</v>
      </c>
      <c r="B977" s="25"/>
      <c r="C977" s="25"/>
      <c r="D977" s="29"/>
      <c r="E977" s="1"/>
      <c r="F977" s="1"/>
      <c r="G977" s="25"/>
      <c r="H977" s="71"/>
      <c r="I977" s="83"/>
      <c r="J977" s="50" t="str">
        <f t="shared" si="32"/>
        <v/>
      </c>
      <c r="K977" s="23" t="s">
        <v>7120</v>
      </c>
      <c r="L977" s="49" t="e">
        <f>VLOOKUP(E977&amp;F977,団体コード!$A$1:$C$1743,3,FALSE)</f>
        <v>#N/A</v>
      </c>
      <c r="M977" s="49" t="e">
        <f>VLOOKUP(E977&amp;F977,団体コード!$A$1:$C$1743,2,FALSE)</f>
        <v>#N/A</v>
      </c>
      <c r="N977" s="51" t="e">
        <f>VLOOKUP(E977,団体コード!$E$1:$F$48,2,FALSE)</f>
        <v>#N/A</v>
      </c>
      <c r="O977" s="51" t="e">
        <f t="shared" si="33"/>
        <v>#N/A</v>
      </c>
      <c r="P977" s="51">
        <v>1</v>
      </c>
      <c r="Q977" s="51" t="s">
        <v>5341</v>
      </c>
      <c r="R977" s="54" t="b">
        <v>1</v>
      </c>
      <c r="S977" s="52" t="s">
        <v>7126</v>
      </c>
      <c r="T977" s="67" t="s">
        <v>7127</v>
      </c>
      <c r="U977" s="75" t="s">
        <v>5331</v>
      </c>
      <c r="V977" s="47" t="s">
        <v>5331</v>
      </c>
      <c r="W977" s="47" t="s">
        <v>5331</v>
      </c>
      <c r="X977" s="47" t="s">
        <v>5331</v>
      </c>
      <c r="Y977" s="47" t="s">
        <v>5331</v>
      </c>
      <c r="Z977" s="28"/>
      <c r="AA977" s="27"/>
      <c r="AB977" s="27"/>
      <c r="AC977" s="27"/>
      <c r="AD977" s="30"/>
      <c r="AE977" s="1"/>
      <c r="AF977" s="23" t="s">
        <v>5331</v>
      </c>
      <c r="AG977" s="26"/>
      <c r="AH977" s="53"/>
    </row>
    <row r="978" spans="1:34" ht="51.6" customHeight="1" x14ac:dyDescent="0.45">
      <c r="A978" s="23">
        <v>972</v>
      </c>
      <c r="B978" s="25"/>
      <c r="C978" s="25"/>
      <c r="D978" s="29"/>
      <c r="E978" s="1"/>
      <c r="F978" s="1"/>
      <c r="G978" s="25"/>
      <c r="H978" s="71"/>
      <c r="I978" s="83"/>
      <c r="J978" s="50" t="str">
        <f t="shared" si="32"/>
        <v/>
      </c>
      <c r="K978" s="23" t="s">
        <v>7120</v>
      </c>
      <c r="L978" s="49" t="e">
        <f>VLOOKUP(E978&amp;F978,団体コード!$A$1:$C$1743,3,FALSE)</f>
        <v>#N/A</v>
      </c>
      <c r="M978" s="49" t="e">
        <f>VLOOKUP(E978&amp;F978,団体コード!$A$1:$C$1743,2,FALSE)</f>
        <v>#N/A</v>
      </c>
      <c r="N978" s="51" t="e">
        <f>VLOOKUP(E978,団体コード!$E$1:$F$48,2,FALSE)</f>
        <v>#N/A</v>
      </c>
      <c r="O978" s="51" t="e">
        <f t="shared" si="33"/>
        <v>#N/A</v>
      </c>
      <c r="P978" s="51">
        <v>1</v>
      </c>
      <c r="Q978" s="51" t="s">
        <v>5341</v>
      </c>
      <c r="R978" s="54" t="b">
        <v>1</v>
      </c>
      <c r="S978" s="52" t="s">
        <v>7126</v>
      </c>
      <c r="T978" s="67" t="s">
        <v>7127</v>
      </c>
      <c r="U978" s="75" t="s">
        <v>5331</v>
      </c>
      <c r="V978" s="47" t="s">
        <v>5331</v>
      </c>
      <c r="W978" s="47" t="s">
        <v>5331</v>
      </c>
      <c r="X978" s="47" t="s">
        <v>5331</v>
      </c>
      <c r="Y978" s="47" t="s">
        <v>5331</v>
      </c>
      <c r="Z978" s="28"/>
      <c r="AA978" s="27"/>
      <c r="AB978" s="27"/>
      <c r="AC978" s="27"/>
      <c r="AD978" s="30"/>
      <c r="AE978" s="1"/>
      <c r="AF978" s="23" t="s">
        <v>5331</v>
      </c>
      <c r="AG978" s="26"/>
      <c r="AH978" s="53"/>
    </row>
    <row r="979" spans="1:34" ht="51.6" customHeight="1" x14ac:dyDescent="0.45">
      <c r="A979" s="23">
        <v>973</v>
      </c>
      <c r="B979" s="25"/>
      <c r="C979" s="25"/>
      <c r="D979" s="29"/>
      <c r="E979" s="1"/>
      <c r="F979" s="1"/>
      <c r="G979" s="25"/>
      <c r="H979" s="71"/>
      <c r="I979" s="83"/>
      <c r="J979" s="50" t="str">
        <f t="shared" si="32"/>
        <v/>
      </c>
      <c r="K979" s="23" t="s">
        <v>7120</v>
      </c>
      <c r="L979" s="49" t="e">
        <f>VLOOKUP(E979&amp;F979,団体コード!$A$1:$C$1743,3,FALSE)</f>
        <v>#N/A</v>
      </c>
      <c r="M979" s="49" t="e">
        <f>VLOOKUP(E979&amp;F979,団体コード!$A$1:$C$1743,2,FALSE)</f>
        <v>#N/A</v>
      </c>
      <c r="N979" s="51" t="e">
        <f>VLOOKUP(E979,団体コード!$E$1:$F$48,2,FALSE)</f>
        <v>#N/A</v>
      </c>
      <c r="O979" s="51" t="e">
        <f t="shared" si="33"/>
        <v>#N/A</v>
      </c>
      <c r="P979" s="51">
        <v>1</v>
      </c>
      <c r="Q979" s="51" t="s">
        <v>5341</v>
      </c>
      <c r="R979" s="54" t="b">
        <v>1</v>
      </c>
      <c r="S979" s="52" t="s">
        <v>7126</v>
      </c>
      <c r="T979" s="67" t="s">
        <v>7127</v>
      </c>
      <c r="U979" s="75" t="s">
        <v>5331</v>
      </c>
      <c r="V979" s="47" t="s">
        <v>5331</v>
      </c>
      <c r="W979" s="47" t="s">
        <v>5331</v>
      </c>
      <c r="X979" s="47" t="s">
        <v>5331</v>
      </c>
      <c r="Y979" s="47" t="s">
        <v>5331</v>
      </c>
      <c r="Z979" s="28"/>
      <c r="AA979" s="27"/>
      <c r="AB979" s="27"/>
      <c r="AC979" s="27"/>
      <c r="AD979" s="30"/>
      <c r="AE979" s="1"/>
      <c r="AF979" s="23" t="s">
        <v>5331</v>
      </c>
      <c r="AG979" s="26"/>
      <c r="AH979" s="53"/>
    </row>
    <row r="980" spans="1:34" ht="51.6" customHeight="1" x14ac:dyDescent="0.45">
      <c r="A980" s="23">
        <v>974</v>
      </c>
      <c r="B980" s="25"/>
      <c r="C980" s="25"/>
      <c r="D980" s="29"/>
      <c r="E980" s="1"/>
      <c r="F980" s="1"/>
      <c r="G980" s="25"/>
      <c r="H980" s="71"/>
      <c r="I980" s="83"/>
      <c r="J980" s="50" t="str">
        <f t="shared" si="32"/>
        <v/>
      </c>
      <c r="K980" s="23" t="s">
        <v>7120</v>
      </c>
      <c r="L980" s="49" t="e">
        <f>VLOOKUP(E980&amp;F980,団体コード!$A$1:$C$1743,3,FALSE)</f>
        <v>#N/A</v>
      </c>
      <c r="M980" s="49" t="e">
        <f>VLOOKUP(E980&amp;F980,団体コード!$A$1:$C$1743,2,FALSE)</f>
        <v>#N/A</v>
      </c>
      <c r="N980" s="51" t="e">
        <f>VLOOKUP(E980,団体コード!$E$1:$F$48,2,FALSE)</f>
        <v>#N/A</v>
      </c>
      <c r="O980" s="51" t="e">
        <f t="shared" si="33"/>
        <v>#N/A</v>
      </c>
      <c r="P980" s="51">
        <v>1</v>
      </c>
      <c r="Q980" s="51" t="s">
        <v>5341</v>
      </c>
      <c r="R980" s="54" t="b">
        <v>1</v>
      </c>
      <c r="S980" s="52" t="s">
        <v>7126</v>
      </c>
      <c r="T980" s="67" t="s">
        <v>7127</v>
      </c>
      <c r="U980" s="75" t="s">
        <v>5331</v>
      </c>
      <c r="V980" s="47" t="s">
        <v>5331</v>
      </c>
      <c r="W980" s="47" t="s">
        <v>5331</v>
      </c>
      <c r="X980" s="47" t="s">
        <v>5331</v>
      </c>
      <c r="Y980" s="47" t="s">
        <v>5331</v>
      </c>
      <c r="Z980" s="28"/>
      <c r="AA980" s="27"/>
      <c r="AB980" s="27"/>
      <c r="AC980" s="27"/>
      <c r="AD980" s="30"/>
      <c r="AE980" s="1"/>
      <c r="AF980" s="23" t="s">
        <v>5331</v>
      </c>
      <c r="AG980" s="26"/>
      <c r="AH980" s="53"/>
    </row>
    <row r="981" spans="1:34" ht="51.6" customHeight="1" x14ac:dyDescent="0.45">
      <c r="A981" s="23">
        <v>975</v>
      </c>
      <c r="B981" s="25"/>
      <c r="C981" s="25"/>
      <c r="D981" s="29"/>
      <c r="E981" s="1"/>
      <c r="F981" s="1"/>
      <c r="G981" s="25"/>
      <c r="H981" s="71"/>
      <c r="I981" s="83"/>
      <c r="J981" s="50" t="str">
        <f t="shared" si="32"/>
        <v/>
      </c>
      <c r="K981" s="23" t="s">
        <v>7120</v>
      </c>
      <c r="L981" s="49" t="e">
        <f>VLOOKUP(E981&amp;F981,団体コード!$A$1:$C$1743,3,FALSE)</f>
        <v>#N/A</v>
      </c>
      <c r="M981" s="49" t="e">
        <f>VLOOKUP(E981&amp;F981,団体コード!$A$1:$C$1743,2,FALSE)</f>
        <v>#N/A</v>
      </c>
      <c r="N981" s="51" t="e">
        <f>VLOOKUP(E981,団体コード!$E$1:$F$48,2,FALSE)</f>
        <v>#N/A</v>
      </c>
      <c r="O981" s="51" t="e">
        <f t="shared" si="33"/>
        <v>#N/A</v>
      </c>
      <c r="P981" s="51">
        <v>1</v>
      </c>
      <c r="Q981" s="51" t="s">
        <v>5341</v>
      </c>
      <c r="R981" s="54" t="b">
        <v>1</v>
      </c>
      <c r="S981" s="52" t="s">
        <v>7126</v>
      </c>
      <c r="T981" s="67" t="s">
        <v>7127</v>
      </c>
      <c r="U981" s="75" t="s">
        <v>5331</v>
      </c>
      <c r="V981" s="47" t="s">
        <v>5331</v>
      </c>
      <c r="W981" s="47" t="s">
        <v>5331</v>
      </c>
      <c r="X981" s="47" t="s">
        <v>5331</v>
      </c>
      <c r="Y981" s="47" t="s">
        <v>5331</v>
      </c>
      <c r="Z981" s="28"/>
      <c r="AA981" s="27"/>
      <c r="AB981" s="27"/>
      <c r="AC981" s="27"/>
      <c r="AD981" s="30"/>
      <c r="AE981" s="1"/>
      <c r="AF981" s="23" t="s">
        <v>5331</v>
      </c>
      <c r="AG981" s="26"/>
      <c r="AH981" s="53"/>
    </row>
    <row r="982" spans="1:34" ht="51.6" customHeight="1" x14ac:dyDescent="0.45">
      <c r="A982" s="23">
        <v>976</v>
      </c>
      <c r="B982" s="25"/>
      <c r="C982" s="25"/>
      <c r="D982" s="29"/>
      <c r="E982" s="1"/>
      <c r="F982" s="1"/>
      <c r="G982" s="25"/>
      <c r="H982" s="71"/>
      <c r="I982" s="83"/>
      <c r="J982" s="50" t="str">
        <f t="shared" si="32"/>
        <v/>
      </c>
      <c r="K982" s="23" t="s">
        <v>7120</v>
      </c>
      <c r="L982" s="49" t="e">
        <f>VLOOKUP(E982&amp;F982,団体コード!$A$1:$C$1743,3,FALSE)</f>
        <v>#N/A</v>
      </c>
      <c r="M982" s="49" t="e">
        <f>VLOOKUP(E982&amp;F982,団体コード!$A$1:$C$1743,2,FALSE)</f>
        <v>#N/A</v>
      </c>
      <c r="N982" s="51" t="e">
        <f>VLOOKUP(E982,団体コード!$E$1:$F$48,2,FALSE)</f>
        <v>#N/A</v>
      </c>
      <c r="O982" s="51" t="e">
        <f t="shared" si="33"/>
        <v>#N/A</v>
      </c>
      <c r="P982" s="51">
        <v>1</v>
      </c>
      <c r="Q982" s="51" t="s">
        <v>5341</v>
      </c>
      <c r="R982" s="54" t="b">
        <v>1</v>
      </c>
      <c r="S982" s="52" t="s">
        <v>7126</v>
      </c>
      <c r="T982" s="67" t="s">
        <v>7127</v>
      </c>
      <c r="U982" s="75" t="s">
        <v>5331</v>
      </c>
      <c r="V982" s="47" t="s">
        <v>5331</v>
      </c>
      <c r="W982" s="47" t="s">
        <v>5331</v>
      </c>
      <c r="X982" s="47" t="s">
        <v>5331</v>
      </c>
      <c r="Y982" s="47" t="s">
        <v>5331</v>
      </c>
      <c r="Z982" s="28"/>
      <c r="AA982" s="27"/>
      <c r="AB982" s="27"/>
      <c r="AC982" s="27"/>
      <c r="AD982" s="30"/>
      <c r="AE982" s="1"/>
      <c r="AF982" s="23" t="s">
        <v>5331</v>
      </c>
      <c r="AG982" s="26"/>
      <c r="AH982" s="53"/>
    </row>
    <row r="983" spans="1:34" ht="51.6" customHeight="1" x14ac:dyDescent="0.45">
      <c r="A983" s="23">
        <v>977</v>
      </c>
      <c r="B983" s="25"/>
      <c r="C983" s="25"/>
      <c r="D983" s="29"/>
      <c r="E983" s="1"/>
      <c r="F983" s="1"/>
      <c r="G983" s="25"/>
      <c r="H983" s="71"/>
      <c r="I983" s="83"/>
      <c r="J983" s="50" t="str">
        <f t="shared" si="32"/>
        <v/>
      </c>
      <c r="K983" s="23" t="s">
        <v>7120</v>
      </c>
      <c r="L983" s="49" t="e">
        <f>VLOOKUP(E983&amp;F983,団体コード!$A$1:$C$1743,3,FALSE)</f>
        <v>#N/A</v>
      </c>
      <c r="M983" s="49" t="e">
        <f>VLOOKUP(E983&amp;F983,団体コード!$A$1:$C$1743,2,FALSE)</f>
        <v>#N/A</v>
      </c>
      <c r="N983" s="51" t="e">
        <f>VLOOKUP(E983,団体コード!$E$1:$F$48,2,FALSE)</f>
        <v>#N/A</v>
      </c>
      <c r="O983" s="51" t="e">
        <f t="shared" si="33"/>
        <v>#N/A</v>
      </c>
      <c r="P983" s="51">
        <v>1</v>
      </c>
      <c r="Q983" s="51" t="s">
        <v>5341</v>
      </c>
      <c r="R983" s="54" t="b">
        <v>1</v>
      </c>
      <c r="S983" s="52" t="s">
        <v>7126</v>
      </c>
      <c r="T983" s="67" t="s">
        <v>7127</v>
      </c>
      <c r="U983" s="75" t="s">
        <v>5331</v>
      </c>
      <c r="V983" s="47" t="s">
        <v>5331</v>
      </c>
      <c r="W983" s="47" t="s">
        <v>5331</v>
      </c>
      <c r="X983" s="47" t="s">
        <v>5331</v>
      </c>
      <c r="Y983" s="47" t="s">
        <v>5331</v>
      </c>
      <c r="Z983" s="28"/>
      <c r="AA983" s="27"/>
      <c r="AB983" s="27"/>
      <c r="AC983" s="27"/>
      <c r="AD983" s="30"/>
      <c r="AE983" s="1"/>
      <c r="AF983" s="23" t="s">
        <v>5331</v>
      </c>
      <c r="AG983" s="26"/>
      <c r="AH983" s="53"/>
    </row>
    <row r="984" spans="1:34" ht="51.6" customHeight="1" x14ac:dyDescent="0.45">
      <c r="A984" s="23">
        <v>978</v>
      </c>
      <c r="B984" s="25"/>
      <c r="C984" s="25"/>
      <c r="D984" s="29"/>
      <c r="E984" s="1"/>
      <c r="F984" s="1"/>
      <c r="G984" s="25"/>
      <c r="H984" s="71"/>
      <c r="I984" s="83"/>
      <c r="J984" s="50" t="str">
        <f t="shared" si="32"/>
        <v/>
      </c>
      <c r="K984" s="23" t="s">
        <v>7120</v>
      </c>
      <c r="L984" s="49" t="e">
        <f>VLOOKUP(E984&amp;F984,団体コード!$A$1:$C$1743,3,FALSE)</f>
        <v>#N/A</v>
      </c>
      <c r="M984" s="49" t="e">
        <f>VLOOKUP(E984&amp;F984,団体コード!$A$1:$C$1743,2,FALSE)</f>
        <v>#N/A</v>
      </c>
      <c r="N984" s="51" t="e">
        <f>VLOOKUP(E984,団体コード!$E$1:$F$48,2,FALSE)</f>
        <v>#N/A</v>
      </c>
      <c r="O984" s="51" t="e">
        <f t="shared" si="33"/>
        <v>#N/A</v>
      </c>
      <c r="P984" s="51">
        <v>1</v>
      </c>
      <c r="Q984" s="51" t="s">
        <v>5341</v>
      </c>
      <c r="R984" s="54" t="b">
        <v>1</v>
      </c>
      <c r="S984" s="52" t="s">
        <v>7126</v>
      </c>
      <c r="T984" s="67" t="s">
        <v>7127</v>
      </c>
      <c r="U984" s="75" t="s">
        <v>5331</v>
      </c>
      <c r="V984" s="47" t="s">
        <v>5331</v>
      </c>
      <c r="W984" s="47" t="s">
        <v>5331</v>
      </c>
      <c r="X984" s="47" t="s">
        <v>5331</v>
      </c>
      <c r="Y984" s="47" t="s">
        <v>5331</v>
      </c>
      <c r="Z984" s="28"/>
      <c r="AA984" s="27"/>
      <c r="AB984" s="27"/>
      <c r="AC984" s="27"/>
      <c r="AD984" s="30"/>
      <c r="AE984" s="1"/>
      <c r="AF984" s="23" t="s">
        <v>5331</v>
      </c>
      <c r="AG984" s="26"/>
      <c r="AH984" s="53"/>
    </row>
    <row r="985" spans="1:34" ht="51.6" customHeight="1" x14ac:dyDescent="0.45">
      <c r="A985" s="23">
        <v>979</v>
      </c>
      <c r="B985" s="25"/>
      <c r="C985" s="25"/>
      <c r="D985" s="29"/>
      <c r="E985" s="1"/>
      <c r="F985" s="1"/>
      <c r="G985" s="25"/>
      <c r="H985" s="71"/>
      <c r="I985" s="83"/>
      <c r="J985" s="50" t="str">
        <f t="shared" si="32"/>
        <v/>
      </c>
      <c r="K985" s="23" t="s">
        <v>7120</v>
      </c>
      <c r="L985" s="49" t="e">
        <f>VLOOKUP(E985&amp;F985,団体コード!$A$1:$C$1743,3,FALSE)</f>
        <v>#N/A</v>
      </c>
      <c r="M985" s="49" t="e">
        <f>VLOOKUP(E985&amp;F985,団体コード!$A$1:$C$1743,2,FALSE)</f>
        <v>#N/A</v>
      </c>
      <c r="N985" s="51" t="e">
        <f>VLOOKUP(E985,団体コード!$E$1:$F$48,2,FALSE)</f>
        <v>#N/A</v>
      </c>
      <c r="O985" s="51" t="e">
        <f t="shared" si="33"/>
        <v>#N/A</v>
      </c>
      <c r="P985" s="51">
        <v>1</v>
      </c>
      <c r="Q985" s="51" t="s">
        <v>5341</v>
      </c>
      <c r="R985" s="54" t="b">
        <v>1</v>
      </c>
      <c r="S985" s="52" t="s">
        <v>7126</v>
      </c>
      <c r="T985" s="67" t="s">
        <v>7127</v>
      </c>
      <c r="U985" s="75" t="s">
        <v>5331</v>
      </c>
      <c r="V985" s="47" t="s">
        <v>5331</v>
      </c>
      <c r="W985" s="47" t="s">
        <v>5331</v>
      </c>
      <c r="X985" s="47" t="s">
        <v>5331</v>
      </c>
      <c r="Y985" s="47" t="s">
        <v>5331</v>
      </c>
      <c r="Z985" s="28"/>
      <c r="AA985" s="27"/>
      <c r="AB985" s="27"/>
      <c r="AC985" s="27"/>
      <c r="AD985" s="30"/>
      <c r="AE985" s="1"/>
      <c r="AF985" s="23" t="s">
        <v>5331</v>
      </c>
      <c r="AG985" s="26"/>
      <c r="AH985" s="53"/>
    </row>
    <row r="986" spans="1:34" ht="51.6" customHeight="1" x14ac:dyDescent="0.45">
      <c r="A986" s="23">
        <v>980</v>
      </c>
      <c r="B986" s="25"/>
      <c r="C986" s="25"/>
      <c r="D986" s="29"/>
      <c r="E986" s="1"/>
      <c r="F986" s="1"/>
      <c r="G986" s="25"/>
      <c r="H986" s="71"/>
      <c r="I986" s="83"/>
      <c r="J986" s="50" t="str">
        <f t="shared" si="32"/>
        <v/>
      </c>
      <c r="K986" s="23" t="s">
        <v>7120</v>
      </c>
      <c r="L986" s="49" t="e">
        <f>VLOOKUP(E986&amp;F986,団体コード!$A$1:$C$1743,3,FALSE)</f>
        <v>#N/A</v>
      </c>
      <c r="M986" s="49" t="e">
        <f>VLOOKUP(E986&amp;F986,団体コード!$A$1:$C$1743,2,FALSE)</f>
        <v>#N/A</v>
      </c>
      <c r="N986" s="51" t="e">
        <f>VLOOKUP(E986,団体コード!$E$1:$F$48,2,FALSE)</f>
        <v>#N/A</v>
      </c>
      <c r="O986" s="51" t="e">
        <f t="shared" si="33"/>
        <v>#N/A</v>
      </c>
      <c r="P986" s="51">
        <v>1</v>
      </c>
      <c r="Q986" s="51" t="s">
        <v>5341</v>
      </c>
      <c r="R986" s="54" t="b">
        <v>1</v>
      </c>
      <c r="S986" s="52" t="s">
        <v>7126</v>
      </c>
      <c r="T986" s="67" t="s">
        <v>7127</v>
      </c>
      <c r="U986" s="75" t="s">
        <v>5331</v>
      </c>
      <c r="V986" s="47" t="s">
        <v>5331</v>
      </c>
      <c r="W986" s="47" t="s">
        <v>5331</v>
      </c>
      <c r="X986" s="47" t="s">
        <v>5331</v>
      </c>
      <c r="Y986" s="47" t="s">
        <v>5331</v>
      </c>
      <c r="Z986" s="28"/>
      <c r="AA986" s="27"/>
      <c r="AB986" s="27"/>
      <c r="AC986" s="27"/>
      <c r="AD986" s="30"/>
      <c r="AE986" s="1"/>
      <c r="AF986" s="23" t="s">
        <v>5331</v>
      </c>
      <c r="AG986" s="26"/>
      <c r="AH986" s="53"/>
    </row>
    <row r="987" spans="1:34" ht="51.6" customHeight="1" x14ac:dyDescent="0.45">
      <c r="A987" s="23">
        <v>981</v>
      </c>
      <c r="B987" s="25"/>
      <c r="C987" s="25"/>
      <c r="D987" s="29"/>
      <c r="E987" s="1"/>
      <c r="F987" s="1"/>
      <c r="G987" s="25"/>
      <c r="H987" s="71"/>
      <c r="I987" s="83"/>
      <c r="J987" s="50" t="str">
        <f t="shared" si="32"/>
        <v/>
      </c>
      <c r="K987" s="23" t="s">
        <v>7120</v>
      </c>
      <c r="L987" s="49" t="e">
        <f>VLOOKUP(E987&amp;F987,団体コード!$A$1:$C$1743,3,FALSE)</f>
        <v>#N/A</v>
      </c>
      <c r="M987" s="49" t="e">
        <f>VLOOKUP(E987&amp;F987,団体コード!$A$1:$C$1743,2,FALSE)</f>
        <v>#N/A</v>
      </c>
      <c r="N987" s="51" t="e">
        <f>VLOOKUP(E987,団体コード!$E$1:$F$48,2,FALSE)</f>
        <v>#N/A</v>
      </c>
      <c r="O987" s="51" t="e">
        <f t="shared" si="33"/>
        <v>#N/A</v>
      </c>
      <c r="P987" s="51">
        <v>1</v>
      </c>
      <c r="Q987" s="51" t="s">
        <v>5341</v>
      </c>
      <c r="R987" s="54" t="b">
        <v>1</v>
      </c>
      <c r="S987" s="52" t="s">
        <v>7126</v>
      </c>
      <c r="T987" s="67" t="s">
        <v>7127</v>
      </c>
      <c r="U987" s="75" t="s">
        <v>5331</v>
      </c>
      <c r="V987" s="47" t="s">
        <v>5331</v>
      </c>
      <c r="W987" s="47" t="s">
        <v>5331</v>
      </c>
      <c r="X987" s="47" t="s">
        <v>5331</v>
      </c>
      <c r="Y987" s="47" t="s">
        <v>5331</v>
      </c>
      <c r="Z987" s="28"/>
      <c r="AA987" s="27"/>
      <c r="AB987" s="27"/>
      <c r="AC987" s="27"/>
      <c r="AD987" s="30"/>
      <c r="AE987" s="1"/>
      <c r="AF987" s="23" t="s">
        <v>5331</v>
      </c>
      <c r="AG987" s="26"/>
      <c r="AH987" s="53"/>
    </row>
    <row r="988" spans="1:34" ht="51.6" customHeight="1" x14ac:dyDescent="0.45">
      <c r="A988" s="23">
        <v>982</v>
      </c>
      <c r="B988" s="25"/>
      <c r="C988" s="25"/>
      <c r="D988" s="29"/>
      <c r="E988" s="1"/>
      <c r="F988" s="1"/>
      <c r="G988" s="25"/>
      <c r="H988" s="71"/>
      <c r="I988" s="83"/>
      <c r="J988" s="50" t="str">
        <f t="shared" si="32"/>
        <v/>
      </c>
      <c r="K988" s="23" t="s">
        <v>7120</v>
      </c>
      <c r="L988" s="49" t="e">
        <f>VLOOKUP(E988&amp;F988,団体コード!$A$1:$C$1743,3,FALSE)</f>
        <v>#N/A</v>
      </c>
      <c r="M988" s="49" t="e">
        <f>VLOOKUP(E988&amp;F988,団体コード!$A$1:$C$1743,2,FALSE)</f>
        <v>#N/A</v>
      </c>
      <c r="N988" s="51" t="e">
        <f>VLOOKUP(E988,団体コード!$E$1:$F$48,2,FALSE)</f>
        <v>#N/A</v>
      </c>
      <c r="O988" s="51" t="e">
        <f t="shared" si="33"/>
        <v>#N/A</v>
      </c>
      <c r="P988" s="51">
        <v>1</v>
      </c>
      <c r="Q988" s="51" t="s">
        <v>5341</v>
      </c>
      <c r="R988" s="54" t="b">
        <v>1</v>
      </c>
      <c r="S988" s="52" t="s">
        <v>7126</v>
      </c>
      <c r="T988" s="67" t="s">
        <v>7127</v>
      </c>
      <c r="U988" s="75" t="s">
        <v>5331</v>
      </c>
      <c r="V988" s="47" t="s">
        <v>5331</v>
      </c>
      <c r="W988" s="47" t="s">
        <v>5331</v>
      </c>
      <c r="X988" s="47" t="s">
        <v>5331</v>
      </c>
      <c r="Y988" s="47" t="s">
        <v>5331</v>
      </c>
      <c r="Z988" s="28"/>
      <c r="AA988" s="27"/>
      <c r="AB988" s="27"/>
      <c r="AC988" s="27"/>
      <c r="AD988" s="30"/>
      <c r="AE988" s="1"/>
      <c r="AF988" s="23" t="s">
        <v>5331</v>
      </c>
      <c r="AG988" s="26"/>
      <c r="AH988" s="53"/>
    </row>
    <row r="989" spans="1:34" ht="51.6" customHeight="1" x14ac:dyDescent="0.45">
      <c r="A989" s="23">
        <v>983</v>
      </c>
      <c r="B989" s="25"/>
      <c r="C989" s="25"/>
      <c r="D989" s="29"/>
      <c r="E989" s="1"/>
      <c r="F989" s="1"/>
      <c r="G989" s="25"/>
      <c r="H989" s="71"/>
      <c r="I989" s="83"/>
      <c r="J989" s="50" t="str">
        <f t="shared" si="32"/>
        <v/>
      </c>
      <c r="K989" s="23" t="s">
        <v>7120</v>
      </c>
      <c r="L989" s="49" t="e">
        <f>VLOOKUP(E989&amp;F989,団体コード!$A$1:$C$1743,3,FALSE)</f>
        <v>#N/A</v>
      </c>
      <c r="M989" s="49" t="e">
        <f>VLOOKUP(E989&amp;F989,団体コード!$A$1:$C$1743,2,FALSE)</f>
        <v>#N/A</v>
      </c>
      <c r="N989" s="51" t="e">
        <f>VLOOKUP(E989,団体コード!$E$1:$F$48,2,FALSE)</f>
        <v>#N/A</v>
      </c>
      <c r="O989" s="51" t="e">
        <f t="shared" si="33"/>
        <v>#N/A</v>
      </c>
      <c r="P989" s="51">
        <v>1</v>
      </c>
      <c r="Q989" s="51" t="s">
        <v>5341</v>
      </c>
      <c r="R989" s="54" t="b">
        <v>1</v>
      </c>
      <c r="S989" s="52" t="s">
        <v>7126</v>
      </c>
      <c r="T989" s="67" t="s">
        <v>7127</v>
      </c>
      <c r="U989" s="75" t="s">
        <v>5331</v>
      </c>
      <c r="V989" s="47" t="s">
        <v>5331</v>
      </c>
      <c r="W989" s="47" t="s">
        <v>5331</v>
      </c>
      <c r="X989" s="47" t="s">
        <v>5331</v>
      </c>
      <c r="Y989" s="47" t="s">
        <v>5331</v>
      </c>
      <c r="Z989" s="28"/>
      <c r="AA989" s="27"/>
      <c r="AB989" s="27"/>
      <c r="AC989" s="27"/>
      <c r="AD989" s="30"/>
      <c r="AE989" s="1"/>
      <c r="AF989" s="23" t="s">
        <v>5331</v>
      </c>
      <c r="AG989" s="26"/>
      <c r="AH989" s="53"/>
    </row>
    <row r="990" spans="1:34" ht="51.6" customHeight="1" x14ac:dyDescent="0.45">
      <c r="A990" s="23">
        <v>984</v>
      </c>
      <c r="B990" s="25"/>
      <c r="C990" s="25"/>
      <c r="D990" s="29"/>
      <c r="E990" s="1"/>
      <c r="F990" s="1"/>
      <c r="G990" s="25"/>
      <c r="H990" s="71"/>
      <c r="I990" s="83"/>
      <c r="J990" s="50" t="str">
        <f t="shared" si="32"/>
        <v/>
      </c>
      <c r="K990" s="23" t="s">
        <v>7120</v>
      </c>
      <c r="L990" s="49" t="e">
        <f>VLOOKUP(E990&amp;F990,団体コード!$A$1:$C$1743,3,FALSE)</f>
        <v>#N/A</v>
      </c>
      <c r="M990" s="49" t="e">
        <f>VLOOKUP(E990&amp;F990,団体コード!$A$1:$C$1743,2,FALSE)</f>
        <v>#N/A</v>
      </c>
      <c r="N990" s="51" t="e">
        <f>VLOOKUP(E990,団体コード!$E$1:$F$48,2,FALSE)</f>
        <v>#N/A</v>
      </c>
      <c r="O990" s="51" t="e">
        <f t="shared" si="33"/>
        <v>#N/A</v>
      </c>
      <c r="P990" s="51">
        <v>1</v>
      </c>
      <c r="Q990" s="51" t="s">
        <v>5341</v>
      </c>
      <c r="R990" s="54" t="b">
        <v>1</v>
      </c>
      <c r="S990" s="52" t="s">
        <v>7126</v>
      </c>
      <c r="T990" s="67" t="s">
        <v>7127</v>
      </c>
      <c r="U990" s="75" t="s">
        <v>5331</v>
      </c>
      <c r="V990" s="47" t="s">
        <v>5331</v>
      </c>
      <c r="W990" s="47" t="s">
        <v>5331</v>
      </c>
      <c r="X990" s="47" t="s">
        <v>5331</v>
      </c>
      <c r="Y990" s="47" t="s">
        <v>5331</v>
      </c>
      <c r="Z990" s="28"/>
      <c r="AA990" s="27"/>
      <c r="AB990" s="27"/>
      <c r="AC990" s="27"/>
      <c r="AD990" s="30"/>
      <c r="AE990" s="1"/>
      <c r="AF990" s="23" t="s">
        <v>5331</v>
      </c>
      <c r="AG990" s="26"/>
      <c r="AH990" s="53"/>
    </row>
    <row r="991" spans="1:34" ht="51.6" customHeight="1" x14ac:dyDescent="0.45">
      <c r="A991" s="23">
        <v>985</v>
      </c>
      <c r="B991" s="25"/>
      <c r="C991" s="25"/>
      <c r="D991" s="29"/>
      <c r="E991" s="1"/>
      <c r="F991" s="1"/>
      <c r="G991" s="25"/>
      <c r="H991" s="71"/>
      <c r="I991" s="83"/>
      <c r="J991" s="50" t="str">
        <f t="shared" si="32"/>
        <v/>
      </c>
      <c r="K991" s="23" t="s">
        <v>7120</v>
      </c>
      <c r="L991" s="49" t="e">
        <f>VLOOKUP(E991&amp;F991,団体コード!$A$1:$C$1743,3,FALSE)</f>
        <v>#N/A</v>
      </c>
      <c r="M991" s="49" t="e">
        <f>VLOOKUP(E991&amp;F991,団体コード!$A$1:$C$1743,2,FALSE)</f>
        <v>#N/A</v>
      </c>
      <c r="N991" s="51" t="e">
        <f>VLOOKUP(E991,団体コード!$E$1:$F$48,2,FALSE)</f>
        <v>#N/A</v>
      </c>
      <c r="O991" s="51" t="e">
        <f t="shared" si="33"/>
        <v>#N/A</v>
      </c>
      <c r="P991" s="51">
        <v>1</v>
      </c>
      <c r="Q991" s="51" t="s">
        <v>5341</v>
      </c>
      <c r="R991" s="54" t="b">
        <v>1</v>
      </c>
      <c r="S991" s="52" t="s">
        <v>7126</v>
      </c>
      <c r="T991" s="67" t="s">
        <v>7127</v>
      </c>
      <c r="U991" s="75" t="s">
        <v>5331</v>
      </c>
      <c r="V991" s="47" t="s">
        <v>5331</v>
      </c>
      <c r="W991" s="47" t="s">
        <v>5331</v>
      </c>
      <c r="X991" s="47" t="s">
        <v>5331</v>
      </c>
      <c r="Y991" s="47" t="s">
        <v>5331</v>
      </c>
      <c r="Z991" s="28"/>
      <c r="AA991" s="27"/>
      <c r="AB991" s="27"/>
      <c r="AC991" s="27"/>
      <c r="AD991" s="30"/>
      <c r="AE991" s="1"/>
      <c r="AF991" s="23" t="s">
        <v>5331</v>
      </c>
      <c r="AG991" s="26"/>
      <c r="AH991" s="53"/>
    </row>
    <row r="992" spans="1:34" ht="51.6" customHeight="1" x14ac:dyDescent="0.45">
      <c r="A992" s="23">
        <v>986</v>
      </c>
      <c r="B992" s="25"/>
      <c r="C992" s="25"/>
      <c r="D992" s="29"/>
      <c r="E992" s="1"/>
      <c r="F992" s="1"/>
      <c r="G992" s="25"/>
      <c r="H992" s="71"/>
      <c r="I992" s="83"/>
      <c r="J992" s="50" t="str">
        <f t="shared" si="32"/>
        <v/>
      </c>
      <c r="K992" s="23" t="s">
        <v>7120</v>
      </c>
      <c r="L992" s="49" t="e">
        <f>VLOOKUP(E992&amp;F992,団体コード!$A$1:$C$1743,3,FALSE)</f>
        <v>#N/A</v>
      </c>
      <c r="M992" s="49" t="e">
        <f>VLOOKUP(E992&amp;F992,団体コード!$A$1:$C$1743,2,FALSE)</f>
        <v>#N/A</v>
      </c>
      <c r="N992" s="51" t="e">
        <f>VLOOKUP(E992,団体コード!$E$1:$F$48,2,FALSE)</f>
        <v>#N/A</v>
      </c>
      <c r="O992" s="51" t="e">
        <f t="shared" si="33"/>
        <v>#N/A</v>
      </c>
      <c r="P992" s="51">
        <v>1</v>
      </c>
      <c r="Q992" s="51" t="s">
        <v>5341</v>
      </c>
      <c r="R992" s="54" t="b">
        <v>1</v>
      </c>
      <c r="S992" s="52" t="s">
        <v>7126</v>
      </c>
      <c r="T992" s="67" t="s">
        <v>7127</v>
      </c>
      <c r="U992" s="75" t="s">
        <v>5331</v>
      </c>
      <c r="V992" s="47" t="s">
        <v>5331</v>
      </c>
      <c r="W992" s="47" t="s">
        <v>5331</v>
      </c>
      <c r="X992" s="47" t="s">
        <v>5331</v>
      </c>
      <c r="Y992" s="47" t="s">
        <v>5331</v>
      </c>
      <c r="Z992" s="28"/>
      <c r="AA992" s="27"/>
      <c r="AB992" s="27"/>
      <c r="AC992" s="27"/>
      <c r="AD992" s="30"/>
      <c r="AE992" s="1"/>
      <c r="AF992" s="23" t="s">
        <v>5331</v>
      </c>
      <c r="AG992" s="26"/>
      <c r="AH992" s="53"/>
    </row>
    <row r="993" spans="1:34" ht="51.6" customHeight="1" x14ac:dyDescent="0.45">
      <c r="A993" s="23">
        <v>987</v>
      </c>
      <c r="B993" s="25"/>
      <c r="C993" s="25"/>
      <c r="D993" s="29"/>
      <c r="E993" s="1"/>
      <c r="F993" s="1"/>
      <c r="G993" s="25"/>
      <c r="H993" s="71"/>
      <c r="I993" s="83"/>
      <c r="J993" s="50" t="str">
        <f t="shared" si="32"/>
        <v/>
      </c>
      <c r="K993" s="23" t="s">
        <v>7120</v>
      </c>
      <c r="L993" s="49" t="e">
        <f>VLOOKUP(E993&amp;F993,団体コード!$A$1:$C$1743,3,FALSE)</f>
        <v>#N/A</v>
      </c>
      <c r="M993" s="49" t="e">
        <f>VLOOKUP(E993&amp;F993,団体コード!$A$1:$C$1743,2,FALSE)</f>
        <v>#N/A</v>
      </c>
      <c r="N993" s="51" t="e">
        <f>VLOOKUP(E993,団体コード!$E$1:$F$48,2,FALSE)</f>
        <v>#N/A</v>
      </c>
      <c r="O993" s="51" t="e">
        <f t="shared" si="33"/>
        <v>#N/A</v>
      </c>
      <c r="P993" s="51">
        <v>1</v>
      </c>
      <c r="Q993" s="51" t="s">
        <v>5341</v>
      </c>
      <c r="R993" s="54" t="b">
        <v>1</v>
      </c>
      <c r="S993" s="52" t="s">
        <v>7126</v>
      </c>
      <c r="T993" s="67" t="s">
        <v>7127</v>
      </c>
      <c r="U993" s="75" t="s">
        <v>5331</v>
      </c>
      <c r="V993" s="47" t="s">
        <v>5331</v>
      </c>
      <c r="W993" s="47" t="s">
        <v>5331</v>
      </c>
      <c r="X993" s="47" t="s">
        <v>5331</v>
      </c>
      <c r="Y993" s="47" t="s">
        <v>5331</v>
      </c>
      <c r="Z993" s="28"/>
      <c r="AA993" s="27"/>
      <c r="AB993" s="27"/>
      <c r="AC993" s="27"/>
      <c r="AD993" s="30"/>
      <c r="AE993" s="1"/>
      <c r="AF993" s="23" t="s">
        <v>5331</v>
      </c>
      <c r="AG993" s="26"/>
      <c r="AH993" s="53"/>
    </row>
    <row r="994" spans="1:34" ht="51.6" customHeight="1" x14ac:dyDescent="0.45">
      <c r="A994" s="23">
        <v>988</v>
      </c>
      <c r="B994" s="25"/>
      <c r="C994" s="25"/>
      <c r="D994" s="29"/>
      <c r="E994" s="1"/>
      <c r="F994" s="1"/>
      <c r="G994" s="25"/>
      <c r="H994" s="71"/>
      <c r="I994" s="83"/>
      <c r="J994" s="50" t="str">
        <f t="shared" si="32"/>
        <v/>
      </c>
      <c r="K994" s="23" t="s">
        <v>7120</v>
      </c>
      <c r="L994" s="49" t="e">
        <f>VLOOKUP(E994&amp;F994,団体コード!$A$1:$C$1743,3,FALSE)</f>
        <v>#N/A</v>
      </c>
      <c r="M994" s="49" t="e">
        <f>VLOOKUP(E994&amp;F994,団体コード!$A$1:$C$1743,2,FALSE)</f>
        <v>#N/A</v>
      </c>
      <c r="N994" s="51" t="e">
        <f>VLOOKUP(E994,団体コード!$E$1:$F$48,2,FALSE)</f>
        <v>#N/A</v>
      </c>
      <c r="O994" s="51" t="e">
        <f t="shared" si="33"/>
        <v>#N/A</v>
      </c>
      <c r="P994" s="51">
        <v>1</v>
      </c>
      <c r="Q994" s="51" t="s">
        <v>5341</v>
      </c>
      <c r="R994" s="54" t="b">
        <v>1</v>
      </c>
      <c r="S994" s="52" t="s">
        <v>7126</v>
      </c>
      <c r="T994" s="67" t="s">
        <v>7127</v>
      </c>
      <c r="U994" s="75" t="s">
        <v>5331</v>
      </c>
      <c r="V994" s="47" t="s">
        <v>5331</v>
      </c>
      <c r="W994" s="47" t="s">
        <v>5331</v>
      </c>
      <c r="X994" s="47" t="s">
        <v>5331</v>
      </c>
      <c r="Y994" s="47" t="s">
        <v>5331</v>
      </c>
      <c r="Z994" s="28"/>
      <c r="AA994" s="27"/>
      <c r="AB994" s="27"/>
      <c r="AC994" s="27"/>
      <c r="AD994" s="30"/>
      <c r="AE994" s="1"/>
      <c r="AF994" s="23" t="s">
        <v>5331</v>
      </c>
      <c r="AG994" s="26"/>
      <c r="AH994" s="53"/>
    </row>
    <row r="995" spans="1:34" ht="51.6" customHeight="1" x14ac:dyDescent="0.45">
      <c r="A995" s="23">
        <v>989</v>
      </c>
      <c r="B995" s="25"/>
      <c r="C995" s="25"/>
      <c r="D995" s="29"/>
      <c r="E995" s="1"/>
      <c r="F995" s="1"/>
      <c r="G995" s="25"/>
      <c r="H995" s="71"/>
      <c r="I995" s="83"/>
      <c r="J995" s="50" t="str">
        <f t="shared" si="32"/>
        <v/>
      </c>
      <c r="K995" s="23" t="s">
        <v>7120</v>
      </c>
      <c r="L995" s="49" t="e">
        <f>VLOOKUP(E995&amp;F995,団体コード!$A$1:$C$1743,3,FALSE)</f>
        <v>#N/A</v>
      </c>
      <c r="M995" s="49" t="e">
        <f>VLOOKUP(E995&amp;F995,団体コード!$A$1:$C$1743,2,FALSE)</f>
        <v>#N/A</v>
      </c>
      <c r="N995" s="51" t="e">
        <f>VLOOKUP(E995,団体コード!$E$1:$F$48,2,FALSE)</f>
        <v>#N/A</v>
      </c>
      <c r="O995" s="51" t="e">
        <f t="shared" si="33"/>
        <v>#N/A</v>
      </c>
      <c r="P995" s="51">
        <v>1</v>
      </c>
      <c r="Q995" s="51" t="s">
        <v>5341</v>
      </c>
      <c r="R995" s="54" t="b">
        <v>1</v>
      </c>
      <c r="S995" s="52" t="s">
        <v>7126</v>
      </c>
      <c r="T995" s="67" t="s">
        <v>7127</v>
      </c>
      <c r="U995" s="75" t="s">
        <v>5331</v>
      </c>
      <c r="V995" s="47" t="s">
        <v>5331</v>
      </c>
      <c r="W995" s="47" t="s">
        <v>5331</v>
      </c>
      <c r="X995" s="47" t="s">
        <v>5331</v>
      </c>
      <c r="Y995" s="47" t="s">
        <v>5331</v>
      </c>
      <c r="Z995" s="28"/>
      <c r="AA995" s="27"/>
      <c r="AB995" s="27"/>
      <c r="AC995" s="27"/>
      <c r="AD995" s="30"/>
      <c r="AE995" s="1"/>
      <c r="AF995" s="23" t="s">
        <v>5331</v>
      </c>
      <c r="AG995" s="26"/>
      <c r="AH995" s="53"/>
    </row>
    <row r="996" spans="1:34" ht="51.6" customHeight="1" x14ac:dyDescent="0.45">
      <c r="A996" s="23">
        <v>990</v>
      </c>
      <c r="B996" s="25"/>
      <c r="C996" s="25"/>
      <c r="D996" s="29"/>
      <c r="E996" s="1"/>
      <c r="F996" s="1"/>
      <c r="G996" s="25"/>
      <c r="H996" s="71"/>
      <c r="I996" s="83"/>
      <c r="J996" s="50" t="str">
        <f t="shared" si="32"/>
        <v/>
      </c>
      <c r="K996" s="23" t="s">
        <v>7120</v>
      </c>
      <c r="L996" s="49" t="e">
        <f>VLOOKUP(E996&amp;F996,団体コード!$A$1:$C$1743,3,FALSE)</f>
        <v>#N/A</v>
      </c>
      <c r="M996" s="49" t="e">
        <f>VLOOKUP(E996&amp;F996,団体コード!$A$1:$C$1743,2,FALSE)</f>
        <v>#N/A</v>
      </c>
      <c r="N996" s="51" t="e">
        <f>VLOOKUP(E996,団体コード!$E$1:$F$48,2,FALSE)</f>
        <v>#N/A</v>
      </c>
      <c r="O996" s="51" t="e">
        <f t="shared" si="33"/>
        <v>#N/A</v>
      </c>
      <c r="P996" s="51">
        <v>1</v>
      </c>
      <c r="Q996" s="51" t="s">
        <v>5341</v>
      </c>
      <c r="R996" s="54" t="b">
        <v>1</v>
      </c>
      <c r="S996" s="52" t="s">
        <v>7126</v>
      </c>
      <c r="T996" s="67" t="s">
        <v>7127</v>
      </c>
      <c r="U996" s="75" t="s">
        <v>5331</v>
      </c>
      <c r="V996" s="47" t="s">
        <v>5331</v>
      </c>
      <c r="W996" s="47" t="s">
        <v>5331</v>
      </c>
      <c r="X996" s="47" t="s">
        <v>5331</v>
      </c>
      <c r="Y996" s="47" t="s">
        <v>5331</v>
      </c>
      <c r="Z996" s="28"/>
      <c r="AA996" s="27"/>
      <c r="AB996" s="27"/>
      <c r="AC996" s="27"/>
      <c r="AD996" s="30"/>
      <c r="AE996" s="1"/>
      <c r="AF996" s="23" t="s">
        <v>5331</v>
      </c>
      <c r="AG996" s="26"/>
      <c r="AH996" s="53"/>
    </row>
    <row r="997" spans="1:34" ht="51.6" customHeight="1" x14ac:dyDescent="0.45">
      <c r="A997" s="23">
        <v>991</v>
      </c>
      <c r="B997" s="25"/>
      <c r="C997" s="25"/>
      <c r="D997" s="29"/>
      <c r="E997" s="1"/>
      <c r="F997" s="1"/>
      <c r="G997" s="25"/>
      <c r="H997" s="71"/>
      <c r="I997" s="83"/>
      <c r="J997" s="50" t="str">
        <f t="shared" si="32"/>
        <v/>
      </c>
      <c r="K997" s="23" t="s">
        <v>7120</v>
      </c>
      <c r="L997" s="49" t="e">
        <f>VLOOKUP(E997&amp;F997,団体コード!$A$1:$C$1743,3,FALSE)</f>
        <v>#N/A</v>
      </c>
      <c r="M997" s="49" t="e">
        <f>VLOOKUP(E997&amp;F997,団体コード!$A$1:$C$1743,2,FALSE)</f>
        <v>#N/A</v>
      </c>
      <c r="N997" s="51" t="e">
        <f>VLOOKUP(E997,団体コード!$E$1:$F$48,2,FALSE)</f>
        <v>#N/A</v>
      </c>
      <c r="O997" s="51" t="e">
        <f t="shared" si="33"/>
        <v>#N/A</v>
      </c>
      <c r="P997" s="51">
        <v>1</v>
      </c>
      <c r="Q997" s="51" t="s">
        <v>5341</v>
      </c>
      <c r="R997" s="54" t="b">
        <v>1</v>
      </c>
      <c r="S997" s="52" t="s">
        <v>7126</v>
      </c>
      <c r="T997" s="67" t="s">
        <v>7127</v>
      </c>
      <c r="U997" s="75" t="s">
        <v>5331</v>
      </c>
      <c r="V997" s="47" t="s">
        <v>5331</v>
      </c>
      <c r="W997" s="47" t="s">
        <v>5331</v>
      </c>
      <c r="X997" s="47" t="s">
        <v>5331</v>
      </c>
      <c r="Y997" s="47" t="s">
        <v>5331</v>
      </c>
      <c r="Z997" s="28"/>
      <c r="AA997" s="27"/>
      <c r="AB997" s="27"/>
      <c r="AC997" s="27"/>
      <c r="AD997" s="30"/>
      <c r="AE997" s="1"/>
      <c r="AF997" s="23" t="s">
        <v>5331</v>
      </c>
      <c r="AG997" s="26"/>
      <c r="AH997" s="53"/>
    </row>
    <row r="998" spans="1:34" ht="51.6" customHeight="1" x14ac:dyDescent="0.45">
      <c r="A998" s="23">
        <v>992</v>
      </c>
      <c r="B998" s="25"/>
      <c r="C998" s="25"/>
      <c r="D998" s="29"/>
      <c r="E998" s="1"/>
      <c r="F998" s="1"/>
      <c r="G998" s="25"/>
      <c r="H998" s="71"/>
      <c r="I998" s="83"/>
      <c r="J998" s="50" t="str">
        <f t="shared" si="32"/>
        <v/>
      </c>
      <c r="K998" s="23" t="s">
        <v>7120</v>
      </c>
      <c r="L998" s="49" t="e">
        <f>VLOOKUP(E998&amp;F998,団体コード!$A$1:$C$1743,3,FALSE)</f>
        <v>#N/A</v>
      </c>
      <c r="M998" s="49" t="e">
        <f>VLOOKUP(E998&amp;F998,団体コード!$A$1:$C$1743,2,FALSE)</f>
        <v>#N/A</v>
      </c>
      <c r="N998" s="51" t="e">
        <f>VLOOKUP(E998,団体コード!$E$1:$F$48,2,FALSE)</f>
        <v>#N/A</v>
      </c>
      <c r="O998" s="51" t="e">
        <f t="shared" si="33"/>
        <v>#N/A</v>
      </c>
      <c r="P998" s="51">
        <v>1</v>
      </c>
      <c r="Q998" s="51" t="s">
        <v>5341</v>
      </c>
      <c r="R998" s="54" t="b">
        <v>1</v>
      </c>
      <c r="S998" s="52" t="s">
        <v>7126</v>
      </c>
      <c r="T998" s="67" t="s">
        <v>7127</v>
      </c>
      <c r="U998" s="75" t="s">
        <v>5331</v>
      </c>
      <c r="V998" s="47" t="s">
        <v>5331</v>
      </c>
      <c r="W998" s="47" t="s">
        <v>5331</v>
      </c>
      <c r="X998" s="47" t="s">
        <v>5331</v>
      </c>
      <c r="Y998" s="47" t="s">
        <v>5331</v>
      </c>
      <c r="Z998" s="28"/>
      <c r="AA998" s="27"/>
      <c r="AB998" s="27"/>
      <c r="AC998" s="27"/>
      <c r="AD998" s="30"/>
      <c r="AE998" s="1"/>
      <c r="AF998" s="23" t="s">
        <v>5331</v>
      </c>
      <c r="AG998" s="26"/>
      <c r="AH998" s="53"/>
    </row>
    <row r="999" spans="1:34" ht="51.6" customHeight="1" x14ac:dyDescent="0.45">
      <c r="A999" s="23">
        <v>993</v>
      </c>
      <c r="B999" s="25"/>
      <c r="C999" s="25"/>
      <c r="D999" s="29"/>
      <c r="E999" s="1"/>
      <c r="F999" s="1"/>
      <c r="G999" s="25"/>
      <c r="H999" s="71"/>
      <c r="I999" s="83"/>
      <c r="J999" s="50" t="str">
        <f t="shared" si="32"/>
        <v/>
      </c>
      <c r="K999" s="23" t="s">
        <v>7120</v>
      </c>
      <c r="L999" s="49" t="e">
        <f>VLOOKUP(E999&amp;F999,団体コード!$A$1:$C$1743,3,FALSE)</f>
        <v>#N/A</v>
      </c>
      <c r="M999" s="49" t="e">
        <f>VLOOKUP(E999&amp;F999,団体コード!$A$1:$C$1743,2,FALSE)</f>
        <v>#N/A</v>
      </c>
      <c r="N999" s="51" t="e">
        <f>VLOOKUP(E999,団体コード!$E$1:$F$48,2,FALSE)</f>
        <v>#N/A</v>
      </c>
      <c r="O999" s="51" t="e">
        <f t="shared" si="33"/>
        <v>#N/A</v>
      </c>
      <c r="P999" s="51">
        <v>1</v>
      </c>
      <c r="Q999" s="51" t="s">
        <v>5341</v>
      </c>
      <c r="R999" s="54" t="b">
        <v>1</v>
      </c>
      <c r="S999" s="52" t="s">
        <v>7126</v>
      </c>
      <c r="T999" s="67" t="s">
        <v>7127</v>
      </c>
      <c r="U999" s="75" t="s">
        <v>5331</v>
      </c>
      <c r="V999" s="47" t="s">
        <v>5331</v>
      </c>
      <c r="W999" s="47" t="s">
        <v>5331</v>
      </c>
      <c r="X999" s="47" t="s">
        <v>5331</v>
      </c>
      <c r="Y999" s="47" t="s">
        <v>5331</v>
      </c>
      <c r="Z999" s="28"/>
      <c r="AA999" s="27"/>
      <c r="AB999" s="27"/>
      <c r="AC999" s="27"/>
      <c r="AD999" s="30"/>
      <c r="AE999" s="1"/>
      <c r="AF999" s="23" t="s">
        <v>5331</v>
      </c>
      <c r="AG999" s="26"/>
      <c r="AH999" s="53"/>
    </row>
    <row r="1000" spans="1:34" ht="51.6" customHeight="1" x14ac:dyDescent="0.45">
      <c r="A1000" s="23">
        <v>994</v>
      </c>
      <c r="B1000" s="25"/>
      <c r="C1000" s="25"/>
      <c r="D1000" s="29"/>
      <c r="E1000" s="1"/>
      <c r="F1000" s="1"/>
      <c r="G1000" s="25"/>
      <c r="H1000" s="71"/>
      <c r="I1000" s="83"/>
      <c r="J1000" s="50" t="str">
        <f t="shared" si="32"/>
        <v/>
      </c>
      <c r="K1000" s="23" t="s">
        <v>7120</v>
      </c>
      <c r="L1000" s="49" t="e">
        <f>VLOOKUP(E1000&amp;F1000,団体コード!$A$1:$C$1743,3,FALSE)</f>
        <v>#N/A</v>
      </c>
      <c r="M1000" s="49" t="e">
        <f>VLOOKUP(E1000&amp;F1000,団体コード!$A$1:$C$1743,2,FALSE)</f>
        <v>#N/A</v>
      </c>
      <c r="N1000" s="51" t="e">
        <f>VLOOKUP(E1000,団体コード!$E$1:$F$48,2,FALSE)</f>
        <v>#N/A</v>
      </c>
      <c r="O1000" s="51" t="e">
        <f t="shared" si="33"/>
        <v>#N/A</v>
      </c>
      <c r="P1000" s="51">
        <v>1</v>
      </c>
      <c r="Q1000" s="51" t="s">
        <v>5341</v>
      </c>
      <c r="R1000" s="54" t="b">
        <v>1</v>
      </c>
      <c r="S1000" s="52" t="s">
        <v>7126</v>
      </c>
      <c r="T1000" s="67" t="s">
        <v>7127</v>
      </c>
      <c r="U1000" s="75" t="s">
        <v>5331</v>
      </c>
      <c r="V1000" s="47" t="s">
        <v>5331</v>
      </c>
      <c r="W1000" s="47" t="s">
        <v>5331</v>
      </c>
      <c r="X1000" s="47" t="s">
        <v>5331</v>
      </c>
      <c r="Y1000" s="47" t="s">
        <v>5331</v>
      </c>
      <c r="Z1000" s="28"/>
      <c r="AA1000" s="27"/>
      <c r="AB1000" s="27"/>
      <c r="AC1000" s="27"/>
      <c r="AD1000" s="30"/>
      <c r="AE1000" s="1"/>
      <c r="AF1000" s="23" t="s">
        <v>5331</v>
      </c>
      <c r="AG1000" s="26"/>
      <c r="AH1000" s="53"/>
    </row>
    <row r="1001" spans="1:34" ht="51.6" customHeight="1" x14ac:dyDescent="0.45">
      <c r="A1001" s="23">
        <v>995</v>
      </c>
      <c r="B1001" s="25"/>
      <c r="C1001" s="25"/>
      <c r="D1001" s="29"/>
      <c r="E1001" s="1"/>
      <c r="F1001" s="1"/>
      <c r="G1001" s="25"/>
      <c r="H1001" s="71"/>
      <c r="I1001" s="83"/>
      <c r="J1001" s="50" t="str">
        <f t="shared" si="32"/>
        <v/>
      </c>
      <c r="K1001" s="23" t="s">
        <v>7120</v>
      </c>
      <c r="L1001" s="49" t="e">
        <f>VLOOKUP(E1001&amp;F1001,団体コード!$A$1:$C$1743,3,FALSE)</f>
        <v>#N/A</v>
      </c>
      <c r="M1001" s="49" t="e">
        <f>VLOOKUP(E1001&amp;F1001,団体コード!$A$1:$C$1743,2,FALSE)</f>
        <v>#N/A</v>
      </c>
      <c r="N1001" s="51" t="e">
        <f>VLOOKUP(E1001,団体コード!$E$1:$F$48,2,FALSE)</f>
        <v>#N/A</v>
      </c>
      <c r="O1001" s="51" t="e">
        <f t="shared" si="33"/>
        <v>#N/A</v>
      </c>
      <c r="P1001" s="51">
        <v>1</v>
      </c>
      <c r="Q1001" s="51" t="s">
        <v>5341</v>
      </c>
      <c r="R1001" s="54" t="b">
        <v>1</v>
      </c>
      <c r="S1001" s="52" t="s">
        <v>7126</v>
      </c>
      <c r="T1001" s="67" t="s">
        <v>7127</v>
      </c>
      <c r="U1001" s="75" t="s">
        <v>5331</v>
      </c>
      <c r="V1001" s="47" t="s">
        <v>5331</v>
      </c>
      <c r="W1001" s="47" t="s">
        <v>5331</v>
      </c>
      <c r="X1001" s="47" t="s">
        <v>5331</v>
      </c>
      <c r="Y1001" s="47" t="s">
        <v>5331</v>
      </c>
      <c r="Z1001" s="28"/>
      <c r="AA1001" s="27"/>
      <c r="AB1001" s="27"/>
      <c r="AC1001" s="27"/>
      <c r="AD1001" s="30"/>
      <c r="AE1001" s="1"/>
      <c r="AF1001" s="23" t="s">
        <v>5331</v>
      </c>
      <c r="AG1001" s="26"/>
      <c r="AH1001" s="53"/>
    </row>
    <row r="1002" spans="1:34" ht="51.6" customHeight="1" x14ac:dyDescent="0.45">
      <c r="A1002" s="23">
        <v>996</v>
      </c>
      <c r="B1002" s="25"/>
      <c r="C1002" s="25"/>
      <c r="D1002" s="29"/>
      <c r="E1002" s="1"/>
      <c r="F1002" s="1"/>
      <c r="G1002" s="25"/>
      <c r="H1002" s="71"/>
      <c r="I1002" s="83"/>
      <c r="J1002" s="50" t="str">
        <f t="shared" si="32"/>
        <v/>
      </c>
      <c r="K1002" s="23" t="s">
        <v>7120</v>
      </c>
      <c r="L1002" s="49" t="e">
        <f>VLOOKUP(E1002&amp;F1002,団体コード!$A$1:$C$1743,3,FALSE)</f>
        <v>#N/A</v>
      </c>
      <c r="M1002" s="49" t="e">
        <f>VLOOKUP(E1002&amp;F1002,団体コード!$A$1:$C$1743,2,FALSE)</f>
        <v>#N/A</v>
      </c>
      <c r="N1002" s="51" t="e">
        <f>VLOOKUP(E1002,団体コード!$E$1:$F$48,2,FALSE)</f>
        <v>#N/A</v>
      </c>
      <c r="O1002" s="51" t="e">
        <f t="shared" si="33"/>
        <v>#N/A</v>
      </c>
      <c r="P1002" s="51">
        <v>1</v>
      </c>
      <c r="Q1002" s="51" t="s">
        <v>5341</v>
      </c>
      <c r="R1002" s="54" t="b">
        <v>1</v>
      </c>
      <c r="S1002" s="52" t="s">
        <v>7126</v>
      </c>
      <c r="T1002" s="67" t="s">
        <v>7127</v>
      </c>
      <c r="U1002" s="75" t="s">
        <v>5331</v>
      </c>
      <c r="V1002" s="47" t="s">
        <v>5331</v>
      </c>
      <c r="W1002" s="47" t="s">
        <v>5331</v>
      </c>
      <c r="X1002" s="47" t="s">
        <v>5331</v>
      </c>
      <c r="Y1002" s="47" t="s">
        <v>5331</v>
      </c>
      <c r="Z1002" s="28"/>
      <c r="AA1002" s="27"/>
      <c r="AB1002" s="27"/>
      <c r="AC1002" s="27"/>
      <c r="AD1002" s="30"/>
      <c r="AE1002" s="1"/>
      <c r="AF1002" s="23" t="s">
        <v>5331</v>
      </c>
      <c r="AG1002" s="26"/>
      <c r="AH1002" s="53"/>
    </row>
    <row r="1003" spans="1:34" ht="51.6" customHeight="1" x14ac:dyDescent="0.45">
      <c r="A1003" s="23">
        <v>997</v>
      </c>
      <c r="B1003" s="25"/>
      <c r="C1003" s="25"/>
      <c r="D1003" s="29"/>
      <c r="E1003" s="1"/>
      <c r="F1003" s="1"/>
      <c r="G1003" s="25"/>
      <c r="H1003" s="71"/>
      <c r="I1003" s="83"/>
      <c r="J1003" s="50" t="str">
        <f t="shared" si="32"/>
        <v/>
      </c>
      <c r="K1003" s="23" t="s">
        <v>7120</v>
      </c>
      <c r="L1003" s="49" t="e">
        <f>VLOOKUP(E1003&amp;F1003,団体コード!$A$1:$C$1743,3,FALSE)</f>
        <v>#N/A</v>
      </c>
      <c r="M1003" s="49" t="e">
        <f>VLOOKUP(E1003&amp;F1003,団体コード!$A$1:$C$1743,2,FALSE)</f>
        <v>#N/A</v>
      </c>
      <c r="N1003" s="51" t="e">
        <f>VLOOKUP(E1003,団体コード!$E$1:$F$48,2,FALSE)</f>
        <v>#N/A</v>
      </c>
      <c r="O1003" s="51" t="e">
        <f t="shared" si="33"/>
        <v>#N/A</v>
      </c>
      <c r="P1003" s="51">
        <v>1</v>
      </c>
      <c r="Q1003" s="51" t="s">
        <v>5341</v>
      </c>
      <c r="R1003" s="54" t="b">
        <v>1</v>
      </c>
      <c r="S1003" s="52" t="s">
        <v>7126</v>
      </c>
      <c r="T1003" s="67" t="s">
        <v>7127</v>
      </c>
      <c r="U1003" s="75" t="s">
        <v>5331</v>
      </c>
      <c r="V1003" s="47" t="s">
        <v>5331</v>
      </c>
      <c r="W1003" s="47" t="s">
        <v>5331</v>
      </c>
      <c r="X1003" s="47" t="s">
        <v>5331</v>
      </c>
      <c r="Y1003" s="47" t="s">
        <v>5331</v>
      </c>
      <c r="Z1003" s="28"/>
      <c r="AA1003" s="27"/>
      <c r="AB1003" s="27"/>
      <c r="AC1003" s="27"/>
      <c r="AD1003" s="30"/>
      <c r="AE1003" s="1"/>
      <c r="AF1003" s="23" t="s">
        <v>5331</v>
      </c>
      <c r="AG1003" s="26"/>
      <c r="AH1003" s="53"/>
    </row>
    <row r="1004" spans="1:34" ht="51.6" customHeight="1" x14ac:dyDescent="0.45">
      <c r="A1004" s="23">
        <v>998</v>
      </c>
      <c r="B1004" s="25"/>
      <c r="C1004" s="25"/>
      <c r="D1004" s="29"/>
      <c r="E1004" s="1"/>
      <c r="F1004" s="1"/>
      <c r="G1004" s="25"/>
      <c r="H1004" s="71"/>
      <c r="I1004" s="83"/>
      <c r="J1004" s="50" t="str">
        <f t="shared" si="32"/>
        <v/>
      </c>
      <c r="K1004" s="23" t="s">
        <v>7120</v>
      </c>
      <c r="L1004" s="49" t="e">
        <f>VLOOKUP(E1004&amp;F1004,団体コード!$A$1:$C$1743,3,FALSE)</f>
        <v>#N/A</v>
      </c>
      <c r="M1004" s="49" t="e">
        <f>VLOOKUP(E1004&amp;F1004,団体コード!$A$1:$C$1743,2,FALSE)</f>
        <v>#N/A</v>
      </c>
      <c r="N1004" s="51" t="e">
        <f>VLOOKUP(E1004,団体コード!$E$1:$F$48,2,FALSE)</f>
        <v>#N/A</v>
      </c>
      <c r="O1004" s="51" t="e">
        <f t="shared" si="33"/>
        <v>#N/A</v>
      </c>
      <c r="P1004" s="51">
        <v>1</v>
      </c>
      <c r="Q1004" s="51" t="s">
        <v>5341</v>
      </c>
      <c r="R1004" s="54" t="b">
        <v>1</v>
      </c>
      <c r="S1004" s="52" t="s">
        <v>7126</v>
      </c>
      <c r="T1004" s="67" t="s">
        <v>7127</v>
      </c>
      <c r="U1004" s="75" t="s">
        <v>5331</v>
      </c>
      <c r="V1004" s="47" t="s">
        <v>5331</v>
      </c>
      <c r="W1004" s="47" t="s">
        <v>5331</v>
      </c>
      <c r="X1004" s="47" t="s">
        <v>5331</v>
      </c>
      <c r="Y1004" s="47" t="s">
        <v>5331</v>
      </c>
      <c r="Z1004" s="28"/>
      <c r="AA1004" s="27"/>
      <c r="AB1004" s="27"/>
      <c r="AC1004" s="27"/>
      <c r="AD1004" s="30"/>
      <c r="AE1004" s="1"/>
      <c r="AF1004" s="23" t="s">
        <v>5331</v>
      </c>
      <c r="AG1004" s="26"/>
      <c r="AH1004" s="53"/>
    </row>
    <row r="1005" spans="1:34" ht="51.6" customHeight="1" x14ac:dyDescent="0.45">
      <c r="A1005" s="23">
        <v>999</v>
      </c>
      <c r="B1005" s="25"/>
      <c r="C1005" s="25"/>
      <c r="D1005" s="29"/>
      <c r="E1005" s="1"/>
      <c r="F1005" s="1"/>
      <c r="G1005" s="25"/>
      <c r="H1005" s="71"/>
      <c r="I1005" s="83"/>
      <c r="J1005" s="50" t="str">
        <f t="shared" si="32"/>
        <v/>
      </c>
      <c r="K1005" s="23" t="s">
        <v>7120</v>
      </c>
      <c r="L1005" s="49" t="e">
        <f>VLOOKUP(E1005&amp;F1005,団体コード!$A$1:$C$1743,3,FALSE)</f>
        <v>#N/A</v>
      </c>
      <c r="M1005" s="49" t="e">
        <f>VLOOKUP(E1005&amp;F1005,団体コード!$A$1:$C$1743,2,FALSE)</f>
        <v>#N/A</v>
      </c>
      <c r="N1005" s="51" t="e">
        <f>VLOOKUP(E1005,団体コード!$E$1:$F$48,2,FALSE)</f>
        <v>#N/A</v>
      </c>
      <c r="O1005" s="51" t="e">
        <f t="shared" si="33"/>
        <v>#N/A</v>
      </c>
      <c r="P1005" s="51">
        <v>1</v>
      </c>
      <c r="Q1005" s="51" t="s">
        <v>5341</v>
      </c>
      <c r="R1005" s="54" t="b">
        <v>1</v>
      </c>
      <c r="S1005" s="52" t="s">
        <v>7126</v>
      </c>
      <c r="T1005" s="67" t="s">
        <v>7127</v>
      </c>
      <c r="U1005" s="75" t="s">
        <v>5331</v>
      </c>
      <c r="V1005" s="47" t="s">
        <v>5331</v>
      </c>
      <c r="W1005" s="47" t="s">
        <v>5331</v>
      </c>
      <c r="X1005" s="47" t="s">
        <v>5331</v>
      </c>
      <c r="Y1005" s="47" t="s">
        <v>5331</v>
      </c>
      <c r="Z1005" s="28"/>
      <c r="AA1005" s="27"/>
      <c r="AB1005" s="27"/>
      <c r="AC1005" s="27"/>
      <c r="AD1005" s="30"/>
      <c r="AE1005" s="1"/>
      <c r="AF1005" s="23" t="s">
        <v>5331</v>
      </c>
      <c r="AG1005" s="26"/>
      <c r="AH1005" s="53"/>
    </row>
    <row r="1006" spans="1:34" ht="51.6" customHeight="1" x14ac:dyDescent="0.45">
      <c r="A1006" s="23">
        <v>1000</v>
      </c>
      <c r="B1006" s="25"/>
      <c r="C1006" s="25"/>
      <c r="D1006" s="29"/>
      <c r="E1006" s="1"/>
      <c r="F1006" s="1"/>
      <c r="G1006" s="25"/>
      <c r="H1006" s="71"/>
      <c r="I1006" s="83"/>
      <c r="J1006" s="50" t="str">
        <f t="shared" si="32"/>
        <v/>
      </c>
      <c r="K1006" s="23" t="s">
        <v>7120</v>
      </c>
      <c r="L1006" s="49" t="e">
        <f>VLOOKUP(E1006&amp;F1006,団体コード!$A$1:$C$1743,3,FALSE)</f>
        <v>#N/A</v>
      </c>
      <c r="M1006" s="49" t="e">
        <f>VLOOKUP(E1006&amp;F1006,団体コード!$A$1:$C$1743,2,FALSE)</f>
        <v>#N/A</v>
      </c>
      <c r="N1006" s="51" t="e">
        <f>VLOOKUP(E1006,団体コード!$E$1:$F$48,2,FALSE)</f>
        <v>#N/A</v>
      </c>
      <c r="O1006" s="51" t="e">
        <f t="shared" si="33"/>
        <v>#N/A</v>
      </c>
      <c r="P1006" s="51">
        <v>1</v>
      </c>
      <c r="Q1006" s="51" t="s">
        <v>5341</v>
      </c>
      <c r="R1006" s="54" t="b">
        <v>1</v>
      </c>
      <c r="S1006" s="52" t="s">
        <v>7126</v>
      </c>
      <c r="T1006" s="67" t="s">
        <v>7127</v>
      </c>
      <c r="U1006" s="75" t="s">
        <v>5331</v>
      </c>
      <c r="V1006" s="47" t="s">
        <v>5331</v>
      </c>
      <c r="W1006" s="47" t="s">
        <v>5331</v>
      </c>
      <c r="X1006" s="47" t="s">
        <v>5331</v>
      </c>
      <c r="Y1006" s="47" t="s">
        <v>5331</v>
      </c>
      <c r="Z1006" s="28"/>
      <c r="AA1006" s="27"/>
      <c r="AB1006" s="27"/>
      <c r="AC1006" s="27"/>
      <c r="AD1006" s="30"/>
      <c r="AE1006" s="1"/>
      <c r="AF1006" s="23" t="s">
        <v>5331</v>
      </c>
      <c r="AG1006" s="26"/>
      <c r="AH1006" s="53"/>
    </row>
    <row r="1007" spans="1:34" ht="51.6" customHeight="1" x14ac:dyDescent="0.45">
      <c r="A1007" s="23">
        <v>1001</v>
      </c>
      <c r="B1007" s="25"/>
      <c r="C1007" s="25"/>
      <c r="D1007" s="29"/>
      <c r="E1007" s="1"/>
      <c r="F1007" s="1"/>
      <c r="G1007" s="25"/>
      <c r="H1007" s="71"/>
      <c r="I1007" s="83"/>
      <c r="J1007" s="50" t="str">
        <f t="shared" si="32"/>
        <v/>
      </c>
      <c r="K1007" s="23" t="s">
        <v>7120</v>
      </c>
      <c r="L1007" s="49" t="e">
        <f>VLOOKUP(E1007&amp;F1007,団体コード!$A$1:$C$1743,3,FALSE)</f>
        <v>#N/A</v>
      </c>
      <c r="M1007" s="49" t="e">
        <f>VLOOKUP(E1007&amp;F1007,団体コード!$A$1:$C$1743,2,FALSE)</f>
        <v>#N/A</v>
      </c>
      <c r="N1007" s="51" t="e">
        <f>VLOOKUP(E1007,団体コード!$E$1:$F$48,2,FALSE)</f>
        <v>#N/A</v>
      </c>
      <c r="O1007" s="51" t="e">
        <f t="shared" si="33"/>
        <v>#N/A</v>
      </c>
      <c r="P1007" s="51">
        <v>1</v>
      </c>
      <c r="Q1007" s="51" t="s">
        <v>5341</v>
      </c>
      <c r="R1007" s="54" t="b">
        <v>1</v>
      </c>
      <c r="S1007" s="52" t="s">
        <v>7126</v>
      </c>
      <c r="T1007" s="67" t="s">
        <v>7127</v>
      </c>
      <c r="U1007" s="75" t="s">
        <v>5331</v>
      </c>
      <c r="V1007" s="47" t="s">
        <v>5331</v>
      </c>
      <c r="W1007" s="47" t="s">
        <v>5331</v>
      </c>
      <c r="X1007" s="47" t="s">
        <v>5331</v>
      </c>
      <c r="Y1007" s="47" t="s">
        <v>5331</v>
      </c>
      <c r="Z1007" s="28"/>
      <c r="AA1007" s="27"/>
      <c r="AB1007" s="27"/>
      <c r="AC1007" s="27"/>
      <c r="AD1007" s="30"/>
      <c r="AE1007" s="1"/>
      <c r="AF1007" s="23" t="s">
        <v>5331</v>
      </c>
      <c r="AG1007" s="26"/>
      <c r="AH1007" s="53"/>
    </row>
    <row r="1008" spans="1:34" ht="51.6" customHeight="1" x14ac:dyDescent="0.45">
      <c r="A1008" s="23">
        <v>1002</v>
      </c>
      <c r="B1008" s="25"/>
      <c r="C1008" s="25"/>
      <c r="D1008" s="29"/>
      <c r="E1008" s="1"/>
      <c r="F1008" s="1"/>
      <c r="G1008" s="25"/>
      <c r="H1008" s="71"/>
      <c r="I1008" s="83"/>
      <c r="J1008" s="50" t="str">
        <f t="shared" si="32"/>
        <v/>
      </c>
      <c r="K1008" s="23" t="s">
        <v>7120</v>
      </c>
      <c r="L1008" s="49" t="e">
        <f>VLOOKUP(E1008&amp;F1008,団体コード!$A$1:$C$1743,3,FALSE)</f>
        <v>#N/A</v>
      </c>
      <c r="M1008" s="49" t="e">
        <f>VLOOKUP(E1008&amp;F1008,団体コード!$A$1:$C$1743,2,FALSE)</f>
        <v>#N/A</v>
      </c>
      <c r="N1008" s="51" t="e">
        <f>VLOOKUP(E1008,団体コード!$E$1:$F$48,2,FALSE)</f>
        <v>#N/A</v>
      </c>
      <c r="O1008" s="51" t="e">
        <f t="shared" si="33"/>
        <v>#N/A</v>
      </c>
      <c r="P1008" s="51">
        <v>1</v>
      </c>
      <c r="Q1008" s="51" t="s">
        <v>5341</v>
      </c>
      <c r="R1008" s="54" t="b">
        <v>1</v>
      </c>
      <c r="S1008" s="52" t="s">
        <v>7126</v>
      </c>
      <c r="T1008" s="67" t="s">
        <v>7127</v>
      </c>
      <c r="U1008" s="75" t="s">
        <v>5331</v>
      </c>
      <c r="V1008" s="47" t="s">
        <v>5331</v>
      </c>
      <c r="W1008" s="47" t="s">
        <v>5331</v>
      </c>
      <c r="X1008" s="47" t="s">
        <v>5331</v>
      </c>
      <c r="Y1008" s="47" t="s">
        <v>5331</v>
      </c>
      <c r="Z1008" s="28"/>
      <c r="AA1008" s="27"/>
      <c r="AB1008" s="27"/>
      <c r="AC1008" s="27"/>
      <c r="AD1008" s="30"/>
      <c r="AE1008" s="1"/>
      <c r="AF1008" s="23" t="s">
        <v>5331</v>
      </c>
      <c r="AG1008" s="26"/>
      <c r="AH1008" s="53"/>
    </row>
    <row r="1009" spans="1:34" ht="51.6" customHeight="1" x14ac:dyDescent="0.45">
      <c r="A1009" s="23">
        <v>1003</v>
      </c>
      <c r="B1009" s="25"/>
      <c r="C1009" s="25"/>
      <c r="D1009" s="29"/>
      <c r="E1009" s="1"/>
      <c r="F1009" s="1"/>
      <c r="G1009" s="25"/>
      <c r="H1009" s="71"/>
      <c r="I1009" s="83"/>
      <c r="J1009" s="50" t="str">
        <f t="shared" si="32"/>
        <v/>
      </c>
      <c r="K1009" s="23" t="s">
        <v>7120</v>
      </c>
      <c r="L1009" s="49" t="e">
        <f>VLOOKUP(E1009&amp;F1009,団体コード!$A$1:$C$1743,3,FALSE)</f>
        <v>#N/A</v>
      </c>
      <c r="M1009" s="49" t="e">
        <f>VLOOKUP(E1009&amp;F1009,団体コード!$A$1:$C$1743,2,FALSE)</f>
        <v>#N/A</v>
      </c>
      <c r="N1009" s="51" t="e">
        <f>VLOOKUP(E1009,団体コード!$E$1:$F$48,2,FALSE)</f>
        <v>#N/A</v>
      </c>
      <c r="O1009" s="51" t="e">
        <f t="shared" si="33"/>
        <v>#N/A</v>
      </c>
      <c r="P1009" s="51">
        <v>1</v>
      </c>
      <c r="Q1009" s="51" t="s">
        <v>5341</v>
      </c>
      <c r="R1009" s="54" t="b">
        <v>1</v>
      </c>
      <c r="S1009" s="52" t="s">
        <v>7126</v>
      </c>
      <c r="T1009" s="67" t="s">
        <v>7127</v>
      </c>
      <c r="U1009" s="75" t="s">
        <v>5331</v>
      </c>
      <c r="V1009" s="47" t="s">
        <v>5331</v>
      </c>
      <c r="W1009" s="47" t="s">
        <v>5331</v>
      </c>
      <c r="X1009" s="47" t="s">
        <v>5331</v>
      </c>
      <c r="Y1009" s="47" t="s">
        <v>5331</v>
      </c>
      <c r="Z1009" s="28"/>
      <c r="AA1009" s="27"/>
      <c r="AB1009" s="27"/>
      <c r="AC1009" s="27"/>
      <c r="AD1009" s="30"/>
      <c r="AE1009" s="1"/>
      <c r="AF1009" s="23" t="s">
        <v>5331</v>
      </c>
      <c r="AG1009" s="26"/>
      <c r="AH1009" s="53"/>
    </row>
    <row r="1010" spans="1:34" ht="51.6" customHeight="1" x14ac:dyDescent="0.45">
      <c r="A1010" s="23">
        <v>1004</v>
      </c>
      <c r="B1010" s="25"/>
      <c r="C1010" s="25"/>
      <c r="D1010" s="29"/>
      <c r="E1010" s="1"/>
      <c r="F1010" s="1"/>
      <c r="G1010" s="25"/>
      <c r="H1010" s="71"/>
      <c r="I1010" s="83"/>
      <c r="J1010" s="50" t="str">
        <f t="shared" si="32"/>
        <v/>
      </c>
      <c r="K1010" s="23" t="s">
        <v>7120</v>
      </c>
      <c r="L1010" s="49" t="e">
        <f>VLOOKUP(E1010&amp;F1010,団体コード!$A$1:$C$1743,3,FALSE)</f>
        <v>#N/A</v>
      </c>
      <c r="M1010" s="49" t="e">
        <f>VLOOKUP(E1010&amp;F1010,団体コード!$A$1:$C$1743,2,FALSE)</f>
        <v>#N/A</v>
      </c>
      <c r="N1010" s="51" t="e">
        <f>VLOOKUP(E1010,団体コード!$E$1:$F$48,2,FALSE)</f>
        <v>#N/A</v>
      </c>
      <c r="O1010" s="51" t="e">
        <f t="shared" si="33"/>
        <v>#N/A</v>
      </c>
      <c r="P1010" s="51">
        <v>1</v>
      </c>
      <c r="Q1010" s="51" t="s">
        <v>5341</v>
      </c>
      <c r="R1010" s="54" t="b">
        <v>1</v>
      </c>
      <c r="S1010" s="52" t="s">
        <v>7126</v>
      </c>
      <c r="T1010" s="67" t="s">
        <v>7127</v>
      </c>
      <c r="U1010" s="75" t="s">
        <v>5331</v>
      </c>
      <c r="V1010" s="47" t="s">
        <v>5331</v>
      </c>
      <c r="W1010" s="47" t="s">
        <v>5331</v>
      </c>
      <c r="X1010" s="47" t="s">
        <v>5331</v>
      </c>
      <c r="Y1010" s="47" t="s">
        <v>5331</v>
      </c>
      <c r="Z1010" s="28"/>
      <c r="AA1010" s="27"/>
      <c r="AB1010" s="27"/>
      <c r="AC1010" s="27"/>
      <c r="AD1010" s="30"/>
      <c r="AE1010" s="1"/>
      <c r="AF1010" s="23" t="s">
        <v>5331</v>
      </c>
      <c r="AG1010" s="26"/>
      <c r="AH1010" s="53"/>
    </row>
    <row r="1011" spans="1:34" ht="51.6" customHeight="1" x14ac:dyDescent="0.45">
      <c r="A1011" s="23">
        <v>1005</v>
      </c>
      <c r="B1011" s="25"/>
      <c r="C1011" s="25"/>
      <c r="D1011" s="29"/>
      <c r="E1011" s="1"/>
      <c r="F1011" s="1"/>
      <c r="G1011" s="25"/>
      <c r="H1011" s="71"/>
      <c r="I1011" s="83"/>
      <c r="J1011" s="50" t="str">
        <f t="shared" si="32"/>
        <v/>
      </c>
      <c r="K1011" s="23" t="s">
        <v>7120</v>
      </c>
      <c r="L1011" s="49" t="e">
        <f>VLOOKUP(E1011&amp;F1011,団体コード!$A$1:$C$1743,3,FALSE)</f>
        <v>#N/A</v>
      </c>
      <c r="M1011" s="49" t="e">
        <f>VLOOKUP(E1011&amp;F1011,団体コード!$A$1:$C$1743,2,FALSE)</f>
        <v>#N/A</v>
      </c>
      <c r="N1011" s="51" t="e">
        <f>VLOOKUP(E1011,団体コード!$E$1:$F$48,2,FALSE)</f>
        <v>#N/A</v>
      </c>
      <c r="O1011" s="51" t="e">
        <f t="shared" si="33"/>
        <v>#N/A</v>
      </c>
      <c r="P1011" s="51">
        <v>1</v>
      </c>
      <c r="Q1011" s="51" t="s">
        <v>5341</v>
      </c>
      <c r="R1011" s="54" t="b">
        <v>1</v>
      </c>
      <c r="S1011" s="52" t="s">
        <v>7126</v>
      </c>
      <c r="T1011" s="67" t="s">
        <v>7127</v>
      </c>
      <c r="U1011" s="75" t="s">
        <v>5331</v>
      </c>
      <c r="V1011" s="47" t="s">
        <v>5331</v>
      </c>
      <c r="W1011" s="47" t="s">
        <v>5331</v>
      </c>
      <c r="X1011" s="47" t="s">
        <v>5331</v>
      </c>
      <c r="Y1011" s="47" t="s">
        <v>5331</v>
      </c>
      <c r="Z1011" s="28"/>
      <c r="AA1011" s="27"/>
      <c r="AB1011" s="27"/>
      <c r="AC1011" s="27"/>
      <c r="AD1011" s="30"/>
      <c r="AE1011" s="1"/>
      <c r="AF1011" s="23" t="s">
        <v>5331</v>
      </c>
      <c r="AG1011" s="26"/>
      <c r="AH1011" s="53"/>
    </row>
    <row r="1012" spans="1:34" ht="51.6" customHeight="1" x14ac:dyDescent="0.45">
      <c r="A1012" s="23">
        <v>1006</v>
      </c>
      <c r="B1012" s="25"/>
      <c r="C1012" s="25"/>
      <c r="D1012" s="29"/>
      <c r="E1012" s="1"/>
      <c r="F1012" s="1"/>
      <c r="G1012" s="25"/>
      <c r="H1012" s="71"/>
      <c r="I1012" s="83"/>
      <c r="J1012" s="50" t="str">
        <f t="shared" si="32"/>
        <v/>
      </c>
      <c r="K1012" s="23" t="s">
        <v>7120</v>
      </c>
      <c r="L1012" s="49" t="e">
        <f>VLOOKUP(E1012&amp;F1012,団体コード!$A$1:$C$1743,3,FALSE)</f>
        <v>#N/A</v>
      </c>
      <c r="M1012" s="49" t="e">
        <f>VLOOKUP(E1012&amp;F1012,団体コード!$A$1:$C$1743,2,FALSE)</f>
        <v>#N/A</v>
      </c>
      <c r="N1012" s="51" t="e">
        <f>VLOOKUP(E1012,団体コード!$E$1:$F$48,2,FALSE)</f>
        <v>#N/A</v>
      </c>
      <c r="O1012" s="51" t="e">
        <f t="shared" si="33"/>
        <v>#N/A</v>
      </c>
      <c r="P1012" s="51">
        <v>1</v>
      </c>
      <c r="Q1012" s="51" t="s">
        <v>5341</v>
      </c>
      <c r="R1012" s="54" t="b">
        <v>1</v>
      </c>
      <c r="S1012" s="52" t="s">
        <v>7126</v>
      </c>
      <c r="T1012" s="67" t="s">
        <v>7127</v>
      </c>
      <c r="U1012" s="75" t="s">
        <v>5331</v>
      </c>
      <c r="V1012" s="47" t="s">
        <v>5331</v>
      </c>
      <c r="W1012" s="47" t="s">
        <v>5331</v>
      </c>
      <c r="X1012" s="47" t="s">
        <v>5331</v>
      </c>
      <c r="Y1012" s="47" t="s">
        <v>5331</v>
      </c>
      <c r="Z1012" s="28"/>
      <c r="AA1012" s="27"/>
      <c r="AB1012" s="27"/>
      <c r="AC1012" s="27"/>
      <c r="AD1012" s="30"/>
      <c r="AE1012" s="1"/>
      <c r="AF1012" s="23" t="s">
        <v>5331</v>
      </c>
      <c r="AG1012" s="26"/>
      <c r="AH1012" s="53"/>
    </row>
    <row r="1013" spans="1:34" ht="51.6" customHeight="1" x14ac:dyDescent="0.45">
      <c r="A1013" s="23">
        <v>1007</v>
      </c>
      <c r="B1013" s="25"/>
      <c r="C1013" s="25"/>
      <c r="D1013" s="29"/>
      <c r="E1013" s="1"/>
      <c r="F1013" s="1"/>
      <c r="G1013" s="25"/>
      <c r="H1013" s="71"/>
      <c r="I1013" s="83"/>
      <c r="J1013" s="50" t="str">
        <f t="shared" si="32"/>
        <v/>
      </c>
      <c r="K1013" s="23" t="s">
        <v>7120</v>
      </c>
      <c r="L1013" s="49" t="e">
        <f>VLOOKUP(E1013&amp;F1013,団体コード!$A$1:$C$1743,3,FALSE)</f>
        <v>#N/A</v>
      </c>
      <c r="M1013" s="49" t="e">
        <f>VLOOKUP(E1013&amp;F1013,団体コード!$A$1:$C$1743,2,FALSE)</f>
        <v>#N/A</v>
      </c>
      <c r="N1013" s="51" t="e">
        <f>VLOOKUP(E1013,団体コード!$E$1:$F$48,2,FALSE)</f>
        <v>#N/A</v>
      </c>
      <c r="O1013" s="51" t="e">
        <f t="shared" si="33"/>
        <v>#N/A</v>
      </c>
      <c r="P1013" s="51">
        <v>1</v>
      </c>
      <c r="Q1013" s="51" t="s">
        <v>5341</v>
      </c>
      <c r="R1013" s="54" t="b">
        <v>1</v>
      </c>
      <c r="S1013" s="52" t="s">
        <v>7126</v>
      </c>
      <c r="T1013" s="67" t="s">
        <v>7127</v>
      </c>
      <c r="U1013" s="75" t="s">
        <v>5331</v>
      </c>
      <c r="V1013" s="47" t="s">
        <v>5331</v>
      </c>
      <c r="W1013" s="47" t="s">
        <v>5331</v>
      </c>
      <c r="X1013" s="47" t="s">
        <v>5331</v>
      </c>
      <c r="Y1013" s="47" t="s">
        <v>5331</v>
      </c>
      <c r="Z1013" s="28"/>
      <c r="AA1013" s="27"/>
      <c r="AB1013" s="27"/>
      <c r="AC1013" s="27"/>
      <c r="AD1013" s="30"/>
      <c r="AE1013" s="1"/>
      <c r="AF1013" s="23" t="s">
        <v>5331</v>
      </c>
      <c r="AG1013" s="26"/>
      <c r="AH1013" s="53"/>
    </row>
    <row r="1014" spans="1:34" ht="51.6" customHeight="1" x14ac:dyDescent="0.45">
      <c r="A1014" s="23">
        <v>1008</v>
      </c>
      <c r="B1014" s="25"/>
      <c r="C1014" s="25"/>
      <c r="D1014" s="29"/>
      <c r="E1014" s="1"/>
      <c r="F1014" s="1"/>
      <c r="G1014" s="25"/>
      <c r="H1014" s="71"/>
      <c r="I1014" s="83"/>
      <c r="J1014" s="50" t="str">
        <f t="shared" si="32"/>
        <v/>
      </c>
      <c r="K1014" s="23" t="s">
        <v>7120</v>
      </c>
      <c r="L1014" s="49" t="e">
        <f>VLOOKUP(E1014&amp;F1014,団体コード!$A$1:$C$1743,3,FALSE)</f>
        <v>#N/A</v>
      </c>
      <c r="M1014" s="49" t="e">
        <f>VLOOKUP(E1014&amp;F1014,団体コード!$A$1:$C$1743,2,FALSE)</f>
        <v>#N/A</v>
      </c>
      <c r="N1014" s="51" t="e">
        <f>VLOOKUP(E1014,団体コード!$E$1:$F$48,2,FALSE)</f>
        <v>#N/A</v>
      </c>
      <c r="O1014" s="51" t="e">
        <f t="shared" si="33"/>
        <v>#N/A</v>
      </c>
      <c r="P1014" s="51">
        <v>1</v>
      </c>
      <c r="Q1014" s="51" t="s">
        <v>5341</v>
      </c>
      <c r="R1014" s="54" t="b">
        <v>1</v>
      </c>
      <c r="S1014" s="52" t="s">
        <v>7126</v>
      </c>
      <c r="T1014" s="67" t="s">
        <v>7127</v>
      </c>
      <c r="U1014" s="75" t="s">
        <v>5331</v>
      </c>
      <c r="V1014" s="47" t="s">
        <v>5331</v>
      </c>
      <c r="W1014" s="47" t="s">
        <v>5331</v>
      </c>
      <c r="X1014" s="47" t="s">
        <v>5331</v>
      </c>
      <c r="Y1014" s="47" t="s">
        <v>5331</v>
      </c>
      <c r="Z1014" s="28"/>
      <c r="AA1014" s="27"/>
      <c r="AB1014" s="27"/>
      <c r="AC1014" s="27"/>
      <c r="AD1014" s="30"/>
      <c r="AE1014" s="1"/>
      <c r="AF1014" s="23" t="s">
        <v>5331</v>
      </c>
      <c r="AG1014" s="26"/>
      <c r="AH1014" s="53"/>
    </row>
    <row r="1015" spans="1:34" ht="51.6" customHeight="1" x14ac:dyDescent="0.45">
      <c r="A1015" s="23">
        <v>1009</v>
      </c>
      <c r="B1015" s="25"/>
      <c r="C1015" s="25"/>
      <c r="D1015" s="29"/>
      <c r="E1015" s="1"/>
      <c r="F1015" s="1"/>
      <c r="G1015" s="25"/>
      <c r="H1015" s="71"/>
      <c r="I1015" s="83"/>
      <c r="J1015" s="50" t="str">
        <f t="shared" si="32"/>
        <v/>
      </c>
      <c r="K1015" s="23" t="s">
        <v>7120</v>
      </c>
      <c r="L1015" s="49" t="e">
        <f>VLOOKUP(E1015&amp;F1015,団体コード!$A$1:$C$1743,3,FALSE)</f>
        <v>#N/A</v>
      </c>
      <c r="M1015" s="49" t="e">
        <f>VLOOKUP(E1015&amp;F1015,団体コード!$A$1:$C$1743,2,FALSE)</f>
        <v>#N/A</v>
      </c>
      <c r="N1015" s="51" t="e">
        <f>VLOOKUP(E1015,団体コード!$E$1:$F$48,2,FALSE)</f>
        <v>#N/A</v>
      </c>
      <c r="O1015" s="51" t="e">
        <f t="shared" si="33"/>
        <v>#N/A</v>
      </c>
      <c r="P1015" s="51">
        <v>1</v>
      </c>
      <c r="Q1015" s="51" t="s">
        <v>5341</v>
      </c>
      <c r="R1015" s="54" t="b">
        <v>1</v>
      </c>
      <c r="S1015" s="52" t="s">
        <v>7126</v>
      </c>
      <c r="T1015" s="67" t="s">
        <v>7127</v>
      </c>
      <c r="U1015" s="75" t="s">
        <v>5331</v>
      </c>
      <c r="V1015" s="47" t="s">
        <v>5331</v>
      </c>
      <c r="W1015" s="47" t="s">
        <v>5331</v>
      </c>
      <c r="X1015" s="47" t="s">
        <v>5331</v>
      </c>
      <c r="Y1015" s="47" t="s">
        <v>5331</v>
      </c>
      <c r="Z1015" s="28"/>
      <c r="AA1015" s="27"/>
      <c r="AB1015" s="27"/>
      <c r="AC1015" s="27"/>
      <c r="AD1015" s="30"/>
      <c r="AE1015" s="1"/>
      <c r="AF1015" s="23" t="s">
        <v>5331</v>
      </c>
      <c r="AG1015" s="26"/>
      <c r="AH1015" s="53"/>
    </row>
    <row r="1016" spans="1:34" ht="51.6" customHeight="1" x14ac:dyDescent="0.45">
      <c r="A1016" s="23">
        <v>1010</v>
      </c>
      <c r="B1016" s="25"/>
      <c r="C1016" s="25"/>
      <c r="D1016" s="29"/>
      <c r="E1016" s="1"/>
      <c r="F1016" s="1"/>
      <c r="G1016" s="25"/>
      <c r="H1016" s="71"/>
      <c r="I1016" s="83"/>
      <c r="J1016" s="50" t="str">
        <f t="shared" si="32"/>
        <v/>
      </c>
      <c r="K1016" s="23" t="s">
        <v>7120</v>
      </c>
      <c r="L1016" s="49" t="e">
        <f>VLOOKUP(E1016&amp;F1016,団体コード!$A$1:$C$1743,3,FALSE)</f>
        <v>#N/A</v>
      </c>
      <c r="M1016" s="49" t="e">
        <f>VLOOKUP(E1016&amp;F1016,団体コード!$A$1:$C$1743,2,FALSE)</f>
        <v>#N/A</v>
      </c>
      <c r="N1016" s="51" t="e">
        <f>VLOOKUP(E1016,団体コード!$E$1:$F$48,2,FALSE)</f>
        <v>#N/A</v>
      </c>
      <c r="O1016" s="51" t="e">
        <f t="shared" si="33"/>
        <v>#N/A</v>
      </c>
      <c r="P1016" s="51">
        <v>1</v>
      </c>
      <c r="Q1016" s="51" t="s">
        <v>5341</v>
      </c>
      <c r="R1016" s="54" t="b">
        <v>1</v>
      </c>
      <c r="S1016" s="52" t="s">
        <v>7126</v>
      </c>
      <c r="T1016" s="67" t="s">
        <v>7127</v>
      </c>
      <c r="U1016" s="75" t="s">
        <v>5331</v>
      </c>
      <c r="V1016" s="47" t="s">
        <v>5331</v>
      </c>
      <c r="W1016" s="47" t="s">
        <v>5331</v>
      </c>
      <c r="X1016" s="47" t="s">
        <v>5331</v>
      </c>
      <c r="Y1016" s="47" t="s">
        <v>5331</v>
      </c>
      <c r="Z1016" s="28"/>
      <c r="AA1016" s="27"/>
      <c r="AB1016" s="27"/>
      <c r="AC1016" s="27"/>
      <c r="AD1016" s="30"/>
      <c r="AE1016" s="1"/>
      <c r="AF1016" s="23" t="s">
        <v>5331</v>
      </c>
      <c r="AG1016" s="26"/>
      <c r="AH1016" s="53"/>
    </row>
    <row r="1017" spans="1:34" ht="51.6" customHeight="1" x14ac:dyDescent="0.45">
      <c r="A1017" s="23">
        <v>1011</v>
      </c>
      <c r="B1017" s="25"/>
      <c r="C1017" s="25"/>
      <c r="D1017" s="29"/>
      <c r="E1017" s="1"/>
      <c r="F1017" s="1"/>
      <c r="G1017" s="25"/>
      <c r="H1017" s="71"/>
      <c r="I1017" s="83"/>
      <c r="J1017" s="50" t="str">
        <f t="shared" si="32"/>
        <v/>
      </c>
      <c r="K1017" s="23" t="s">
        <v>7120</v>
      </c>
      <c r="L1017" s="49" t="e">
        <f>VLOOKUP(E1017&amp;F1017,団体コード!$A$1:$C$1743,3,FALSE)</f>
        <v>#N/A</v>
      </c>
      <c r="M1017" s="49" t="e">
        <f>VLOOKUP(E1017&amp;F1017,団体コード!$A$1:$C$1743,2,FALSE)</f>
        <v>#N/A</v>
      </c>
      <c r="N1017" s="51" t="e">
        <f>VLOOKUP(E1017,団体コード!$E$1:$F$48,2,FALSE)</f>
        <v>#N/A</v>
      </c>
      <c r="O1017" s="51" t="e">
        <f t="shared" si="33"/>
        <v>#N/A</v>
      </c>
      <c r="P1017" s="51">
        <v>1</v>
      </c>
      <c r="Q1017" s="51" t="s">
        <v>5341</v>
      </c>
      <c r="R1017" s="54" t="b">
        <v>1</v>
      </c>
      <c r="S1017" s="52" t="s">
        <v>7126</v>
      </c>
      <c r="T1017" s="67" t="s">
        <v>7127</v>
      </c>
      <c r="U1017" s="75" t="s">
        <v>5331</v>
      </c>
      <c r="V1017" s="47" t="s">
        <v>5331</v>
      </c>
      <c r="W1017" s="47" t="s">
        <v>5331</v>
      </c>
      <c r="X1017" s="47" t="s">
        <v>5331</v>
      </c>
      <c r="Y1017" s="47" t="s">
        <v>5331</v>
      </c>
      <c r="Z1017" s="28"/>
      <c r="AA1017" s="27"/>
      <c r="AB1017" s="27"/>
      <c r="AC1017" s="27"/>
      <c r="AD1017" s="30"/>
      <c r="AE1017" s="1"/>
      <c r="AF1017" s="23" t="s">
        <v>5331</v>
      </c>
      <c r="AG1017" s="26"/>
      <c r="AH1017" s="53"/>
    </row>
    <row r="1018" spans="1:34" ht="51.6" customHeight="1" x14ac:dyDescent="0.45">
      <c r="A1018" s="23">
        <v>1012</v>
      </c>
      <c r="B1018" s="25"/>
      <c r="C1018" s="25"/>
      <c r="D1018" s="29"/>
      <c r="E1018" s="1"/>
      <c r="F1018" s="1"/>
      <c r="G1018" s="25"/>
      <c r="H1018" s="71"/>
      <c r="I1018" s="83"/>
      <c r="J1018" s="50" t="str">
        <f t="shared" si="32"/>
        <v/>
      </c>
      <c r="K1018" s="23" t="s">
        <v>7120</v>
      </c>
      <c r="L1018" s="49" t="e">
        <f>VLOOKUP(E1018&amp;F1018,団体コード!$A$1:$C$1743,3,FALSE)</f>
        <v>#N/A</v>
      </c>
      <c r="M1018" s="49" t="e">
        <f>VLOOKUP(E1018&amp;F1018,団体コード!$A$1:$C$1743,2,FALSE)</f>
        <v>#N/A</v>
      </c>
      <c r="N1018" s="51" t="e">
        <f>VLOOKUP(E1018,団体コード!$E$1:$F$48,2,FALSE)</f>
        <v>#N/A</v>
      </c>
      <c r="O1018" s="51" t="e">
        <f t="shared" si="33"/>
        <v>#N/A</v>
      </c>
      <c r="P1018" s="51">
        <v>1</v>
      </c>
      <c r="Q1018" s="51" t="s">
        <v>5341</v>
      </c>
      <c r="R1018" s="54" t="b">
        <v>1</v>
      </c>
      <c r="S1018" s="52" t="s">
        <v>7126</v>
      </c>
      <c r="T1018" s="67" t="s">
        <v>7127</v>
      </c>
      <c r="U1018" s="75" t="s">
        <v>5331</v>
      </c>
      <c r="V1018" s="47" t="s">
        <v>5331</v>
      </c>
      <c r="W1018" s="47" t="s">
        <v>5331</v>
      </c>
      <c r="X1018" s="47" t="s">
        <v>5331</v>
      </c>
      <c r="Y1018" s="47" t="s">
        <v>5331</v>
      </c>
      <c r="Z1018" s="28"/>
      <c r="AA1018" s="27"/>
      <c r="AB1018" s="27"/>
      <c r="AC1018" s="27"/>
      <c r="AD1018" s="30"/>
      <c r="AE1018" s="1"/>
      <c r="AF1018" s="23" t="s">
        <v>5331</v>
      </c>
      <c r="AG1018" s="26"/>
      <c r="AH1018" s="53"/>
    </row>
    <row r="1019" spans="1:34" ht="51.6" customHeight="1" x14ac:dyDescent="0.45">
      <c r="A1019" s="23">
        <v>1013</v>
      </c>
      <c r="B1019" s="25"/>
      <c r="C1019" s="25"/>
      <c r="D1019" s="29"/>
      <c r="E1019" s="1"/>
      <c r="F1019" s="1"/>
      <c r="G1019" s="25"/>
      <c r="H1019" s="71"/>
      <c r="I1019" s="83"/>
      <c r="J1019" s="50" t="str">
        <f t="shared" si="32"/>
        <v/>
      </c>
      <c r="K1019" s="23" t="s">
        <v>7120</v>
      </c>
      <c r="L1019" s="49" t="e">
        <f>VLOOKUP(E1019&amp;F1019,団体コード!$A$1:$C$1743,3,FALSE)</f>
        <v>#N/A</v>
      </c>
      <c r="M1019" s="49" t="e">
        <f>VLOOKUP(E1019&amp;F1019,団体コード!$A$1:$C$1743,2,FALSE)</f>
        <v>#N/A</v>
      </c>
      <c r="N1019" s="51" t="e">
        <f>VLOOKUP(E1019,団体コード!$E$1:$F$48,2,FALSE)</f>
        <v>#N/A</v>
      </c>
      <c r="O1019" s="51" t="e">
        <f t="shared" si="33"/>
        <v>#N/A</v>
      </c>
      <c r="P1019" s="51">
        <v>1</v>
      </c>
      <c r="Q1019" s="51" t="s">
        <v>5341</v>
      </c>
      <c r="R1019" s="54" t="b">
        <v>1</v>
      </c>
      <c r="S1019" s="52" t="s">
        <v>7126</v>
      </c>
      <c r="T1019" s="67" t="s">
        <v>7127</v>
      </c>
      <c r="U1019" s="75" t="s">
        <v>5331</v>
      </c>
      <c r="V1019" s="47" t="s">
        <v>5331</v>
      </c>
      <c r="W1019" s="47" t="s">
        <v>5331</v>
      </c>
      <c r="X1019" s="47" t="s">
        <v>5331</v>
      </c>
      <c r="Y1019" s="47" t="s">
        <v>5331</v>
      </c>
      <c r="Z1019" s="28"/>
      <c r="AA1019" s="27"/>
      <c r="AB1019" s="27"/>
      <c r="AC1019" s="27"/>
      <c r="AD1019" s="30"/>
      <c r="AE1019" s="1"/>
      <c r="AF1019" s="23" t="s">
        <v>5331</v>
      </c>
      <c r="AG1019" s="26"/>
      <c r="AH1019" s="53"/>
    </row>
    <row r="1020" spans="1:34" ht="51.6" customHeight="1" x14ac:dyDescent="0.45">
      <c r="A1020" s="23">
        <v>1014</v>
      </c>
      <c r="B1020" s="25"/>
      <c r="C1020" s="25"/>
      <c r="D1020" s="29"/>
      <c r="E1020" s="1"/>
      <c r="F1020" s="1"/>
      <c r="G1020" s="25"/>
      <c r="H1020" s="71"/>
      <c r="I1020" s="83"/>
      <c r="J1020" s="50" t="str">
        <f t="shared" si="32"/>
        <v/>
      </c>
      <c r="K1020" s="23" t="s">
        <v>7120</v>
      </c>
      <c r="L1020" s="49" t="e">
        <f>VLOOKUP(E1020&amp;F1020,団体コード!$A$1:$C$1743,3,FALSE)</f>
        <v>#N/A</v>
      </c>
      <c r="M1020" s="49" t="e">
        <f>VLOOKUP(E1020&amp;F1020,団体コード!$A$1:$C$1743,2,FALSE)</f>
        <v>#N/A</v>
      </c>
      <c r="N1020" s="51" t="e">
        <f>VLOOKUP(E1020,団体コード!$E$1:$F$48,2,FALSE)</f>
        <v>#N/A</v>
      </c>
      <c r="O1020" s="51" t="e">
        <f t="shared" si="33"/>
        <v>#N/A</v>
      </c>
      <c r="P1020" s="51">
        <v>1</v>
      </c>
      <c r="Q1020" s="51" t="s">
        <v>5341</v>
      </c>
      <c r="R1020" s="54" t="b">
        <v>1</v>
      </c>
      <c r="S1020" s="52" t="s">
        <v>7126</v>
      </c>
      <c r="T1020" s="67" t="s">
        <v>7127</v>
      </c>
      <c r="U1020" s="75" t="s">
        <v>5331</v>
      </c>
      <c r="V1020" s="47" t="s">
        <v>5331</v>
      </c>
      <c r="W1020" s="47" t="s">
        <v>5331</v>
      </c>
      <c r="X1020" s="47" t="s">
        <v>5331</v>
      </c>
      <c r="Y1020" s="47" t="s">
        <v>5331</v>
      </c>
      <c r="Z1020" s="28"/>
      <c r="AA1020" s="27"/>
      <c r="AB1020" s="27"/>
      <c r="AC1020" s="27"/>
      <c r="AD1020" s="30"/>
      <c r="AE1020" s="1"/>
      <c r="AF1020" s="23" t="s">
        <v>5331</v>
      </c>
      <c r="AG1020" s="26"/>
      <c r="AH1020" s="53"/>
    </row>
    <row r="1021" spans="1:34" ht="51.6" customHeight="1" x14ac:dyDescent="0.45">
      <c r="A1021" s="23">
        <v>1015</v>
      </c>
      <c r="B1021" s="25"/>
      <c r="C1021" s="25"/>
      <c r="D1021" s="29"/>
      <c r="E1021" s="1"/>
      <c r="F1021" s="1"/>
      <c r="G1021" s="25"/>
      <c r="H1021" s="71"/>
      <c r="I1021" s="83"/>
      <c r="J1021" s="50" t="str">
        <f t="shared" si="32"/>
        <v/>
      </c>
      <c r="K1021" s="23" t="s">
        <v>7120</v>
      </c>
      <c r="L1021" s="49" t="e">
        <f>VLOOKUP(E1021&amp;F1021,団体コード!$A$1:$C$1743,3,FALSE)</f>
        <v>#N/A</v>
      </c>
      <c r="M1021" s="49" t="e">
        <f>VLOOKUP(E1021&amp;F1021,団体コード!$A$1:$C$1743,2,FALSE)</f>
        <v>#N/A</v>
      </c>
      <c r="N1021" s="51" t="e">
        <f>VLOOKUP(E1021,団体コード!$E$1:$F$48,2,FALSE)</f>
        <v>#N/A</v>
      </c>
      <c r="O1021" s="51" t="e">
        <f t="shared" si="33"/>
        <v>#N/A</v>
      </c>
      <c r="P1021" s="51">
        <v>1</v>
      </c>
      <c r="Q1021" s="51" t="s">
        <v>5341</v>
      </c>
      <c r="R1021" s="54" t="b">
        <v>1</v>
      </c>
      <c r="S1021" s="52" t="s">
        <v>7126</v>
      </c>
      <c r="T1021" s="67" t="s">
        <v>7127</v>
      </c>
      <c r="U1021" s="75" t="s">
        <v>5331</v>
      </c>
      <c r="V1021" s="47" t="s">
        <v>5331</v>
      </c>
      <c r="W1021" s="47" t="s">
        <v>5331</v>
      </c>
      <c r="X1021" s="47" t="s">
        <v>5331</v>
      </c>
      <c r="Y1021" s="47" t="s">
        <v>5331</v>
      </c>
      <c r="Z1021" s="28"/>
      <c r="AA1021" s="27"/>
      <c r="AB1021" s="27"/>
      <c r="AC1021" s="27"/>
      <c r="AD1021" s="30"/>
      <c r="AE1021" s="1"/>
      <c r="AF1021" s="23" t="s">
        <v>5331</v>
      </c>
      <c r="AG1021" s="26"/>
      <c r="AH1021" s="53"/>
    </row>
    <row r="1022" spans="1:34" ht="51.6" customHeight="1" x14ac:dyDescent="0.45">
      <c r="A1022" s="23">
        <v>1016</v>
      </c>
      <c r="B1022" s="25"/>
      <c r="C1022" s="25"/>
      <c r="D1022" s="29"/>
      <c r="E1022" s="1"/>
      <c r="F1022" s="1"/>
      <c r="G1022" s="25"/>
      <c r="H1022" s="71"/>
      <c r="I1022" s="83"/>
      <c r="J1022" s="50" t="str">
        <f t="shared" si="32"/>
        <v/>
      </c>
      <c r="K1022" s="23" t="s">
        <v>7120</v>
      </c>
      <c r="L1022" s="49" t="e">
        <f>VLOOKUP(E1022&amp;F1022,団体コード!$A$1:$C$1743,3,FALSE)</f>
        <v>#N/A</v>
      </c>
      <c r="M1022" s="49" t="e">
        <f>VLOOKUP(E1022&amp;F1022,団体コード!$A$1:$C$1743,2,FALSE)</f>
        <v>#N/A</v>
      </c>
      <c r="N1022" s="51" t="e">
        <f>VLOOKUP(E1022,団体コード!$E$1:$F$48,2,FALSE)</f>
        <v>#N/A</v>
      </c>
      <c r="O1022" s="51" t="e">
        <f t="shared" si="33"/>
        <v>#N/A</v>
      </c>
      <c r="P1022" s="51">
        <v>1</v>
      </c>
      <c r="Q1022" s="51" t="s">
        <v>5341</v>
      </c>
      <c r="R1022" s="54" t="b">
        <v>1</v>
      </c>
      <c r="S1022" s="52" t="s">
        <v>7126</v>
      </c>
      <c r="T1022" s="67" t="s">
        <v>7127</v>
      </c>
      <c r="U1022" s="75" t="s">
        <v>5331</v>
      </c>
      <c r="V1022" s="47" t="s">
        <v>5331</v>
      </c>
      <c r="W1022" s="47" t="s">
        <v>5331</v>
      </c>
      <c r="X1022" s="47" t="s">
        <v>5331</v>
      </c>
      <c r="Y1022" s="47" t="s">
        <v>5331</v>
      </c>
      <c r="Z1022" s="28"/>
      <c r="AA1022" s="27"/>
      <c r="AB1022" s="27"/>
      <c r="AC1022" s="27"/>
      <c r="AD1022" s="30"/>
      <c r="AE1022" s="1"/>
      <c r="AF1022" s="23" t="s">
        <v>5331</v>
      </c>
      <c r="AG1022" s="26"/>
      <c r="AH1022" s="53"/>
    </row>
    <row r="1023" spans="1:34" ht="51.6" customHeight="1" x14ac:dyDescent="0.45">
      <c r="A1023" s="23">
        <v>1017</v>
      </c>
      <c r="B1023" s="25"/>
      <c r="C1023" s="25"/>
      <c r="D1023" s="29"/>
      <c r="E1023" s="1"/>
      <c r="F1023" s="1"/>
      <c r="G1023" s="25"/>
      <c r="H1023" s="71"/>
      <c r="I1023" s="83"/>
      <c r="J1023" s="50" t="str">
        <f t="shared" si="32"/>
        <v/>
      </c>
      <c r="K1023" s="23" t="s">
        <v>7120</v>
      </c>
      <c r="L1023" s="49" t="e">
        <f>VLOOKUP(E1023&amp;F1023,団体コード!$A$1:$C$1743,3,FALSE)</f>
        <v>#N/A</v>
      </c>
      <c r="M1023" s="49" t="e">
        <f>VLOOKUP(E1023&amp;F1023,団体コード!$A$1:$C$1743,2,FALSE)</f>
        <v>#N/A</v>
      </c>
      <c r="N1023" s="51" t="e">
        <f>VLOOKUP(E1023,団体コード!$E$1:$F$48,2,FALSE)</f>
        <v>#N/A</v>
      </c>
      <c r="O1023" s="51" t="e">
        <f t="shared" si="33"/>
        <v>#N/A</v>
      </c>
      <c r="P1023" s="51">
        <v>1</v>
      </c>
      <c r="Q1023" s="51" t="s">
        <v>5341</v>
      </c>
      <c r="R1023" s="54" t="b">
        <v>1</v>
      </c>
      <c r="S1023" s="52" t="s">
        <v>7126</v>
      </c>
      <c r="T1023" s="67" t="s">
        <v>7127</v>
      </c>
      <c r="U1023" s="75" t="s">
        <v>5331</v>
      </c>
      <c r="V1023" s="47" t="s">
        <v>5331</v>
      </c>
      <c r="W1023" s="47" t="s">
        <v>5331</v>
      </c>
      <c r="X1023" s="47" t="s">
        <v>5331</v>
      </c>
      <c r="Y1023" s="47" t="s">
        <v>5331</v>
      </c>
      <c r="Z1023" s="28"/>
      <c r="AA1023" s="27"/>
      <c r="AB1023" s="27"/>
      <c r="AC1023" s="27"/>
      <c r="AD1023" s="30"/>
      <c r="AE1023" s="1"/>
      <c r="AF1023" s="23" t="s">
        <v>5331</v>
      </c>
      <c r="AG1023" s="26"/>
      <c r="AH1023" s="53"/>
    </row>
    <row r="1024" spans="1:34" ht="51.6" customHeight="1" x14ac:dyDescent="0.45">
      <c r="A1024" s="23">
        <v>1018</v>
      </c>
      <c r="B1024" s="25"/>
      <c r="C1024" s="25"/>
      <c r="D1024" s="29"/>
      <c r="E1024" s="1"/>
      <c r="F1024" s="1"/>
      <c r="G1024" s="25"/>
      <c r="H1024" s="71"/>
      <c r="I1024" s="83"/>
      <c r="J1024" s="50" t="str">
        <f t="shared" si="32"/>
        <v/>
      </c>
      <c r="K1024" s="23" t="s">
        <v>7120</v>
      </c>
      <c r="L1024" s="49" t="e">
        <f>VLOOKUP(E1024&amp;F1024,団体コード!$A$1:$C$1743,3,FALSE)</f>
        <v>#N/A</v>
      </c>
      <c r="M1024" s="49" t="e">
        <f>VLOOKUP(E1024&amp;F1024,団体コード!$A$1:$C$1743,2,FALSE)</f>
        <v>#N/A</v>
      </c>
      <c r="N1024" s="51" t="e">
        <f>VLOOKUP(E1024,団体コード!$E$1:$F$48,2,FALSE)</f>
        <v>#N/A</v>
      </c>
      <c r="O1024" s="51" t="e">
        <f t="shared" si="33"/>
        <v>#N/A</v>
      </c>
      <c r="P1024" s="51">
        <v>1</v>
      </c>
      <c r="Q1024" s="51" t="s">
        <v>5341</v>
      </c>
      <c r="R1024" s="54" t="b">
        <v>1</v>
      </c>
      <c r="S1024" s="52" t="s">
        <v>7126</v>
      </c>
      <c r="T1024" s="67" t="s">
        <v>7127</v>
      </c>
      <c r="U1024" s="75" t="s">
        <v>5331</v>
      </c>
      <c r="V1024" s="47" t="s">
        <v>5331</v>
      </c>
      <c r="W1024" s="47" t="s">
        <v>5331</v>
      </c>
      <c r="X1024" s="47" t="s">
        <v>5331</v>
      </c>
      <c r="Y1024" s="47" t="s">
        <v>5331</v>
      </c>
      <c r="Z1024" s="28"/>
      <c r="AA1024" s="27"/>
      <c r="AB1024" s="27"/>
      <c r="AC1024" s="27"/>
      <c r="AD1024" s="30"/>
      <c r="AE1024" s="1"/>
      <c r="AF1024" s="23" t="s">
        <v>5331</v>
      </c>
      <c r="AG1024" s="26"/>
      <c r="AH1024" s="53"/>
    </row>
    <row r="1025" spans="1:34" ht="51.6" customHeight="1" x14ac:dyDescent="0.45">
      <c r="A1025" s="23">
        <v>1019</v>
      </c>
      <c r="B1025" s="25"/>
      <c r="C1025" s="25"/>
      <c r="D1025" s="29"/>
      <c r="E1025" s="1"/>
      <c r="F1025" s="1"/>
      <c r="G1025" s="25"/>
      <c r="H1025" s="71"/>
      <c r="I1025" s="83"/>
      <c r="J1025" s="50" t="str">
        <f t="shared" si="32"/>
        <v/>
      </c>
      <c r="K1025" s="23" t="s">
        <v>7120</v>
      </c>
      <c r="L1025" s="49" t="e">
        <f>VLOOKUP(E1025&amp;F1025,団体コード!$A$1:$C$1743,3,FALSE)</f>
        <v>#N/A</v>
      </c>
      <c r="M1025" s="49" t="e">
        <f>VLOOKUP(E1025&amp;F1025,団体コード!$A$1:$C$1743,2,FALSE)</f>
        <v>#N/A</v>
      </c>
      <c r="N1025" s="51" t="e">
        <f>VLOOKUP(E1025,団体コード!$E$1:$F$48,2,FALSE)</f>
        <v>#N/A</v>
      </c>
      <c r="O1025" s="51" t="e">
        <f t="shared" si="33"/>
        <v>#N/A</v>
      </c>
      <c r="P1025" s="51">
        <v>1</v>
      </c>
      <c r="Q1025" s="51" t="s">
        <v>5341</v>
      </c>
      <c r="R1025" s="54" t="b">
        <v>1</v>
      </c>
      <c r="S1025" s="52" t="s">
        <v>7126</v>
      </c>
      <c r="T1025" s="67" t="s">
        <v>7127</v>
      </c>
      <c r="U1025" s="75" t="s">
        <v>5331</v>
      </c>
      <c r="V1025" s="47" t="s">
        <v>5331</v>
      </c>
      <c r="W1025" s="47" t="s">
        <v>5331</v>
      </c>
      <c r="X1025" s="47" t="s">
        <v>5331</v>
      </c>
      <c r="Y1025" s="47" t="s">
        <v>5331</v>
      </c>
      <c r="Z1025" s="28"/>
      <c r="AA1025" s="27"/>
      <c r="AB1025" s="27"/>
      <c r="AC1025" s="27"/>
      <c r="AD1025" s="30"/>
      <c r="AE1025" s="1"/>
      <c r="AF1025" s="23" t="s">
        <v>5331</v>
      </c>
      <c r="AG1025" s="26"/>
      <c r="AH1025" s="53"/>
    </row>
    <row r="1026" spans="1:34" ht="51.6" customHeight="1" x14ac:dyDescent="0.45">
      <c r="A1026" s="23">
        <v>1020</v>
      </c>
      <c r="B1026" s="25"/>
      <c r="C1026" s="25"/>
      <c r="D1026" s="29"/>
      <c r="E1026" s="1"/>
      <c r="F1026" s="1"/>
      <c r="G1026" s="25"/>
      <c r="H1026" s="71"/>
      <c r="I1026" s="83"/>
      <c r="J1026" s="50" t="str">
        <f t="shared" si="32"/>
        <v/>
      </c>
      <c r="K1026" s="23" t="s">
        <v>7120</v>
      </c>
      <c r="L1026" s="49" t="e">
        <f>VLOOKUP(E1026&amp;F1026,団体コード!$A$1:$C$1743,3,FALSE)</f>
        <v>#N/A</v>
      </c>
      <c r="M1026" s="49" t="e">
        <f>VLOOKUP(E1026&amp;F1026,団体コード!$A$1:$C$1743,2,FALSE)</f>
        <v>#N/A</v>
      </c>
      <c r="N1026" s="51" t="e">
        <f>VLOOKUP(E1026,団体コード!$E$1:$F$48,2,FALSE)</f>
        <v>#N/A</v>
      </c>
      <c r="O1026" s="51" t="e">
        <f t="shared" si="33"/>
        <v>#N/A</v>
      </c>
      <c r="P1026" s="51">
        <v>1</v>
      </c>
      <c r="Q1026" s="51" t="s">
        <v>5341</v>
      </c>
      <c r="R1026" s="54" t="b">
        <v>1</v>
      </c>
      <c r="S1026" s="52" t="s">
        <v>7126</v>
      </c>
      <c r="T1026" s="67" t="s">
        <v>7127</v>
      </c>
      <c r="U1026" s="75" t="s">
        <v>5331</v>
      </c>
      <c r="V1026" s="47" t="s">
        <v>5331</v>
      </c>
      <c r="W1026" s="47" t="s">
        <v>5331</v>
      </c>
      <c r="X1026" s="47" t="s">
        <v>5331</v>
      </c>
      <c r="Y1026" s="47" t="s">
        <v>5331</v>
      </c>
      <c r="Z1026" s="28"/>
      <c r="AA1026" s="27"/>
      <c r="AB1026" s="27"/>
      <c r="AC1026" s="27"/>
      <c r="AD1026" s="30"/>
      <c r="AE1026" s="1"/>
      <c r="AF1026" s="23" t="s">
        <v>5331</v>
      </c>
      <c r="AG1026" s="26"/>
      <c r="AH1026" s="53"/>
    </row>
    <row r="1027" spans="1:34" ht="51.6" customHeight="1" x14ac:dyDescent="0.45">
      <c r="A1027" s="23">
        <v>1021</v>
      </c>
      <c r="B1027" s="25"/>
      <c r="C1027" s="25"/>
      <c r="D1027" s="29"/>
      <c r="E1027" s="1"/>
      <c r="F1027" s="1"/>
      <c r="G1027" s="25"/>
      <c r="H1027" s="71"/>
      <c r="I1027" s="83"/>
      <c r="J1027" s="50" t="str">
        <f t="shared" si="32"/>
        <v/>
      </c>
      <c r="K1027" s="23" t="s">
        <v>7120</v>
      </c>
      <c r="L1027" s="49" t="e">
        <f>VLOOKUP(E1027&amp;F1027,団体コード!$A$1:$C$1743,3,FALSE)</f>
        <v>#N/A</v>
      </c>
      <c r="M1027" s="49" t="e">
        <f>VLOOKUP(E1027&amp;F1027,団体コード!$A$1:$C$1743,2,FALSE)</f>
        <v>#N/A</v>
      </c>
      <c r="N1027" s="51" t="e">
        <f>VLOOKUP(E1027,団体コード!$E$1:$F$48,2,FALSE)</f>
        <v>#N/A</v>
      </c>
      <c r="O1027" s="51" t="e">
        <f t="shared" si="33"/>
        <v>#N/A</v>
      </c>
      <c r="P1027" s="51">
        <v>1</v>
      </c>
      <c r="Q1027" s="51" t="s">
        <v>5341</v>
      </c>
      <c r="R1027" s="54" t="b">
        <v>1</v>
      </c>
      <c r="S1027" s="52" t="s">
        <v>7126</v>
      </c>
      <c r="T1027" s="67" t="s">
        <v>7127</v>
      </c>
      <c r="U1027" s="75" t="s">
        <v>5331</v>
      </c>
      <c r="V1027" s="47" t="s">
        <v>5331</v>
      </c>
      <c r="W1027" s="47" t="s">
        <v>5331</v>
      </c>
      <c r="X1027" s="47" t="s">
        <v>5331</v>
      </c>
      <c r="Y1027" s="47" t="s">
        <v>5331</v>
      </c>
      <c r="Z1027" s="28"/>
      <c r="AA1027" s="27"/>
      <c r="AB1027" s="27"/>
      <c r="AC1027" s="27"/>
      <c r="AD1027" s="30"/>
      <c r="AE1027" s="1"/>
      <c r="AF1027" s="23" t="s">
        <v>5331</v>
      </c>
      <c r="AG1027" s="26"/>
      <c r="AH1027" s="53"/>
    </row>
    <row r="1028" spans="1:34" ht="51.6" customHeight="1" x14ac:dyDescent="0.45">
      <c r="A1028" s="23">
        <v>1022</v>
      </c>
      <c r="B1028" s="25"/>
      <c r="C1028" s="25"/>
      <c r="D1028" s="29"/>
      <c r="E1028" s="1"/>
      <c r="F1028" s="1"/>
      <c r="G1028" s="25"/>
      <c r="H1028" s="71"/>
      <c r="I1028" s="83"/>
      <c r="J1028" s="50" t="str">
        <f t="shared" si="32"/>
        <v/>
      </c>
      <c r="K1028" s="23" t="s">
        <v>7120</v>
      </c>
      <c r="L1028" s="49" t="e">
        <f>VLOOKUP(E1028&amp;F1028,団体コード!$A$1:$C$1743,3,FALSE)</f>
        <v>#N/A</v>
      </c>
      <c r="M1028" s="49" t="e">
        <f>VLOOKUP(E1028&amp;F1028,団体コード!$A$1:$C$1743,2,FALSE)</f>
        <v>#N/A</v>
      </c>
      <c r="N1028" s="51" t="e">
        <f>VLOOKUP(E1028,団体コード!$E$1:$F$48,2,FALSE)</f>
        <v>#N/A</v>
      </c>
      <c r="O1028" s="51" t="e">
        <f t="shared" si="33"/>
        <v>#N/A</v>
      </c>
      <c r="P1028" s="51">
        <v>1</v>
      </c>
      <c r="Q1028" s="51" t="s">
        <v>5341</v>
      </c>
      <c r="R1028" s="54" t="b">
        <v>1</v>
      </c>
      <c r="S1028" s="52" t="s">
        <v>7126</v>
      </c>
      <c r="T1028" s="67" t="s">
        <v>7127</v>
      </c>
      <c r="U1028" s="75" t="s">
        <v>5331</v>
      </c>
      <c r="V1028" s="47" t="s">
        <v>5331</v>
      </c>
      <c r="W1028" s="47" t="s">
        <v>5331</v>
      </c>
      <c r="X1028" s="47" t="s">
        <v>5331</v>
      </c>
      <c r="Y1028" s="47" t="s">
        <v>5331</v>
      </c>
      <c r="Z1028" s="28"/>
      <c r="AA1028" s="27"/>
      <c r="AB1028" s="27"/>
      <c r="AC1028" s="27"/>
      <c r="AD1028" s="30"/>
      <c r="AE1028" s="1"/>
      <c r="AF1028" s="23" t="s">
        <v>5331</v>
      </c>
      <c r="AG1028" s="26"/>
      <c r="AH1028" s="53"/>
    </row>
    <row r="1029" spans="1:34" ht="51.6" customHeight="1" x14ac:dyDescent="0.45">
      <c r="A1029" s="23">
        <v>1023</v>
      </c>
      <c r="B1029" s="25"/>
      <c r="C1029" s="25"/>
      <c r="D1029" s="29"/>
      <c r="E1029" s="1"/>
      <c r="F1029" s="1"/>
      <c r="G1029" s="25"/>
      <c r="H1029" s="71"/>
      <c r="I1029" s="83"/>
      <c r="J1029" s="50" t="str">
        <f t="shared" si="32"/>
        <v/>
      </c>
      <c r="K1029" s="23" t="s">
        <v>7120</v>
      </c>
      <c r="L1029" s="49" t="e">
        <f>VLOOKUP(E1029&amp;F1029,団体コード!$A$1:$C$1743,3,FALSE)</f>
        <v>#N/A</v>
      </c>
      <c r="M1029" s="49" t="e">
        <f>VLOOKUP(E1029&amp;F1029,団体コード!$A$1:$C$1743,2,FALSE)</f>
        <v>#N/A</v>
      </c>
      <c r="N1029" s="51" t="e">
        <f>VLOOKUP(E1029,団体コード!$E$1:$F$48,2,FALSE)</f>
        <v>#N/A</v>
      </c>
      <c r="O1029" s="51" t="e">
        <f t="shared" si="33"/>
        <v>#N/A</v>
      </c>
      <c r="P1029" s="51">
        <v>1</v>
      </c>
      <c r="Q1029" s="51" t="s">
        <v>5341</v>
      </c>
      <c r="R1029" s="54" t="b">
        <v>1</v>
      </c>
      <c r="S1029" s="52" t="s">
        <v>7126</v>
      </c>
      <c r="T1029" s="67" t="s">
        <v>7127</v>
      </c>
      <c r="U1029" s="75" t="s">
        <v>5331</v>
      </c>
      <c r="V1029" s="47" t="s">
        <v>5331</v>
      </c>
      <c r="W1029" s="47" t="s">
        <v>5331</v>
      </c>
      <c r="X1029" s="47" t="s">
        <v>5331</v>
      </c>
      <c r="Y1029" s="47" t="s">
        <v>5331</v>
      </c>
      <c r="Z1029" s="28"/>
      <c r="AA1029" s="27"/>
      <c r="AB1029" s="27"/>
      <c r="AC1029" s="27"/>
      <c r="AD1029" s="30"/>
      <c r="AE1029" s="1"/>
      <c r="AF1029" s="23" t="s">
        <v>5331</v>
      </c>
      <c r="AG1029" s="26"/>
      <c r="AH1029" s="53"/>
    </row>
    <row r="1030" spans="1:34" ht="51.6" customHeight="1" x14ac:dyDescent="0.45">
      <c r="A1030" s="23">
        <v>1024</v>
      </c>
      <c r="B1030" s="25"/>
      <c r="C1030" s="25"/>
      <c r="D1030" s="29"/>
      <c r="E1030" s="1"/>
      <c r="F1030" s="1"/>
      <c r="G1030" s="25"/>
      <c r="H1030" s="71"/>
      <c r="I1030" s="83"/>
      <c r="J1030" s="50" t="str">
        <f t="shared" si="32"/>
        <v/>
      </c>
      <c r="K1030" s="23" t="s">
        <v>7120</v>
      </c>
      <c r="L1030" s="49" t="e">
        <f>VLOOKUP(E1030&amp;F1030,団体コード!$A$1:$C$1743,3,FALSE)</f>
        <v>#N/A</v>
      </c>
      <c r="M1030" s="49" t="e">
        <f>VLOOKUP(E1030&amp;F1030,団体コード!$A$1:$C$1743,2,FALSE)</f>
        <v>#N/A</v>
      </c>
      <c r="N1030" s="51" t="e">
        <f>VLOOKUP(E1030,団体コード!$E$1:$F$48,2,FALSE)</f>
        <v>#N/A</v>
      </c>
      <c r="O1030" s="51" t="e">
        <f t="shared" si="33"/>
        <v>#N/A</v>
      </c>
      <c r="P1030" s="51">
        <v>1</v>
      </c>
      <c r="Q1030" s="51" t="s">
        <v>5341</v>
      </c>
      <c r="R1030" s="54" t="b">
        <v>1</v>
      </c>
      <c r="S1030" s="52" t="s">
        <v>7126</v>
      </c>
      <c r="T1030" s="67" t="s">
        <v>7127</v>
      </c>
      <c r="U1030" s="75" t="s">
        <v>5331</v>
      </c>
      <c r="V1030" s="47" t="s">
        <v>5331</v>
      </c>
      <c r="W1030" s="47" t="s">
        <v>5331</v>
      </c>
      <c r="X1030" s="47" t="s">
        <v>5331</v>
      </c>
      <c r="Y1030" s="47" t="s">
        <v>5331</v>
      </c>
      <c r="Z1030" s="28"/>
      <c r="AA1030" s="27"/>
      <c r="AB1030" s="27"/>
      <c r="AC1030" s="27"/>
      <c r="AD1030" s="30"/>
      <c r="AE1030" s="1"/>
      <c r="AF1030" s="23" t="s">
        <v>5331</v>
      </c>
      <c r="AG1030" s="26"/>
      <c r="AH1030" s="53"/>
    </row>
    <row r="1031" spans="1:34" ht="51.6" customHeight="1" x14ac:dyDescent="0.45">
      <c r="A1031" s="23">
        <v>1025</v>
      </c>
      <c r="B1031" s="25"/>
      <c r="C1031" s="25"/>
      <c r="D1031" s="29"/>
      <c r="E1031" s="1"/>
      <c r="F1031" s="1"/>
      <c r="G1031" s="25"/>
      <c r="H1031" s="71"/>
      <c r="I1031" s="83"/>
      <c r="J1031" s="50" t="str">
        <f t="shared" si="32"/>
        <v/>
      </c>
      <c r="K1031" s="23" t="s">
        <v>7120</v>
      </c>
      <c r="L1031" s="49" t="e">
        <f>VLOOKUP(E1031&amp;F1031,団体コード!$A$1:$C$1743,3,FALSE)</f>
        <v>#N/A</v>
      </c>
      <c r="M1031" s="49" t="e">
        <f>VLOOKUP(E1031&amp;F1031,団体コード!$A$1:$C$1743,2,FALSE)</f>
        <v>#N/A</v>
      </c>
      <c r="N1031" s="51" t="e">
        <f>VLOOKUP(E1031,団体コード!$E$1:$F$48,2,FALSE)</f>
        <v>#N/A</v>
      </c>
      <c r="O1031" s="51" t="e">
        <f t="shared" si="33"/>
        <v>#N/A</v>
      </c>
      <c r="P1031" s="51">
        <v>1</v>
      </c>
      <c r="Q1031" s="51" t="s">
        <v>5341</v>
      </c>
      <c r="R1031" s="54" t="b">
        <v>1</v>
      </c>
      <c r="S1031" s="52" t="s">
        <v>7126</v>
      </c>
      <c r="T1031" s="67" t="s">
        <v>7127</v>
      </c>
      <c r="U1031" s="75" t="s">
        <v>5331</v>
      </c>
      <c r="V1031" s="47" t="s">
        <v>5331</v>
      </c>
      <c r="W1031" s="47" t="s">
        <v>5331</v>
      </c>
      <c r="X1031" s="47" t="s">
        <v>5331</v>
      </c>
      <c r="Y1031" s="47" t="s">
        <v>5331</v>
      </c>
      <c r="Z1031" s="28"/>
      <c r="AA1031" s="27"/>
      <c r="AB1031" s="27"/>
      <c r="AC1031" s="27"/>
      <c r="AD1031" s="30"/>
      <c r="AE1031" s="1"/>
      <c r="AF1031" s="23" t="s">
        <v>5331</v>
      </c>
      <c r="AG1031" s="26"/>
      <c r="AH1031" s="53"/>
    </row>
    <row r="1032" spans="1:34" ht="51.6" customHeight="1" x14ac:dyDescent="0.45">
      <c r="A1032" s="23">
        <v>1026</v>
      </c>
      <c r="B1032" s="25"/>
      <c r="C1032" s="25"/>
      <c r="D1032" s="29"/>
      <c r="E1032" s="1"/>
      <c r="F1032" s="1"/>
      <c r="G1032" s="25"/>
      <c r="H1032" s="71"/>
      <c r="I1032" s="83"/>
      <c r="J1032" s="50" t="str">
        <f t="shared" ref="J1032:J1095" si="34">E1032&amp;F1032&amp;G1032</f>
        <v/>
      </c>
      <c r="K1032" s="23" t="s">
        <v>7120</v>
      </c>
      <c r="L1032" s="49" t="e">
        <f>VLOOKUP(E1032&amp;F1032,団体コード!$A$1:$C$1743,3,FALSE)</f>
        <v>#N/A</v>
      </c>
      <c r="M1032" s="49" t="e">
        <f>VLOOKUP(E1032&amp;F1032,団体コード!$A$1:$C$1743,2,FALSE)</f>
        <v>#N/A</v>
      </c>
      <c r="N1032" s="51" t="e">
        <f>VLOOKUP(E1032,団体コード!$E$1:$F$48,2,FALSE)</f>
        <v>#N/A</v>
      </c>
      <c r="O1032" s="51" t="e">
        <f t="shared" ref="O1032:O1095" si="35">N1032</f>
        <v>#N/A</v>
      </c>
      <c r="P1032" s="51">
        <v>1</v>
      </c>
      <c r="Q1032" s="51" t="s">
        <v>5341</v>
      </c>
      <c r="R1032" s="54" t="b">
        <v>1</v>
      </c>
      <c r="S1032" s="52" t="s">
        <v>7126</v>
      </c>
      <c r="T1032" s="67" t="s">
        <v>7127</v>
      </c>
      <c r="U1032" s="75" t="s">
        <v>5331</v>
      </c>
      <c r="V1032" s="47" t="s">
        <v>5331</v>
      </c>
      <c r="W1032" s="47" t="s">
        <v>5331</v>
      </c>
      <c r="X1032" s="47" t="s">
        <v>5331</v>
      </c>
      <c r="Y1032" s="47" t="s">
        <v>5331</v>
      </c>
      <c r="Z1032" s="28"/>
      <c r="AA1032" s="27"/>
      <c r="AB1032" s="27"/>
      <c r="AC1032" s="27"/>
      <c r="AD1032" s="30"/>
      <c r="AE1032" s="1"/>
      <c r="AF1032" s="23" t="s">
        <v>5331</v>
      </c>
      <c r="AG1032" s="26"/>
      <c r="AH1032" s="53"/>
    </row>
    <row r="1033" spans="1:34" ht="51.6" customHeight="1" x14ac:dyDescent="0.45">
      <c r="A1033" s="23">
        <v>1027</v>
      </c>
      <c r="B1033" s="25"/>
      <c r="C1033" s="25"/>
      <c r="D1033" s="29"/>
      <c r="E1033" s="1"/>
      <c r="F1033" s="1"/>
      <c r="G1033" s="25"/>
      <c r="H1033" s="71"/>
      <c r="I1033" s="83"/>
      <c r="J1033" s="50" t="str">
        <f t="shared" si="34"/>
        <v/>
      </c>
      <c r="K1033" s="23" t="s">
        <v>7120</v>
      </c>
      <c r="L1033" s="49" t="e">
        <f>VLOOKUP(E1033&amp;F1033,団体コード!$A$1:$C$1743,3,FALSE)</f>
        <v>#N/A</v>
      </c>
      <c r="M1033" s="49" t="e">
        <f>VLOOKUP(E1033&amp;F1033,団体コード!$A$1:$C$1743,2,FALSE)</f>
        <v>#N/A</v>
      </c>
      <c r="N1033" s="51" t="e">
        <f>VLOOKUP(E1033,団体コード!$E$1:$F$48,2,FALSE)</f>
        <v>#N/A</v>
      </c>
      <c r="O1033" s="51" t="e">
        <f t="shared" si="35"/>
        <v>#N/A</v>
      </c>
      <c r="P1033" s="51">
        <v>1</v>
      </c>
      <c r="Q1033" s="51" t="s">
        <v>5341</v>
      </c>
      <c r="R1033" s="54" t="b">
        <v>1</v>
      </c>
      <c r="S1033" s="52" t="s">
        <v>7126</v>
      </c>
      <c r="T1033" s="67" t="s">
        <v>7127</v>
      </c>
      <c r="U1033" s="75" t="s">
        <v>5331</v>
      </c>
      <c r="V1033" s="47" t="s">
        <v>5331</v>
      </c>
      <c r="W1033" s="47" t="s">
        <v>5331</v>
      </c>
      <c r="X1033" s="47" t="s">
        <v>5331</v>
      </c>
      <c r="Y1033" s="47" t="s">
        <v>5331</v>
      </c>
      <c r="Z1033" s="28"/>
      <c r="AA1033" s="27"/>
      <c r="AB1033" s="27"/>
      <c r="AC1033" s="27"/>
      <c r="AD1033" s="30"/>
      <c r="AE1033" s="1"/>
      <c r="AF1033" s="23" t="s">
        <v>5331</v>
      </c>
      <c r="AG1033" s="26"/>
      <c r="AH1033" s="53"/>
    </row>
    <row r="1034" spans="1:34" ht="51.6" customHeight="1" x14ac:dyDescent="0.45">
      <c r="A1034" s="23">
        <v>1028</v>
      </c>
      <c r="B1034" s="25"/>
      <c r="C1034" s="25"/>
      <c r="D1034" s="29"/>
      <c r="E1034" s="1"/>
      <c r="F1034" s="1"/>
      <c r="G1034" s="25"/>
      <c r="H1034" s="71"/>
      <c r="I1034" s="83"/>
      <c r="J1034" s="50" t="str">
        <f t="shared" si="34"/>
        <v/>
      </c>
      <c r="K1034" s="23" t="s">
        <v>7120</v>
      </c>
      <c r="L1034" s="49" t="e">
        <f>VLOOKUP(E1034&amp;F1034,団体コード!$A$1:$C$1743,3,FALSE)</f>
        <v>#N/A</v>
      </c>
      <c r="M1034" s="49" t="e">
        <f>VLOOKUP(E1034&amp;F1034,団体コード!$A$1:$C$1743,2,FALSE)</f>
        <v>#N/A</v>
      </c>
      <c r="N1034" s="51" t="e">
        <f>VLOOKUP(E1034,団体コード!$E$1:$F$48,2,FALSE)</f>
        <v>#N/A</v>
      </c>
      <c r="O1034" s="51" t="e">
        <f t="shared" si="35"/>
        <v>#N/A</v>
      </c>
      <c r="P1034" s="51">
        <v>1</v>
      </c>
      <c r="Q1034" s="51" t="s">
        <v>5341</v>
      </c>
      <c r="R1034" s="54" t="b">
        <v>1</v>
      </c>
      <c r="S1034" s="52" t="s">
        <v>7126</v>
      </c>
      <c r="T1034" s="67" t="s">
        <v>7127</v>
      </c>
      <c r="U1034" s="75" t="s">
        <v>5331</v>
      </c>
      <c r="V1034" s="47" t="s">
        <v>5331</v>
      </c>
      <c r="W1034" s="47" t="s">
        <v>5331</v>
      </c>
      <c r="X1034" s="47" t="s">
        <v>5331</v>
      </c>
      <c r="Y1034" s="47" t="s">
        <v>5331</v>
      </c>
      <c r="Z1034" s="28"/>
      <c r="AA1034" s="27"/>
      <c r="AB1034" s="27"/>
      <c r="AC1034" s="27"/>
      <c r="AD1034" s="30"/>
      <c r="AE1034" s="1"/>
      <c r="AF1034" s="23" t="s">
        <v>5331</v>
      </c>
      <c r="AG1034" s="26"/>
      <c r="AH1034" s="53"/>
    </row>
    <row r="1035" spans="1:34" ht="51.6" customHeight="1" x14ac:dyDescent="0.45">
      <c r="A1035" s="23">
        <v>1029</v>
      </c>
      <c r="B1035" s="25"/>
      <c r="C1035" s="25"/>
      <c r="D1035" s="29"/>
      <c r="E1035" s="1"/>
      <c r="F1035" s="1"/>
      <c r="G1035" s="25"/>
      <c r="H1035" s="71"/>
      <c r="I1035" s="83"/>
      <c r="J1035" s="50" t="str">
        <f t="shared" si="34"/>
        <v/>
      </c>
      <c r="K1035" s="23" t="s">
        <v>7120</v>
      </c>
      <c r="L1035" s="49" t="e">
        <f>VLOOKUP(E1035&amp;F1035,団体コード!$A$1:$C$1743,3,FALSE)</f>
        <v>#N/A</v>
      </c>
      <c r="M1035" s="49" t="e">
        <f>VLOOKUP(E1035&amp;F1035,団体コード!$A$1:$C$1743,2,FALSE)</f>
        <v>#N/A</v>
      </c>
      <c r="N1035" s="51" t="e">
        <f>VLOOKUP(E1035,団体コード!$E$1:$F$48,2,FALSE)</f>
        <v>#N/A</v>
      </c>
      <c r="O1035" s="51" t="e">
        <f t="shared" si="35"/>
        <v>#N/A</v>
      </c>
      <c r="P1035" s="51">
        <v>1</v>
      </c>
      <c r="Q1035" s="51" t="s">
        <v>5341</v>
      </c>
      <c r="R1035" s="54" t="b">
        <v>1</v>
      </c>
      <c r="S1035" s="52" t="s">
        <v>7126</v>
      </c>
      <c r="T1035" s="67" t="s">
        <v>7127</v>
      </c>
      <c r="U1035" s="75" t="s">
        <v>5331</v>
      </c>
      <c r="V1035" s="47" t="s">
        <v>5331</v>
      </c>
      <c r="W1035" s="47" t="s">
        <v>5331</v>
      </c>
      <c r="X1035" s="47" t="s">
        <v>5331</v>
      </c>
      <c r="Y1035" s="47" t="s">
        <v>5331</v>
      </c>
      <c r="Z1035" s="28"/>
      <c r="AA1035" s="27"/>
      <c r="AB1035" s="27"/>
      <c r="AC1035" s="27"/>
      <c r="AD1035" s="30"/>
      <c r="AE1035" s="1"/>
      <c r="AF1035" s="23" t="s">
        <v>5331</v>
      </c>
      <c r="AG1035" s="26"/>
      <c r="AH1035" s="53"/>
    </row>
    <row r="1036" spans="1:34" ht="51.6" customHeight="1" x14ac:dyDescent="0.45">
      <c r="A1036" s="23">
        <v>1030</v>
      </c>
      <c r="B1036" s="25"/>
      <c r="C1036" s="25"/>
      <c r="D1036" s="29"/>
      <c r="E1036" s="1"/>
      <c r="F1036" s="1"/>
      <c r="G1036" s="25"/>
      <c r="H1036" s="71"/>
      <c r="I1036" s="83"/>
      <c r="J1036" s="50" t="str">
        <f t="shared" si="34"/>
        <v/>
      </c>
      <c r="K1036" s="23" t="s">
        <v>7120</v>
      </c>
      <c r="L1036" s="49" t="e">
        <f>VLOOKUP(E1036&amp;F1036,団体コード!$A$1:$C$1743,3,FALSE)</f>
        <v>#N/A</v>
      </c>
      <c r="M1036" s="49" t="e">
        <f>VLOOKUP(E1036&amp;F1036,団体コード!$A$1:$C$1743,2,FALSE)</f>
        <v>#N/A</v>
      </c>
      <c r="N1036" s="51" t="e">
        <f>VLOOKUP(E1036,団体コード!$E$1:$F$48,2,FALSE)</f>
        <v>#N/A</v>
      </c>
      <c r="O1036" s="51" t="e">
        <f t="shared" si="35"/>
        <v>#N/A</v>
      </c>
      <c r="P1036" s="51">
        <v>1</v>
      </c>
      <c r="Q1036" s="51" t="s">
        <v>5341</v>
      </c>
      <c r="R1036" s="54" t="b">
        <v>1</v>
      </c>
      <c r="S1036" s="52" t="s">
        <v>7126</v>
      </c>
      <c r="T1036" s="67" t="s">
        <v>7127</v>
      </c>
      <c r="U1036" s="75" t="s">
        <v>5331</v>
      </c>
      <c r="V1036" s="47" t="s">
        <v>5331</v>
      </c>
      <c r="W1036" s="47" t="s">
        <v>5331</v>
      </c>
      <c r="X1036" s="47" t="s">
        <v>5331</v>
      </c>
      <c r="Y1036" s="47" t="s">
        <v>5331</v>
      </c>
      <c r="Z1036" s="28"/>
      <c r="AA1036" s="27"/>
      <c r="AB1036" s="27"/>
      <c r="AC1036" s="27"/>
      <c r="AD1036" s="30"/>
      <c r="AE1036" s="1"/>
      <c r="AF1036" s="23" t="s">
        <v>5331</v>
      </c>
      <c r="AG1036" s="26"/>
      <c r="AH1036" s="53"/>
    </row>
    <row r="1037" spans="1:34" ht="51.6" customHeight="1" x14ac:dyDescent="0.45">
      <c r="A1037" s="23">
        <v>1031</v>
      </c>
      <c r="B1037" s="25"/>
      <c r="C1037" s="25"/>
      <c r="D1037" s="29"/>
      <c r="E1037" s="1"/>
      <c r="F1037" s="1"/>
      <c r="G1037" s="25"/>
      <c r="H1037" s="71"/>
      <c r="I1037" s="83"/>
      <c r="J1037" s="50" t="str">
        <f t="shared" si="34"/>
        <v/>
      </c>
      <c r="K1037" s="23" t="s">
        <v>7120</v>
      </c>
      <c r="L1037" s="49" t="e">
        <f>VLOOKUP(E1037&amp;F1037,団体コード!$A$1:$C$1743,3,FALSE)</f>
        <v>#N/A</v>
      </c>
      <c r="M1037" s="49" t="e">
        <f>VLOOKUP(E1037&amp;F1037,団体コード!$A$1:$C$1743,2,FALSE)</f>
        <v>#N/A</v>
      </c>
      <c r="N1037" s="51" t="e">
        <f>VLOOKUP(E1037,団体コード!$E$1:$F$48,2,FALSE)</f>
        <v>#N/A</v>
      </c>
      <c r="O1037" s="51" t="e">
        <f t="shared" si="35"/>
        <v>#N/A</v>
      </c>
      <c r="P1037" s="51">
        <v>1</v>
      </c>
      <c r="Q1037" s="51" t="s">
        <v>5341</v>
      </c>
      <c r="R1037" s="54" t="b">
        <v>1</v>
      </c>
      <c r="S1037" s="52" t="s">
        <v>7126</v>
      </c>
      <c r="T1037" s="67" t="s">
        <v>7127</v>
      </c>
      <c r="U1037" s="75" t="s">
        <v>5331</v>
      </c>
      <c r="V1037" s="47" t="s">
        <v>5331</v>
      </c>
      <c r="W1037" s="47" t="s">
        <v>5331</v>
      </c>
      <c r="X1037" s="47" t="s">
        <v>5331</v>
      </c>
      <c r="Y1037" s="47" t="s">
        <v>5331</v>
      </c>
      <c r="Z1037" s="28"/>
      <c r="AA1037" s="27"/>
      <c r="AB1037" s="27"/>
      <c r="AC1037" s="27"/>
      <c r="AD1037" s="30"/>
      <c r="AE1037" s="1"/>
      <c r="AF1037" s="23" t="s">
        <v>5331</v>
      </c>
      <c r="AG1037" s="26"/>
      <c r="AH1037" s="53"/>
    </row>
    <row r="1038" spans="1:34" ht="51.6" customHeight="1" x14ac:dyDescent="0.45">
      <c r="A1038" s="23">
        <v>1032</v>
      </c>
      <c r="B1038" s="25"/>
      <c r="C1038" s="25"/>
      <c r="D1038" s="29"/>
      <c r="E1038" s="1"/>
      <c r="F1038" s="1"/>
      <c r="G1038" s="25"/>
      <c r="H1038" s="71"/>
      <c r="I1038" s="83"/>
      <c r="J1038" s="50" t="str">
        <f t="shared" si="34"/>
        <v/>
      </c>
      <c r="K1038" s="23" t="s">
        <v>7120</v>
      </c>
      <c r="L1038" s="49" t="e">
        <f>VLOOKUP(E1038&amp;F1038,団体コード!$A$1:$C$1743,3,FALSE)</f>
        <v>#N/A</v>
      </c>
      <c r="M1038" s="49" t="e">
        <f>VLOOKUP(E1038&amp;F1038,団体コード!$A$1:$C$1743,2,FALSE)</f>
        <v>#N/A</v>
      </c>
      <c r="N1038" s="51" t="e">
        <f>VLOOKUP(E1038,団体コード!$E$1:$F$48,2,FALSE)</f>
        <v>#N/A</v>
      </c>
      <c r="O1038" s="51" t="e">
        <f t="shared" si="35"/>
        <v>#N/A</v>
      </c>
      <c r="P1038" s="51">
        <v>1</v>
      </c>
      <c r="Q1038" s="51" t="s">
        <v>5341</v>
      </c>
      <c r="R1038" s="54" t="b">
        <v>1</v>
      </c>
      <c r="S1038" s="52" t="s">
        <v>7126</v>
      </c>
      <c r="T1038" s="67" t="s">
        <v>7127</v>
      </c>
      <c r="U1038" s="75" t="s">
        <v>5331</v>
      </c>
      <c r="V1038" s="47" t="s">
        <v>5331</v>
      </c>
      <c r="W1038" s="47" t="s">
        <v>5331</v>
      </c>
      <c r="X1038" s="47" t="s">
        <v>5331</v>
      </c>
      <c r="Y1038" s="47" t="s">
        <v>5331</v>
      </c>
      <c r="Z1038" s="28"/>
      <c r="AA1038" s="27"/>
      <c r="AB1038" s="27"/>
      <c r="AC1038" s="27"/>
      <c r="AD1038" s="30"/>
      <c r="AE1038" s="1"/>
      <c r="AF1038" s="23" t="s">
        <v>5331</v>
      </c>
      <c r="AG1038" s="26"/>
      <c r="AH1038" s="53"/>
    </row>
    <row r="1039" spans="1:34" ht="51.6" customHeight="1" x14ac:dyDescent="0.45">
      <c r="A1039" s="23">
        <v>1033</v>
      </c>
      <c r="B1039" s="25"/>
      <c r="C1039" s="25"/>
      <c r="D1039" s="29"/>
      <c r="E1039" s="1"/>
      <c r="F1039" s="1"/>
      <c r="G1039" s="25"/>
      <c r="H1039" s="71"/>
      <c r="I1039" s="83"/>
      <c r="J1039" s="50" t="str">
        <f t="shared" si="34"/>
        <v/>
      </c>
      <c r="K1039" s="23" t="s">
        <v>7120</v>
      </c>
      <c r="L1039" s="49" t="e">
        <f>VLOOKUP(E1039&amp;F1039,団体コード!$A$1:$C$1743,3,FALSE)</f>
        <v>#N/A</v>
      </c>
      <c r="M1039" s="49" t="e">
        <f>VLOOKUP(E1039&amp;F1039,団体コード!$A$1:$C$1743,2,FALSE)</f>
        <v>#N/A</v>
      </c>
      <c r="N1039" s="51" t="e">
        <f>VLOOKUP(E1039,団体コード!$E$1:$F$48,2,FALSE)</f>
        <v>#N/A</v>
      </c>
      <c r="O1039" s="51" t="e">
        <f t="shared" si="35"/>
        <v>#N/A</v>
      </c>
      <c r="P1039" s="51">
        <v>1</v>
      </c>
      <c r="Q1039" s="51" t="s">
        <v>5341</v>
      </c>
      <c r="R1039" s="54" t="b">
        <v>1</v>
      </c>
      <c r="S1039" s="52" t="s">
        <v>7126</v>
      </c>
      <c r="T1039" s="67" t="s">
        <v>7127</v>
      </c>
      <c r="U1039" s="75" t="s">
        <v>5331</v>
      </c>
      <c r="V1039" s="47" t="s">
        <v>5331</v>
      </c>
      <c r="W1039" s="47" t="s">
        <v>5331</v>
      </c>
      <c r="X1039" s="47" t="s">
        <v>5331</v>
      </c>
      <c r="Y1039" s="47" t="s">
        <v>5331</v>
      </c>
      <c r="Z1039" s="28"/>
      <c r="AA1039" s="27"/>
      <c r="AB1039" s="27"/>
      <c r="AC1039" s="27"/>
      <c r="AD1039" s="30"/>
      <c r="AE1039" s="1"/>
      <c r="AF1039" s="23" t="s">
        <v>5331</v>
      </c>
      <c r="AG1039" s="26"/>
      <c r="AH1039" s="53"/>
    </row>
    <row r="1040" spans="1:34" ht="51.6" customHeight="1" x14ac:dyDescent="0.45">
      <c r="A1040" s="23">
        <v>1034</v>
      </c>
      <c r="B1040" s="25"/>
      <c r="C1040" s="25"/>
      <c r="D1040" s="29"/>
      <c r="E1040" s="1"/>
      <c r="F1040" s="1"/>
      <c r="G1040" s="25"/>
      <c r="H1040" s="71"/>
      <c r="I1040" s="83"/>
      <c r="J1040" s="50" t="str">
        <f t="shared" si="34"/>
        <v/>
      </c>
      <c r="K1040" s="23" t="s">
        <v>7120</v>
      </c>
      <c r="L1040" s="49" t="e">
        <f>VLOOKUP(E1040&amp;F1040,団体コード!$A$1:$C$1743,3,FALSE)</f>
        <v>#N/A</v>
      </c>
      <c r="M1040" s="49" t="e">
        <f>VLOOKUP(E1040&amp;F1040,団体コード!$A$1:$C$1743,2,FALSE)</f>
        <v>#N/A</v>
      </c>
      <c r="N1040" s="51" t="e">
        <f>VLOOKUP(E1040,団体コード!$E$1:$F$48,2,FALSE)</f>
        <v>#N/A</v>
      </c>
      <c r="O1040" s="51" t="e">
        <f t="shared" si="35"/>
        <v>#N/A</v>
      </c>
      <c r="P1040" s="51">
        <v>1</v>
      </c>
      <c r="Q1040" s="51" t="s">
        <v>5341</v>
      </c>
      <c r="R1040" s="54" t="b">
        <v>1</v>
      </c>
      <c r="S1040" s="52" t="s">
        <v>7126</v>
      </c>
      <c r="T1040" s="67" t="s">
        <v>7127</v>
      </c>
      <c r="U1040" s="75" t="s">
        <v>5331</v>
      </c>
      <c r="V1040" s="47" t="s">
        <v>5331</v>
      </c>
      <c r="W1040" s="47" t="s">
        <v>5331</v>
      </c>
      <c r="X1040" s="47" t="s">
        <v>5331</v>
      </c>
      <c r="Y1040" s="47" t="s">
        <v>5331</v>
      </c>
      <c r="Z1040" s="28"/>
      <c r="AA1040" s="27"/>
      <c r="AB1040" s="27"/>
      <c r="AC1040" s="27"/>
      <c r="AD1040" s="30"/>
      <c r="AE1040" s="1"/>
      <c r="AF1040" s="23" t="s">
        <v>5331</v>
      </c>
      <c r="AG1040" s="26"/>
      <c r="AH1040" s="53"/>
    </row>
    <row r="1041" spans="1:34" ht="51.6" customHeight="1" x14ac:dyDescent="0.45">
      <c r="A1041" s="23">
        <v>1035</v>
      </c>
      <c r="B1041" s="25"/>
      <c r="C1041" s="25"/>
      <c r="D1041" s="29"/>
      <c r="E1041" s="1"/>
      <c r="F1041" s="1"/>
      <c r="G1041" s="25"/>
      <c r="H1041" s="71"/>
      <c r="I1041" s="83"/>
      <c r="J1041" s="50" t="str">
        <f t="shared" si="34"/>
        <v/>
      </c>
      <c r="K1041" s="23" t="s">
        <v>7120</v>
      </c>
      <c r="L1041" s="49" t="e">
        <f>VLOOKUP(E1041&amp;F1041,団体コード!$A$1:$C$1743,3,FALSE)</f>
        <v>#N/A</v>
      </c>
      <c r="M1041" s="49" t="e">
        <f>VLOOKUP(E1041&amp;F1041,団体コード!$A$1:$C$1743,2,FALSE)</f>
        <v>#N/A</v>
      </c>
      <c r="N1041" s="51" t="e">
        <f>VLOOKUP(E1041,団体コード!$E$1:$F$48,2,FALSE)</f>
        <v>#N/A</v>
      </c>
      <c r="O1041" s="51" t="e">
        <f t="shared" si="35"/>
        <v>#N/A</v>
      </c>
      <c r="P1041" s="51">
        <v>1</v>
      </c>
      <c r="Q1041" s="51" t="s">
        <v>5341</v>
      </c>
      <c r="R1041" s="54" t="b">
        <v>1</v>
      </c>
      <c r="S1041" s="52" t="s">
        <v>7126</v>
      </c>
      <c r="T1041" s="67" t="s">
        <v>7127</v>
      </c>
      <c r="U1041" s="75" t="s">
        <v>5331</v>
      </c>
      <c r="V1041" s="47" t="s">
        <v>5331</v>
      </c>
      <c r="W1041" s="47" t="s">
        <v>5331</v>
      </c>
      <c r="X1041" s="47" t="s">
        <v>5331</v>
      </c>
      <c r="Y1041" s="47" t="s">
        <v>5331</v>
      </c>
      <c r="Z1041" s="28"/>
      <c r="AA1041" s="27"/>
      <c r="AB1041" s="27"/>
      <c r="AC1041" s="27"/>
      <c r="AD1041" s="30"/>
      <c r="AE1041" s="1"/>
      <c r="AF1041" s="23" t="s">
        <v>5331</v>
      </c>
      <c r="AG1041" s="26"/>
      <c r="AH1041" s="53"/>
    </row>
    <row r="1042" spans="1:34" ht="51.6" customHeight="1" x14ac:dyDescent="0.45">
      <c r="A1042" s="23">
        <v>1036</v>
      </c>
      <c r="B1042" s="25"/>
      <c r="C1042" s="25"/>
      <c r="D1042" s="29"/>
      <c r="E1042" s="1"/>
      <c r="F1042" s="1"/>
      <c r="G1042" s="25"/>
      <c r="H1042" s="71"/>
      <c r="I1042" s="83"/>
      <c r="J1042" s="50" t="str">
        <f t="shared" si="34"/>
        <v/>
      </c>
      <c r="K1042" s="23" t="s">
        <v>7120</v>
      </c>
      <c r="L1042" s="49" t="e">
        <f>VLOOKUP(E1042&amp;F1042,団体コード!$A$1:$C$1743,3,FALSE)</f>
        <v>#N/A</v>
      </c>
      <c r="M1042" s="49" t="e">
        <f>VLOOKUP(E1042&amp;F1042,団体コード!$A$1:$C$1743,2,FALSE)</f>
        <v>#N/A</v>
      </c>
      <c r="N1042" s="51" t="e">
        <f>VLOOKUP(E1042,団体コード!$E$1:$F$48,2,FALSE)</f>
        <v>#N/A</v>
      </c>
      <c r="O1042" s="51" t="e">
        <f t="shared" si="35"/>
        <v>#N/A</v>
      </c>
      <c r="P1042" s="51">
        <v>1</v>
      </c>
      <c r="Q1042" s="51" t="s">
        <v>5341</v>
      </c>
      <c r="R1042" s="54" t="b">
        <v>1</v>
      </c>
      <c r="S1042" s="52" t="s">
        <v>7126</v>
      </c>
      <c r="T1042" s="67" t="s">
        <v>7127</v>
      </c>
      <c r="U1042" s="75" t="s">
        <v>5331</v>
      </c>
      <c r="V1042" s="47" t="s">
        <v>5331</v>
      </c>
      <c r="W1042" s="47" t="s">
        <v>5331</v>
      </c>
      <c r="X1042" s="47" t="s">
        <v>5331</v>
      </c>
      <c r="Y1042" s="47" t="s">
        <v>5331</v>
      </c>
      <c r="Z1042" s="28"/>
      <c r="AA1042" s="27"/>
      <c r="AB1042" s="27"/>
      <c r="AC1042" s="27"/>
      <c r="AD1042" s="30"/>
      <c r="AE1042" s="1"/>
      <c r="AF1042" s="23" t="s">
        <v>5331</v>
      </c>
      <c r="AG1042" s="26"/>
      <c r="AH1042" s="53"/>
    </row>
    <row r="1043" spans="1:34" ht="51.6" customHeight="1" x14ac:dyDescent="0.45">
      <c r="A1043" s="23">
        <v>1037</v>
      </c>
      <c r="B1043" s="25"/>
      <c r="C1043" s="25"/>
      <c r="D1043" s="29"/>
      <c r="E1043" s="1"/>
      <c r="F1043" s="1"/>
      <c r="G1043" s="25"/>
      <c r="H1043" s="71"/>
      <c r="I1043" s="83"/>
      <c r="J1043" s="50" t="str">
        <f t="shared" si="34"/>
        <v/>
      </c>
      <c r="K1043" s="23" t="s">
        <v>7120</v>
      </c>
      <c r="L1043" s="49" t="e">
        <f>VLOOKUP(E1043&amp;F1043,団体コード!$A$1:$C$1743,3,FALSE)</f>
        <v>#N/A</v>
      </c>
      <c r="M1043" s="49" t="e">
        <f>VLOOKUP(E1043&amp;F1043,団体コード!$A$1:$C$1743,2,FALSE)</f>
        <v>#N/A</v>
      </c>
      <c r="N1043" s="51" t="e">
        <f>VLOOKUP(E1043,団体コード!$E$1:$F$48,2,FALSE)</f>
        <v>#N/A</v>
      </c>
      <c r="O1043" s="51" t="e">
        <f t="shared" si="35"/>
        <v>#N/A</v>
      </c>
      <c r="P1043" s="51">
        <v>1</v>
      </c>
      <c r="Q1043" s="51" t="s">
        <v>5341</v>
      </c>
      <c r="R1043" s="54" t="b">
        <v>1</v>
      </c>
      <c r="S1043" s="52" t="s">
        <v>7126</v>
      </c>
      <c r="T1043" s="67" t="s">
        <v>7127</v>
      </c>
      <c r="U1043" s="75" t="s">
        <v>5331</v>
      </c>
      <c r="V1043" s="47" t="s">
        <v>5331</v>
      </c>
      <c r="W1043" s="47" t="s">
        <v>5331</v>
      </c>
      <c r="X1043" s="47" t="s">
        <v>5331</v>
      </c>
      <c r="Y1043" s="47" t="s">
        <v>5331</v>
      </c>
      <c r="Z1043" s="28"/>
      <c r="AA1043" s="27"/>
      <c r="AB1043" s="27"/>
      <c r="AC1043" s="27"/>
      <c r="AD1043" s="30"/>
      <c r="AE1043" s="1"/>
      <c r="AF1043" s="23" t="s">
        <v>5331</v>
      </c>
      <c r="AG1043" s="26"/>
      <c r="AH1043" s="53"/>
    </row>
    <row r="1044" spans="1:34" ht="51.6" customHeight="1" x14ac:dyDescent="0.45">
      <c r="A1044" s="23">
        <v>1038</v>
      </c>
      <c r="B1044" s="25"/>
      <c r="C1044" s="25"/>
      <c r="D1044" s="29"/>
      <c r="E1044" s="1"/>
      <c r="F1044" s="1"/>
      <c r="G1044" s="25"/>
      <c r="H1044" s="71"/>
      <c r="I1044" s="83"/>
      <c r="J1044" s="50" t="str">
        <f t="shared" si="34"/>
        <v/>
      </c>
      <c r="K1044" s="23" t="s">
        <v>7120</v>
      </c>
      <c r="L1044" s="49" t="e">
        <f>VLOOKUP(E1044&amp;F1044,団体コード!$A$1:$C$1743,3,FALSE)</f>
        <v>#N/A</v>
      </c>
      <c r="M1044" s="49" t="e">
        <f>VLOOKUP(E1044&amp;F1044,団体コード!$A$1:$C$1743,2,FALSE)</f>
        <v>#N/A</v>
      </c>
      <c r="N1044" s="51" t="e">
        <f>VLOOKUP(E1044,団体コード!$E$1:$F$48,2,FALSE)</f>
        <v>#N/A</v>
      </c>
      <c r="O1044" s="51" t="e">
        <f t="shared" si="35"/>
        <v>#N/A</v>
      </c>
      <c r="P1044" s="51">
        <v>1</v>
      </c>
      <c r="Q1044" s="51" t="s">
        <v>5341</v>
      </c>
      <c r="R1044" s="54" t="b">
        <v>1</v>
      </c>
      <c r="S1044" s="52" t="s">
        <v>7126</v>
      </c>
      <c r="T1044" s="67" t="s">
        <v>7127</v>
      </c>
      <c r="U1044" s="75" t="s">
        <v>5331</v>
      </c>
      <c r="V1044" s="47" t="s">
        <v>5331</v>
      </c>
      <c r="W1044" s="47" t="s">
        <v>5331</v>
      </c>
      <c r="X1044" s="47" t="s">
        <v>5331</v>
      </c>
      <c r="Y1044" s="47" t="s">
        <v>5331</v>
      </c>
      <c r="Z1044" s="28"/>
      <c r="AA1044" s="27"/>
      <c r="AB1044" s="27"/>
      <c r="AC1044" s="27"/>
      <c r="AD1044" s="30"/>
      <c r="AE1044" s="1"/>
      <c r="AF1044" s="23" t="s">
        <v>5331</v>
      </c>
      <c r="AG1044" s="26"/>
      <c r="AH1044" s="53"/>
    </row>
    <row r="1045" spans="1:34" ht="51.6" customHeight="1" x14ac:dyDescent="0.45">
      <c r="A1045" s="23">
        <v>1039</v>
      </c>
      <c r="B1045" s="25"/>
      <c r="C1045" s="25"/>
      <c r="D1045" s="29"/>
      <c r="E1045" s="1"/>
      <c r="F1045" s="1"/>
      <c r="G1045" s="25"/>
      <c r="H1045" s="71"/>
      <c r="I1045" s="83"/>
      <c r="J1045" s="50" t="str">
        <f t="shared" si="34"/>
        <v/>
      </c>
      <c r="K1045" s="23" t="s">
        <v>7120</v>
      </c>
      <c r="L1045" s="49" t="e">
        <f>VLOOKUP(E1045&amp;F1045,団体コード!$A$1:$C$1743,3,FALSE)</f>
        <v>#N/A</v>
      </c>
      <c r="M1045" s="49" t="e">
        <f>VLOOKUP(E1045&amp;F1045,団体コード!$A$1:$C$1743,2,FALSE)</f>
        <v>#N/A</v>
      </c>
      <c r="N1045" s="51" t="e">
        <f>VLOOKUP(E1045,団体コード!$E$1:$F$48,2,FALSE)</f>
        <v>#N/A</v>
      </c>
      <c r="O1045" s="51" t="e">
        <f t="shared" si="35"/>
        <v>#N/A</v>
      </c>
      <c r="P1045" s="51">
        <v>1</v>
      </c>
      <c r="Q1045" s="51" t="s">
        <v>5341</v>
      </c>
      <c r="R1045" s="54" t="b">
        <v>1</v>
      </c>
      <c r="S1045" s="52" t="s">
        <v>7126</v>
      </c>
      <c r="T1045" s="67" t="s">
        <v>7127</v>
      </c>
      <c r="U1045" s="75" t="s">
        <v>5331</v>
      </c>
      <c r="V1045" s="47" t="s">
        <v>5331</v>
      </c>
      <c r="W1045" s="47" t="s">
        <v>5331</v>
      </c>
      <c r="X1045" s="47" t="s">
        <v>5331</v>
      </c>
      <c r="Y1045" s="47" t="s">
        <v>5331</v>
      </c>
      <c r="Z1045" s="28"/>
      <c r="AA1045" s="27"/>
      <c r="AB1045" s="27"/>
      <c r="AC1045" s="27"/>
      <c r="AD1045" s="30"/>
      <c r="AE1045" s="1"/>
      <c r="AF1045" s="23" t="s">
        <v>5331</v>
      </c>
      <c r="AG1045" s="26"/>
      <c r="AH1045" s="53"/>
    </row>
    <row r="1046" spans="1:34" ht="51.6" customHeight="1" x14ac:dyDescent="0.45">
      <c r="A1046" s="23">
        <v>1040</v>
      </c>
      <c r="B1046" s="25"/>
      <c r="C1046" s="25"/>
      <c r="D1046" s="29"/>
      <c r="E1046" s="1"/>
      <c r="F1046" s="1"/>
      <c r="G1046" s="25"/>
      <c r="H1046" s="71"/>
      <c r="I1046" s="83"/>
      <c r="J1046" s="50" t="str">
        <f t="shared" si="34"/>
        <v/>
      </c>
      <c r="K1046" s="23" t="s">
        <v>7120</v>
      </c>
      <c r="L1046" s="49" t="e">
        <f>VLOOKUP(E1046&amp;F1046,団体コード!$A$1:$C$1743,3,FALSE)</f>
        <v>#N/A</v>
      </c>
      <c r="M1046" s="49" t="e">
        <f>VLOOKUP(E1046&amp;F1046,団体コード!$A$1:$C$1743,2,FALSE)</f>
        <v>#N/A</v>
      </c>
      <c r="N1046" s="51" t="e">
        <f>VLOOKUP(E1046,団体コード!$E$1:$F$48,2,FALSE)</f>
        <v>#N/A</v>
      </c>
      <c r="O1046" s="51" t="e">
        <f t="shared" si="35"/>
        <v>#N/A</v>
      </c>
      <c r="P1046" s="51">
        <v>1</v>
      </c>
      <c r="Q1046" s="51" t="s">
        <v>5341</v>
      </c>
      <c r="R1046" s="54" t="b">
        <v>1</v>
      </c>
      <c r="S1046" s="52" t="s">
        <v>7126</v>
      </c>
      <c r="T1046" s="67" t="s">
        <v>7127</v>
      </c>
      <c r="U1046" s="75" t="s">
        <v>5331</v>
      </c>
      <c r="V1046" s="47" t="s">
        <v>5331</v>
      </c>
      <c r="W1046" s="47" t="s">
        <v>5331</v>
      </c>
      <c r="X1046" s="47" t="s">
        <v>5331</v>
      </c>
      <c r="Y1046" s="47" t="s">
        <v>5331</v>
      </c>
      <c r="Z1046" s="28"/>
      <c r="AA1046" s="27"/>
      <c r="AB1046" s="27"/>
      <c r="AC1046" s="27"/>
      <c r="AD1046" s="30"/>
      <c r="AE1046" s="1"/>
      <c r="AF1046" s="23" t="s">
        <v>5331</v>
      </c>
      <c r="AG1046" s="26"/>
      <c r="AH1046" s="53"/>
    </row>
    <row r="1047" spans="1:34" ht="51.6" customHeight="1" x14ac:dyDescent="0.45">
      <c r="A1047" s="23">
        <v>1041</v>
      </c>
      <c r="B1047" s="25"/>
      <c r="C1047" s="25"/>
      <c r="D1047" s="29"/>
      <c r="E1047" s="1"/>
      <c r="F1047" s="1"/>
      <c r="G1047" s="25"/>
      <c r="H1047" s="71"/>
      <c r="I1047" s="83"/>
      <c r="J1047" s="50" t="str">
        <f t="shared" si="34"/>
        <v/>
      </c>
      <c r="K1047" s="23" t="s">
        <v>7120</v>
      </c>
      <c r="L1047" s="49" t="e">
        <f>VLOOKUP(E1047&amp;F1047,団体コード!$A$1:$C$1743,3,FALSE)</f>
        <v>#N/A</v>
      </c>
      <c r="M1047" s="49" t="e">
        <f>VLOOKUP(E1047&amp;F1047,団体コード!$A$1:$C$1743,2,FALSE)</f>
        <v>#N/A</v>
      </c>
      <c r="N1047" s="51" t="e">
        <f>VLOOKUP(E1047,団体コード!$E$1:$F$48,2,FALSE)</f>
        <v>#N/A</v>
      </c>
      <c r="O1047" s="51" t="e">
        <f t="shared" si="35"/>
        <v>#N/A</v>
      </c>
      <c r="P1047" s="51">
        <v>1</v>
      </c>
      <c r="Q1047" s="51" t="s">
        <v>5341</v>
      </c>
      <c r="R1047" s="54" t="b">
        <v>1</v>
      </c>
      <c r="S1047" s="52" t="s">
        <v>7126</v>
      </c>
      <c r="T1047" s="67" t="s">
        <v>7127</v>
      </c>
      <c r="U1047" s="75" t="s">
        <v>5331</v>
      </c>
      <c r="V1047" s="47" t="s">
        <v>5331</v>
      </c>
      <c r="W1047" s="47" t="s">
        <v>5331</v>
      </c>
      <c r="X1047" s="47" t="s">
        <v>5331</v>
      </c>
      <c r="Y1047" s="47" t="s">
        <v>5331</v>
      </c>
      <c r="Z1047" s="28"/>
      <c r="AA1047" s="27"/>
      <c r="AB1047" s="27"/>
      <c r="AC1047" s="27"/>
      <c r="AD1047" s="30"/>
      <c r="AE1047" s="1"/>
      <c r="AF1047" s="23" t="s">
        <v>5331</v>
      </c>
      <c r="AG1047" s="26"/>
      <c r="AH1047" s="53"/>
    </row>
    <row r="1048" spans="1:34" ht="51.6" customHeight="1" x14ac:dyDescent="0.45">
      <c r="A1048" s="23">
        <v>1042</v>
      </c>
      <c r="B1048" s="25"/>
      <c r="C1048" s="25"/>
      <c r="D1048" s="29"/>
      <c r="E1048" s="1"/>
      <c r="F1048" s="1"/>
      <c r="G1048" s="25"/>
      <c r="H1048" s="71"/>
      <c r="I1048" s="83"/>
      <c r="J1048" s="50" t="str">
        <f t="shared" si="34"/>
        <v/>
      </c>
      <c r="K1048" s="23" t="s">
        <v>7120</v>
      </c>
      <c r="L1048" s="49" t="e">
        <f>VLOOKUP(E1048&amp;F1048,団体コード!$A$1:$C$1743,3,FALSE)</f>
        <v>#N/A</v>
      </c>
      <c r="M1048" s="49" t="e">
        <f>VLOOKUP(E1048&amp;F1048,団体コード!$A$1:$C$1743,2,FALSE)</f>
        <v>#N/A</v>
      </c>
      <c r="N1048" s="51" t="e">
        <f>VLOOKUP(E1048,団体コード!$E$1:$F$48,2,FALSE)</f>
        <v>#N/A</v>
      </c>
      <c r="O1048" s="51" t="e">
        <f t="shared" si="35"/>
        <v>#N/A</v>
      </c>
      <c r="P1048" s="51">
        <v>1</v>
      </c>
      <c r="Q1048" s="51" t="s">
        <v>5341</v>
      </c>
      <c r="R1048" s="54" t="b">
        <v>1</v>
      </c>
      <c r="S1048" s="52" t="s">
        <v>7126</v>
      </c>
      <c r="T1048" s="67" t="s">
        <v>7127</v>
      </c>
      <c r="U1048" s="75" t="s">
        <v>5331</v>
      </c>
      <c r="V1048" s="47" t="s">
        <v>5331</v>
      </c>
      <c r="W1048" s="47" t="s">
        <v>5331</v>
      </c>
      <c r="X1048" s="47" t="s">
        <v>5331</v>
      </c>
      <c r="Y1048" s="47" t="s">
        <v>5331</v>
      </c>
      <c r="Z1048" s="28"/>
      <c r="AA1048" s="27"/>
      <c r="AB1048" s="27"/>
      <c r="AC1048" s="27"/>
      <c r="AD1048" s="30"/>
      <c r="AE1048" s="1"/>
      <c r="AF1048" s="23" t="s">
        <v>5331</v>
      </c>
      <c r="AG1048" s="26"/>
      <c r="AH1048" s="53"/>
    </row>
    <row r="1049" spans="1:34" ht="51.6" customHeight="1" x14ac:dyDescent="0.45">
      <c r="A1049" s="23">
        <v>1043</v>
      </c>
      <c r="B1049" s="25"/>
      <c r="C1049" s="25"/>
      <c r="D1049" s="29"/>
      <c r="E1049" s="1"/>
      <c r="F1049" s="1"/>
      <c r="G1049" s="25"/>
      <c r="H1049" s="71"/>
      <c r="I1049" s="83"/>
      <c r="J1049" s="50" t="str">
        <f t="shared" si="34"/>
        <v/>
      </c>
      <c r="K1049" s="23" t="s">
        <v>7120</v>
      </c>
      <c r="L1049" s="49" t="e">
        <f>VLOOKUP(E1049&amp;F1049,団体コード!$A$1:$C$1743,3,FALSE)</f>
        <v>#N/A</v>
      </c>
      <c r="M1049" s="49" t="e">
        <f>VLOOKUP(E1049&amp;F1049,団体コード!$A$1:$C$1743,2,FALSE)</f>
        <v>#N/A</v>
      </c>
      <c r="N1049" s="51" t="e">
        <f>VLOOKUP(E1049,団体コード!$E$1:$F$48,2,FALSE)</f>
        <v>#N/A</v>
      </c>
      <c r="O1049" s="51" t="e">
        <f t="shared" si="35"/>
        <v>#N/A</v>
      </c>
      <c r="P1049" s="51">
        <v>1</v>
      </c>
      <c r="Q1049" s="51" t="s">
        <v>5341</v>
      </c>
      <c r="R1049" s="54" t="b">
        <v>1</v>
      </c>
      <c r="S1049" s="52" t="s">
        <v>7126</v>
      </c>
      <c r="T1049" s="67" t="s">
        <v>7127</v>
      </c>
      <c r="U1049" s="75" t="s">
        <v>5331</v>
      </c>
      <c r="V1049" s="47" t="s">
        <v>5331</v>
      </c>
      <c r="W1049" s="47" t="s">
        <v>5331</v>
      </c>
      <c r="X1049" s="47" t="s">
        <v>5331</v>
      </c>
      <c r="Y1049" s="47" t="s">
        <v>5331</v>
      </c>
      <c r="Z1049" s="28"/>
      <c r="AA1049" s="27"/>
      <c r="AB1049" s="27"/>
      <c r="AC1049" s="27"/>
      <c r="AD1049" s="30"/>
      <c r="AE1049" s="1"/>
      <c r="AF1049" s="23" t="s">
        <v>5331</v>
      </c>
      <c r="AG1049" s="26"/>
      <c r="AH1049" s="53"/>
    </row>
    <row r="1050" spans="1:34" ht="51.6" customHeight="1" x14ac:dyDescent="0.45">
      <c r="A1050" s="23">
        <v>1044</v>
      </c>
      <c r="B1050" s="25"/>
      <c r="C1050" s="25"/>
      <c r="D1050" s="29"/>
      <c r="E1050" s="1"/>
      <c r="F1050" s="1"/>
      <c r="G1050" s="25"/>
      <c r="H1050" s="71"/>
      <c r="I1050" s="83"/>
      <c r="J1050" s="50" t="str">
        <f t="shared" si="34"/>
        <v/>
      </c>
      <c r="K1050" s="23" t="s">
        <v>7120</v>
      </c>
      <c r="L1050" s="49" t="e">
        <f>VLOOKUP(E1050&amp;F1050,団体コード!$A$1:$C$1743,3,FALSE)</f>
        <v>#N/A</v>
      </c>
      <c r="M1050" s="49" t="e">
        <f>VLOOKUP(E1050&amp;F1050,団体コード!$A$1:$C$1743,2,FALSE)</f>
        <v>#N/A</v>
      </c>
      <c r="N1050" s="51" t="e">
        <f>VLOOKUP(E1050,団体コード!$E$1:$F$48,2,FALSE)</f>
        <v>#N/A</v>
      </c>
      <c r="O1050" s="51" t="e">
        <f t="shared" si="35"/>
        <v>#N/A</v>
      </c>
      <c r="P1050" s="51">
        <v>1</v>
      </c>
      <c r="Q1050" s="51" t="s">
        <v>5341</v>
      </c>
      <c r="R1050" s="54" t="b">
        <v>1</v>
      </c>
      <c r="S1050" s="52" t="s">
        <v>7126</v>
      </c>
      <c r="T1050" s="67" t="s">
        <v>7127</v>
      </c>
      <c r="U1050" s="75" t="s">
        <v>5331</v>
      </c>
      <c r="V1050" s="47" t="s">
        <v>5331</v>
      </c>
      <c r="W1050" s="47" t="s">
        <v>5331</v>
      </c>
      <c r="X1050" s="47" t="s">
        <v>5331</v>
      </c>
      <c r="Y1050" s="47" t="s">
        <v>5331</v>
      </c>
      <c r="Z1050" s="28"/>
      <c r="AA1050" s="27"/>
      <c r="AB1050" s="27"/>
      <c r="AC1050" s="27"/>
      <c r="AD1050" s="30"/>
      <c r="AE1050" s="1"/>
      <c r="AF1050" s="23" t="s">
        <v>5331</v>
      </c>
      <c r="AG1050" s="26"/>
      <c r="AH1050" s="53"/>
    </row>
    <row r="1051" spans="1:34" ht="51.6" customHeight="1" x14ac:dyDescent="0.45">
      <c r="A1051" s="23">
        <v>1045</v>
      </c>
      <c r="B1051" s="25"/>
      <c r="C1051" s="25"/>
      <c r="D1051" s="29"/>
      <c r="E1051" s="1"/>
      <c r="F1051" s="1"/>
      <c r="G1051" s="25"/>
      <c r="H1051" s="71"/>
      <c r="I1051" s="83"/>
      <c r="J1051" s="50" t="str">
        <f t="shared" si="34"/>
        <v/>
      </c>
      <c r="K1051" s="23" t="s">
        <v>7120</v>
      </c>
      <c r="L1051" s="49" t="e">
        <f>VLOOKUP(E1051&amp;F1051,団体コード!$A$1:$C$1743,3,FALSE)</f>
        <v>#N/A</v>
      </c>
      <c r="M1051" s="49" t="e">
        <f>VLOOKUP(E1051&amp;F1051,団体コード!$A$1:$C$1743,2,FALSE)</f>
        <v>#N/A</v>
      </c>
      <c r="N1051" s="51" t="e">
        <f>VLOOKUP(E1051,団体コード!$E$1:$F$48,2,FALSE)</f>
        <v>#N/A</v>
      </c>
      <c r="O1051" s="51" t="e">
        <f t="shared" si="35"/>
        <v>#N/A</v>
      </c>
      <c r="P1051" s="51">
        <v>1</v>
      </c>
      <c r="Q1051" s="51" t="s">
        <v>5341</v>
      </c>
      <c r="R1051" s="54" t="b">
        <v>1</v>
      </c>
      <c r="S1051" s="52" t="s">
        <v>7126</v>
      </c>
      <c r="T1051" s="67" t="s">
        <v>7127</v>
      </c>
      <c r="U1051" s="75" t="s">
        <v>5331</v>
      </c>
      <c r="V1051" s="47" t="s">
        <v>5331</v>
      </c>
      <c r="W1051" s="47" t="s">
        <v>5331</v>
      </c>
      <c r="X1051" s="47" t="s">
        <v>5331</v>
      </c>
      <c r="Y1051" s="47" t="s">
        <v>5331</v>
      </c>
      <c r="Z1051" s="28"/>
      <c r="AA1051" s="27"/>
      <c r="AB1051" s="27"/>
      <c r="AC1051" s="27"/>
      <c r="AD1051" s="30"/>
      <c r="AE1051" s="1"/>
      <c r="AF1051" s="23" t="s">
        <v>5331</v>
      </c>
      <c r="AG1051" s="26"/>
      <c r="AH1051" s="53"/>
    </row>
    <row r="1052" spans="1:34" ht="51.6" customHeight="1" x14ac:dyDescent="0.45">
      <c r="A1052" s="23">
        <v>1046</v>
      </c>
      <c r="B1052" s="25"/>
      <c r="C1052" s="25"/>
      <c r="D1052" s="29"/>
      <c r="E1052" s="1"/>
      <c r="F1052" s="1"/>
      <c r="G1052" s="25"/>
      <c r="H1052" s="71"/>
      <c r="I1052" s="83"/>
      <c r="J1052" s="50" t="str">
        <f t="shared" si="34"/>
        <v/>
      </c>
      <c r="K1052" s="23" t="s">
        <v>7120</v>
      </c>
      <c r="L1052" s="49" t="e">
        <f>VLOOKUP(E1052&amp;F1052,団体コード!$A$1:$C$1743,3,FALSE)</f>
        <v>#N/A</v>
      </c>
      <c r="M1052" s="49" t="e">
        <f>VLOOKUP(E1052&amp;F1052,団体コード!$A$1:$C$1743,2,FALSE)</f>
        <v>#N/A</v>
      </c>
      <c r="N1052" s="51" t="e">
        <f>VLOOKUP(E1052,団体コード!$E$1:$F$48,2,FALSE)</f>
        <v>#N/A</v>
      </c>
      <c r="O1052" s="51" t="e">
        <f t="shared" si="35"/>
        <v>#N/A</v>
      </c>
      <c r="P1052" s="51">
        <v>1</v>
      </c>
      <c r="Q1052" s="51" t="s">
        <v>5341</v>
      </c>
      <c r="R1052" s="54" t="b">
        <v>1</v>
      </c>
      <c r="S1052" s="52" t="s">
        <v>7126</v>
      </c>
      <c r="T1052" s="67" t="s">
        <v>7127</v>
      </c>
      <c r="U1052" s="75" t="s">
        <v>5331</v>
      </c>
      <c r="V1052" s="47" t="s">
        <v>5331</v>
      </c>
      <c r="W1052" s="47" t="s">
        <v>5331</v>
      </c>
      <c r="X1052" s="47" t="s">
        <v>5331</v>
      </c>
      <c r="Y1052" s="47" t="s">
        <v>5331</v>
      </c>
      <c r="Z1052" s="28"/>
      <c r="AA1052" s="27"/>
      <c r="AB1052" s="27"/>
      <c r="AC1052" s="27"/>
      <c r="AD1052" s="30"/>
      <c r="AE1052" s="1"/>
      <c r="AF1052" s="23" t="s">
        <v>5331</v>
      </c>
      <c r="AG1052" s="26"/>
      <c r="AH1052" s="53"/>
    </row>
    <row r="1053" spans="1:34" ht="51.6" customHeight="1" x14ac:dyDescent="0.45">
      <c r="A1053" s="23">
        <v>1047</v>
      </c>
      <c r="B1053" s="25"/>
      <c r="C1053" s="25"/>
      <c r="D1053" s="29"/>
      <c r="E1053" s="1"/>
      <c r="F1053" s="1"/>
      <c r="G1053" s="25"/>
      <c r="H1053" s="71"/>
      <c r="I1053" s="83"/>
      <c r="J1053" s="50" t="str">
        <f t="shared" si="34"/>
        <v/>
      </c>
      <c r="K1053" s="23" t="s">
        <v>7120</v>
      </c>
      <c r="L1053" s="49" t="e">
        <f>VLOOKUP(E1053&amp;F1053,団体コード!$A$1:$C$1743,3,FALSE)</f>
        <v>#N/A</v>
      </c>
      <c r="M1053" s="49" t="e">
        <f>VLOOKUP(E1053&amp;F1053,団体コード!$A$1:$C$1743,2,FALSE)</f>
        <v>#N/A</v>
      </c>
      <c r="N1053" s="51" t="e">
        <f>VLOOKUP(E1053,団体コード!$E$1:$F$48,2,FALSE)</f>
        <v>#N/A</v>
      </c>
      <c r="O1053" s="51" t="e">
        <f t="shared" si="35"/>
        <v>#N/A</v>
      </c>
      <c r="P1053" s="51">
        <v>1</v>
      </c>
      <c r="Q1053" s="51" t="s">
        <v>5341</v>
      </c>
      <c r="R1053" s="54" t="b">
        <v>1</v>
      </c>
      <c r="S1053" s="52" t="s">
        <v>7126</v>
      </c>
      <c r="T1053" s="67" t="s">
        <v>7127</v>
      </c>
      <c r="U1053" s="75" t="s">
        <v>5331</v>
      </c>
      <c r="V1053" s="47" t="s">
        <v>5331</v>
      </c>
      <c r="W1053" s="47" t="s">
        <v>5331</v>
      </c>
      <c r="X1053" s="47" t="s">
        <v>5331</v>
      </c>
      <c r="Y1053" s="47" t="s">
        <v>5331</v>
      </c>
      <c r="Z1053" s="28"/>
      <c r="AA1053" s="27"/>
      <c r="AB1053" s="27"/>
      <c r="AC1053" s="27"/>
      <c r="AD1053" s="30"/>
      <c r="AE1053" s="1"/>
      <c r="AF1053" s="23" t="s">
        <v>5331</v>
      </c>
      <c r="AG1053" s="26"/>
      <c r="AH1053" s="53"/>
    </row>
    <row r="1054" spans="1:34" ht="51.6" customHeight="1" x14ac:dyDescent="0.45">
      <c r="A1054" s="23">
        <v>1048</v>
      </c>
      <c r="B1054" s="25"/>
      <c r="C1054" s="25"/>
      <c r="D1054" s="29"/>
      <c r="E1054" s="1"/>
      <c r="F1054" s="1"/>
      <c r="G1054" s="25"/>
      <c r="H1054" s="71"/>
      <c r="I1054" s="83"/>
      <c r="J1054" s="50" t="str">
        <f t="shared" si="34"/>
        <v/>
      </c>
      <c r="K1054" s="23" t="s">
        <v>7120</v>
      </c>
      <c r="L1054" s="49" t="e">
        <f>VLOOKUP(E1054&amp;F1054,団体コード!$A$1:$C$1743,3,FALSE)</f>
        <v>#N/A</v>
      </c>
      <c r="M1054" s="49" t="e">
        <f>VLOOKUP(E1054&amp;F1054,団体コード!$A$1:$C$1743,2,FALSE)</f>
        <v>#N/A</v>
      </c>
      <c r="N1054" s="51" t="e">
        <f>VLOOKUP(E1054,団体コード!$E$1:$F$48,2,FALSE)</f>
        <v>#N/A</v>
      </c>
      <c r="O1054" s="51" t="e">
        <f t="shared" si="35"/>
        <v>#N/A</v>
      </c>
      <c r="P1054" s="51">
        <v>1</v>
      </c>
      <c r="Q1054" s="51" t="s">
        <v>5341</v>
      </c>
      <c r="R1054" s="54" t="b">
        <v>1</v>
      </c>
      <c r="S1054" s="52" t="s">
        <v>7126</v>
      </c>
      <c r="T1054" s="67" t="s">
        <v>7127</v>
      </c>
      <c r="U1054" s="75" t="s">
        <v>5331</v>
      </c>
      <c r="V1054" s="47" t="s">
        <v>5331</v>
      </c>
      <c r="W1054" s="47" t="s">
        <v>5331</v>
      </c>
      <c r="X1054" s="47" t="s">
        <v>5331</v>
      </c>
      <c r="Y1054" s="47" t="s">
        <v>5331</v>
      </c>
      <c r="Z1054" s="28"/>
      <c r="AA1054" s="27"/>
      <c r="AB1054" s="27"/>
      <c r="AC1054" s="27"/>
      <c r="AD1054" s="30"/>
      <c r="AE1054" s="1"/>
      <c r="AF1054" s="23" t="s">
        <v>5331</v>
      </c>
      <c r="AG1054" s="26"/>
      <c r="AH1054" s="53"/>
    </row>
    <row r="1055" spans="1:34" ht="51.6" customHeight="1" x14ac:dyDescent="0.45">
      <c r="A1055" s="23">
        <v>1049</v>
      </c>
      <c r="B1055" s="25"/>
      <c r="C1055" s="25"/>
      <c r="D1055" s="29"/>
      <c r="E1055" s="1"/>
      <c r="F1055" s="1"/>
      <c r="G1055" s="25"/>
      <c r="H1055" s="71"/>
      <c r="I1055" s="83"/>
      <c r="J1055" s="50" t="str">
        <f t="shared" si="34"/>
        <v/>
      </c>
      <c r="K1055" s="23" t="s">
        <v>7120</v>
      </c>
      <c r="L1055" s="49" t="e">
        <f>VLOOKUP(E1055&amp;F1055,団体コード!$A$1:$C$1743,3,FALSE)</f>
        <v>#N/A</v>
      </c>
      <c r="M1055" s="49" t="e">
        <f>VLOOKUP(E1055&amp;F1055,団体コード!$A$1:$C$1743,2,FALSE)</f>
        <v>#N/A</v>
      </c>
      <c r="N1055" s="51" t="e">
        <f>VLOOKUP(E1055,団体コード!$E$1:$F$48,2,FALSE)</f>
        <v>#N/A</v>
      </c>
      <c r="O1055" s="51" t="e">
        <f t="shared" si="35"/>
        <v>#N/A</v>
      </c>
      <c r="P1055" s="51">
        <v>1</v>
      </c>
      <c r="Q1055" s="51" t="s">
        <v>5341</v>
      </c>
      <c r="R1055" s="54" t="b">
        <v>1</v>
      </c>
      <c r="S1055" s="52" t="s">
        <v>7126</v>
      </c>
      <c r="T1055" s="67" t="s">
        <v>7127</v>
      </c>
      <c r="U1055" s="75" t="s">
        <v>5331</v>
      </c>
      <c r="V1055" s="47" t="s">
        <v>5331</v>
      </c>
      <c r="W1055" s="47" t="s">
        <v>5331</v>
      </c>
      <c r="X1055" s="47" t="s">
        <v>5331</v>
      </c>
      <c r="Y1055" s="47" t="s">
        <v>5331</v>
      </c>
      <c r="Z1055" s="28"/>
      <c r="AA1055" s="27"/>
      <c r="AB1055" s="27"/>
      <c r="AC1055" s="27"/>
      <c r="AD1055" s="30"/>
      <c r="AE1055" s="1"/>
      <c r="AF1055" s="23" t="s">
        <v>5331</v>
      </c>
      <c r="AG1055" s="26"/>
      <c r="AH1055" s="53"/>
    </row>
    <row r="1056" spans="1:34" ht="51.6" customHeight="1" x14ac:dyDescent="0.45">
      <c r="A1056" s="23">
        <v>1050</v>
      </c>
      <c r="B1056" s="25"/>
      <c r="C1056" s="25"/>
      <c r="D1056" s="29"/>
      <c r="E1056" s="1"/>
      <c r="F1056" s="1"/>
      <c r="G1056" s="25"/>
      <c r="H1056" s="71"/>
      <c r="I1056" s="83"/>
      <c r="J1056" s="50" t="str">
        <f t="shared" si="34"/>
        <v/>
      </c>
      <c r="K1056" s="23" t="s">
        <v>7120</v>
      </c>
      <c r="L1056" s="49" t="e">
        <f>VLOOKUP(E1056&amp;F1056,団体コード!$A$1:$C$1743,3,FALSE)</f>
        <v>#N/A</v>
      </c>
      <c r="M1056" s="49" t="e">
        <f>VLOOKUP(E1056&amp;F1056,団体コード!$A$1:$C$1743,2,FALSE)</f>
        <v>#N/A</v>
      </c>
      <c r="N1056" s="51" t="e">
        <f>VLOOKUP(E1056,団体コード!$E$1:$F$48,2,FALSE)</f>
        <v>#N/A</v>
      </c>
      <c r="O1056" s="51" t="e">
        <f t="shared" si="35"/>
        <v>#N/A</v>
      </c>
      <c r="P1056" s="51">
        <v>1</v>
      </c>
      <c r="Q1056" s="51" t="s">
        <v>5341</v>
      </c>
      <c r="R1056" s="54" t="b">
        <v>1</v>
      </c>
      <c r="S1056" s="52" t="s">
        <v>7126</v>
      </c>
      <c r="T1056" s="67" t="s">
        <v>7127</v>
      </c>
      <c r="U1056" s="75" t="s">
        <v>5331</v>
      </c>
      <c r="V1056" s="47" t="s">
        <v>5331</v>
      </c>
      <c r="W1056" s="47" t="s">
        <v>5331</v>
      </c>
      <c r="X1056" s="47" t="s">
        <v>5331</v>
      </c>
      <c r="Y1056" s="47" t="s">
        <v>5331</v>
      </c>
      <c r="Z1056" s="28"/>
      <c r="AA1056" s="27"/>
      <c r="AB1056" s="27"/>
      <c r="AC1056" s="27"/>
      <c r="AD1056" s="30"/>
      <c r="AE1056" s="1"/>
      <c r="AF1056" s="23" t="s">
        <v>5331</v>
      </c>
      <c r="AG1056" s="26"/>
      <c r="AH1056" s="53"/>
    </row>
    <row r="1057" spans="1:34" ht="51.6" customHeight="1" x14ac:dyDescent="0.45">
      <c r="A1057" s="23">
        <v>1051</v>
      </c>
      <c r="B1057" s="25"/>
      <c r="C1057" s="25"/>
      <c r="D1057" s="29"/>
      <c r="E1057" s="1"/>
      <c r="F1057" s="1"/>
      <c r="G1057" s="25"/>
      <c r="H1057" s="71"/>
      <c r="I1057" s="83"/>
      <c r="J1057" s="50" t="str">
        <f t="shared" si="34"/>
        <v/>
      </c>
      <c r="K1057" s="23" t="s">
        <v>7120</v>
      </c>
      <c r="L1057" s="49" t="e">
        <f>VLOOKUP(E1057&amp;F1057,団体コード!$A$1:$C$1743,3,FALSE)</f>
        <v>#N/A</v>
      </c>
      <c r="M1057" s="49" t="e">
        <f>VLOOKUP(E1057&amp;F1057,団体コード!$A$1:$C$1743,2,FALSE)</f>
        <v>#N/A</v>
      </c>
      <c r="N1057" s="51" t="e">
        <f>VLOOKUP(E1057,団体コード!$E$1:$F$48,2,FALSE)</f>
        <v>#N/A</v>
      </c>
      <c r="O1057" s="51" t="e">
        <f t="shared" si="35"/>
        <v>#N/A</v>
      </c>
      <c r="P1057" s="51">
        <v>1</v>
      </c>
      <c r="Q1057" s="51" t="s">
        <v>5341</v>
      </c>
      <c r="R1057" s="54" t="b">
        <v>1</v>
      </c>
      <c r="S1057" s="52" t="s">
        <v>7126</v>
      </c>
      <c r="T1057" s="67" t="s">
        <v>7127</v>
      </c>
      <c r="U1057" s="75" t="s">
        <v>5331</v>
      </c>
      <c r="V1057" s="47" t="s">
        <v>5331</v>
      </c>
      <c r="W1057" s="47" t="s">
        <v>5331</v>
      </c>
      <c r="X1057" s="47" t="s">
        <v>5331</v>
      </c>
      <c r="Y1057" s="47" t="s">
        <v>5331</v>
      </c>
      <c r="Z1057" s="28"/>
      <c r="AA1057" s="27"/>
      <c r="AB1057" s="27"/>
      <c r="AC1057" s="27"/>
      <c r="AD1057" s="30"/>
      <c r="AE1057" s="1"/>
      <c r="AF1057" s="23" t="s">
        <v>5331</v>
      </c>
      <c r="AG1057" s="26"/>
      <c r="AH1057" s="53"/>
    </row>
    <row r="1058" spans="1:34" ht="51.6" customHeight="1" x14ac:dyDescent="0.45">
      <c r="A1058" s="23">
        <v>1052</v>
      </c>
      <c r="B1058" s="25"/>
      <c r="C1058" s="25"/>
      <c r="D1058" s="29"/>
      <c r="E1058" s="1"/>
      <c r="F1058" s="1"/>
      <c r="G1058" s="25"/>
      <c r="H1058" s="71"/>
      <c r="I1058" s="83"/>
      <c r="J1058" s="50" t="str">
        <f t="shared" si="34"/>
        <v/>
      </c>
      <c r="K1058" s="23" t="s">
        <v>7120</v>
      </c>
      <c r="L1058" s="49" t="e">
        <f>VLOOKUP(E1058&amp;F1058,団体コード!$A$1:$C$1743,3,FALSE)</f>
        <v>#N/A</v>
      </c>
      <c r="M1058" s="49" t="e">
        <f>VLOOKUP(E1058&amp;F1058,団体コード!$A$1:$C$1743,2,FALSE)</f>
        <v>#N/A</v>
      </c>
      <c r="N1058" s="51" t="e">
        <f>VLOOKUP(E1058,団体コード!$E$1:$F$48,2,FALSE)</f>
        <v>#N/A</v>
      </c>
      <c r="O1058" s="51" t="e">
        <f t="shared" si="35"/>
        <v>#N/A</v>
      </c>
      <c r="P1058" s="51">
        <v>1</v>
      </c>
      <c r="Q1058" s="51" t="s">
        <v>5341</v>
      </c>
      <c r="R1058" s="54" t="b">
        <v>1</v>
      </c>
      <c r="S1058" s="52" t="s">
        <v>7126</v>
      </c>
      <c r="T1058" s="67" t="s">
        <v>7127</v>
      </c>
      <c r="U1058" s="75" t="s">
        <v>5331</v>
      </c>
      <c r="V1058" s="47" t="s">
        <v>5331</v>
      </c>
      <c r="W1058" s="47" t="s">
        <v>5331</v>
      </c>
      <c r="X1058" s="47" t="s">
        <v>5331</v>
      </c>
      <c r="Y1058" s="47" t="s">
        <v>5331</v>
      </c>
      <c r="Z1058" s="28"/>
      <c r="AA1058" s="27"/>
      <c r="AB1058" s="27"/>
      <c r="AC1058" s="27"/>
      <c r="AD1058" s="30"/>
      <c r="AE1058" s="1"/>
      <c r="AF1058" s="23" t="s">
        <v>5331</v>
      </c>
      <c r="AG1058" s="26"/>
      <c r="AH1058" s="53"/>
    </row>
    <row r="1059" spans="1:34" ht="51.6" customHeight="1" x14ac:dyDescent="0.45">
      <c r="A1059" s="23">
        <v>1053</v>
      </c>
      <c r="B1059" s="25"/>
      <c r="C1059" s="25"/>
      <c r="D1059" s="29"/>
      <c r="E1059" s="1"/>
      <c r="F1059" s="1"/>
      <c r="G1059" s="25"/>
      <c r="H1059" s="71"/>
      <c r="I1059" s="83"/>
      <c r="J1059" s="50" t="str">
        <f t="shared" si="34"/>
        <v/>
      </c>
      <c r="K1059" s="23" t="s">
        <v>7120</v>
      </c>
      <c r="L1059" s="49" t="e">
        <f>VLOOKUP(E1059&amp;F1059,団体コード!$A$1:$C$1743,3,FALSE)</f>
        <v>#N/A</v>
      </c>
      <c r="M1059" s="49" t="e">
        <f>VLOOKUP(E1059&amp;F1059,団体コード!$A$1:$C$1743,2,FALSE)</f>
        <v>#N/A</v>
      </c>
      <c r="N1059" s="51" t="e">
        <f>VLOOKUP(E1059,団体コード!$E$1:$F$48,2,FALSE)</f>
        <v>#N/A</v>
      </c>
      <c r="O1059" s="51" t="e">
        <f t="shared" si="35"/>
        <v>#N/A</v>
      </c>
      <c r="P1059" s="51">
        <v>1</v>
      </c>
      <c r="Q1059" s="51" t="s">
        <v>5341</v>
      </c>
      <c r="R1059" s="54" t="b">
        <v>1</v>
      </c>
      <c r="S1059" s="52" t="s">
        <v>7126</v>
      </c>
      <c r="T1059" s="67" t="s">
        <v>7127</v>
      </c>
      <c r="U1059" s="75" t="s">
        <v>5331</v>
      </c>
      <c r="V1059" s="47" t="s">
        <v>5331</v>
      </c>
      <c r="W1059" s="47" t="s">
        <v>5331</v>
      </c>
      <c r="X1059" s="47" t="s">
        <v>5331</v>
      </c>
      <c r="Y1059" s="47" t="s">
        <v>5331</v>
      </c>
      <c r="Z1059" s="28"/>
      <c r="AA1059" s="27"/>
      <c r="AB1059" s="27"/>
      <c r="AC1059" s="27"/>
      <c r="AD1059" s="30"/>
      <c r="AE1059" s="1"/>
      <c r="AF1059" s="23" t="s">
        <v>5331</v>
      </c>
      <c r="AG1059" s="26"/>
      <c r="AH1059" s="53"/>
    </row>
    <row r="1060" spans="1:34" ht="51.6" customHeight="1" x14ac:dyDescent="0.45">
      <c r="A1060" s="23">
        <v>1054</v>
      </c>
      <c r="B1060" s="25"/>
      <c r="C1060" s="25"/>
      <c r="D1060" s="29"/>
      <c r="E1060" s="1"/>
      <c r="F1060" s="1"/>
      <c r="G1060" s="25"/>
      <c r="H1060" s="71"/>
      <c r="I1060" s="83"/>
      <c r="J1060" s="50" t="str">
        <f t="shared" si="34"/>
        <v/>
      </c>
      <c r="K1060" s="23" t="s">
        <v>7120</v>
      </c>
      <c r="L1060" s="49" t="e">
        <f>VLOOKUP(E1060&amp;F1060,団体コード!$A$1:$C$1743,3,FALSE)</f>
        <v>#N/A</v>
      </c>
      <c r="M1060" s="49" t="e">
        <f>VLOOKUP(E1060&amp;F1060,団体コード!$A$1:$C$1743,2,FALSE)</f>
        <v>#N/A</v>
      </c>
      <c r="N1060" s="51" t="e">
        <f>VLOOKUP(E1060,団体コード!$E$1:$F$48,2,FALSE)</f>
        <v>#N/A</v>
      </c>
      <c r="O1060" s="51" t="e">
        <f t="shared" si="35"/>
        <v>#N/A</v>
      </c>
      <c r="P1060" s="51">
        <v>1</v>
      </c>
      <c r="Q1060" s="51" t="s">
        <v>5341</v>
      </c>
      <c r="R1060" s="54" t="b">
        <v>1</v>
      </c>
      <c r="S1060" s="52" t="s">
        <v>7126</v>
      </c>
      <c r="T1060" s="67" t="s">
        <v>7127</v>
      </c>
      <c r="U1060" s="75" t="s">
        <v>5331</v>
      </c>
      <c r="V1060" s="47" t="s">
        <v>5331</v>
      </c>
      <c r="W1060" s="47" t="s">
        <v>5331</v>
      </c>
      <c r="X1060" s="47" t="s">
        <v>5331</v>
      </c>
      <c r="Y1060" s="47" t="s">
        <v>5331</v>
      </c>
      <c r="Z1060" s="28"/>
      <c r="AA1060" s="27"/>
      <c r="AB1060" s="27"/>
      <c r="AC1060" s="27"/>
      <c r="AD1060" s="30"/>
      <c r="AE1060" s="1"/>
      <c r="AF1060" s="23" t="s">
        <v>5331</v>
      </c>
      <c r="AG1060" s="26"/>
      <c r="AH1060" s="53"/>
    </row>
    <row r="1061" spans="1:34" ht="51.6" customHeight="1" x14ac:dyDescent="0.45">
      <c r="A1061" s="23">
        <v>1055</v>
      </c>
      <c r="B1061" s="25"/>
      <c r="C1061" s="25"/>
      <c r="D1061" s="29"/>
      <c r="E1061" s="1"/>
      <c r="F1061" s="1"/>
      <c r="G1061" s="25"/>
      <c r="H1061" s="71"/>
      <c r="I1061" s="83"/>
      <c r="J1061" s="50" t="str">
        <f t="shared" si="34"/>
        <v/>
      </c>
      <c r="K1061" s="23" t="s">
        <v>7120</v>
      </c>
      <c r="L1061" s="49" t="e">
        <f>VLOOKUP(E1061&amp;F1061,団体コード!$A$1:$C$1743,3,FALSE)</f>
        <v>#N/A</v>
      </c>
      <c r="M1061" s="49" t="e">
        <f>VLOOKUP(E1061&amp;F1061,団体コード!$A$1:$C$1743,2,FALSE)</f>
        <v>#N/A</v>
      </c>
      <c r="N1061" s="51" t="e">
        <f>VLOOKUP(E1061,団体コード!$E$1:$F$48,2,FALSE)</f>
        <v>#N/A</v>
      </c>
      <c r="O1061" s="51" t="e">
        <f t="shared" si="35"/>
        <v>#N/A</v>
      </c>
      <c r="P1061" s="51">
        <v>1</v>
      </c>
      <c r="Q1061" s="51" t="s">
        <v>5341</v>
      </c>
      <c r="R1061" s="54" t="b">
        <v>1</v>
      </c>
      <c r="S1061" s="52" t="s">
        <v>7126</v>
      </c>
      <c r="T1061" s="67" t="s">
        <v>7127</v>
      </c>
      <c r="U1061" s="75" t="s">
        <v>5331</v>
      </c>
      <c r="V1061" s="47" t="s">
        <v>5331</v>
      </c>
      <c r="W1061" s="47" t="s">
        <v>5331</v>
      </c>
      <c r="X1061" s="47" t="s">
        <v>5331</v>
      </c>
      <c r="Y1061" s="47" t="s">
        <v>5331</v>
      </c>
      <c r="Z1061" s="28"/>
      <c r="AA1061" s="27"/>
      <c r="AB1061" s="27"/>
      <c r="AC1061" s="27"/>
      <c r="AD1061" s="30"/>
      <c r="AE1061" s="1"/>
      <c r="AF1061" s="23" t="s">
        <v>5331</v>
      </c>
      <c r="AG1061" s="26"/>
      <c r="AH1061" s="53"/>
    </row>
    <row r="1062" spans="1:34" ht="51.6" customHeight="1" x14ac:dyDescent="0.45">
      <c r="A1062" s="23">
        <v>1056</v>
      </c>
      <c r="B1062" s="25"/>
      <c r="C1062" s="25"/>
      <c r="D1062" s="29"/>
      <c r="E1062" s="1"/>
      <c r="F1062" s="1"/>
      <c r="G1062" s="25"/>
      <c r="H1062" s="71"/>
      <c r="I1062" s="83"/>
      <c r="J1062" s="50" t="str">
        <f t="shared" si="34"/>
        <v/>
      </c>
      <c r="K1062" s="23" t="s">
        <v>7120</v>
      </c>
      <c r="L1062" s="49" t="e">
        <f>VLOOKUP(E1062&amp;F1062,団体コード!$A$1:$C$1743,3,FALSE)</f>
        <v>#N/A</v>
      </c>
      <c r="M1062" s="49" t="e">
        <f>VLOOKUP(E1062&amp;F1062,団体コード!$A$1:$C$1743,2,FALSE)</f>
        <v>#N/A</v>
      </c>
      <c r="N1062" s="51" t="e">
        <f>VLOOKUP(E1062,団体コード!$E$1:$F$48,2,FALSE)</f>
        <v>#N/A</v>
      </c>
      <c r="O1062" s="51" t="e">
        <f t="shared" si="35"/>
        <v>#N/A</v>
      </c>
      <c r="P1062" s="51">
        <v>1</v>
      </c>
      <c r="Q1062" s="51" t="s">
        <v>5341</v>
      </c>
      <c r="R1062" s="54" t="b">
        <v>1</v>
      </c>
      <c r="S1062" s="52" t="s">
        <v>7126</v>
      </c>
      <c r="T1062" s="67" t="s">
        <v>7127</v>
      </c>
      <c r="U1062" s="75" t="s">
        <v>5331</v>
      </c>
      <c r="V1062" s="47" t="s">
        <v>5331</v>
      </c>
      <c r="W1062" s="47" t="s">
        <v>5331</v>
      </c>
      <c r="X1062" s="47" t="s">
        <v>5331</v>
      </c>
      <c r="Y1062" s="47" t="s">
        <v>5331</v>
      </c>
      <c r="Z1062" s="28"/>
      <c r="AA1062" s="27"/>
      <c r="AB1062" s="27"/>
      <c r="AC1062" s="27"/>
      <c r="AD1062" s="30"/>
      <c r="AE1062" s="1"/>
      <c r="AF1062" s="23" t="s">
        <v>5331</v>
      </c>
      <c r="AG1062" s="26"/>
      <c r="AH1062" s="53"/>
    </row>
    <row r="1063" spans="1:34" ht="51.6" customHeight="1" x14ac:dyDescent="0.45">
      <c r="A1063" s="23">
        <v>1057</v>
      </c>
      <c r="B1063" s="25"/>
      <c r="C1063" s="25"/>
      <c r="D1063" s="29"/>
      <c r="E1063" s="1"/>
      <c r="F1063" s="1"/>
      <c r="G1063" s="25"/>
      <c r="H1063" s="71"/>
      <c r="I1063" s="83"/>
      <c r="J1063" s="50" t="str">
        <f t="shared" si="34"/>
        <v/>
      </c>
      <c r="K1063" s="23" t="s">
        <v>7120</v>
      </c>
      <c r="L1063" s="49" t="e">
        <f>VLOOKUP(E1063&amp;F1063,団体コード!$A$1:$C$1743,3,FALSE)</f>
        <v>#N/A</v>
      </c>
      <c r="M1063" s="49" t="e">
        <f>VLOOKUP(E1063&amp;F1063,団体コード!$A$1:$C$1743,2,FALSE)</f>
        <v>#N/A</v>
      </c>
      <c r="N1063" s="51" t="e">
        <f>VLOOKUP(E1063,団体コード!$E$1:$F$48,2,FALSE)</f>
        <v>#N/A</v>
      </c>
      <c r="O1063" s="51" t="e">
        <f t="shared" si="35"/>
        <v>#N/A</v>
      </c>
      <c r="P1063" s="51">
        <v>1</v>
      </c>
      <c r="Q1063" s="51" t="s">
        <v>5341</v>
      </c>
      <c r="R1063" s="54" t="b">
        <v>1</v>
      </c>
      <c r="S1063" s="52" t="s">
        <v>7126</v>
      </c>
      <c r="T1063" s="67" t="s">
        <v>7127</v>
      </c>
      <c r="U1063" s="75" t="s">
        <v>5331</v>
      </c>
      <c r="V1063" s="47" t="s">
        <v>5331</v>
      </c>
      <c r="W1063" s="47" t="s">
        <v>5331</v>
      </c>
      <c r="X1063" s="47" t="s">
        <v>5331</v>
      </c>
      <c r="Y1063" s="47" t="s">
        <v>5331</v>
      </c>
      <c r="Z1063" s="28"/>
      <c r="AA1063" s="27"/>
      <c r="AB1063" s="27"/>
      <c r="AC1063" s="27"/>
      <c r="AD1063" s="30"/>
      <c r="AE1063" s="1"/>
      <c r="AF1063" s="23" t="s">
        <v>5331</v>
      </c>
      <c r="AG1063" s="26"/>
      <c r="AH1063" s="53"/>
    </row>
    <row r="1064" spans="1:34" ht="51.6" customHeight="1" x14ac:dyDescent="0.45">
      <c r="A1064" s="23">
        <v>1058</v>
      </c>
      <c r="B1064" s="25"/>
      <c r="C1064" s="25"/>
      <c r="D1064" s="29"/>
      <c r="E1064" s="1"/>
      <c r="F1064" s="1"/>
      <c r="G1064" s="25"/>
      <c r="H1064" s="71"/>
      <c r="I1064" s="83"/>
      <c r="J1064" s="50" t="str">
        <f t="shared" si="34"/>
        <v/>
      </c>
      <c r="K1064" s="23" t="s">
        <v>7120</v>
      </c>
      <c r="L1064" s="49" t="e">
        <f>VLOOKUP(E1064&amp;F1064,団体コード!$A$1:$C$1743,3,FALSE)</f>
        <v>#N/A</v>
      </c>
      <c r="M1064" s="49" t="e">
        <f>VLOOKUP(E1064&amp;F1064,団体コード!$A$1:$C$1743,2,FALSE)</f>
        <v>#N/A</v>
      </c>
      <c r="N1064" s="51" t="e">
        <f>VLOOKUP(E1064,団体コード!$E$1:$F$48,2,FALSE)</f>
        <v>#N/A</v>
      </c>
      <c r="O1064" s="51" t="e">
        <f t="shared" si="35"/>
        <v>#N/A</v>
      </c>
      <c r="P1064" s="51">
        <v>1</v>
      </c>
      <c r="Q1064" s="51" t="s">
        <v>5341</v>
      </c>
      <c r="R1064" s="54" t="b">
        <v>1</v>
      </c>
      <c r="S1064" s="52" t="s">
        <v>7126</v>
      </c>
      <c r="T1064" s="67" t="s">
        <v>7127</v>
      </c>
      <c r="U1064" s="75" t="s">
        <v>5331</v>
      </c>
      <c r="V1064" s="47" t="s">
        <v>5331</v>
      </c>
      <c r="W1064" s="47" t="s">
        <v>5331</v>
      </c>
      <c r="X1064" s="47" t="s">
        <v>5331</v>
      </c>
      <c r="Y1064" s="47" t="s">
        <v>5331</v>
      </c>
      <c r="Z1064" s="28"/>
      <c r="AA1064" s="27"/>
      <c r="AB1064" s="27"/>
      <c r="AC1064" s="27"/>
      <c r="AD1064" s="30"/>
      <c r="AE1064" s="1"/>
      <c r="AF1064" s="23" t="s">
        <v>5331</v>
      </c>
      <c r="AG1064" s="26"/>
      <c r="AH1064" s="53"/>
    </row>
    <row r="1065" spans="1:34" ht="51.6" customHeight="1" x14ac:dyDescent="0.45">
      <c r="A1065" s="23">
        <v>1059</v>
      </c>
      <c r="B1065" s="25"/>
      <c r="C1065" s="25"/>
      <c r="D1065" s="29"/>
      <c r="E1065" s="1"/>
      <c r="F1065" s="1"/>
      <c r="G1065" s="25"/>
      <c r="H1065" s="71"/>
      <c r="I1065" s="83"/>
      <c r="J1065" s="50" t="str">
        <f t="shared" si="34"/>
        <v/>
      </c>
      <c r="K1065" s="23" t="s">
        <v>7120</v>
      </c>
      <c r="L1065" s="49" t="e">
        <f>VLOOKUP(E1065&amp;F1065,団体コード!$A$1:$C$1743,3,FALSE)</f>
        <v>#N/A</v>
      </c>
      <c r="M1065" s="49" t="e">
        <f>VLOOKUP(E1065&amp;F1065,団体コード!$A$1:$C$1743,2,FALSE)</f>
        <v>#N/A</v>
      </c>
      <c r="N1065" s="51" t="e">
        <f>VLOOKUP(E1065,団体コード!$E$1:$F$48,2,FALSE)</f>
        <v>#N/A</v>
      </c>
      <c r="O1065" s="51" t="e">
        <f t="shared" si="35"/>
        <v>#N/A</v>
      </c>
      <c r="P1065" s="51">
        <v>1</v>
      </c>
      <c r="Q1065" s="51" t="s">
        <v>5341</v>
      </c>
      <c r="R1065" s="54" t="b">
        <v>1</v>
      </c>
      <c r="S1065" s="52" t="s">
        <v>7126</v>
      </c>
      <c r="T1065" s="67" t="s">
        <v>7127</v>
      </c>
      <c r="U1065" s="75" t="s">
        <v>5331</v>
      </c>
      <c r="V1065" s="47" t="s">
        <v>5331</v>
      </c>
      <c r="W1065" s="47" t="s">
        <v>5331</v>
      </c>
      <c r="X1065" s="47" t="s">
        <v>5331</v>
      </c>
      <c r="Y1065" s="47" t="s">
        <v>5331</v>
      </c>
      <c r="Z1065" s="28"/>
      <c r="AA1065" s="27"/>
      <c r="AB1065" s="27"/>
      <c r="AC1065" s="27"/>
      <c r="AD1065" s="30"/>
      <c r="AE1065" s="1"/>
      <c r="AF1065" s="23" t="s">
        <v>5331</v>
      </c>
      <c r="AG1065" s="26"/>
      <c r="AH1065" s="53"/>
    </row>
    <row r="1066" spans="1:34" ht="51.6" customHeight="1" x14ac:dyDescent="0.45">
      <c r="A1066" s="23">
        <v>1060</v>
      </c>
      <c r="B1066" s="25"/>
      <c r="C1066" s="25"/>
      <c r="D1066" s="29"/>
      <c r="E1066" s="1"/>
      <c r="F1066" s="1"/>
      <c r="G1066" s="25"/>
      <c r="H1066" s="71"/>
      <c r="I1066" s="83"/>
      <c r="J1066" s="50" t="str">
        <f t="shared" si="34"/>
        <v/>
      </c>
      <c r="K1066" s="23" t="s">
        <v>7120</v>
      </c>
      <c r="L1066" s="49" t="e">
        <f>VLOOKUP(E1066&amp;F1066,団体コード!$A$1:$C$1743,3,FALSE)</f>
        <v>#N/A</v>
      </c>
      <c r="M1066" s="49" t="e">
        <f>VLOOKUP(E1066&amp;F1066,団体コード!$A$1:$C$1743,2,FALSE)</f>
        <v>#N/A</v>
      </c>
      <c r="N1066" s="51" t="e">
        <f>VLOOKUP(E1066,団体コード!$E$1:$F$48,2,FALSE)</f>
        <v>#N/A</v>
      </c>
      <c r="O1066" s="51" t="e">
        <f t="shared" si="35"/>
        <v>#N/A</v>
      </c>
      <c r="P1066" s="51">
        <v>1</v>
      </c>
      <c r="Q1066" s="51" t="s">
        <v>5341</v>
      </c>
      <c r="R1066" s="54" t="b">
        <v>1</v>
      </c>
      <c r="S1066" s="52" t="s">
        <v>7126</v>
      </c>
      <c r="T1066" s="67" t="s">
        <v>7127</v>
      </c>
      <c r="U1066" s="75" t="s">
        <v>5331</v>
      </c>
      <c r="V1066" s="47" t="s">
        <v>5331</v>
      </c>
      <c r="W1066" s="47" t="s">
        <v>5331</v>
      </c>
      <c r="X1066" s="47" t="s">
        <v>5331</v>
      </c>
      <c r="Y1066" s="47" t="s">
        <v>5331</v>
      </c>
      <c r="Z1066" s="28"/>
      <c r="AA1066" s="27"/>
      <c r="AB1066" s="27"/>
      <c r="AC1066" s="27"/>
      <c r="AD1066" s="30"/>
      <c r="AE1066" s="1"/>
      <c r="AF1066" s="23" t="s">
        <v>5331</v>
      </c>
      <c r="AG1066" s="26"/>
      <c r="AH1066" s="53"/>
    </row>
    <row r="1067" spans="1:34" ht="51.6" customHeight="1" x14ac:dyDescent="0.45">
      <c r="A1067" s="23">
        <v>1061</v>
      </c>
      <c r="B1067" s="25"/>
      <c r="C1067" s="25"/>
      <c r="D1067" s="29"/>
      <c r="E1067" s="1"/>
      <c r="F1067" s="1"/>
      <c r="G1067" s="25"/>
      <c r="H1067" s="71"/>
      <c r="I1067" s="83"/>
      <c r="J1067" s="50" t="str">
        <f t="shared" si="34"/>
        <v/>
      </c>
      <c r="K1067" s="23" t="s">
        <v>7120</v>
      </c>
      <c r="L1067" s="49" t="e">
        <f>VLOOKUP(E1067&amp;F1067,団体コード!$A$1:$C$1743,3,FALSE)</f>
        <v>#N/A</v>
      </c>
      <c r="M1067" s="49" t="e">
        <f>VLOOKUP(E1067&amp;F1067,団体コード!$A$1:$C$1743,2,FALSE)</f>
        <v>#N/A</v>
      </c>
      <c r="N1067" s="51" t="e">
        <f>VLOOKUP(E1067,団体コード!$E$1:$F$48,2,FALSE)</f>
        <v>#N/A</v>
      </c>
      <c r="O1067" s="51" t="e">
        <f t="shared" si="35"/>
        <v>#N/A</v>
      </c>
      <c r="P1067" s="51">
        <v>1</v>
      </c>
      <c r="Q1067" s="51" t="s">
        <v>5341</v>
      </c>
      <c r="R1067" s="54" t="b">
        <v>1</v>
      </c>
      <c r="S1067" s="52" t="s">
        <v>7126</v>
      </c>
      <c r="T1067" s="67" t="s">
        <v>7127</v>
      </c>
      <c r="U1067" s="75" t="s">
        <v>5331</v>
      </c>
      <c r="V1067" s="47" t="s">
        <v>5331</v>
      </c>
      <c r="W1067" s="47" t="s">
        <v>5331</v>
      </c>
      <c r="X1067" s="47" t="s">
        <v>5331</v>
      </c>
      <c r="Y1067" s="47" t="s">
        <v>5331</v>
      </c>
      <c r="Z1067" s="28"/>
      <c r="AA1067" s="27"/>
      <c r="AB1067" s="27"/>
      <c r="AC1067" s="27"/>
      <c r="AD1067" s="30"/>
      <c r="AE1067" s="1"/>
      <c r="AF1067" s="23" t="s">
        <v>5331</v>
      </c>
      <c r="AG1067" s="26"/>
      <c r="AH1067" s="53"/>
    </row>
    <row r="1068" spans="1:34" ht="51.6" customHeight="1" x14ac:dyDescent="0.45">
      <c r="A1068" s="23">
        <v>1062</v>
      </c>
      <c r="B1068" s="25"/>
      <c r="C1068" s="25"/>
      <c r="D1068" s="29"/>
      <c r="E1068" s="1"/>
      <c r="F1068" s="1"/>
      <c r="G1068" s="25"/>
      <c r="H1068" s="71"/>
      <c r="I1068" s="83"/>
      <c r="J1068" s="50" t="str">
        <f t="shared" si="34"/>
        <v/>
      </c>
      <c r="K1068" s="23" t="s">
        <v>7120</v>
      </c>
      <c r="L1068" s="49" t="e">
        <f>VLOOKUP(E1068&amp;F1068,団体コード!$A$1:$C$1743,3,FALSE)</f>
        <v>#N/A</v>
      </c>
      <c r="M1068" s="49" t="e">
        <f>VLOOKUP(E1068&amp;F1068,団体コード!$A$1:$C$1743,2,FALSE)</f>
        <v>#N/A</v>
      </c>
      <c r="N1068" s="51" t="e">
        <f>VLOOKUP(E1068,団体コード!$E$1:$F$48,2,FALSE)</f>
        <v>#N/A</v>
      </c>
      <c r="O1068" s="51" t="e">
        <f t="shared" si="35"/>
        <v>#N/A</v>
      </c>
      <c r="P1068" s="51">
        <v>1</v>
      </c>
      <c r="Q1068" s="51" t="s">
        <v>5341</v>
      </c>
      <c r="R1068" s="54" t="b">
        <v>1</v>
      </c>
      <c r="S1068" s="52" t="s">
        <v>7126</v>
      </c>
      <c r="T1068" s="67" t="s">
        <v>7127</v>
      </c>
      <c r="U1068" s="75" t="s">
        <v>5331</v>
      </c>
      <c r="V1068" s="47" t="s">
        <v>5331</v>
      </c>
      <c r="W1068" s="47" t="s">
        <v>5331</v>
      </c>
      <c r="X1068" s="47" t="s">
        <v>5331</v>
      </c>
      <c r="Y1068" s="47" t="s">
        <v>5331</v>
      </c>
      <c r="Z1068" s="28"/>
      <c r="AA1068" s="27"/>
      <c r="AB1068" s="27"/>
      <c r="AC1068" s="27"/>
      <c r="AD1068" s="30"/>
      <c r="AE1068" s="1"/>
      <c r="AF1068" s="23" t="s">
        <v>5331</v>
      </c>
      <c r="AG1068" s="26"/>
      <c r="AH1068" s="53"/>
    </row>
    <row r="1069" spans="1:34" ht="51.6" customHeight="1" x14ac:dyDescent="0.45">
      <c r="A1069" s="23">
        <v>1063</v>
      </c>
      <c r="B1069" s="25"/>
      <c r="C1069" s="25"/>
      <c r="D1069" s="29"/>
      <c r="E1069" s="1"/>
      <c r="F1069" s="1"/>
      <c r="G1069" s="25"/>
      <c r="H1069" s="71"/>
      <c r="I1069" s="83"/>
      <c r="J1069" s="50" t="str">
        <f t="shared" si="34"/>
        <v/>
      </c>
      <c r="K1069" s="23" t="s">
        <v>7120</v>
      </c>
      <c r="L1069" s="49" t="e">
        <f>VLOOKUP(E1069&amp;F1069,団体コード!$A$1:$C$1743,3,FALSE)</f>
        <v>#N/A</v>
      </c>
      <c r="M1069" s="49" t="e">
        <f>VLOOKUP(E1069&amp;F1069,団体コード!$A$1:$C$1743,2,FALSE)</f>
        <v>#N/A</v>
      </c>
      <c r="N1069" s="51" t="e">
        <f>VLOOKUP(E1069,団体コード!$E$1:$F$48,2,FALSE)</f>
        <v>#N/A</v>
      </c>
      <c r="O1069" s="51" t="e">
        <f t="shared" si="35"/>
        <v>#N/A</v>
      </c>
      <c r="P1069" s="51">
        <v>1</v>
      </c>
      <c r="Q1069" s="51" t="s">
        <v>5341</v>
      </c>
      <c r="R1069" s="54" t="b">
        <v>1</v>
      </c>
      <c r="S1069" s="52" t="s">
        <v>7126</v>
      </c>
      <c r="T1069" s="67" t="s">
        <v>7127</v>
      </c>
      <c r="U1069" s="75" t="s">
        <v>5331</v>
      </c>
      <c r="V1069" s="47" t="s">
        <v>5331</v>
      </c>
      <c r="W1069" s="47" t="s">
        <v>5331</v>
      </c>
      <c r="X1069" s="47" t="s">
        <v>5331</v>
      </c>
      <c r="Y1069" s="47" t="s">
        <v>5331</v>
      </c>
      <c r="Z1069" s="28"/>
      <c r="AA1069" s="27"/>
      <c r="AB1069" s="27"/>
      <c r="AC1069" s="27"/>
      <c r="AD1069" s="30"/>
      <c r="AE1069" s="1"/>
      <c r="AF1069" s="23" t="s">
        <v>5331</v>
      </c>
      <c r="AG1069" s="26"/>
      <c r="AH1069" s="53"/>
    </row>
    <row r="1070" spans="1:34" ht="51.6" customHeight="1" x14ac:dyDescent="0.45">
      <c r="A1070" s="23">
        <v>1064</v>
      </c>
      <c r="B1070" s="25"/>
      <c r="C1070" s="25"/>
      <c r="D1070" s="29"/>
      <c r="E1070" s="1"/>
      <c r="F1070" s="1"/>
      <c r="G1070" s="25"/>
      <c r="H1070" s="71"/>
      <c r="I1070" s="83"/>
      <c r="J1070" s="50" t="str">
        <f t="shared" si="34"/>
        <v/>
      </c>
      <c r="K1070" s="23" t="s">
        <v>7120</v>
      </c>
      <c r="L1070" s="49" t="e">
        <f>VLOOKUP(E1070&amp;F1070,団体コード!$A$1:$C$1743,3,FALSE)</f>
        <v>#N/A</v>
      </c>
      <c r="M1070" s="49" t="e">
        <f>VLOOKUP(E1070&amp;F1070,団体コード!$A$1:$C$1743,2,FALSE)</f>
        <v>#N/A</v>
      </c>
      <c r="N1070" s="51" t="e">
        <f>VLOOKUP(E1070,団体コード!$E$1:$F$48,2,FALSE)</f>
        <v>#N/A</v>
      </c>
      <c r="O1070" s="51" t="e">
        <f t="shared" si="35"/>
        <v>#N/A</v>
      </c>
      <c r="P1070" s="51">
        <v>1</v>
      </c>
      <c r="Q1070" s="51" t="s">
        <v>5341</v>
      </c>
      <c r="R1070" s="54" t="b">
        <v>1</v>
      </c>
      <c r="S1070" s="52" t="s">
        <v>7126</v>
      </c>
      <c r="T1070" s="67" t="s">
        <v>7127</v>
      </c>
      <c r="U1070" s="75" t="s">
        <v>5331</v>
      </c>
      <c r="V1070" s="47" t="s">
        <v>5331</v>
      </c>
      <c r="W1070" s="47" t="s">
        <v>5331</v>
      </c>
      <c r="X1070" s="47" t="s">
        <v>5331</v>
      </c>
      <c r="Y1070" s="47" t="s">
        <v>5331</v>
      </c>
      <c r="Z1070" s="28"/>
      <c r="AA1070" s="27"/>
      <c r="AB1070" s="27"/>
      <c r="AC1070" s="27"/>
      <c r="AD1070" s="30"/>
      <c r="AE1070" s="1"/>
      <c r="AF1070" s="23" t="s">
        <v>5331</v>
      </c>
      <c r="AG1070" s="26"/>
      <c r="AH1070" s="53"/>
    </row>
    <row r="1071" spans="1:34" ht="51.6" customHeight="1" x14ac:dyDescent="0.45">
      <c r="A1071" s="23">
        <v>1065</v>
      </c>
      <c r="B1071" s="25"/>
      <c r="C1071" s="25"/>
      <c r="D1071" s="29"/>
      <c r="E1071" s="1"/>
      <c r="F1071" s="1"/>
      <c r="G1071" s="25"/>
      <c r="H1071" s="71"/>
      <c r="I1071" s="83"/>
      <c r="J1071" s="50" t="str">
        <f t="shared" si="34"/>
        <v/>
      </c>
      <c r="K1071" s="23" t="s">
        <v>7120</v>
      </c>
      <c r="L1071" s="49" t="e">
        <f>VLOOKUP(E1071&amp;F1071,団体コード!$A$1:$C$1743,3,FALSE)</f>
        <v>#N/A</v>
      </c>
      <c r="M1071" s="49" t="e">
        <f>VLOOKUP(E1071&amp;F1071,団体コード!$A$1:$C$1743,2,FALSE)</f>
        <v>#N/A</v>
      </c>
      <c r="N1071" s="51" t="e">
        <f>VLOOKUP(E1071,団体コード!$E$1:$F$48,2,FALSE)</f>
        <v>#N/A</v>
      </c>
      <c r="O1071" s="51" t="e">
        <f t="shared" si="35"/>
        <v>#N/A</v>
      </c>
      <c r="P1071" s="51">
        <v>1</v>
      </c>
      <c r="Q1071" s="51" t="s">
        <v>5341</v>
      </c>
      <c r="R1071" s="54" t="b">
        <v>1</v>
      </c>
      <c r="S1071" s="52" t="s">
        <v>7126</v>
      </c>
      <c r="T1071" s="67" t="s">
        <v>7127</v>
      </c>
      <c r="U1071" s="75" t="s">
        <v>5331</v>
      </c>
      <c r="V1071" s="47" t="s">
        <v>5331</v>
      </c>
      <c r="W1071" s="47" t="s">
        <v>5331</v>
      </c>
      <c r="X1071" s="47" t="s">
        <v>5331</v>
      </c>
      <c r="Y1071" s="47" t="s">
        <v>5331</v>
      </c>
      <c r="Z1071" s="28"/>
      <c r="AA1071" s="27"/>
      <c r="AB1071" s="27"/>
      <c r="AC1071" s="27"/>
      <c r="AD1071" s="30"/>
      <c r="AE1071" s="1"/>
      <c r="AF1071" s="23" t="s">
        <v>5331</v>
      </c>
      <c r="AG1071" s="26"/>
      <c r="AH1071" s="53"/>
    </row>
    <row r="1072" spans="1:34" ht="51.6" customHeight="1" x14ac:dyDescent="0.45">
      <c r="A1072" s="23">
        <v>1066</v>
      </c>
      <c r="B1072" s="25"/>
      <c r="C1072" s="25"/>
      <c r="D1072" s="29"/>
      <c r="E1072" s="1"/>
      <c r="F1072" s="1"/>
      <c r="G1072" s="25"/>
      <c r="H1072" s="71"/>
      <c r="I1072" s="83"/>
      <c r="J1072" s="50" t="str">
        <f t="shared" si="34"/>
        <v/>
      </c>
      <c r="K1072" s="23" t="s">
        <v>7120</v>
      </c>
      <c r="L1072" s="49" t="e">
        <f>VLOOKUP(E1072&amp;F1072,団体コード!$A$1:$C$1743,3,FALSE)</f>
        <v>#N/A</v>
      </c>
      <c r="M1072" s="49" t="e">
        <f>VLOOKUP(E1072&amp;F1072,団体コード!$A$1:$C$1743,2,FALSE)</f>
        <v>#N/A</v>
      </c>
      <c r="N1072" s="51" t="e">
        <f>VLOOKUP(E1072,団体コード!$E$1:$F$48,2,FALSE)</f>
        <v>#N/A</v>
      </c>
      <c r="O1072" s="51" t="e">
        <f t="shared" si="35"/>
        <v>#N/A</v>
      </c>
      <c r="P1072" s="51">
        <v>1</v>
      </c>
      <c r="Q1072" s="51" t="s">
        <v>5341</v>
      </c>
      <c r="R1072" s="54" t="b">
        <v>1</v>
      </c>
      <c r="S1072" s="52" t="s">
        <v>7126</v>
      </c>
      <c r="T1072" s="67" t="s">
        <v>7127</v>
      </c>
      <c r="U1072" s="75" t="s">
        <v>5331</v>
      </c>
      <c r="V1072" s="47" t="s">
        <v>5331</v>
      </c>
      <c r="W1072" s="47" t="s">
        <v>5331</v>
      </c>
      <c r="X1072" s="47" t="s">
        <v>5331</v>
      </c>
      <c r="Y1072" s="47" t="s">
        <v>5331</v>
      </c>
      <c r="Z1072" s="28"/>
      <c r="AA1072" s="27"/>
      <c r="AB1072" s="27"/>
      <c r="AC1072" s="27"/>
      <c r="AD1072" s="30"/>
      <c r="AE1072" s="1"/>
      <c r="AF1072" s="23" t="s">
        <v>5331</v>
      </c>
      <c r="AG1072" s="26"/>
      <c r="AH1072" s="53"/>
    </row>
    <row r="1073" spans="1:34" ht="51.6" customHeight="1" x14ac:dyDescent="0.45">
      <c r="A1073" s="23">
        <v>1067</v>
      </c>
      <c r="B1073" s="25"/>
      <c r="C1073" s="25"/>
      <c r="D1073" s="29"/>
      <c r="E1073" s="1"/>
      <c r="F1073" s="1"/>
      <c r="G1073" s="25"/>
      <c r="H1073" s="71"/>
      <c r="I1073" s="83"/>
      <c r="J1073" s="50" t="str">
        <f t="shared" si="34"/>
        <v/>
      </c>
      <c r="K1073" s="23" t="s">
        <v>7120</v>
      </c>
      <c r="L1073" s="49" t="e">
        <f>VLOOKUP(E1073&amp;F1073,団体コード!$A$1:$C$1743,3,FALSE)</f>
        <v>#N/A</v>
      </c>
      <c r="M1073" s="49" t="e">
        <f>VLOOKUP(E1073&amp;F1073,団体コード!$A$1:$C$1743,2,FALSE)</f>
        <v>#N/A</v>
      </c>
      <c r="N1073" s="51" t="e">
        <f>VLOOKUP(E1073,団体コード!$E$1:$F$48,2,FALSE)</f>
        <v>#N/A</v>
      </c>
      <c r="O1073" s="51" t="e">
        <f t="shared" si="35"/>
        <v>#N/A</v>
      </c>
      <c r="P1073" s="51">
        <v>1</v>
      </c>
      <c r="Q1073" s="51" t="s">
        <v>5341</v>
      </c>
      <c r="R1073" s="54" t="b">
        <v>1</v>
      </c>
      <c r="S1073" s="52" t="s">
        <v>7126</v>
      </c>
      <c r="T1073" s="67" t="s">
        <v>7127</v>
      </c>
      <c r="U1073" s="75" t="s">
        <v>5331</v>
      </c>
      <c r="V1073" s="47" t="s">
        <v>5331</v>
      </c>
      <c r="W1073" s="47" t="s">
        <v>5331</v>
      </c>
      <c r="X1073" s="47" t="s">
        <v>5331</v>
      </c>
      <c r="Y1073" s="47" t="s">
        <v>5331</v>
      </c>
      <c r="Z1073" s="28"/>
      <c r="AA1073" s="27"/>
      <c r="AB1073" s="27"/>
      <c r="AC1073" s="27"/>
      <c r="AD1073" s="30"/>
      <c r="AE1073" s="1"/>
      <c r="AF1073" s="23" t="s">
        <v>5331</v>
      </c>
      <c r="AG1073" s="26"/>
      <c r="AH1073" s="53"/>
    </row>
    <row r="1074" spans="1:34" ht="51.6" customHeight="1" x14ac:dyDescent="0.45">
      <c r="A1074" s="23">
        <v>1068</v>
      </c>
      <c r="B1074" s="25"/>
      <c r="C1074" s="25"/>
      <c r="D1074" s="29"/>
      <c r="E1074" s="1"/>
      <c r="F1074" s="1"/>
      <c r="G1074" s="25"/>
      <c r="H1074" s="71"/>
      <c r="I1074" s="83"/>
      <c r="J1074" s="50" t="str">
        <f t="shared" si="34"/>
        <v/>
      </c>
      <c r="K1074" s="23" t="s">
        <v>7120</v>
      </c>
      <c r="L1074" s="49" t="e">
        <f>VLOOKUP(E1074&amp;F1074,団体コード!$A$1:$C$1743,3,FALSE)</f>
        <v>#N/A</v>
      </c>
      <c r="M1074" s="49" t="e">
        <f>VLOOKUP(E1074&amp;F1074,団体コード!$A$1:$C$1743,2,FALSE)</f>
        <v>#N/A</v>
      </c>
      <c r="N1074" s="51" t="e">
        <f>VLOOKUP(E1074,団体コード!$E$1:$F$48,2,FALSE)</f>
        <v>#N/A</v>
      </c>
      <c r="O1074" s="51" t="e">
        <f t="shared" si="35"/>
        <v>#N/A</v>
      </c>
      <c r="P1074" s="51">
        <v>1</v>
      </c>
      <c r="Q1074" s="51" t="s">
        <v>5341</v>
      </c>
      <c r="R1074" s="54" t="b">
        <v>1</v>
      </c>
      <c r="S1074" s="52" t="s">
        <v>7126</v>
      </c>
      <c r="T1074" s="67" t="s">
        <v>7127</v>
      </c>
      <c r="U1074" s="75" t="s">
        <v>5331</v>
      </c>
      <c r="V1074" s="47" t="s">
        <v>5331</v>
      </c>
      <c r="W1074" s="47" t="s">
        <v>5331</v>
      </c>
      <c r="X1074" s="47" t="s">
        <v>5331</v>
      </c>
      <c r="Y1074" s="47" t="s">
        <v>5331</v>
      </c>
      <c r="Z1074" s="28"/>
      <c r="AA1074" s="27"/>
      <c r="AB1074" s="27"/>
      <c r="AC1074" s="27"/>
      <c r="AD1074" s="30"/>
      <c r="AE1074" s="1"/>
      <c r="AF1074" s="23" t="s">
        <v>5331</v>
      </c>
      <c r="AG1074" s="26"/>
      <c r="AH1074" s="53"/>
    </row>
    <row r="1075" spans="1:34" ht="51.6" customHeight="1" x14ac:dyDescent="0.45">
      <c r="A1075" s="23">
        <v>1069</v>
      </c>
      <c r="B1075" s="25"/>
      <c r="C1075" s="25"/>
      <c r="D1075" s="29"/>
      <c r="E1075" s="1"/>
      <c r="F1075" s="1"/>
      <c r="G1075" s="25"/>
      <c r="H1075" s="71"/>
      <c r="I1075" s="83"/>
      <c r="J1075" s="50" t="str">
        <f t="shared" si="34"/>
        <v/>
      </c>
      <c r="K1075" s="23" t="s">
        <v>7120</v>
      </c>
      <c r="L1075" s="49" t="e">
        <f>VLOOKUP(E1075&amp;F1075,団体コード!$A$1:$C$1743,3,FALSE)</f>
        <v>#N/A</v>
      </c>
      <c r="M1075" s="49" t="e">
        <f>VLOOKUP(E1075&amp;F1075,団体コード!$A$1:$C$1743,2,FALSE)</f>
        <v>#N/A</v>
      </c>
      <c r="N1075" s="51" t="e">
        <f>VLOOKUP(E1075,団体コード!$E$1:$F$48,2,FALSE)</f>
        <v>#N/A</v>
      </c>
      <c r="O1075" s="51" t="e">
        <f t="shared" si="35"/>
        <v>#N/A</v>
      </c>
      <c r="P1075" s="51">
        <v>1</v>
      </c>
      <c r="Q1075" s="51" t="s">
        <v>5341</v>
      </c>
      <c r="R1075" s="54" t="b">
        <v>1</v>
      </c>
      <c r="S1075" s="52" t="s">
        <v>7126</v>
      </c>
      <c r="T1075" s="67" t="s">
        <v>7127</v>
      </c>
      <c r="U1075" s="75" t="s">
        <v>5331</v>
      </c>
      <c r="V1075" s="47" t="s">
        <v>5331</v>
      </c>
      <c r="W1075" s="47" t="s">
        <v>5331</v>
      </c>
      <c r="X1075" s="47" t="s">
        <v>5331</v>
      </c>
      <c r="Y1075" s="47" t="s">
        <v>5331</v>
      </c>
      <c r="Z1075" s="28"/>
      <c r="AA1075" s="27"/>
      <c r="AB1075" s="27"/>
      <c r="AC1075" s="27"/>
      <c r="AD1075" s="30"/>
      <c r="AE1075" s="1"/>
      <c r="AF1075" s="23" t="s">
        <v>5331</v>
      </c>
      <c r="AG1075" s="26"/>
      <c r="AH1075" s="53"/>
    </row>
    <row r="1076" spans="1:34" ht="51.6" customHeight="1" x14ac:dyDescent="0.45">
      <c r="A1076" s="23">
        <v>1070</v>
      </c>
      <c r="B1076" s="25"/>
      <c r="C1076" s="25"/>
      <c r="D1076" s="29"/>
      <c r="E1076" s="1"/>
      <c r="F1076" s="1"/>
      <c r="G1076" s="25"/>
      <c r="H1076" s="71"/>
      <c r="I1076" s="83"/>
      <c r="J1076" s="50" t="str">
        <f t="shared" si="34"/>
        <v/>
      </c>
      <c r="K1076" s="23" t="s">
        <v>7120</v>
      </c>
      <c r="L1076" s="49" t="e">
        <f>VLOOKUP(E1076&amp;F1076,団体コード!$A$1:$C$1743,3,FALSE)</f>
        <v>#N/A</v>
      </c>
      <c r="M1076" s="49" t="e">
        <f>VLOOKUP(E1076&amp;F1076,団体コード!$A$1:$C$1743,2,FALSE)</f>
        <v>#N/A</v>
      </c>
      <c r="N1076" s="51" t="e">
        <f>VLOOKUP(E1076,団体コード!$E$1:$F$48,2,FALSE)</f>
        <v>#N/A</v>
      </c>
      <c r="O1076" s="51" t="e">
        <f t="shared" si="35"/>
        <v>#N/A</v>
      </c>
      <c r="P1076" s="51">
        <v>1</v>
      </c>
      <c r="Q1076" s="51" t="s">
        <v>5341</v>
      </c>
      <c r="R1076" s="54" t="b">
        <v>1</v>
      </c>
      <c r="S1076" s="52" t="s">
        <v>7126</v>
      </c>
      <c r="T1076" s="67" t="s">
        <v>7127</v>
      </c>
      <c r="U1076" s="75" t="s">
        <v>5331</v>
      </c>
      <c r="V1076" s="47" t="s">
        <v>5331</v>
      </c>
      <c r="W1076" s="47" t="s">
        <v>5331</v>
      </c>
      <c r="X1076" s="47" t="s">
        <v>5331</v>
      </c>
      <c r="Y1076" s="47" t="s">
        <v>5331</v>
      </c>
      <c r="Z1076" s="28"/>
      <c r="AA1076" s="27"/>
      <c r="AB1076" s="27"/>
      <c r="AC1076" s="27"/>
      <c r="AD1076" s="30"/>
      <c r="AE1076" s="1"/>
      <c r="AF1076" s="23" t="s">
        <v>5331</v>
      </c>
      <c r="AG1076" s="26"/>
      <c r="AH1076" s="53"/>
    </row>
    <row r="1077" spans="1:34" ht="51.6" customHeight="1" x14ac:dyDescent="0.45">
      <c r="A1077" s="23">
        <v>1071</v>
      </c>
      <c r="B1077" s="25"/>
      <c r="C1077" s="25"/>
      <c r="D1077" s="29"/>
      <c r="E1077" s="1"/>
      <c r="F1077" s="1"/>
      <c r="G1077" s="25"/>
      <c r="H1077" s="71"/>
      <c r="I1077" s="83"/>
      <c r="J1077" s="50" t="str">
        <f t="shared" si="34"/>
        <v/>
      </c>
      <c r="K1077" s="23" t="s">
        <v>7120</v>
      </c>
      <c r="L1077" s="49" t="e">
        <f>VLOOKUP(E1077&amp;F1077,団体コード!$A$1:$C$1743,3,FALSE)</f>
        <v>#N/A</v>
      </c>
      <c r="M1077" s="49" t="e">
        <f>VLOOKUP(E1077&amp;F1077,団体コード!$A$1:$C$1743,2,FALSE)</f>
        <v>#N/A</v>
      </c>
      <c r="N1077" s="51" t="e">
        <f>VLOOKUP(E1077,団体コード!$E$1:$F$48,2,FALSE)</f>
        <v>#N/A</v>
      </c>
      <c r="O1077" s="51" t="e">
        <f t="shared" si="35"/>
        <v>#N/A</v>
      </c>
      <c r="P1077" s="51">
        <v>1</v>
      </c>
      <c r="Q1077" s="51" t="s">
        <v>5341</v>
      </c>
      <c r="R1077" s="54" t="b">
        <v>1</v>
      </c>
      <c r="S1077" s="52" t="s">
        <v>7126</v>
      </c>
      <c r="T1077" s="67" t="s">
        <v>7127</v>
      </c>
      <c r="U1077" s="75" t="s">
        <v>5331</v>
      </c>
      <c r="V1077" s="47" t="s">
        <v>5331</v>
      </c>
      <c r="W1077" s="47" t="s">
        <v>5331</v>
      </c>
      <c r="X1077" s="47" t="s">
        <v>5331</v>
      </c>
      <c r="Y1077" s="47" t="s">
        <v>5331</v>
      </c>
      <c r="Z1077" s="28"/>
      <c r="AA1077" s="27"/>
      <c r="AB1077" s="27"/>
      <c r="AC1077" s="27"/>
      <c r="AD1077" s="30"/>
      <c r="AE1077" s="1"/>
      <c r="AF1077" s="23" t="s">
        <v>5331</v>
      </c>
      <c r="AG1077" s="26"/>
      <c r="AH1077" s="53"/>
    </row>
    <row r="1078" spans="1:34" ht="51.6" customHeight="1" x14ac:dyDescent="0.45">
      <c r="A1078" s="23">
        <v>1072</v>
      </c>
      <c r="B1078" s="25"/>
      <c r="C1078" s="25"/>
      <c r="D1078" s="29"/>
      <c r="E1078" s="1"/>
      <c r="F1078" s="1"/>
      <c r="G1078" s="25"/>
      <c r="H1078" s="71"/>
      <c r="I1078" s="83"/>
      <c r="J1078" s="50" t="str">
        <f t="shared" si="34"/>
        <v/>
      </c>
      <c r="K1078" s="23" t="s">
        <v>7120</v>
      </c>
      <c r="L1078" s="49" t="e">
        <f>VLOOKUP(E1078&amp;F1078,団体コード!$A$1:$C$1743,3,FALSE)</f>
        <v>#N/A</v>
      </c>
      <c r="M1078" s="49" t="e">
        <f>VLOOKUP(E1078&amp;F1078,団体コード!$A$1:$C$1743,2,FALSE)</f>
        <v>#N/A</v>
      </c>
      <c r="N1078" s="51" t="e">
        <f>VLOOKUP(E1078,団体コード!$E$1:$F$48,2,FALSE)</f>
        <v>#N/A</v>
      </c>
      <c r="O1078" s="51" t="e">
        <f t="shared" si="35"/>
        <v>#N/A</v>
      </c>
      <c r="P1078" s="51">
        <v>1</v>
      </c>
      <c r="Q1078" s="51" t="s">
        <v>5341</v>
      </c>
      <c r="R1078" s="54" t="b">
        <v>1</v>
      </c>
      <c r="S1078" s="52" t="s">
        <v>7126</v>
      </c>
      <c r="T1078" s="67" t="s">
        <v>7127</v>
      </c>
      <c r="U1078" s="75" t="s">
        <v>5331</v>
      </c>
      <c r="V1078" s="47" t="s">
        <v>5331</v>
      </c>
      <c r="W1078" s="47" t="s">
        <v>5331</v>
      </c>
      <c r="X1078" s="47" t="s">
        <v>5331</v>
      </c>
      <c r="Y1078" s="47" t="s">
        <v>5331</v>
      </c>
      <c r="Z1078" s="28"/>
      <c r="AA1078" s="27"/>
      <c r="AB1078" s="27"/>
      <c r="AC1078" s="27"/>
      <c r="AD1078" s="30"/>
      <c r="AE1078" s="1"/>
      <c r="AF1078" s="23" t="s">
        <v>5331</v>
      </c>
      <c r="AG1078" s="26"/>
      <c r="AH1078" s="53"/>
    </row>
    <row r="1079" spans="1:34" ht="51.6" customHeight="1" x14ac:dyDescent="0.45">
      <c r="A1079" s="23">
        <v>1073</v>
      </c>
      <c r="B1079" s="25"/>
      <c r="C1079" s="25"/>
      <c r="D1079" s="29"/>
      <c r="E1079" s="1"/>
      <c r="F1079" s="1"/>
      <c r="G1079" s="25"/>
      <c r="H1079" s="71"/>
      <c r="I1079" s="83"/>
      <c r="J1079" s="50" t="str">
        <f t="shared" si="34"/>
        <v/>
      </c>
      <c r="K1079" s="23" t="s">
        <v>7120</v>
      </c>
      <c r="L1079" s="49" t="e">
        <f>VLOOKUP(E1079&amp;F1079,団体コード!$A$1:$C$1743,3,FALSE)</f>
        <v>#N/A</v>
      </c>
      <c r="M1079" s="49" t="e">
        <f>VLOOKUP(E1079&amp;F1079,団体コード!$A$1:$C$1743,2,FALSE)</f>
        <v>#N/A</v>
      </c>
      <c r="N1079" s="51" t="e">
        <f>VLOOKUP(E1079,団体コード!$E$1:$F$48,2,FALSE)</f>
        <v>#N/A</v>
      </c>
      <c r="O1079" s="51" t="e">
        <f t="shared" si="35"/>
        <v>#N/A</v>
      </c>
      <c r="P1079" s="51">
        <v>1</v>
      </c>
      <c r="Q1079" s="51" t="s">
        <v>5341</v>
      </c>
      <c r="R1079" s="54" t="b">
        <v>1</v>
      </c>
      <c r="S1079" s="52" t="s">
        <v>7126</v>
      </c>
      <c r="T1079" s="67" t="s">
        <v>7127</v>
      </c>
      <c r="U1079" s="75" t="s">
        <v>5331</v>
      </c>
      <c r="V1079" s="47" t="s">
        <v>5331</v>
      </c>
      <c r="W1079" s="47" t="s">
        <v>5331</v>
      </c>
      <c r="X1079" s="47" t="s">
        <v>5331</v>
      </c>
      <c r="Y1079" s="47" t="s">
        <v>5331</v>
      </c>
      <c r="Z1079" s="28"/>
      <c r="AA1079" s="27"/>
      <c r="AB1079" s="27"/>
      <c r="AC1079" s="27"/>
      <c r="AD1079" s="30"/>
      <c r="AE1079" s="1"/>
      <c r="AF1079" s="23" t="s">
        <v>5331</v>
      </c>
      <c r="AG1079" s="26"/>
      <c r="AH1079" s="53"/>
    </row>
    <row r="1080" spans="1:34" ht="51.6" customHeight="1" x14ac:dyDescent="0.45">
      <c r="A1080" s="23">
        <v>1074</v>
      </c>
      <c r="B1080" s="25"/>
      <c r="C1080" s="25"/>
      <c r="D1080" s="29"/>
      <c r="E1080" s="1"/>
      <c r="F1080" s="1"/>
      <c r="G1080" s="25"/>
      <c r="H1080" s="71"/>
      <c r="I1080" s="83"/>
      <c r="J1080" s="50" t="str">
        <f t="shared" si="34"/>
        <v/>
      </c>
      <c r="K1080" s="23" t="s">
        <v>7120</v>
      </c>
      <c r="L1080" s="49" t="e">
        <f>VLOOKUP(E1080&amp;F1080,団体コード!$A$1:$C$1743,3,FALSE)</f>
        <v>#N/A</v>
      </c>
      <c r="M1080" s="49" t="e">
        <f>VLOOKUP(E1080&amp;F1080,団体コード!$A$1:$C$1743,2,FALSE)</f>
        <v>#N/A</v>
      </c>
      <c r="N1080" s="51" t="e">
        <f>VLOOKUP(E1080,団体コード!$E$1:$F$48,2,FALSE)</f>
        <v>#N/A</v>
      </c>
      <c r="O1080" s="51" t="e">
        <f t="shared" si="35"/>
        <v>#N/A</v>
      </c>
      <c r="P1080" s="51">
        <v>1</v>
      </c>
      <c r="Q1080" s="51" t="s">
        <v>5341</v>
      </c>
      <c r="R1080" s="54" t="b">
        <v>1</v>
      </c>
      <c r="S1080" s="52" t="s">
        <v>7126</v>
      </c>
      <c r="T1080" s="67" t="s">
        <v>7127</v>
      </c>
      <c r="U1080" s="75" t="s">
        <v>5331</v>
      </c>
      <c r="V1080" s="47" t="s">
        <v>5331</v>
      </c>
      <c r="W1080" s="47" t="s">
        <v>5331</v>
      </c>
      <c r="X1080" s="47" t="s">
        <v>5331</v>
      </c>
      <c r="Y1080" s="47" t="s">
        <v>5331</v>
      </c>
      <c r="Z1080" s="28"/>
      <c r="AA1080" s="27"/>
      <c r="AB1080" s="27"/>
      <c r="AC1080" s="27"/>
      <c r="AD1080" s="30"/>
      <c r="AE1080" s="1"/>
      <c r="AF1080" s="23" t="s">
        <v>5331</v>
      </c>
      <c r="AG1080" s="26"/>
      <c r="AH1080" s="53"/>
    </row>
    <row r="1081" spans="1:34" ht="51.6" customHeight="1" x14ac:dyDescent="0.45">
      <c r="A1081" s="23">
        <v>1075</v>
      </c>
      <c r="B1081" s="25"/>
      <c r="C1081" s="25"/>
      <c r="D1081" s="29"/>
      <c r="E1081" s="1"/>
      <c r="F1081" s="1"/>
      <c r="G1081" s="25"/>
      <c r="H1081" s="71"/>
      <c r="I1081" s="83"/>
      <c r="J1081" s="50" t="str">
        <f t="shared" si="34"/>
        <v/>
      </c>
      <c r="K1081" s="23" t="s">
        <v>7120</v>
      </c>
      <c r="L1081" s="49" t="e">
        <f>VLOOKUP(E1081&amp;F1081,団体コード!$A$1:$C$1743,3,FALSE)</f>
        <v>#N/A</v>
      </c>
      <c r="M1081" s="49" t="e">
        <f>VLOOKUP(E1081&amp;F1081,団体コード!$A$1:$C$1743,2,FALSE)</f>
        <v>#N/A</v>
      </c>
      <c r="N1081" s="51" t="e">
        <f>VLOOKUP(E1081,団体コード!$E$1:$F$48,2,FALSE)</f>
        <v>#N/A</v>
      </c>
      <c r="O1081" s="51" t="e">
        <f t="shared" si="35"/>
        <v>#N/A</v>
      </c>
      <c r="P1081" s="51">
        <v>1</v>
      </c>
      <c r="Q1081" s="51" t="s">
        <v>5341</v>
      </c>
      <c r="R1081" s="54" t="b">
        <v>1</v>
      </c>
      <c r="S1081" s="52" t="s">
        <v>7126</v>
      </c>
      <c r="T1081" s="67" t="s">
        <v>7127</v>
      </c>
      <c r="U1081" s="75" t="s">
        <v>5331</v>
      </c>
      <c r="V1081" s="47" t="s">
        <v>5331</v>
      </c>
      <c r="W1081" s="47" t="s">
        <v>5331</v>
      </c>
      <c r="X1081" s="47" t="s">
        <v>5331</v>
      </c>
      <c r="Y1081" s="47" t="s">
        <v>5331</v>
      </c>
      <c r="Z1081" s="28"/>
      <c r="AA1081" s="27"/>
      <c r="AB1081" s="27"/>
      <c r="AC1081" s="27"/>
      <c r="AD1081" s="30"/>
      <c r="AE1081" s="1"/>
      <c r="AF1081" s="23" t="s">
        <v>5331</v>
      </c>
      <c r="AG1081" s="26"/>
      <c r="AH1081" s="53"/>
    </row>
    <row r="1082" spans="1:34" ht="51.6" customHeight="1" x14ac:dyDescent="0.45">
      <c r="A1082" s="23">
        <v>1076</v>
      </c>
      <c r="B1082" s="25"/>
      <c r="C1082" s="25"/>
      <c r="D1082" s="29"/>
      <c r="E1082" s="1"/>
      <c r="F1082" s="1"/>
      <c r="G1082" s="25"/>
      <c r="H1082" s="71"/>
      <c r="I1082" s="83"/>
      <c r="J1082" s="50" t="str">
        <f t="shared" si="34"/>
        <v/>
      </c>
      <c r="K1082" s="23" t="s">
        <v>7120</v>
      </c>
      <c r="L1082" s="49" t="e">
        <f>VLOOKUP(E1082&amp;F1082,団体コード!$A$1:$C$1743,3,FALSE)</f>
        <v>#N/A</v>
      </c>
      <c r="M1082" s="49" t="e">
        <f>VLOOKUP(E1082&amp;F1082,団体コード!$A$1:$C$1743,2,FALSE)</f>
        <v>#N/A</v>
      </c>
      <c r="N1082" s="51" t="e">
        <f>VLOOKUP(E1082,団体コード!$E$1:$F$48,2,FALSE)</f>
        <v>#N/A</v>
      </c>
      <c r="O1082" s="51" t="e">
        <f t="shared" si="35"/>
        <v>#N/A</v>
      </c>
      <c r="P1082" s="51">
        <v>1</v>
      </c>
      <c r="Q1082" s="51" t="s">
        <v>5341</v>
      </c>
      <c r="R1082" s="54" t="b">
        <v>1</v>
      </c>
      <c r="S1082" s="52" t="s">
        <v>7126</v>
      </c>
      <c r="T1082" s="67" t="s">
        <v>7127</v>
      </c>
      <c r="U1082" s="75" t="s">
        <v>5331</v>
      </c>
      <c r="V1082" s="47" t="s">
        <v>5331</v>
      </c>
      <c r="W1082" s="47" t="s">
        <v>5331</v>
      </c>
      <c r="X1082" s="47" t="s">
        <v>5331</v>
      </c>
      <c r="Y1082" s="47" t="s">
        <v>5331</v>
      </c>
      <c r="Z1082" s="28"/>
      <c r="AA1082" s="27"/>
      <c r="AB1082" s="27"/>
      <c r="AC1082" s="27"/>
      <c r="AD1082" s="30"/>
      <c r="AE1082" s="1"/>
      <c r="AF1082" s="23" t="s">
        <v>5331</v>
      </c>
      <c r="AG1082" s="26"/>
      <c r="AH1082" s="53"/>
    </row>
    <row r="1083" spans="1:34" ht="51.6" customHeight="1" x14ac:dyDescent="0.45">
      <c r="A1083" s="23">
        <v>1077</v>
      </c>
      <c r="B1083" s="25"/>
      <c r="C1083" s="25"/>
      <c r="D1083" s="29"/>
      <c r="E1083" s="1"/>
      <c r="F1083" s="1"/>
      <c r="G1083" s="25"/>
      <c r="H1083" s="71"/>
      <c r="I1083" s="83"/>
      <c r="J1083" s="50" t="str">
        <f t="shared" si="34"/>
        <v/>
      </c>
      <c r="K1083" s="23" t="s">
        <v>7120</v>
      </c>
      <c r="L1083" s="49" t="e">
        <f>VLOOKUP(E1083&amp;F1083,団体コード!$A$1:$C$1743,3,FALSE)</f>
        <v>#N/A</v>
      </c>
      <c r="M1083" s="49" t="e">
        <f>VLOOKUP(E1083&amp;F1083,団体コード!$A$1:$C$1743,2,FALSE)</f>
        <v>#N/A</v>
      </c>
      <c r="N1083" s="51" t="e">
        <f>VLOOKUP(E1083,団体コード!$E$1:$F$48,2,FALSE)</f>
        <v>#N/A</v>
      </c>
      <c r="O1083" s="51" t="e">
        <f t="shared" si="35"/>
        <v>#N/A</v>
      </c>
      <c r="P1083" s="51">
        <v>1</v>
      </c>
      <c r="Q1083" s="51" t="s">
        <v>5341</v>
      </c>
      <c r="R1083" s="54" t="b">
        <v>1</v>
      </c>
      <c r="S1083" s="52" t="s">
        <v>7126</v>
      </c>
      <c r="T1083" s="67" t="s">
        <v>7127</v>
      </c>
      <c r="U1083" s="75" t="s">
        <v>5331</v>
      </c>
      <c r="V1083" s="47" t="s">
        <v>5331</v>
      </c>
      <c r="W1083" s="47" t="s">
        <v>5331</v>
      </c>
      <c r="X1083" s="47" t="s">
        <v>5331</v>
      </c>
      <c r="Y1083" s="47" t="s">
        <v>5331</v>
      </c>
      <c r="Z1083" s="28"/>
      <c r="AA1083" s="27"/>
      <c r="AB1083" s="27"/>
      <c r="AC1083" s="27"/>
      <c r="AD1083" s="30"/>
      <c r="AE1083" s="1"/>
      <c r="AF1083" s="23" t="s">
        <v>5331</v>
      </c>
      <c r="AG1083" s="26"/>
      <c r="AH1083" s="53"/>
    </row>
    <row r="1084" spans="1:34" ht="51.6" customHeight="1" x14ac:dyDescent="0.45">
      <c r="A1084" s="23">
        <v>1078</v>
      </c>
      <c r="B1084" s="25"/>
      <c r="C1084" s="25"/>
      <c r="D1084" s="29"/>
      <c r="E1084" s="1"/>
      <c r="F1084" s="1"/>
      <c r="G1084" s="25"/>
      <c r="H1084" s="71"/>
      <c r="I1084" s="83"/>
      <c r="J1084" s="50" t="str">
        <f t="shared" si="34"/>
        <v/>
      </c>
      <c r="K1084" s="23" t="s">
        <v>7120</v>
      </c>
      <c r="L1084" s="49" t="e">
        <f>VLOOKUP(E1084&amp;F1084,団体コード!$A$1:$C$1743,3,FALSE)</f>
        <v>#N/A</v>
      </c>
      <c r="M1084" s="49" t="e">
        <f>VLOOKUP(E1084&amp;F1084,団体コード!$A$1:$C$1743,2,FALSE)</f>
        <v>#N/A</v>
      </c>
      <c r="N1084" s="51" t="e">
        <f>VLOOKUP(E1084,団体コード!$E$1:$F$48,2,FALSE)</f>
        <v>#N/A</v>
      </c>
      <c r="O1084" s="51" t="e">
        <f t="shared" si="35"/>
        <v>#N/A</v>
      </c>
      <c r="P1084" s="51">
        <v>1</v>
      </c>
      <c r="Q1084" s="51" t="s">
        <v>5341</v>
      </c>
      <c r="R1084" s="54" t="b">
        <v>1</v>
      </c>
      <c r="S1084" s="52" t="s">
        <v>7126</v>
      </c>
      <c r="T1084" s="67" t="s">
        <v>7127</v>
      </c>
      <c r="U1084" s="75" t="s">
        <v>5331</v>
      </c>
      <c r="V1084" s="47" t="s">
        <v>5331</v>
      </c>
      <c r="W1084" s="47" t="s">
        <v>5331</v>
      </c>
      <c r="X1084" s="47" t="s">
        <v>5331</v>
      </c>
      <c r="Y1084" s="47" t="s">
        <v>5331</v>
      </c>
      <c r="Z1084" s="28"/>
      <c r="AA1084" s="27"/>
      <c r="AB1084" s="27"/>
      <c r="AC1084" s="27"/>
      <c r="AD1084" s="30"/>
      <c r="AE1084" s="1"/>
      <c r="AF1084" s="23" t="s">
        <v>5331</v>
      </c>
      <c r="AG1084" s="26"/>
      <c r="AH1084" s="53"/>
    </row>
    <row r="1085" spans="1:34" ht="51.6" customHeight="1" x14ac:dyDescent="0.45">
      <c r="A1085" s="23">
        <v>1079</v>
      </c>
      <c r="B1085" s="25"/>
      <c r="C1085" s="25"/>
      <c r="D1085" s="29"/>
      <c r="E1085" s="1"/>
      <c r="F1085" s="1"/>
      <c r="G1085" s="25"/>
      <c r="H1085" s="71"/>
      <c r="I1085" s="83"/>
      <c r="J1085" s="50" t="str">
        <f t="shared" si="34"/>
        <v/>
      </c>
      <c r="K1085" s="23" t="s">
        <v>7120</v>
      </c>
      <c r="L1085" s="49" t="e">
        <f>VLOOKUP(E1085&amp;F1085,団体コード!$A$1:$C$1743,3,FALSE)</f>
        <v>#N/A</v>
      </c>
      <c r="M1085" s="49" t="e">
        <f>VLOOKUP(E1085&amp;F1085,団体コード!$A$1:$C$1743,2,FALSE)</f>
        <v>#N/A</v>
      </c>
      <c r="N1085" s="51" t="e">
        <f>VLOOKUP(E1085,団体コード!$E$1:$F$48,2,FALSE)</f>
        <v>#N/A</v>
      </c>
      <c r="O1085" s="51" t="e">
        <f t="shared" si="35"/>
        <v>#N/A</v>
      </c>
      <c r="P1085" s="51">
        <v>1</v>
      </c>
      <c r="Q1085" s="51" t="s">
        <v>5341</v>
      </c>
      <c r="R1085" s="54" t="b">
        <v>1</v>
      </c>
      <c r="S1085" s="52" t="s">
        <v>7126</v>
      </c>
      <c r="T1085" s="67" t="s">
        <v>7127</v>
      </c>
      <c r="U1085" s="75" t="s">
        <v>5331</v>
      </c>
      <c r="V1085" s="47" t="s">
        <v>5331</v>
      </c>
      <c r="W1085" s="47" t="s">
        <v>5331</v>
      </c>
      <c r="X1085" s="47" t="s">
        <v>5331</v>
      </c>
      <c r="Y1085" s="47" t="s">
        <v>5331</v>
      </c>
      <c r="Z1085" s="28"/>
      <c r="AA1085" s="27"/>
      <c r="AB1085" s="27"/>
      <c r="AC1085" s="27"/>
      <c r="AD1085" s="30"/>
      <c r="AE1085" s="1"/>
      <c r="AF1085" s="23" t="s">
        <v>5331</v>
      </c>
      <c r="AG1085" s="26"/>
      <c r="AH1085" s="53"/>
    </row>
    <row r="1086" spans="1:34" ht="51.6" customHeight="1" x14ac:dyDescent="0.45">
      <c r="A1086" s="23">
        <v>1080</v>
      </c>
      <c r="B1086" s="25"/>
      <c r="C1086" s="25"/>
      <c r="D1086" s="29"/>
      <c r="E1086" s="1"/>
      <c r="F1086" s="1"/>
      <c r="G1086" s="25"/>
      <c r="H1086" s="71"/>
      <c r="I1086" s="83"/>
      <c r="J1086" s="50" t="str">
        <f t="shared" si="34"/>
        <v/>
      </c>
      <c r="K1086" s="23" t="s">
        <v>7120</v>
      </c>
      <c r="L1086" s="49" t="e">
        <f>VLOOKUP(E1086&amp;F1086,団体コード!$A$1:$C$1743,3,FALSE)</f>
        <v>#N/A</v>
      </c>
      <c r="M1086" s="49" t="e">
        <f>VLOOKUP(E1086&amp;F1086,団体コード!$A$1:$C$1743,2,FALSE)</f>
        <v>#N/A</v>
      </c>
      <c r="N1086" s="51" t="e">
        <f>VLOOKUP(E1086,団体コード!$E$1:$F$48,2,FALSE)</f>
        <v>#N/A</v>
      </c>
      <c r="O1086" s="51" t="e">
        <f t="shared" si="35"/>
        <v>#N/A</v>
      </c>
      <c r="P1086" s="51">
        <v>1</v>
      </c>
      <c r="Q1086" s="51" t="s">
        <v>5341</v>
      </c>
      <c r="R1086" s="54" t="b">
        <v>1</v>
      </c>
      <c r="S1086" s="52" t="s">
        <v>7126</v>
      </c>
      <c r="T1086" s="67" t="s">
        <v>7127</v>
      </c>
      <c r="U1086" s="75" t="s">
        <v>5331</v>
      </c>
      <c r="V1086" s="47" t="s">
        <v>5331</v>
      </c>
      <c r="W1086" s="47" t="s">
        <v>5331</v>
      </c>
      <c r="X1086" s="47" t="s">
        <v>5331</v>
      </c>
      <c r="Y1086" s="47" t="s">
        <v>5331</v>
      </c>
      <c r="Z1086" s="28"/>
      <c r="AA1086" s="27"/>
      <c r="AB1086" s="27"/>
      <c r="AC1086" s="27"/>
      <c r="AD1086" s="30"/>
      <c r="AE1086" s="1"/>
      <c r="AF1086" s="23" t="s">
        <v>5331</v>
      </c>
      <c r="AG1086" s="26"/>
      <c r="AH1086" s="53"/>
    </row>
    <row r="1087" spans="1:34" ht="51.6" customHeight="1" x14ac:dyDescent="0.45">
      <c r="A1087" s="23">
        <v>1081</v>
      </c>
      <c r="B1087" s="25"/>
      <c r="C1087" s="25"/>
      <c r="D1087" s="29"/>
      <c r="E1087" s="1"/>
      <c r="F1087" s="1"/>
      <c r="G1087" s="25"/>
      <c r="H1087" s="71"/>
      <c r="I1087" s="83"/>
      <c r="J1087" s="50" t="str">
        <f t="shared" si="34"/>
        <v/>
      </c>
      <c r="K1087" s="23" t="s">
        <v>7120</v>
      </c>
      <c r="L1087" s="49" t="e">
        <f>VLOOKUP(E1087&amp;F1087,団体コード!$A$1:$C$1743,3,FALSE)</f>
        <v>#N/A</v>
      </c>
      <c r="M1087" s="49" t="e">
        <f>VLOOKUP(E1087&amp;F1087,団体コード!$A$1:$C$1743,2,FALSE)</f>
        <v>#N/A</v>
      </c>
      <c r="N1087" s="51" t="e">
        <f>VLOOKUP(E1087,団体コード!$E$1:$F$48,2,FALSE)</f>
        <v>#N/A</v>
      </c>
      <c r="O1087" s="51" t="e">
        <f t="shared" si="35"/>
        <v>#N/A</v>
      </c>
      <c r="P1087" s="51">
        <v>1</v>
      </c>
      <c r="Q1087" s="51" t="s">
        <v>5341</v>
      </c>
      <c r="R1087" s="54" t="b">
        <v>1</v>
      </c>
      <c r="S1087" s="52" t="s">
        <v>7126</v>
      </c>
      <c r="T1087" s="67" t="s">
        <v>7127</v>
      </c>
      <c r="U1087" s="75" t="s">
        <v>5331</v>
      </c>
      <c r="V1087" s="47" t="s">
        <v>5331</v>
      </c>
      <c r="W1087" s="47" t="s">
        <v>5331</v>
      </c>
      <c r="X1087" s="47" t="s">
        <v>5331</v>
      </c>
      <c r="Y1087" s="47" t="s">
        <v>5331</v>
      </c>
      <c r="Z1087" s="28"/>
      <c r="AA1087" s="27"/>
      <c r="AB1087" s="27"/>
      <c r="AC1087" s="27"/>
      <c r="AD1087" s="30"/>
      <c r="AE1087" s="1"/>
      <c r="AF1087" s="23" t="s">
        <v>5331</v>
      </c>
      <c r="AG1087" s="26"/>
      <c r="AH1087" s="53"/>
    </row>
    <row r="1088" spans="1:34" ht="51.6" customHeight="1" x14ac:dyDescent="0.45">
      <c r="A1088" s="23">
        <v>1082</v>
      </c>
      <c r="B1088" s="25"/>
      <c r="C1088" s="25"/>
      <c r="D1088" s="29"/>
      <c r="E1088" s="1"/>
      <c r="F1088" s="1"/>
      <c r="G1088" s="25"/>
      <c r="H1088" s="71"/>
      <c r="I1088" s="83"/>
      <c r="J1088" s="50" t="str">
        <f t="shared" si="34"/>
        <v/>
      </c>
      <c r="K1088" s="23" t="s">
        <v>7120</v>
      </c>
      <c r="L1088" s="49" t="e">
        <f>VLOOKUP(E1088&amp;F1088,団体コード!$A$1:$C$1743,3,FALSE)</f>
        <v>#N/A</v>
      </c>
      <c r="M1088" s="49" t="e">
        <f>VLOOKUP(E1088&amp;F1088,団体コード!$A$1:$C$1743,2,FALSE)</f>
        <v>#N/A</v>
      </c>
      <c r="N1088" s="51" t="e">
        <f>VLOOKUP(E1088,団体コード!$E$1:$F$48,2,FALSE)</f>
        <v>#N/A</v>
      </c>
      <c r="O1088" s="51" t="e">
        <f t="shared" si="35"/>
        <v>#N/A</v>
      </c>
      <c r="P1088" s="51">
        <v>1</v>
      </c>
      <c r="Q1088" s="51" t="s">
        <v>5341</v>
      </c>
      <c r="R1088" s="54" t="b">
        <v>1</v>
      </c>
      <c r="S1088" s="52" t="s">
        <v>7126</v>
      </c>
      <c r="T1088" s="67" t="s">
        <v>7127</v>
      </c>
      <c r="U1088" s="75" t="s">
        <v>5331</v>
      </c>
      <c r="V1088" s="47" t="s">
        <v>5331</v>
      </c>
      <c r="W1088" s="47" t="s">
        <v>5331</v>
      </c>
      <c r="X1088" s="47" t="s">
        <v>5331</v>
      </c>
      <c r="Y1088" s="47" t="s">
        <v>5331</v>
      </c>
      <c r="Z1088" s="28"/>
      <c r="AA1088" s="27"/>
      <c r="AB1088" s="27"/>
      <c r="AC1088" s="27"/>
      <c r="AD1088" s="30"/>
      <c r="AE1088" s="1"/>
      <c r="AF1088" s="23" t="s">
        <v>5331</v>
      </c>
      <c r="AG1088" s="26"/>
      <c r="AH1088" s="53"/>
    </row>
    <row r="1089" spans="1:34" ht="51.6" customHeight="1" x14ac:dyDescent="0.45">
      <c r="A1089" s="23">
        <v>1083</v>
      </c>
      <c r="B1089" s="25"/>
      <c r="C1089" s="25"/>
      <c r="D1089" s="29"/>
      <c r="E1089" s="1"/>
      <c r="F1089" s="1"/>
      <c r="G1089" s="25"/>
      <c r="H1089" s="71"/>
      <c r="I1089" s="83"/>
      <c r="J1089" s="50" t="str">
        <f t="shared" si="34"/>
        <v/>
      </c>
      <c r="K1089" s="23" t="s">
        <v>7120</v>
      </c>
      <c r="L1089" s="49" t="e">
        <f>VLOOKUP(E1089&amp;F1089,団体コード!$A$1:$C$1743,3,FALSE)</f>
        <v>#N/A</v>
      </c>
      <c r="M1089" s="49" t="e">
        <f>VLOOKUP(E1089&amp;F1089,団体コード!$A$1:$C$1743,2,FALSE)</f>
        <v>#N/A</v>
      </c>
      <c r="N1089" s="51" t="e">
        <f>VLOOKUP(E1089,団体コード!$E$1:$F$48,2,FALSE)</f>
        <v>#N/A</v>
      </c>
      <c r="O1089" s="51" t="e">
        <f t="shared" si="35"/>
        <v>#N/A</v>
      </c>
      <c r="P1089" s="51">
        <v>1</v>
      </c>
      <c r="Q1089" s="51" t="s">
        <v>5341</v>
      </c>
      <c r="R1089" s="54" t="b">
        <v>1</v>
      </c>
      <c r="S1089" s="52" t="s">
        <v>7126</v>
      </c>
      <c r="T1089" s="67" t="s">
        <v>7127</v>
      </c>
      <c r="U1089" s="75" t="s">
        <v>5331</v>
      </c>
      <c r="V1089" s="47" t="s">
        <v>5331</v>
      </c>
      <c r="W1089" s="47" t="s">
        <v>5331</v>
      </c>
      <c r="X1089" s="47" t="s">
        <v>5331</v>
      </c>
      <c r="Y1089" s="47" t="s">
        <v>5331</v>
      </c>
      <c r="Z1089" s="28"/>
      <c r="AA1089" s="27"/>
      <c r="AB1089" s="27"/>
      <c r="AC1089" s="27"/>
      <c r="AD1089" s="30"/>
      <c r="AE1089" s="1"/>
      <c r="AF1089" s="23" t="s">
        <v>5331</v>
      </c>
      <c r="AG1089" s="26"/>
      <c r="AH1089" s="53"/>
    </row>
    <row r="1090" spans="1:34" ht="51.6" customHeight="1" x14ac:dyDescent="0.45">
      <c r="A1090" s="23">
        <v>1084</v>
      </c>
      <c r="B1090" s="25"/>
      <c r="C1090" s="25"/>
      <c r="D1090" s="29"/>
      <c r="E1090" s="1"/>
      <c r="F1090" s="1"/>
      <c r="G1090" s="25"/>
      <c r="H1090" s="71"/>
      <c r="I1090" s="83"/>
      <c r="J1090" s="50" t="str">
        <f t="shared" si="34"/>
        <v/>
      </c>
      <c r="K1090" s="23" t="s">
        <v>7120</v>
      </c>
      <c r="L1090" s="49" t="e">
        <f>VLOOKUP(E1090&amp;F1090,団体コード!$A$1:$C$1743,3,FALSE)</f>
        <v>#N/A</v>
      </c>
      <c r="M1090" s="49" t="e">
        <f>VLOOKUP(E1090&amp;F1090,団体コード!$A$1:$C$1743,2,FALSE)</f>
        <v>#N/A</v>
      </c>
      <c r="N1090" s="51" t="e">
        <f>VLOOKUP(E1090,団体コード!$E$1:$F$48,2,FALSE)</f>
        <v>#N/A</v>
      </c>
      <c r="O1090" s="51" t="e">
        <f t="shared" si="35"/>
        <v>#N/A</v>
      </c>
      <c r="P1090" s="51">
        <v>1</v>
      </c>
      <c r="Q1090" s="51" t="s">
        <v>5341</v>
      </c>
      <c r="R1090" s="54" t="b">
        <v>1</v>
      </c>
      <c r="S1090" s="52" t="s">
        <v>7126</v>
      </c>
      <c r="T1090" s="67" t="s">
        <v>7127</v>
      </c>
      <c r="U1090" s="75" t="s">
        <v>5331</v>
      </c>
      <c r="V1090" s="47" t="s">
        <v>5331</v>
      </c>
      <c r="W1090" s="47" t="s">
        <v>5331</v>
      </c>
      <c r="X1090" s="47" t="s">
        <v>5331</v>
      </c>
      <c r="Y1090" s="47" t="s">
        <v>5331</v>
      </c>
      <c r="Z1090" s="28"/>
      <c r="AA1090" s="27"/>
      <c r="AB1090" s="27"/>
      <c r="AC1090" s="27"/>
      <c r="AD1090" s="30"/>
      <c r="AE1090" s="1"/>
      <c r="AF1090" s="23" t="s">
        <v>5331</v>
      </c>
      <c r="AG1090" s="26"/>
      <c r="AH1090" s="53"/>
    </row>
    <row r="1091" spans="1:34" ht="51.6" customHeight="1" x14ac:dyDescent="0.45">
      <c r="A1091" s="23">
        <v>1085</v>
      </c>
      <c r="B1091" s="25"/>
      <c r="C1091" s="25"/>
      <c r="D1091" s="29"/>
      <c r="E1091" s="1"/>
      <c r="F1091" s="1"/>
      <c r="G1091" s="25"/>
      <c r="H1091" s="71"/>
      <c r="I1091" s="83"/>
      <c r="J1091" s="50" t="str">
        <f t="shared" si="34"/>
        <v/>
      </c>
      <c r="K1091" s="23" t="s">
        <v>7120</v>
      </c>
      <c r="L1091" s="49" t="e">
        <f>VLOOKUP(E1091&amp;F1091,団体コード!$A$1:$C$1743,3,FALSE)</f>
        <v>#N/A</v>
      </c>
      <c r="M1091" s="49" t="e">
        <f>VLOOKUP(E1091&amp;F1091,団体コード!$A$1:$C$1743,2,FALSE)</f>
        <v>#N/A</v>
      </c>
      <c r="N1091" s="51" t="e">
        <f>VLOOKUP(E1091,団体コード!$E$1:$F$48,2,FALSE)</f>
        <v>#N/A</v>
      </c>
      <c r="O1091" s="51" t="e">
        <f t="shared" si="35"/>
        <v>#N/A</v>
      </c>
      <c r="P1091" s="51">
        <v>1</v>
      </c>
      <c r="Q1091" s="51" t="s">
        <v>5341</v>
      </c>
      <c r="R1091" s="54" t="b">
        <v>1</v>
      </c>
      <c r="S1091" s="52" t="s">
        <v>7126</v>
      </c>
      <c r="T1091" s="67" t="s">
        <v>7127</v>
      </c>
      <c r="U1091" s="75" t="s">
        <v>5331</v>
      </c>
      <c r="V1091" s="47" t="s">
        <v>5331</v>
      </c>
      <c r="W1091" s="47" t="s">
        <v>5331</v>
      </c>
      <c r="X1091" s="47" t="s">
        <v>5331</v>
      </c>
      <c r="Y1091" s="47" t="s">
        <v>5331</v>
      </c>
      <c r="Z1091" s="28"/>
      <c r="AA1091" s="27"/>
      <c r="AB1091" s="27"/>
      <c r="AC1091" s="27"/>
      <c r="AD1091" s="30"/>
      <c r="AE1091" s="1"/>
      <c r="AF1091" s="23" t="s">
        <v>5331</v>
      </c>
      <c r="AG1091" s="26"/>
      <c r="AH1091" s="53"/>
    </row>
    <row r="1092" spans="1:34" ht="51.6" customHeight="1" x14ac:dyDescent="0.45">
      <c r="A1092" s="23">
        <v>1086</v>
      </c>
      <c r="B1092" s="25"/>
      <c r="C1092" s="25"/>
      <c r="D1092" s="29"/>
      <c r="E1092" s="1"/>
      <c r="F1092" s="1"/>
      <c r="G1092" s="25"/>
      <c r="H1092" s="71"/>
      <c r="I1092" s="83"/>
      <c r="J1092" s="50" t="str">
        <f t="shared" si="34"/>
        <v/>
      </c>
      <c r="K1092" s="23" t="s">
        <v>7120</v>
      </c>
      <c r="L1092" s="49" t="e">
        <f>VLOOKUP(E1092&amp;F1092,団体コード!$A$1:$C$1743,3,FALSE)</f>
        <v>#N/A</v>
      </c>
      <c r="M1092" s="49" t="e">
        <f>VLOOKUP(E1092&amp;F1092,団体コード!$A$1:$C$1743,2,FALSE)</f>
        <v>#N/A</v>
      </c>
      <c r="N1092" s="51" t="e">
        <f>VLOOKUP(E1092,団体コード!$E$1:$F$48,2,FALSE)</f>
        <v>#N/A</v>
      </c>
      <c r="O1092" s="51" t="e">
        <f t="shared" si="35"/>
        <v>#N/A</v>
      </c>
      <c r="P1092" s="51">
        <v>1</v>
      </c>
      <c r="Q1092" s="51" t="s">
        <v>5341</v>
      </c>
      <c r="R1092" s="54" t="b">
        <v>1</v>
      </c>
      <c r="S1092" s="52" t="s">
        <v>7126</v>
      </c>
      <c r="T1092" s="67" t="s">
        <v>7127</v>
      </c>
      <c r="U1092" s="75" t="s">
        <v>5331</v>
      </c>
      <c r="V1092" s="47" t="s">
        <v>5331</v>
      </c>
      <c r="W1092" s="47" t="s">
        <v>5331</v>
      </c>
      <c r="X1092" s="47" t="s">
        <v>5331</v>
      </c>
      <c r="Y1092" s="47" t="s">
        <v>5331</v>
      </c>
      <c r="Z1092" s="28"/>
      <c r="AA1092" s="27"/>
      <c r="AB1092" s="27"/>
      <c r="AC1092" s="27"/>
      <c r="AD1092" s="30"/>
      <c r="AE1092" s="1"/>
      <c r="AF1092" s="23" t="s">
        <v>5331</v>
      </c>
      <c r="AG1092" s="26"/>
      <c r="AH1092" s="53"/>
    </row>
    <row r="1093" spans="1:34" ht="51.6" customHeight="1" x14ac:dyDescent="0.45">
      <c r="A1093" s="23">
        <v>1087</v>
      </c>
      <c r="B1093" s="25"/>
      <c r="C1093" s="25"/>
      <c r="D1093" s="29"/>
      <c r="E1093" s="1"/>
      <c r="F1093" s="1"/>
      <c r="G1093" s="25"/>
      <c r="H1093" s="71"/>
      <c r="I1093" s="83"/>
      <c r="J1093" s="50" t="str">
        <f t="shared" si="34"/>
        <v/>
      </c>
      <c r="K1093" s="23" t="s">
        <v>7120</v>
      </c>
      <c r="L1093" s="49" t="e">
        <f>VLOOKUP(E1093&amp;F1093,団体コード!$A$1:$C$1743,3,FALSE)</f>
        <v>#N/A</v>
      </c>
      <c r="M1093" s="49" t="e">
        <f>VLOOKUP(E1093&amp;F1093,団体コード!$A$1:$C$1743,2,FALSE)</f>
        <v>#N/A</v>
      </c>
      <c r="N1093" s="51" t="e">
        <f>VLOOKUP(E1093,団体コード!$E$1:$F$48,2,FALSE)</f>
        <v>#N/A</v>
      </c>
      <c r="O1093" s="51" t="e">
        <f t="shared" si="35"/>
        <v>#N/A</v>
      </c>
      <c r="P1093" s="51">
        <v>1</v>
      </c>
      <c r="Q1093" s="51" t="s">
        <v>5341</v>
      </c>
      <c r="R1093" s="54" t="b">
        <v>1</v>
      </c>
      <c r="S1093" s="52" t="s">
        <v>7126</v>
      </c>
      <c r="T1093" s="67" t="s">
        <v>7127</v>
      </c>
      <c r="U1093" s="75" t="s">
        <v>5331</v>
      </c>
      <c r="V1093" s="47" t="s">
        <v>5331</v>
      </c>
      <c r="W1093" s="47" t="s">
        <v>5331</v>
      </c>
      <c r="X1093" s="47" t="s">
        <v>5331</v>
      </c>
      <c r="Y1093" s="47" t="s">
        <v>5331</v>
      </c>
      <c r="Z1093" s="28"/>
      <c r="AA1093" s="27"/>
      <c r="AB1093" s="27"/>
      <c r="AC1093" s="27"/>
      <c r="AD1093" s="30"/>
      <c r="AE1093" s="1"/>
      <c r="AF1093" s="23" t="s">
        <v>5331</v>
      </c>
      <c r="AG1093" s="26"/>
      <c r="AH1093" s="53"/>
    </row>
    <row r="1094" spans="1:34" ht="51.6" customHeight="1" x14ac:dyDescent="0.45">
      <c r="A1094" s="23">
        <v>1088</v>
      </c>
      <c r="B1094" s="25"/>
      <c r="C1094" s="25"/>
      <c r="D1094" s="29"/>
      <c r="E1094" s="1"/>
      <c r="F1094" s="1"/>
      <c r="G1094" s="25"/>
      <c r="H1094" s="71"/>
      <c r="I1094" s="83"/>
      <c r="J1094" s="50" t="str">
        <f t="shared" si="34"/>
        <v/>
      </c>
      <c r="K1094" s="23" t="s">
        <v>7120</v>
      </c>
      <c r="L1094" s="49" t="e">
        <f>VLOOKUP(E1094&amp;F1094,団体コード!$A$1:$C$1743,3,FALSE)</f>
        <v>#N/A</v>
      </c>
      <c r="M1094" s="49" t="e">
        <f>VLOOKUP(E1094&amp;F1094,団体コード!$A$1:$C$1743,2,FALSE)</f>
        <v>#N/A</v>
      </c>
      <c r="N1094" s="51" t="e">
        <f>VLOOKUP(E1094,団体コード!$E$1:$F$48,2,FALSE)</f>
        <v>#N/A</v>
      </c>
      <c r="O1094" s="51" t="e">
        <f t="shared" si="35"/>
        <v>#N/A</v>
      </c>
      <c r="P1094" s="51">
        <v>1</v>
      </c>
      <c r="Q1094" s="51" t="s">
        <v>5341</v>
      </c>
      <c r="R1094" s="54" t="b">
        <v>1</v>
      </c>
      <c r="S1094" s="52" t="s">
        <v>7126</v>
      </c>
      <c r="T1094" s="67" t="s">
        <v>7127</v>
      </c>
      <c r="U1094" s="75" t="s">
        <v>5331</v>
      </c>
      <c r="V1094" s="47" t="s">
        <v>5331</v>
      </c>
      <c r="W1094" s="47" t="s">
        <v>5331</v>
      </c>
      <c r="X1094" s="47" t="s">
        <v>5331</v>
      </c>
      <c r="Y1094" s="47" t="s">
        <v>5331</v>
      </c>
      <c r="Z1094" s="28"/>
      <c r="AA1094" s="27"/>
      <c r="AB1094" s="27"/>
      <c r="AC1094" s="27"/>
      <c r="AD1094" s="30"/>
      <c r="AE1094" s="1"/>
      <c r="AF1094" s="23" t="s">
        <v>5331</v>
      </c>
      <c r="AG1094" s="26"/>
      <c r="AH1094" s="53"/>
    </row>
    <row r="1095" spans="1:34" ht="51.6" customHeight="1" x14ac:dyDescent="0.45">
      <c r="A1095" s="23">
        <v>1089</v>
      </c>
      <c r="B1095" s="25"/>
      <c r="C1095" s="25"/>
      <c r="D1095" s="29"/>
      <c r="E1095" s="1"/>
      <c r="F1095" s="1"/>
      <c r="G1095" s="25"/>
      <c r="H1095" s="71"/>
      <c r="I1095" s="83"/>
      <c r="J1095" s="50" t="str">
        <f t="shared" si="34"/>
        <v/>
      </c>
      <c r="K1095" s="23" t="s">
        <v>7120</v>
      </c>
      <c r="L1095" s="49" t="e">
        <f>VLOOKUP(E1095&amp;F1095,団体コード!$A$1:$C$1743,3,FALSE)</f>
        <v>#N/A</v>
      </c>
      <c r="M1095" s="49" t="e">
        <f>VLOOKUP(E1095&amp;F1095,団体コード!$A$1:$C$1743,2,FALSE)</f>
        <v>#N/A</v>
      </c>
      <c r="N1095" s="51" t="e">
        <f>VLOOKUP(E1095,団体コード!$E$1:$F$48,2,FALSE)</f>
        <v>#N/A</v>
      </c>
      <c r="O1095" s="51" t="e">
        <f t="shared" si="35"/>
        <v>#N/A</v>
      </c>
      <c r="P1095" s="51">
        <v>1</v>
      </c>
      <c r="Q1095" s="51" t="s">
        <v>5341</v>
      </c>
      <c r="R1095" s="54" t="b">
        <v>1</v>
      </c>
      <c r="S1095" s="52" t="s">
        <v>7126</v>
      </c>
      <c r="T1095" s="67" t="s">
        <v>7127</v>
      </c>
      <c r="U1095" s="75" t="s">
        <v>5331</v>
      </c>
      <c r="V1095" s="47" t="s">
        <v>5331</v>
      </c>
      <c r="W1095" s="47" t="s">
        <v>5331</v>
      </c>
      <c r="X1095" s="47" t="s">
        <v>5331</v>
      </c>
      <c r="Y1095" s="47" t="s">
        <v>5331</v>
      </c>
      <c r="Z1095" s="28"/>
      <c r="AA1095" s="27"/>
      <c r="AB1095" s="27"/>
      <c r="AC1095" s="27"/>
      <c r="AD1095" s="30"/>
      <c r="AE1095" s="1"/>
      <c r="AF1095" s="23" t="s">
        <v>5331</v>
      </c>
      <c r="AG1095" s="26"/>
      <c r="AH1095" s="53"/>
    </row>
    <row r="1096" spans="1:34" ht="51.6" customHeight="1" x14ac:dyDescent="0.45">
      <c r="A1096" s="23">
        <v>1090</v>
      </c>
      <c r="B1096" s="25"/>
      <c r="C1096" s="25"/>
      <c r="D1096" s="29"/>
      <c r="E1096" s="1"/>
      <c r="F1096" s="1"/>
      <c r="G1096" s="25"/>
      <c r="H1096" s="71"/>
      <c r="I1096" s="83"/>
      <c r="J1096" s="50" t="str">
        <f t="shared" ref="J1096:J1159" si="36">E1096&amp;F1096&amp;G1096</f>
        <v/>
      </c>
      <c r="K1096" s="23" t="s">
        <v>7120</v>
      </c>
      <c r="L1096" s="49" t="e">
        <f>VLOOKUP(E1096&amp;F1096,団体コード!$A$1:$C$1743,3,FALSE)</f>
        <v>#N/A</v>
      </c>
      <c r="M1096" s="49" t="e">
        <f>VLOOKUP(E1096&amp;F1096,団体コード!$A$1:$C$1743,2,FALSE)</f>
        <v>#N/A</v>
      </c>
      <c r="N1096" s="51" t="e">
        <f>VLOOKUP(E1096,団体コード!$E$1:$F$48,2,FALSE)</f>
        <v>#N/A</v>
      </c>
      <c r="O1096" s="51" t="e">
        <f t="shared" ref="O1096:O1159" si="37">N1096</f>
        <v>#N/A</v>
      </c>
      <c r="P1096" s="51">
        <v>1</v>
      </c>
      <c r="Q1096" s="51" t="s">
        <v>5341</v>
      </c>
      <c r="R1096" s="54" t="b">
        <v>1</v>
      </c>
      <c r="S1096" s="52" t="s">
        <v>7126</v>
      </c>
      <c r="T1096" s="67" t="s">
        <v>7127</v>
      </c>
      <c r="U1096" s="75" t="s">
        <v>5331</v>
      </c>
      <c r="V1096" s="47" t="s">
        <v>5331</v>
      </c>
      <c r="W1096" s="47" t="s">
        <v>5331</v>
      </c>
      <c r="X1096" s="47" t="s">
        <v>5331</v>
      </c>
      <c r="Y1096" s="47" t="s">
        <v>5331</v>
      </c>
      <c r="Z1096" s="28"/>
      <c r="AA1096" s="27"/>
      <c r="AB1096" s="27"/>
      <c r="AC1096" s="27"/>
      <c r="AD1096" s="30"/>
      <c r="AE1096" s="1"/>
      <c r="AF1096" s="23" t="s">
        <v>5331</v>
      </c>
      <c r="AG1096" s="26"/>
      <c r="AH1096" s="53"/>
    </row>
    <row r="1097" spans="1:34" ht="51.6" customHeight="1" x14ac:dyDescent="0.45">
      <c r="A1097" s="23">
        <v>1091</v>
      </c>
      <c r="B1097" s="25"/>
      <c r="C1097" s="25"/>
      <c r="D1097" s="29"/>
      <c r="E1097" s="1"/>
      <c r="F1097" s="1"/>
      <c r="G1097" s="25"/>
      <c r="H1097" s="71"/>
      <c r="I1097" s="83"/>
      <c r="J1097" s="50" t="str">
        <f t="shared" si="36"/>
        <v/>
      </c>
      <c r="K1097" s="23" t="s">
        <v>7120</v>
      </c>
      <c r="L1097" s="49" t="e">
        <f>VLOOKUP(E1097&amp;F1097,団体コード!$A$1:$C$1743,3,FALSE)</f>
        <v>#N/A</v>
      </c>
      <c r="M1097" s="49" t="e">
        <f>VLOOKUP(E1097&amp;F1097,団体コード!$A$1:$C$1743,2,FALSE)</f>
        <v>#N/A</v>
      </c>
      <c r="N1097" s="51" t="e">
        <f>VLOOKUP(E1097,団体コード!$E$1:$F$48,2,FALSE)</f>
        <v>#N/A</v>
      </c>
      <c r="O1097" s="51" t="e">
        <f t="shared" si="37"/>
        <v>#N/A</v>
      </c>
      <c r="P1097" s="51">
        <v>1</v>
      </c>
      <c r="Q1097" s="51" t="s">
        <v>5341</v>
      </c>
      <c r="R1097" s="54" t="b">
        <v>1</v>
      </c>
      <c r="S1097" s="52" t="s">
        <v>7126</v>
      </c>
      <c r="T1097" s="67" t="s">
        <v>7127</v>
      </c>
      <c r="U1097" s="75" t="s">
        <v>5331</v>
      </c>
      <c r="V1097" s="47" t="s">
        <v>5331</v>
      </c>
      <c r="W1097" s="47" t="s">
        <v>5331</v>
      </c>
      <c r="X1097" s="47" t="s">
        <v>5331</v>
      </c>
      <c r="Y1097" s="47" t="s">
        <v>5331</v>
      </c>
      <c r="Z1097" s="28"/>
      <c r="AA1097" s="27"/>
      <c r="AB1097" s="27"/>
      <c r="AC1097" s="27"/>
      <c r="AD1097" s="30"/>
      <c r="AE1097" s="1"/>
      <c r="AF1097" s="23" t="s">
        <v>5331</v>
      </c>
      <c r="AG1097" s="26"/>
      <c r="AH1097" s="53"/>
    </row>
    <row r="1098" spans="1:34" ht="51.6" customHeight="1" x14ac:dyDescent="0.45">
      <c r="A1098" s="23">
        <v>1092</v>
      </c>
      <c r="B1098" s="25"/>
      <c r="C1098" s="25"/>
      <c r="D1098" s="29"/>
      <c r="E1098" s="1"/>
      <c r="F1098" s="1"/>
      <c r="G1098" s="25"/>
      <c r="H1098" s="71"/>
      <c r="I1098" s="83"/>
      <c r="J1098" s="50" t="str">
        <f t="shared" si="36"/>
        <v/>
      </c>
      <c r="K1098" s="23" t="s">
        <v>7120</v>
      </c>
      <c r="L1098" s="49" t="e">
        <f>VLOOKUP(E1098&amp;F1098,団体コード!$A$1:$C$1743,3,FALSE)</f>
        <v>#N/A</v>
      </c>
      <c r="M1098" s="49" t="e">
        <f>VLOOKUP(E1098&amp;F1098,団体コード!$A$1:$C$1743,2,FALSE)</f>
        <v>#N/A</v>
      </c>
      <c r="N1098" s="51" t="e">
        <f>VLOOKUP(E1098,団体コード!$E$1:$F$48,2,FALSE)</f>
        <v>#N/A</v>
      </c>
      <c r="O1098" s="51" t="e">
        <f t="shared" si="37"/>
        <v>#N/A</v>
      </c>
      <c r="P1098" s="51">
        <v>1</v>
      </c>
      <c r="Q1098" s="51" t="s">
        <v>5341</v>
      </c>
      <c r="R1098" s="54" t="b">
        <v>1</v>
      </c>
      <c r="S1098" s="52" t="s">
        <v>7126</v>
      </c>
      <c r="T1098" s="67" t="s">
        <v>7127</v>
      </c>
      <c r="U1098" s="75" t="s">
        <v>5331</v>
      </c>
      <c r="V1098" s="47" t="s">
        <v>5331</v>
      </c>
      <c r="W1098" s="47" t="s">
        <v>5331</v>
      </c>
      <c r="X1098" s="47" t="s">
        <v>5331</v>
      </c>
      <c r="Y1098" s="47" t="s">
        <v>5331</v>
      </c>
      <c r="Z1098" s="28"/>
      <c r="AA1098" s="27"/>
      <c r="AB1098" s="27"/>
      <c r="AC1098" s="27"/>
      <c r="AD1098" s="30"/>
      <c r="AE1098" s="1"/>
      <c r="AF1098" s="23" t="s">
        <v>5331</v>
      </c>
      <c r="AG1098" s="26"/>
      <c r="AH1098" s="53"/>
    </row>
    <row r="1099" spans="1:34" ht="51.6" customHeight="1" x14ac:dyDescent="0.45">
      <c r="A1099" s="23">
        <v>1093</v>
      </c>
      <c r="B1099" s="25"/>
      <c r="C1099" s="25"/>
      <c r="D1099" s="29"/>
      <c r="E1099" s="1"/>
      <c r="F1099" s="1"/>
      <c r="G1099" s="25"/>
      <c r="H1099" s="71"/>
      <c r="I1099" s="83"/>
      <c r="J1099" s="50" t="str">
        <f t="shared" si="36"/>
        <v/>
      </c>
      <c r="K1099" s="23" t="s">
        <v>7120</v>
      </c>
      <c r="L1099" s="49" t="e">
        <f>VLOOKUP(E1099&amp;F1099,団体コード!$A$1:$C$1743,3,FALSE)</f>
        <v>#N/A</v>
      </c>
      <c r="M1099" s="49" t="e">
        <f>VLOOKUP(E1099&amp;F1099,団体コード!$A$1:$C$1743,2,FALSE)</f>
        <v>#N/A</v>
      </c>
      <c r="N1099" s="51" t="e">
        <f>VLOOKUP(E1099,団体コード!$E$1:$F$48,2,FALSE)</f>
        <v>#N/A</v>
      </c>
      <c r="O1099" s="51" t="e">
        <f t="shared" si="37"/>
        <v>#N/A</v>
      </c>
      <c r="P1099" s="51">
        <v>1</v>
      </c>
      <c r="Q1099" s="51" t="s">
        <v>5341</v>
      </c>
      <c r="R1099" s="54" t="b">
        <v>1</v>
      </c>
      <c r="S1099" s="52" t="s">
        <v>7126</v>
      </c>
      <c r="T1099" s="67" t="s">
        <v>7127</v>
      </c>
      <c r="U1099" s="75" t="s">
        <v>5331</v>
      </c>
      <c r="V1099" s="47" t="s">
        <v>5331</v>
      </c>
      <c r="W1099" s="47" t="s">
        <v>5331</v>
      </c>
      <c r="X1099" s="47" t="s">
        <v>5331</v>
      </c>
      <c r="Y1099" s="47" t="s">
        <v>5331</v>
      </c>
      <c r="Z1099" s="28"/>
      <c r="AA1099" s="27"/>
      <c r="AB1099" s="27"/>
      <c r="AC1099" s="27"/>
      <c r="AD1099" s="30"/>
      <c r="AE1099" s="1"/>
      <c r="AF1099" s="23" t="s">
        <v>5331</v>
      </c>
      <c r="AG1099" s="26"/>
      <c r="AH1099" s="53"/>
    </row>
    <row r="1100" spans="1:34" ht="51.6" customHeight="1" x14ac:dyDescent="0.45">
      <c r="A1100" s="23">
        <v>1094</v>
      </c>
      <c r="B1100" s="25"/>
      <c r="C1100" s="25"/>
      <c r="D1100" s="29"/>
      <c r="E1100" s="1"/>
      <c r="F1100" s="1"/>
      <c r="G1100" s="25"/>
      <c r="H1100" s="71"/>
      <c r="I1100" s="83"/>
      <c r="J1100" s="50" t="str">
        <f t="shared" si="36"/>
        <v/>
      </c>
      <c r="K1100" s="23" t="s">
        <v>7120</v>
      </c>
      <c r="L1100" s="49" t="e">
        <f>VLOOKUP(E1100&amp;F1100,団体コード!$A$1:$C$1743,3,FALSE)</f>
        <v>#N/A</v>
      </c>
      <c r="M1100" s="49" t="e">
        <f>VLOOKUP(E1100&amp;F1100,団体コード!$A$1:$C$1743,2,FALSE)</f>
        <v>#N/A</v>
      </c>
      <c r="N1100" s="51" t="e">
        <f>VLOOKUP(E1100,団体コード!$E$1:$F$48,2,FALSE)</f>
        <v>#N/A</v>
      </c>
      <c r="O1100" s="51" t="e">
        <f t="shared" si="37"/>
        <v>#N/A</v>
      </c>
      <c r="P1100" s="51">
        <v>1</v>
      </c>
      <c r="Q1100" s="51" t="s">
        <v>5341</v>
      </c>
      <c r="R1100" s="54" t="b">
        <v>1</v>
      </c>
      <c r="S1100" s="52" t="s">
        <v>7126</v>
      </c>
      <c r="T1100" s="67" t="s">
        <v>7127</v>
      </c>
      <c r="U1100" s="75" t="s">
        <v>5331</v>
      </c>
      <c r="V1100" s="47" t="s">
        <v>5331</v>
      </c>
      <c r="W1100" s="47" t="s">
        <v>5331</v>
      </c>
      <c r="X1100" s="47" t="s">
        <v>5331</v>
      </c>
      <c r="Y1100" s="47" t="s">
        <v>5331</v>
      </c>
      <c r="Z1100" s="28"/>
      <c r="AA1100" s="27"/>
      <c r="AB1100" s="27"/>
      <c r="AC1100" s="27"/>
      <c r="AD1100" s="30"/>
      <c r="AE1100" s="1"/>
      <c r="AF1100" s="23" t="s">
        <v>5331</v>
      </c>
      <c r="AG1100" s="26"/>
      <c r="AH1100" s="53"/>
    </row>
    <row r="1101" spans="1:34" ht="51.6" customHeight="1" x14ac:dyDescent="0.45">
      <c r="A1101" s="23">
        <v>1095</v>
      </c>
      <c r="B1101" s="25"/>
      <c r="C1101" s="25"/>
      <c r="D1101" s="29"/>
      <c r="E1101" s="1"/>
      <c r="F1101" s="1"/>
      <c r="G1101" s="25"/>
      <c r="H1101" s="71"/>
      <c r="I1101" s="83"/>
      <c r="J1101" s="50" t="str">
        <f t="shared" si="36"/>
        <v/>
      </c>
      <c r="K1101" s="23" t="s">
        <v>7120</v>
      </c>
      <c r="L1101" s="49" t="e">
        <f>VLOOKUP(E1101&amp;F1101,団体コード!$A$1:$C$1743,3,FALSE)</f>
        <v>#N/A</v>
      </c>
      <c r="M1101" s="49" t="e">
        <f>VLOOKUP(E1101&amp;F1101,団体コード!$A$1:$C$1743,2,FALSE)</f>
        <v>#N/A</v>
      </c>
      <c r="N1101" s="51" t="e">
        <f>VLOOKUP(E1101,団体コード!$E$1:$F$48,2,FALSE)</f>
        <v>#N/A</v>
      </c>
      <c r="O1101" s="51" t="e">
        <f t="shared" si="37"/>
        <v>#N/A</v>
      </c>
      <c r="P1101" s="51">
        <v>1</v>
      </c>
      <c r="Q1101" s="51" t="s">
        <v>5341</v>
      </c>
      <c r="R1101" s="54" t="b">
        <v>1</v>
      </c>
      <c r="S1101" s="52" t="s">
        <v>7126</v>
      </c>
      <c r="T1101" s="67" t="s">
        <v>7127</v>
      </c>
      <c r="U1101" s="75" t="s">
        <v>5331</v>
      </c>
      <c r="V1101" s="47" t="s">
        <v>5331</v>
      </c>
      <c r="W1101" s="47" t="s">
        <v>5331</v>
      </c>
      <c r="X1101" s="47" t="s">
        <v>5331</v>
      </c>
      <c r="Y1101" s="47" t="s">
        <v>5331</v>
      </c>
      <c r="Z1101" s="28"/>
      <c r="AA1101" s="27"/>
      <c r="AB1101" s="27"/>
      <c r="AC1101" s="27"/>
      <c r="AD1101" s="30"/>
      <c r="AE1101" s="1"/>
      <c r="AF1101" s="23" t="s">
        <v>5331</v>
      </c>
      <c r="AG1101" s="26"/>
      <c r="AH1101" s="53"/>
    </row>
    <row r="1102" spans="1:34" ht="51.6" customHeight="1" x14ac:dyDescent="0.45">
      <c r="A1102" s="23">
        <v>1096</v>
      </c>
      <c r="B1102" s="25"/>
      <c r="C1102" s="25"/>
      <c r="D1102" s="29"/>
      <c r="E1102" s="1"/>
      <c r="F1102" s="1"/>
      <c r="G1102" s="25"/>
      <c r="H1102" s="71"/>
      <c r="I1102" s="83"/>
      <c r="J1102" s="50" t="str">
        <f t="shared" si="36"/>
        <v/>
      </c>
      <c r="K1102" s="23" t="s">
        <v>7120</v>
      </c>
      <c r="L1102" s="49" t="e">
        <f>VLOOKUP(E1102&amp;F1102,団体コード!$A$1:$C$1743,3,FALSE)</f>
        <v>#N/A</v>
      </c>
      <c r="M1102" s="49" t="e">
        <f>VLOOKUP(E1102&amp;F1102,団体コード!$A$1:$C$1743,2,FALSE)</f>
        <v>#N/A</v>
      </c>
      <c r="N1102" s="51" t="e">
        <f>VLOOKUP(E1102,団体コード!$E$1:$F$48,2,FALSE)</f>
        <v>#N/A</v>
      </c>
      <c r="O1102" s="51" t="e">
        <f t="shared" si="37"/>
        <v>#N/A</v>
      </c>
      <c r="P1102" s="51">
        <v>1</v>
      </c>
      <c r="Q1102" s="51" t="s">
        <v>5341</v>
      </c>
      <c r="R1102" s="54" t="b">
        <v>1</v>
      </c>
      <c r="S1102" s="52" t="s">
        <v>7126</v>
      </c>
      <c r="T1102" s="67" t="s">
        <v>7127</v>
      </c>
      <c r="U1102" s="75" t="s">
        <v>5331</v>
      </c>
      <c r="V1102" s="47" t="s">
        <v>5331</v>
      </c>
      <c r="W1102" s="47" t="s">
        <v>5331</v>
      </c>
      <c r="X1102" s="47" t="s">
        <v>5331</v>
      </c>
      <c r="Y1102" s="47" t="s">
        <v>5331</v>
      </c>
      <c r="Z1102" s="28"/>
      <c r="AA1102" s="27"/>
      <c r="AB1102" s="27"/>
      <c r="AC1102" s="27"/>
      <c r="AD1102" s="30"/>
      <c r="AE1102" s="1"/>
      <c r="AF1102" s="23" t="s">
        <v>5331</v>
      </c>
      <c r="AG1102" s="26"/>
      <c r="AH1102" s="53"/>
    </row>
    <row r="1103" spans="1:34" ht="51.6" customHeight="1" x14ac:dyDescent="0.45">
      <c r="A1103" s="23">
        <v>1097</v>
      </c>
      <c r="B1103" s="25"/>
      <c r="C1103" s="25"/>
      <c r="D1103" s="29"/>
      <c r="E1103" s="1"/>
      <c r="F1103" s="1"/>
      <c r="G1103" s="25"/>
      <c r="H1103" s="71"/>
      <c r="I1103" s="83"/>
      <c r="J1103" s="50" t="str">
        <f t="shared" si="36"/>
        <v/>
      </c>
      <c r="K1103" s="23" t="s">
        <v>7120</v>
      </c>
      <c r="L1103" s="49" t="e">
        <f>VLOOKUP(E1103&amp;F1103,団体コード!$A$1:$C$1743,3,FALSE)</f>
        <v>#N/A</v>
      </c>
      <c r="M1103" s="49" t="e">
        <f>VLOOKUP(E1103&amp;F1103,団体コード!$A$1:$C$1743,2,FALSE)</f>
        <v>#N/A</v>
      </c>
      <c r="N1103" s="51" t="e">
        <f>VLOOKUP(E1103,団体コード!$E$1:$F$48,2,FALSE)</f>
        <v>#N/A</v>
      </c>
      <c r="O1103" s="51" t="e">
        <f t="shared" si="37"/>
        <v>#N/A</v>
      </c>
      <c r="P1103" s="51">
        <v>1</v>
      </c>
      <c r="Q1103" s="51" t="s">
        <v>5341</v>
      </c>
      <c r="R1103" s="54" t="b">
        <v>1</v>
      </c>
      <c r="S1103" s="52" t="s">
        <v>7126</v>
      </c>
      <c r="T1103" s="67" t="s">
        <v>7127</v>
      </c>
      <c r="U1103" s="75" t="s">
        <v>5331</v>
      </c>
      <c r="V1103" s="47" t="s">
        <v>5331</v>
      </c>
      <c r="W1103" s="47" t="s">
        <v>5331</v>
      </c>
      <c r="X1103" s="47" t="s">
        <v>5331</v>
      </c>
      <c r="Y1103" s="47" t="s">
        <v>5331</v>
      </c>
      <c r="Z1103" s="28"/>
      <c r="AA1103" s="27"/>
      <c r="AB1103" s="27"/>
      <c r="AC1103" s="27"/>
      <c r="AD1103" s="30"/>
      <c r="AE1103" s="1"/>
      <c r="AF1103" s="23" t="s">
        <v>5331</v>
      </c>
      <c r="AG1103" s="26"/>
      <c r="AH1103" s="53"/>
    </row>
    <row r="1104" spans="1:34" ht="51.6" customHeight="1" x14ac:dyDescent="0.45">
      <c r="A1104" s="23">
        <v>1098</v>
      </c>
      <c r="B1104" s="25"/>
      <c r="C1104" s="25"/>
      <c r="D1104" s="29"/>
      <c r="E1104" s="1"/>
      <c r="F1104" s="1"/>
      <c r="G1104" s="25"/>
      <c r="H1104" s="71"/>
      <c r="I1104" s="83"/>
      <c r="J1104" s="50" t="str">
        <f t="shared" si="36"/>
        <v/>
      </c>
      <c r="K1104" s="23" t="s">
        <v>7120</v>
      </c>
      <c r="L1104" s="49" t="e">
        <f>VLOOKUP(E1104&amp;F1104,団体コード!$A$1:$C$1743,3,FALSE)</f>
        <v>#N/A</v>
      </c>
      <c r="M1104" s="49" t="e">
        <f>VLOOKUP(E1104&amp;F1104,団体コード!$A$1:$C$1743,2,FALSE)</f>
        <v>#N/A</v>
      </c>
      <c r="N1104" s="51" t="e">
        <f>VLOOKUP(E1104,団体コード!$E$1:$F$48,2,FALSE)</f>
        <v>#N/A</v>
      </c>
      <c r="O1104" s="51" t="e">
        <f t="shared" si="37"/>
        <v>#N/A</v>
      </c>
      <c r="P1104" s="51">
        <v>1</v>
      </c>
      <c r="Q1104" s="51" t="s">
        <v>5341</v>
      </c>
      <c r="R1104" s="54" t="b">
        <v>1</v>
      </c>
      <c r="S1104" s="52" t="s">
        <v>7126</v>
      </c>
      <c r="T1104" s="67" t="s">
        <v>7127</v>
      </c>
      <c r="U1104" s="75" t="s">
        <v>5331</v>
      </c>
      <c r="V1104" s="47" t="s">
        <v>5331</v>
      </c>
      <c r="W1104" s="47" t="s">
        <v>5331</v>
      </c>
      <c r="X1104" s="47" t="s">
        <v>5331</v>
      </c>
      <c r="Y1104" s="47" t="s">
        <v>5331</v>
      </c>
      <c r="Z1104" s="28"/>
      <c r="AA1104" s="27"/>
      <c r="AB1104" s="27"/>
      <c r="AC1104" s="27"/>
      <c r="AD1104" s="30"/>
      <c r="AE1104" s="1"/>
      <c r="AF1104" s="23" t="s">
        <v>5331</v>
      </c>
      <c r="AG1104" s="26"/>
      <c r="AH1104" s="53"/>
    </row>
    <row r="1105" spans="1:34" ht="51.6" customHeight="1" x14ac:dyDescent="0.45">
      <c r="A1105" s="23">
        <v>1099</v>
      </c>
      <c r="B1105" s="25"/>
      <c r="C1105" s="25"/>
      <c r="D1105" s="29"/>
      <c r="E1105" s="1"/>
      <c r="F1105" s="1"/>
      <c r="G1105" s="25"/>
      <c r="H1105" s="71"/>
      <c r="I1105" s="83"/>
      <c r="J1105" s="50" t="str">
        <f t="shared" si="36"/>
        <v/>
      </c>
      <c r="K1105" s="23" t="s">
        <v>7120</v>
      </c>
      <c r="L1105" s="49" t="e">
        <f>VLOOKUP(E1105&amp;F1105,団体コード!$A$1:$C$1743,3,FALSE)</f>
        <v>#N/A</v>
      </c>
      <c r="M1105" s="49" t="e">
        <f>VLOOKUP(E1105&amp;F1105,団体コード!$A$1:$C$1743,2,FALSE)</f>
        <v>#N/A</v>
      </c>
      <c r="N1105" s="51" t="e">
        <f>VLOOKUP(E1105,団体コード!$E$1:$F$48,2,FALSE)</f>
        <v>#N/A</v>
      </c>
      <c r="O1105" s="51" t="e">
        <f t="shared" si="37"/>
        <v>#N/A</v>
      </c>
      <c r="P1105" s="51">
        <v>1</v>
      </c>
      <c r="Q1105" s="51" t="s">
        <v>5341</v>
      </c>
      <c r="R1105" s="54" t="b">
        <v>1</v>
      </c>
      <c r="S1105" s="52" t="s">
        <v>7126</v>
      </c>
      <c r="T1105" s="67" t="s">
        <v>7127</v>
      </c>
      <c r="U1105" s="75" t="s">
        <v>5331</v>
      </c>
      <c r="V1105" s="47" t="s">
        <v>5331</v>
      </c>
      <c r="W1105" s="47" t="s">
        <v>5331</v>
      </c>
      <c r="X1105" s="47" t="s">
        <v>5331</v>
      </c>
      <c r="Y1105" s="47" t="s">
        <v>5331</v>
      </c>
      <c r="Z1105" s="28"/>
      <c r="AA1105" s="27"/>
      <c r="AB1105" s="27"/>
      <c r="AC1105" s="27"/>
      <c r="AD1105" s="30"/>
      <c r="AE1105" s="1"/>
      <c r="AF1105" s="23" t="s">
        <v>5331</v>
      </c>
      <c r="AG1105" s="26"/>
      <c r="AH1105" s="53"/>
    </row>
    <row r="1106" spans="1:34" ht="51.6" customHeight="1" x14ac:dyDescent="0.45">
      <c r="A1106" s="23">
        <v>1100</v>
      </c>
      <c r="B1106" s="25"/>
      <c r="C1106" s="25"/>
      <c r="D1106" s="29"/>
      <c r="E1106" s="1"/>
      <c r="F1106" s="1"/>
      <c r="G1106" s="25"/>
      <c r="H1106" s="71"/>
      <c r="I1106" s="83"/>
      <c r="J1106" s="50" t="str">
        <f t="shared" si="36"/>
        <v/>
      </c>
      <c r="K1106" s="23" t="s">
        <v>7120</v>
      </c>
      <c r="L1106" s="49" t="e">
        <f>VLOOKUP(E1106&amp;F1106,団体コード!$A$1:$C$1743,3,FALSE)</f>
        <v>#N/A</v>
      </c>
      <c r="M1106" s="49" t="e">
        <f>VLOOKUP(E1106&amp;F1106,団体コード!$A$1:$C$1743,2,FALSE)</f>
        <v>#N/A</v>
      </c>
      <c r="N1106" s="51" t="e">
        <f>VLOOKUP(E1106,団体コード!$E$1:$F$48,2,FALSE)</f>
        <v>#N/A</v>
      </c>
      <c r="O1106" s="51" t="e">
        <f t="shared" si="37"/>
        <v>#N/A</v>
      </c>
      <c r="P1106" s="51">
        <v>1</v>
      </c>
      <c r="Q1106" s="51" t="s">
        <v>5341</v>
      </c>
      <c r="R1106" s="54" t="b">
        <v>1</v>
      </c>
      <c r="S1106" s="52" t="s">
        <v>7126</v>
      </c>
      <c r="T1106" s="67" t="s">
        <v>7127</v>
      </c>
      <c r="U1106" s="75" t="s">
        <v>5331</v>
      </c>
      <c r="V1106" s="47" t="s">
        <v>5331</v>
      </c>
      <c r="W1106" s="47" t="s">
        <v>5331</v>
      </c>
      <c r="X1106" s="47" t="s">
        <v>5331</v>
      </c>
      <c r="Y1106" s="47" t="s">
        <v>5331</v>
      </c>
      <c r="Z1106" s="28"/>
      <c r="AA1106" s="27"/>
      <c r="AB1106" s="27"/>
      <c r="AC1106" s="27"/>
      <c r="AD1106" s="30"/>
      <c r="AE1106" s="1"/>
      <c r="AF1106" s="23" t="s">
        <v>5331</v>
      </c>
      <c r="AG1106" s="26"/>
      <c r="AH1106" s="53"/>
    </row>
    <row r="1107" spans="1:34" ht="51.6" customHeight="1" x14ac:dyDescent="0.45">
      <c r="A1107" s="23">
        <v>1101</v>
      </c>
      <c r="B1107" s="25"/>
      <c r="C1107" s="25"/>
      <c r="D1107" s="29"/>
      <c r="E1107" s="1"/>
      <c r="F1107" s="1"/>
      <c r="G1107" s="25"/>
      <c r="H1107" s="71"/>
      <c r="I1107" s="83"/>
      <c r="J1107" s="50" t="str">
        <f t="shared" si="36"/>
        <v/>
      </c>
      <c r="K1107" s="23" t="s">
        <v>7120</v>
      </c>
      <c r="L1107" s="49" t="e">
        <f>VLOOKUP(E1107&amp;F1107,団体コード!$A$1:$C$1743,3,FALSE)</f>
        <v>#N/A</v>
      </c>
      <c r="M1107" s="49" t="e">
        <f>VLOOKUP(E1107&amp;F1107,団体コード!$A$1:$C$1743,2,FALSE)</f>
        <v>#N/A</v>
      </c>
      <c r="N1107" s="51" t="e">
        <f>VLOOKUP(E1107,団体コード!$E$1:$F$48,2,FALSE)</f>
        <v>#N/A</v>
      </c>
      <c r="O1107" s="51" t="e">
        <f t="shared" si="37"/>
        <v>#N/A</v>
      </c>
      <c r="P1107" s="51">
        <v>1</v>
      </c>
      <c r="Q1107" s="51" t="s">
        <v>5341</v>
      </c>
      <c r="R1107" s="54" t="b">
        <v>1</v>
      </c>
      <c r="S1107" s="52" t="s">
        <v>7126</v>
      </c>
      <c r="T1107" s="67" t="s">
        <v>7127</v>
      </c>
      <c r="U1107" s="75" t="s">
        <v>5331</v>
      </c>
      <c r="V1107" s="47" t="s">
        <v>5331</v>
      </c>
      <c r="W1107" s="47" t="s">
        <v>5331</v>
      </c>
      <c r="X1107" s="47" t="s">
        <v>5331</v>
      </c>
      <c r="Y1107" s="47" t="s">
        <v>5331</v>
      </c>
      <c r="Z1107" s="28"/>
      <c r="AA1107" s="27"/>
      <c r="AB1107" s="27"/>
      <c r="AC1107" s="27"/>
      <c r="AD1107" s="30"/>
      <c r="AE1107" s="1"/>
      <c r="AF1107" s="23" t="s">
        <v>5331</v>
      </c>
      <c r="AG1107" s="26"/>
      <c r="AH1107" s="53"/>
    </row>
    <row r="1108" spans="1:34" ht="51.6" customHeight="1" x14ac:dyDescent="0.45">
      <c r="A1108" s="23">
        <v>1102</v>
      </c>
      <c r="B1108" s="25"/>
      <c r="C1108" s="25"/>
      <c r="D1108" s="29"/>
      <c r="E1108" s="1"/>
      <c r="F1108" s="1"/>
      <c r="G1108" s="25"/>
      <c r="H1108" s="71"/>
      <c r="I1108" s="83"/>
      <c r="J1108" s="50" t="str">
        <f t="shared" si="36"/>
        <v/>
      </c>
      <c r="K1108" s="23" t="s">
        <v>7120</v>
      </c>
      <c r="L1108" s="49" t="e">
        <f>VLOOKUP(E1108&amp;F1108,団体コード!$A$1:$C$1743,3,FALSE)</f>
        <v>#N/A</v>
      </c>
      <c r="M1108" s="49" t="e">
        <f>VLOOKUP(E1108&amp;F1108,団体コード!$A$1:$C$1743,2,FALSE)</f>
        <v>#N/A</v>
      </c>
      <c r="N1108" s="51" t="e">
        <f>VLOOKUP(E1108,団体コード!$E$1:$F$48,2,FALSE)</f>
        <v>#N/A</v>
      </c>
      <c r="O1108" s="51" t="e">
        <f t="shared" si="37"/>
        <v>#N/A</v>
      </c>
      <c r="P1108" s="51">
        <v>1</v>
      </c>
      <c r="Q1108" s="51" t="s">
        <v>5341</v>
      </c>
      <c r="R1108" s="54" t="b">
        <v>1</v>
      </c>
      <c r="S1108" s="52" t="s">
        <v>7126</v>
      </c>
      <c r="T1108" s="67" t="s">
        <v>7127</v>
      </c>
      <c r="U1108" s="75" t="s">
        <v>5331</v>
      </c>
      <c r="V1108" s="47" t="s">
        <v>5331</v>
      </c>
      <c r="W1108" s="47" t="s">
        <v>5331</v>
      </c>
      <c r="X1108" s="47" t="s">
        <v>5331</v>
      </c>
      <c r="Y1108" s="47" t="s">
        <v>5331</v>
      </c>
      <c r="Z1108" s="28"/>
      <c r="AA1108" s="27"/>
      <c r="AB1108" s="27"/>
      <c r="AC1108" s="27"/>
      <c r="AD1108" s="30"/>
      <c r="AE1108" s="1"/>
      <c r="AF1108" s="23" t="s">
        <v>5331</v>
      </c>
      <c r="AG1108" s="26"/>
      <c r="AH1108" s="53"/>
    </row>
    <row r="1109" spans="1:34" ht="51.6" customHeight="1" x14ac:dyDescent="0.45">
      <c r="A1109" s="23">
        <v>1103</v>
      </c>
      <c r="B1109" s="25"/>
      <c r="C1109" s="25"/>
      <c r="D1109" s="29"/>
      <c r="E1109" s="1"/>
      <c r="F1109" s="1"/>
      <c r="G1109" s="25"/>
      <c r="H1109" s="71"/>
      <c r="I1109" s="83"/>
      <c r="J1109" s="50" t="str">
        <f t="shared" si="36"/>
        <v/>
      </c>
      <c r="K1109" s="23" t="s">
        <v>7120</v>
      </c>
      <c r="L1109" s="49" t="e">
        <f>VLOOKUP(E1109&amp;F1109,団体コード!$A$1:$C$1743,3,FALSE)</f>
        <v>#N/A</v>
      </c>
      <c r="M1109" s="49" t="e">
        <f>VLOOKUP(E1109&amp;F1109,団体コード!$A$1:$C$1743,2,FALSE)</f>
        <v>#N/A</v>
      </c>
      <c r="N1109" s="51" t="e">
        <f>VLOOKUP(E1109,団体コード!$E$1:$F$48,2,FALSE)</f>
        <v>#N/A</v>
      </c>
      <c r="O1109" s="51" t="e">
        <f t="shared" si="37"/>
        <v>#N/A</v>
      </c>
      <c r="P1109" s="51">
        <v>1</v>
      </c>
      <c r="Q1109" s="51" t="s">
        <v>5341</v>
      </c>
      <c r="R1109" s="54" t="b">
        <v>1</v>
      </c>
      <c r="S1109" s="52" t="s">
        <v>7126</v>
      </c>
      <c r="T1109" s="67" t="s">
        <v>7127</v>
      </c>
      <c r="U1109" s="75" t="s">
        <v>5331</v>
      </c>
      <c r="V1109" s="47" t="s">
        <v>5331</v>
      </c>
      <c r="W1109" s="47" t="s">
        <v>5331</v>
      </c>
      <c r="X1109" s="47" t="s">
        <v>5331</v>
      </c>
      <c r="Y1109" s="47" t="s">
        <v>5331</v>
      </c>
      <c r="Z1109" s="28"/>
      <c r="AA1109" s="27"/>
      <c r="AB1109" s="27"/>
      <c r="AC1109" s="27"/>
      <c r="AD1109" s="30"/>
      <c r="AE1109" s="1"/>
      <c r="AF1109" s="23" t="s">
        <v>5331</v>
      </c>
      <c r="AG1109" s="26"/>
      <c r="AH1109" s="53"/>
    </row>
    <row r="1110" spans="1:34" ht="51.6" customHeight="1" x14ac:dyDescent="0.45">
      <c r="A1110" s="23">
        <v>1104</v>
      </c>
      <c r="B1110" s="25"/>
      <c r="C1110" s="25"/>
      <c r="D1110" s="29"/>
      <c r="E1110" s="1"/>
      <c r="F1110" s="1"/>
      <c r="G1110" s="25"/>
      <c r="H1110" s="71"/>
      <c r="I1110" s="83"/>
      <c r="J1110" s="50" t="str">
        <f t="shared" si="36"/>
        <v/>
      </c>
      <c r="K1110" s="23" t="s">
        <v>7120</v>
      </c>
      <c r="L1110" s="49" t="e">
        <f>VLOOKUP(E1110&amp;F1110,団体コード!$A$1:$C$1743,3,FALSE)</f>
        <v>#N/A</v>
      </c>
      <c r="M1110" s="49" t="e">
        <f>VLOOKUP(E1110&amp;F1110,団体コード!$A$1:$C$1743,2,FALSE)</f>
        <v>#N/A</v>
      </c>
      <c r="N1110" s="51" t="e">
        <f>VLOOKUP(E1110,団体コード!$E$1:$F$48,2,FALSE)</f>
        <v>#N/A</v>
      </c>
      <c r="O1110" s="51" t="e">
        <f t="shared" si="37"/>
        <v>#N/A</v>
      </c>
      <c r="P1110" s="51">
        <v>1</v>
      </c>
      <c r="Q1110" s="51" t="s">
        <v>5341</v>
      </c>
      <c r="R1110" s="54" t="b">
        <v>1</v>
      </c>
      <c r="S1110" s="52" t="s">
        <v>7126</v>
      </c>
      <c r="T1110" s="67" t="s">
        <v>7127</v>
      </c>
      <c r="U1110" s="75" t="s">
        <v>5331</v>
      </c>
      <c r="V1110" s="47" t="s">
        <v>5331</v>
      </c>
      <c r="W1110" s="47" t="s">
        <v>5331</v>
      </c>
      <c r="X1110" s="47" t="s">
        <v>5331</v>
      </c>
      <c r="Y1110" s="47" t="s">
        <v>5331</v>
      </c>
      <c r="Z1110" s="28"/>
      <c r="AA1110" s="27"/>
      <c r="AB1110" s="27"/>
      <c r="AC1110" s="27"/>
      <c r="AD1110" s="30"/>
      <c r="AE1110" s="1"/>
      <c r="AF1110" s="23" t="s">
        <v>5331</v>
      </c>
      <c r="AG1110" s="26"/>
      <c r="AH1110" s="53"/>
    </row>
    <row r="1111" spans="1:34" ht="51.6" customHeight="1" x14ac:dyDescent="0.45">
      <c r="A1111" s="23">
        <v>1105</v>
      </c>
      <c r="B1111" s="25"/>
      <c r="C1111" s="25"/>
      <c r="D1111" s="29"/>
      <c r="E1111" s="1"/>
      <c r="F1111" s="1"/>
      <c r="G1111" s="25"/>
      <c r="H1111" s="71"/>
      <c r="I1111" s="83"/>
      <c r="J1111" s="50" t="str">
        <f t="shared" si="36"/>
        <v/>
      </c>
      <c r="K1111" s="23" t="s">
        <v>7120</v>
      </c>
      <c r="L1111" s="49" t="e">
        <f>VLOOKUP(E1111&amp;F1111,団体コード!$A$1:$C$1743,3,FALSE)</f>
        <v>#N/A</v>
      </c>
      <c r="M1111" s="49" t="e">
        <f>VLOOKUP(E1111&amp;F1111,団体コード!$A$1:$C$1743,2,FALSE)</f>
        <v>#N/A</v>
      </c>
      <c r="N1111" s="51" t="e">
        <f>VLOOKUP(E1111,団体コード!$E$1:$F$48,2,FALSE)</f>
        <v>#N/A</v>
      </c>
      <c r="O1111" s="51" t="e">
        <f t="shared" si="37"/>
        <v>#N/A</v>
      </c>
      <c r="P1111" s="51">
        <v>1</v>
      </c>
      <c r="Q1111" s="51" t="s">
        <v>5341</v>
      </c>
      <c r="R1111" s="54" t="b">
        <v>1</v>
      </c>
      <c r="S1111" s="52" t="s">
        <v>7126</v>
      </c>
      <c r="T1111" s="67" t="s">
        <v>7127</v>
      </c>
      <c r="U1111" s="75" t="s">
        <v>5331</v>
      </c>
      <c r="V1111" s="47" t="s">
        <v>5331</v>
      </c>
      <c r="W1111" s="47" t="s">
        <v>5331</v>
      </c>
      <c r="X1111" s="47" t="s">
        <v>5331</v>
      </c>
      <c r="Y1111" s="47" t="s">
        <v>5331</v>
      </c>
      <c r="Z1111" s="28"/>
      <c r="AA1111" s="27"/>
      <c r="AB1111" s="27"/>
      <c r="AC1111" s="27"/>
      <c r="AD1111" s="30"/>
      <c r="AE1111" s="1"/>
      <c r="AF1111" s="23" t="s">
        <v>5331</v>
      </c>
      <c r="AG1111" s="26"/>
      <c r="AH1111" s="53"/>
    </row>
    <row r="1112" spans="1:34" ht="51.6" customHeight="1" x14ac:dyDescent="0.45">
      <c r="A1112" s="23">
        <v>1106</v>
      </c>
      <c r="B1112" s="25"/>
      <c r="C1112" s="25"/>
      <c r="D1112" s="29"/>
      <c r="E1112" s="1"/>
      <c r="F1112" s="1"/>
      <c r="G1112" s="25"/>
      <c r="H1112" s="71"/>
      <c r="I1112" s="83"/>
      <c r="J1112" s="50" t="str">
        <f t="shared" si="36"/>
        <v/>
      </c>
      <c r="K1112" s="23" t="s">
        <v>7120</v>
      </c>
      <c r="L1112" s="49" t="e">
        <f>VLOOKUP(E1112&amp;F1112,団体コード!$A$1:$C$1743,3,FALSE)</f>
        <v>#N/A</v>
      </c>
      <c r="M1112" s="49" t="e">
        <f>VLOOKUP(E1112&amp;F1112,団体コード!$A$1:$C$1743,2,FALSE)</f>
        <v>#N/A</v>
      </c>
      <c r="N1112" s="51" t="e">
        <f>VLOOKUP(E1112,団体コード!$E$1:$F$48,2,FALSE)</f>
        <v>#N/A</v>
      </c>
      <c r="O1112" s="51" t="e">
        <f t="shared" si="37"/>
        <v>#N/A</v>
      </c>
      <c r="P1112" s="51">
        <v>1</v>
      </c>
      <c r="Q1112" s="51" t="s">
        <v>5341</v>
      </c>
      <c r="R1112" s="54" t="b">
        <v>1</v>
      </c>
      <c r="S1112" s="52" t="s">
        <v>7126</v>
      </c>
      <c r="T1112" s="67" t="s">
        <v>7127</v>
      </c>
      <c r="U1112" s="75" t="s">
        <v>5331</v>
      </c>
      <c r="V1112" s="47" t="s">
        <v>5331</v>
      </c>
      <c r="W1112" s="47" t="s">
        <v>5331</v>
      </c>
      <c r="X1112" s="47" t="s">
        <v>5331</v>
      </c>
      <c r="Y1112" s="47" t="s">
        <v>5331</v>
      </c>
      <c r="Z1112" s="28"/>
      <c r="AA1112" s="27"/>
      <c r="AB1112" s="27"/>
      <c r="AC1112" s="27"/>
      <c r="AD1112" s="30"/>
      <c r="AE1112" s="1"/>
      <c r="AF1112" s="23" t="s">
        <v>5331</v>
      </c>
      <c r="AG1112" s="26"/>
      <c r="AH1112" s="53"/>
    </row>
    <row r="1113" spans="1:34" ht="51.6" customHeight="1" x14ac:dyDescent="0.45">
      <c r="A1113" s="23">
        <v>1107</v>
      </c>
      <c r="B1113" s="25"/>
      <c r="C1113" s="25"/>
      <c r="D1113" s="29"/>
      <c r="E1113" s="1"/>
      <c r="F1113" s="1"/>
      <c r="G1113" s="25"/>
      <c r="H1113" s="71"/>
      <c r="I1113" s="83"/>
      <c r="J1113" s="50" t="str">
        <f t="shared" si="36"/>
        <v/>
      </c>
      <c r="K1113" s="23" t="s">
        <v>7120</v>
      </c>
      <c r="L1113" s="49" t="e">
        <f>VLOOKUP(E1113&amp;F1113,団体コード!$A$1:$C$1743,3,FALSE)</f>
        <v>#N/A</v>
      </c>
      <c r="M1113" s="49" t="e">
        <f>VLOOKUP(E1113&amp;F1113,団体コード!$A$1:$C$1743,2,FALSE)</f>
        <v>#N/A</v>
      </c>
      <c r="N1113" s="51" t="e">
        <f>VLOOKUP(E1113,団体コード!$E$1:$F$48,2,FALSE)</f>
        <v>#N/A</v>
      </c>
      <c r="O1113" s="51" t="e">
        <f t="shared" si="37"/>
        <v>#N/A</v>
      </c>
      <c r="P1113" s="51">
        <v>1</v>
      </c>
      <c r="Q1113" s="51" t="s">
        <v>5341</v>
      </c>
      <c r="R1113" s="54" t="b">
        <v>1</v>
      </c>
      <c r="S1113" s="52" t="s">
        <v>7126</v>
      </c>
      <c r="T1113" s="67" t="s">
        <v>7127</v>
      </c>
      <c r="U1113" s="75" t="s">
        <v>5331</v>
      </c>
      <c r="V1113" s="47" t="s">
        <v>5331</v>
      </c>
      <c r="W1113" s="47" t="s">
        <v>5331</v>
      </c>
      <c r="X1113" s="47" t="s">
        <v>5331</v>
      </c>
      <c r="Y1113" s="47" t="s">
        <v>5331</v>
      </c>
      <c r="Z1113" s="28"/>
      <c r="AA1113" s="27"/>
      <c r="AB1113" s="27"/>
      <c r="AC1113" s="27"/>
      <c r="AD1113" s="30"/>
      <c r="AE1113" s="1"/>
      <c r="AF1113" s="23" t="s">
        <v>5331</v>
      </c>
      <c r="AG1113" s="26"/>
      <c r="AH1113" s="53"/>
    </row>
    <row r="1114" spans="1:34" ht="51.6" customHeight="1" x14ac:dyDescent="0.45">
      <c r="A1114" s="23">
        <v>1108</v>
      </c>
      <c r="B1114" s="25"/>
      <c r="C1114" s="25"/>
      <c r="D1114" s="29"/>
      <c r="E1114" s="1"/>
      <c r="F1114" s="1"/>
      <c r="G1114" s="25"/>
      <c r="H1114" s="71"/>
      <c r="I1114" s="83"/>
      <c r="J1114" s="50" t="str">
        <f t="shared" si="36"/>
        <v/>
      </c>
      <c r="K1114" s="23" t="s">
        <v>7120</v>
      </c>
      <c r="L1114" s="49" t="e">
        <f>VLOOKUP(E1114&amp;F1114,団体コード!$A$1:$C$1743,3,FALSE)</f>
        <v>#N/A</v>
      </c>
      <c r="M1114" s="49" t="e">
        <f>VLOOKUP(E1114&amp;F1114,団体コード!$A$1:$C$1743,2,FALSE)</f>
        <v>#N/A</v>
      </c>
      <c r="N1114" s="51" t="e">
        <f>VLOOKUP(E1114,団体コード!$E$1:$F$48,2,FALSE)</f>
        <v>#N/A</v>
      </c>
      <c r="O1114" s="51" t="e">
        <f t="shared" si="37"/>
        <v>#N/A</v>
      </c>
      <c r="P1114" s="51">
        <v>1</v>
      </c>
      <c r="Q1114" s="51" t="s">
        <v>5341</v>
      </c>
      <c r="R1114" s="54" t="b">
        <v>1</v>
      </c>
      <c r="S1114" s="52" t="s">
        <v>7126</v>
      </c>
      <c r="T1114" s="67" t="s">
        <v>7127</v>
      </c>
      <c r="U1114" s="75" t="s">
        <v>5331</v>
      </c>
      <c r="V1114" s="47" t="s">
        <v>5331</v>
      </c>
      <c r="W1114" s="47" t="s">
        <v>5331</v>
      </c>
      <c r="X1114" s="47" t="s">
        <v>5331</v>
      </c>
      <c r="Y1114" s="47" t="s">
        <v>5331</v>
      </c>
      <c r="Z1114" s="28"/>
      <c r="AA1114" s="27"/>
      <c r="AB1114" s="27"/>
      <c r="AC1114" s="27"/>
      <c r="AD1114" s="30"/>
      <c r="AE1114" s="1"/>
      <c r="AF1114" s="23" t="s">
        <v>5331</v>
      </c>
      <c r="AG1114" s="26"/>
      <c r="AH1114" s="53"/>
    </row>
    <row r="1115" spans="1:34" ht="51.6" customHeight="1" x14ac:dyDescent="0.45">
      <c r="A1115" s="23">
        <v>1109</v>
      </c>
      <c r="B1115" s="25"/>
      <c r="C1115" s="25"/>
      <c r="D1115" s="29"/>
      <c r="E1115" s="1"/>
      <c r="F1115" s="1"/>
      <c r="G1115" s="25"/>
      <c r="H1115" s="71"/>
      <c r="I1115" s="83"/>
      <c r="J1115" s="50" t="str">
        <f t="shared" si="36"/>
        <v/>
      </c>
      <c r="K1115" s="23" t="s">
        <v>7120</v>
      </c>
      <c r="L1115" s="49" t="e">
        <f>VLOOKUP(E1115&amp;F1115,団体コード!$A$1:$C$1743,3,FALSE)</f>
        <v>#N/A</v>
      </c>
      <c r="M1115" s="49" t="e">
        <f>VLOOKUP(E1115&amp;F1115,団体コード!$A$1:$C$1743,2,FALSE)</f>
        <v>#N/A</v>
      </c>
      <c r="N1115" s="51" t="e">
        <f>VLOOKUP(E1115,団体コード!$E$1:$F$48,2,FALSE)</f>
        <v>#N/A</v>
      </c>
      <c r="O1115" s="51" t="e">
        <f t="shared" si="37"/>
        <v>#N/A</v>
      </c>
      <c r="P1115" s="51">
        <v>1</v>
      </c>
      <c r="Q1115" s="51" t="s">
        <v>5341</v>
      </c>
      <c r="R1115" s="54" t="b">
        <v>1</v>
      </c>
      <c r="S1115" s="52" t="s">
        <v>7126</v>
      </c>
      <c r="T1115" s="67" t="s">
        <v>7127</v>
      </c>
      <c r="U1115" s="75" t="s">
        <v>5331</v>
      </c>
      <c r="V1115" s="47" t="s">
        <v>5331</v>
      </c>
      <c r="W1115" s="47" t="s">
        <v>5331</v>
      </c>
      <c r="X1115" s="47" t="s">
        <v>5331</v>
      </c>
      <c r="Y1115" s="47" t="s">
        <v>5331</v>
      </c>
      <c r="Z1115" s="28"/>
      <c r="AA1115" s="27"/>
      <c r="AB1115" s="27"/>
      <c r="AC1115" s="27"/>
      <c r="AD1115" s="30"/>
      <c r="AE1115" s="1"/>
      <c r="AF1115" s="23" t="s">
        <v>5331</v>
      </c>
      <c r="AG1115" s="26"/>
      <c r="AH1115" s="53"/>
    </row>
    <row r="1116" spans="1:34" ht="51.6" customHeight="1" x14ac:dyDescent="0.45">
      <c r="A1116" s="23">
        <v>1110</v>
      </c>
      <c r="B1116" s="25"/>
      <c r="C1116" s="25"/>
      <c r="D1116" s="29"/>
      <c r="E1116" s="1"/>
      <c r="F1116" s="1"/>
      <c r="G1116" s="25"/>
      <c r="H1116" s="71"/>
      <c r="I1116" s="83"/>
      <c r="J1116" s="50" t="str">
        <f t="shared" si="36"/>
        <v/>
      </c>
      <c r="K1116" s="23" t="s">
        <v>7120</v>
      </c>
      <c r="L1116" s="49" t="e">
        <f>VLOOKUP(E1116&amp;F1116,団体コード!$A$1:$C$1743,3,FALSE)</f>
        <v>#N/A</v>
      </c>
      <c r="M1116" s="49" t="e">
        <f>VLOOKUP(E1116&amp;F1116,団体コード!$A$1:$C$1743,2,FALSE)</f>
        <v>#N/A</v>
      </c>
      <c r="N1116" s="51" t="e">
        <f>VLOOKUP(E1116,団体コード!$E$1:$F$48,2,FALSE)</f>
        <v>#N/A</v>
      </c>
      <c r="O1116" s="51" t="e">
        <f t="shared" si="37"/>
        <v>#N/A</v>
      </c>
      <c r="P1116" s="51">
        <v>1</v>
      </c>
      <c r="Q1116" s="51" t="s">
        <v>5341</v>
      </c>
      <c r="R1116" s="54" t="b">
        <v>1</v>
      </c>
      <c r="S1116" s="52" t="s">
        <v>7126</v>
      </c>
      <c r="T1116" s="67" t="s">
        <v>7127</v>
      </c>
      <c r="U1116" s="75" t="s">
        <v>5331</v>
      </c>
      <c r="V1116" s="47" t="s">
        <v>5331</v>
      </c>
      <c r="W1116" s="47" t="s">
        <v>5331</v>
      </c>
      <c r="X1116" s="47" t="s">
        <v>5331</v>
      </c>
      <c r="Y1116" s="47" t="s">
        <v>5331</v>
      </c>
      <c r="Z1116" s="28"/>
      <c r="AA1116" s="27"/>
      <c r="AB1116" s="27"/>
      <c r="AC1116" s="27"/>
      <c r="AD1116" s="30"/>
      <c r="AE1116" s="1"/>
      <c r="AF1116" s="23" t="s">
        <v>5331</v>
      </c>
      <c r="AG1116" s="26"/>
      <c r="AH1116" s="53"/>
    </row>
    <row r="1117" spans="1:34" ht="51.6" customHeight="1" x14ac:dyDescent="0.45">
      <c r="A1117" s="23">
        <v>1111</v>
      </c>
      <c r="B1117" s="25"/>
      <c r="C1117" s="25"/>
      <c r="D1117" s="29"/>
      <c r="E1117" s="1"/>
      <c r="F1117" s="1"/>
      <c r="G1117" s="25"/>
      <c r="H1117" s="71"/>
      <c r="I1117" s="83"/>
      <c r="J1117" s="50" t="str">
        <f t="shared" si="36"/>
        <v/>
      </c>
      <c r="K1117" s="23" t="s">
        <v>7120</v>
      </c>
      <c r="L1117" s="49" t="e">
        <f>VLOOKUP(E1117&amp;F1117,団体コード!$A$1:$C$1743,3,FALSE)</f>
        <v>#N/A</v>
      </c>
      <c r="M1117" s="49" t="e">
        <f>VLOOKUP(E1117&amp;F1117,団体コード!$A$1:$C$1743,2,FALSE)</f>
        <v>#N/A</v>
      </c>
      <c r="N1117" s="51" t="e">
        <f>VLOOKUP(E1117,団体コード!$E$1:$F$48,2,FALSE)</f>
        <v>#N/A</v>
      </c>
      <c r="O1117" s="51" t="e">
        <f t="shared" si="37"/>
        <v>#N/A</v>
      </c>
      <c r="P1117" s="51">
        <v>1</v>
      </c>
      <c r="Q1117" s="51" t="s">
        <v>5341</v>
      </c>
      <c r="R1117" s="54" t="b">
        <v>1</v>
      </c>
      <c r="S1117" s="52" t="s">
        <v>7126</v>
      </c>
      <c r="T1117" s="67" t="s">
        <v>7127</v>
      </c>
      <c r="U1117" s="75" t="s">
        <v>5331</v>
      </c>
      <c r="V1117" s="47" t="s">
        <v>5331</v>
      </c>
      <c r="W1117" s="47" t="s">
        <v>5331</v>
      </c>
      <c r="X1117" s="47" t="s">
        <v>5331</v>
      </c>
      <c r="Y1117" s="47" t="s">
        <v>5331</v>
      </c>
      <c r="Z1117" s="28"/>
      <c r="AA1117" s="27"/>
      <c r="AB1117" s="27"/>
      <c r="AC1117" s="27"/>
      <c r="AD1117" s="30"/>
      <c r="AE1117" s="1"/>
      <c r="AF1117" s="23" t="s">
        <v>5331</v>
      </c>
      <c r="AG1117" s="26"/>
      <c r="AH1117" s="53"/>
    </row>
    <row r="1118" spans="1:34" ht="51.6" customHeight="1" x14ac:dyDescent="0.45">
      <c r="A1118" s="23">
        <v>1112</v>
      </c>
      <c r="B1118" s="25"/>
      <c r="C1118" s="25"/>
      <c r="D1118" s="29"/>
      <c r="E1118" s="1"/>
      <c r="F1118" s="1"/>
      <c r="G1118" s="25"/>
      <c r="H1118" s="71"/>
      <c r="I1118" s="83"/>
      <c r="J1118" s="50" t="str">
        <f t="shared" si="36"/>
        <v/>
      </c>
      <c r="K1118" s="23" t="s">
        <v>7120</v>
      </c>
      <c r="L1118" s="49" t="e">
        <f>VLOOKUP(E1118&amp;F1118,団体コード!$A$1:$C$1743,3,FALSE)</f>
        <v>#N/A</v>
      </c>
      <c r="M1118" s="49" t="e">
        <f>VLOOKUP(E1118&amp;F1118,団体コード!$A$1:$C$1743,2,FALSE)</f>
        <v>#N/A</v>
      </c>
      <c r="N1118" s="51" t="e">
        <f>VLOOKUP(E1118,団体コード!$E$1:$F$48,2,FALSE)</f>
        <v>#N/A</v>
      </c>
      <c r="O1118" s="51" t="e">
        <f t="shared" si="37"/>
        <v>#N/A</v>
      </c>
      <c r="P1118" s="51">
        <v>1</v>
      </c>
      <c r="Q1118" s="51" t="s">
        <v>5341</v>
      </c>
      <c r="R1118" s="54" t="b">
        <v>1</v>
      </c>
      <c r="S1118" s="52" t="s">
        <v>7126</v>
      </c>
      <c r="T1118" s="67" t="s">
        <v>7127</v>
      </c>
      <c r="U1118" s="75" t="s">
        <v>5331</v>
      </c>
      <c r="V1118" s="47" t="s">
        <v>5331</v>
      </c>
      <c r="W1118" s="47" t="s">
        <v>5331</v>
      </c>
      <c r="X1118" s="47" t="s">
        <v>5331</v>
      </c>
      <c r="Y1118" s="47" t="s">
        <v>5331</v>
      </c>
      <c r="Z1118" s="28"/>
      <c r="AA1118" s="27"/>
      <c r="AB1118" s="27"/>
      <c r="AC1118" s="27"/>
      <c r="AD1118" s="30"/>
      <c r="AE1118" s="1"/>
      <c r="AF1118" s="23" t="s">
        <v>5331</v>
      </c>
      <c r="AG1118" s="26"/>
      <c r="AH1118" s="53"/>
    </row>
    <row r="1119" spans="1:34" ht="51.6" customHeight="1" x14ac:dyDescent="0.45">
      <c r="A1119" s="23">
        <v>1113</v>
      </c>
      <c r="B1119" s="25"/>
      <c r="C1119" s="25"/>
      <c r="D1119" s="29"/>
      <c r="E1119" s="1"/>
      <c r="F1119" s="1"/>
      <c r="G1119" s="25"/>
      <c r="H1119" s="71"/>
      <c r="I1119" s="83"/>
      <c r="J1119" s="50" t="str">
        <f t="shared" si="36"/>
        <v/>
      </c>
      <c r="K1119" s="23" t="s">
        <v>7120</v>
      </c>
      <c r="L1119" s="49" t="e">
        <f>VLOOKUP(E1119&amp;F1119,団体コード!$A$1:$C$1743,3,FALSE)</f>
        <v>#N/A</v>
      </c>
      <c r="M1119" s="49" t="e">
        <f>VLOOKUP(E1119&amp;F1119,団体コード!$A$1:$C$1743,2,FALSE)</f>
        <v>#N/A</v>
      </c>
      <c r="N1119" s="51" t="e">
        <f>VLOOKUP(E1119,団体コード!$E$1:$F$48,2,FALSE)</f>
        <v>#N/A</v>
      </c>
      <c r="O1119" s="51" t="e">
        <f t="shared" si="37"/>
        <v>#N/A</v>
      </c>
      <c r="P1119" s="51">
        <v>1</v>
      </c>
      <c r="Q1119" s="51" t="s">
        <v>5341</v>
      </c>
      <c r="R1119" s="54" t="b">
        <v>1</v>
      </c>
      <c r="S1119" s="52" t="s">
        <v>7126</v>
      </c>
      <c r="T1119" s="67" t="s">
        <v>7127</v>
      </c>
      <c r="U1119" s="75" t="s">
        <v>5331</v>
      </c>
      <c r="V1119" s="47" t="s">
        <v>5331</v>
      </c>
      <c r="W1119" s="47" t="s">
        <v>5331</v>
      </c>
      <c r="X1119" s="47" t="s">
        <v>5331</v>
      </c>
      <c r="Y1119" s="47" t="s">
        <v>5331</v>
      </c>
      <c r="Z1119" s="28"/>
      <c r="AA1119" s="27"/>
      <c r="AB1119" s="27"/>
      <c r="AC1119" s="27"/>
      <c r="AD1119" s="30"/>
      <c r="AE1119" s="1"/>
      <c r="AF1119" s="23" t="s">
        <v>5331</v>
      </c>
      <c r="AG1119" s="26"/>
      <c r="AH1119" s="53"/>
    </row>
    <row r="1120" spans="1:34" ht="51.6" customHeight="1" x14ac:dyDescent="0.45">
      <c r="A1120" s="23">
        <v>1114</v>
      </c>
      <c r="B1120" s="25"/>
      <c r="C1120" s="25"/>
      <c r="D1120" s="29"/>
      <c r="E1120" s="1"/>
      <c r="F1120" s="1"/>
      <c r="G1120" s="25"/>
      <c r="H1120" s="71"/>
      <c r="I1120" s="83"/>
      <c r="J1120" s="50" t="str">
        <f t="shared" si="36"/>
        <v/>
      </c>
      <c r="K1120" s="23" t="s">
        <v>7120</v>
      </c>
      <c r="L1120" s="49" t="e">
        <f>VLOOKUP(E1120&amp;F1120,団体コード!$A$1:$C$1743,3,FALSE)</f>
        <v>#N/A</v>
      </c>
      <c r="M1120" s="49" t="e">
        <f>VLOOKUP(E1120&amp;F1120,団体コード!$A$1:$C$1743,2,FALSE)</f>
        <v>#N/A</v>
      </c>
      <c r="N1120" s="51" t="e">
        <f>VLOOKUP(E1120,団体コード!$E$1:$F$48,2,FALSE)</f>
        <v>#N/A</v>
      </c>
      <c r="O1120" s="51" t="e">
        <f t="shared" si="37"/>
        <v>#N/A</v>
      </c>
      <c r="P1120" s="51">
        <v>1</v>
      </c>
      <c r="Q1120" s="51" t="s">
        <v>5341</v>
      </c>
      <c r="R1120" s="54" t="b">
        <v>1</v>
      </c>
      <c r="S1120" s="52" t="s">
        <v>7126</v>
      </c>
      <c r="T1120" s="67" t="s">
        <v>7127</v>
      </c>
      <c r="U1120" s="75" t="s">
        <v>5331</v>
      </c>
      <c r="V1120" s="47" t="s">
        <v>5331</v>
      </c>
      <c r="W1120" s="47" t="s">
        <v>5331</v>
      </c>
      <c r="X1120" s="47" t="s">
        <v>5331</v>
      </c>
      <c r="Y1120" s="47" t="s">
        <v>5331</v>
      </c>
      <c r="Z1120" s="28"/>
      <c r="AA1120" s="27"/>
      <c r="AB1120" s="27"/>
      <c r="AC1120" s="27"/>
      <c r="AD1120" s="30"/>
      <c r="AE1120" s="1"/>
      <c r="AF1120" s="23" t="s">
        <v>5331</v>
      </c>
      <c r="AG1120" s="26"/>
      <c r="AH1120" s="53"/>
    </row>
    <row r="1121" spans="1:34" ht="51.6" customHeight="1" x14ac:dyDescent="0.45">
      <c r="A1121" s="23">
        <v>1115</v>
      </c>
      <c r="B1121" s="25"/>
      <c r="C1121" s="25"/>
      <c r="D1121" s="29"/>
      <c r="E1121" s="1"/>
      <c r="F1121" s="1"/>
      <c r="G1121" s="25"/>
      <c r="H1121" s="71"/>
      <c r="I1121" s="83"/>
      <c r="J1121" s="50" t="str">
        <f t="shared" si="36"/>
        <v/>
      </c>
      <c r="K1121" s="23" t="s">
        <v>7120</v>
      </c>
      <c r="L1121" s="49" t="e">
        <f>VLOOKUP(E1121&amp;F1121,団体コード!$A$1:$C$1743,3,FALSE)</f>
        <v>#N/A</v>
      </c>
      <c r="M1121" s="49" t="e">
        <f>VLOOKUP(E1121&amp;F1121,団体コード!$A$1:$C$1743,2,FALSE)</f>
        <v>#N/A</v>
      </c>
      <c r="N1121" s="51" t="e">
        <f>VLOOKUP(E1121,団体コード!$E$1:$F$48,2,FALSE)</f>
        <v>#N/A</v>
      </c>
      <c r="O1121" s="51" t="e">
        <f t="shared" si="37"/>
        <v>#N/A</v>
      </c>
      <c r="P1121" s="51">
        <v>1</v>
      </c>
      <c r="Q1121" s="51" t="s">
        <v>5341</v>
      </c>
      <c r="R1121" s="54" t="b">
        <v>1</v>
      </c>
      <c r="S1121" s="52" t="s">
        <v>7126</v>
      </c>
      <c r="T1121" s="67" t="s">
        <v>7127</v>
      </c>
      <c r="U1121" s="75" t="s">
        <v>5331</v>
      </c>
      <c r="V1121" s="47" t="s">
        <v>5331</v>
      </c>
      <c r="W1121" s="47" t="s">
        <v>5331</v>
      </c>
      <c r="X1121" s="47" t="s">
        <v>5331</v>
      </c>
      <c r="Y1121" s="47" t="s">
        <v>5331</v>
      </c>
      <c r="Z1121" s="28"/>
      <c r="AA1121" s="27"/>
      <c r="AB1121" s="27"/>
      <c r="AC1121" s="27"/>
      <c r="AD1121" s="30"/>
      <c r="AE1121" s="1"/>
      <c r="AF1121" s="23" t="s">
        <v>5331</v>
      </c>
      <c r="AG1121" s="26"/>
      <c r="AH1121" s="53"/>
    </row>
    <row r="1122" spans="1:34" ht="51.6" customHeight="1" x14ac:dyDescent="0.45">
      <c r="A1122" s="23">
        <v>1116</v>
      </c>
      <c r="B1122" s="25"/>
      <c r="C1122" s="25"/>
      <c r="D1122" s="29"/>
      <c r="E1122" s="1"/>
      <c r="F1122" s="1"/>
      <c r="G1122" s="25"/>
      <c r="H1122" s="71"/>
      <c r="I1122" s="83"/>
      <c r="J1122" s="50" t="str">
        <f t="shared" si="36"/>
        <v/>
      </c>
      <c r="K1122" s="23" t="s">
        <v>7120</v>
      </c>
      <c r="L1122" s="49" t="e">
        <f>VLOOKUP(E1122&amp;F1122,団体コード!$A$1:$C$1743,3,FALSE)</f>
        <v>#N/A</v>
      </c>
      <c r="M1122" s="49" t="e">
        <f>VLOOKUP(E1122&amp;F1122,団体コード!$A$1:$C$1743,2,FALSE)</f>
        <v>#N/A</v>
      </c>
      <c r="N1122" s="51" t="e">
        <f>VLOOKUP(E1122,団体コード!$E$1:$F$48,2,FALSE)</f>
        <v>#N/A</v>
      </c>
      <c r="O1122" s="51" t="e">
        <f t="shared" si="37"/>
        <v>#N/A</v>
      </c>
      <c r="P1122" s="51">
        <v>1</v>
      </c>
      <c r="Q1122" s="51" t="s">
        <v>5341</v>
      </c>
      <c r="R1122" s="54" t="b">
        <v>1</v>
      </c>
      <c r="S1122" s="52" t="s">
        <v>7126</v>
      </c>
      <c r="T1122" s="67" t="s">
        <v>7127</v>
      </c>
      <c r="U1122" s="75" t="s">
        <v>5331</v>
      </c>
      <c r="V1122" s="47" t="s">
        <v>5331</v>
      </c>
      <c r="W1122" s="47" t="s">
        <v>5331</v>
      </c>
      <c r="X1122" s="47" t="s">
        <v>5331</v>
      </c>
      <c r="Y1122" s="47" t="s">
        <v>5331</v>
      </c>
      <c r="Z1122" s="28"/>
      <c r="AA1122" s="27"/>
      <c r="AB1122" s="27"/>
      <c r="AC1122" s="27"/>
      <c r="AD1122" s="30"/>
      <c r="AE1122" s="1"/>
      <c r="AF1122" s="23" t="s">
        <v>5331</v>
      </c>
      <c r="AG1122" s="26"/>
      <c r="AH1122" s="53"/>
    </row>
    <row r="1123" spans="1:34" ht="51.6" customHeight="1" x14ac:dyDescent="0.45">
      <c r="A1123" s="23">
        <v>1117</v>
      </c>
      <c r="B1123" s="25"/>
      <c r="C1123" s="25"/>
      <c r="D1123" s="29"/>
      <c r="E1123" s="1"/>
      <c r="F1123" s="1"/>
      <c r="G1123" s="25"/>
      <c r="H1123" s="71"/>
      <c r="I1123" s="83"/>
      <c r="J1123" s="50" t="str">
        <f t="shared" si="36"/>
        <v/>
      </c>
      <c r="K1123" s="23" t="s">
        <v>7120</v>
      </c>
      <c r="L1123" s="49" t="e">
        <f>VLOOKUP(E1123&amp;F1123,団体コード!$A$1:$C$1743,3,FALSE)</f>
        <v>#N/A</v>
      </c>
      <c r="M1123" s="49" t="e">
        <f>VLOOKUP(E1123&amp;F1123,団体コード!$A$1:$C$1743,2,FALSE)</f>
        <v>#N/A</v>
      </c>
      <c r="N1123" s="51" t="e">
        <f>VLOOKUP(E1123,団体コード!$E$1:$F$48,2,FALSE)</f>
        <v>#N/A</v>
      </c>
      <c r="O1123" s="51" t="e">
        <f t="shared" si="37"/>
        <v>#N/A</v>
      </c>
      <c r="P1123" s="51">
        <v>1</v>
      </c>
      <c r="Q1123" s="51" t="s">
        <v>5341</v>
      </c>
      <c r="R1123" s="54" t="b">
        <v>1</v>
      </c>
      <c r="S1123" s="52" t="s">
        <v>7126</v>
      </c>
      <c r="T1123" s="67" t="s">
        <v>7127</v>
      </c>
      <c r="U1123" s="75" t="s">
        <v>5331</v>
      </c>
      <c r="V1123" s="47" t="s">
        <v>5331</v>
      </c>
      <c r="W1123" s="47" t="s">
        <v>5331</v>
      </c>
      <c r="X1123" s="47" t="s">
        <v>5331</v>
      </c>
      <c r="Y1123" s="47" t="s">
        <v>5331</v>
      </c>
      <c r="Z1123" s="28"/>
      <c r="AA1123" s="27"/>
      <c r="AB1123" s="27"/>
      <c r="AC1123" s="27"/>
      <c r="AD1123" s="30"/>
      <c r="AE1123" s="1"/>
      <c r="AF1123" s="23" t="s">
        <v>5331</v>
      </c>
      <c r="AG1123" s="26"/>
      <c r="AH1123" s="53"/>
    </row>
    <row r="1124" spans="1:34" ht="51.6" customHeight="1" x14ac:dyDescent="0.45">
      <c r="A1124" s="23">
        <v>1118</v>
      </c>
      <c r="B1124" s="25"/>
      <c r="C1124" s="25"/>
      <c r="D1124" s="29"/>
      <c r="E1124" s="1"/>
      <c r="F1124" s="1"/>
      <c r="G1124" s="25"/>
      <c r="H1124" s="71"/>
      <c r="I1124" s="83"/>
      <c r="J1124" s="50" t="str">
        <f t="shared" si="36"/>
        <v/>
      </c>
      <c r="K1124" s="23" t="s">
        <v>7120</v>
      </c>
      <c r="L1124" s="49" t="e">
        <f>VLOOKUP(E1124&amp;F1124,団体コード!$A$1:$C$1743,3,FALSE)</f>
        <v>#N/A</v>
      </c>
      <c r="M1124" s="49" t="e">
        <f>VLOOKUP(E1124&amp;F1124,団体コード!$A$1:$C$1743,2,FALSE)</f>
        <v>#N/A</v>
      </c>
      <c r="N1124" s="51" t="e">
        <f>VLOOKUP(E1124,団体コード!$E$1:$F$48,2,FALSE)</f>
        <v>#N/A</v>
      </c>
      <c r="O1124" s="51" t="e">
        <f t="shared" si="37"/>
        <v>#N/A</v>
      </c>
      <c r="P1124" s="51">
        <v>1</v>
      </c>
      <c r="Q1124" s="51" t="s">
        <v>5341</v>
      </c>
      <c r="R1124" s="54" t="b">
        <v>1</v>
      </c>
      <c r="S1124" s="52" t="s">
        <v>7126</v>
      </c>
      <c r="T1124" s="67" t="s">
        <v>7127</v>
      </c>
      <c r="U1124" s="75" t="s">
        <v>5331</v>
      </c>
      <c r="V1124" s="47" t="s">
        <v>5331</v>
      </c>
      <c r="W1124" s="47" t="s">
        <v>5331</v>
      </c>
      <c r="X1124" s="47" t="s">
        <v>5331</v>
      </c>
      <c r="Y1124" s="47" t="s">
        <v>5331</v>
      </c>
      <c r="Z1124" s="28"/>
      <c r="AA1124" s="27"/>
      <c r="AB1124" s="27"/>
      <c r="AC1124" s="27"/>
      <c r="AD1124" s="30"/>
      <c r="AE1124" s="1"/>
      <c r="AF1124" s="23" t="s">
        <v>5331</v>
      </c>
      <c r="AG1124" s="26"/>
      <c r="AH1124" s="53"/>
    </row>
    <row r="1125" spans="1:34" ht="51.6" customHeight="1" x14ac:dyDescent="0.45">
      <c r="A1125" s="23">
        <v>1119</v>
      </c>
      <c r="B1125" s="25"/>
      <c r="C1125" s="25"/>
      <c r="D1125" s="29"/>
      <c r="E1125" s="1"/>
      <c r="F1125" s="1"/>
      <c r="G1125" s="25"/>
      <c r="H1125" s="71"/>
      <c r="I1125" s="83"/>
      <c r="J1125" s="50" t="str">
        <f t="shared" si="36"/>
        <v/>
      </c>
      <c r="K1125" s="23" t="s">
        <v>7120</v>
      </c>
      <c r="L1125" s="49" t="e">
        <f>VLOOKUP(E1125&amp;F1125,団体コード!$A$1:$C$1743,3,FALSE)</f>
        <v>#N/A</v>
      </c>
      <c r="M1125" s="49" t="e">
        <f>VLOOKUP(E1125&amp;F1125,団体コード!$A$1:$C$1743,2,FALSE)</f>
        <v>#N/A</v>
      </c>
      <c r="N1125" s="51" t="e">
        <f>VLOOKUP(E1125,団体コード!$E$1:$F$48,2,FALSE)</f>
        <v>#N/A</v>
      </c>
      <c r="O1125" s="51" t="e">
        <f t="shared" si="37"/>
        <v>#N/A</v>
      </c>
      <c r="P1125" s="51">
        <v>1</v>
      </c>
      <c r="Q1125" s="51" t="s">
        <v>5341</v>
      </c>
      <c r="R1125" s="54" t="b">
        <v>1</v>
      </c>
      <c r="S1125" s="52" t="s">
        <v>7126</v>
      </c>
      <c r="T1125" s="67" t="s">
        <v>7127</v>
      </c>
      <c r="U1125" s="75" t="s">
        <v>5331</v>
      </c>
      <c r="V1125" s="47" t="s">
        <v>5331</v>
      </c>
      <c r="W1125" s="47" t="s">
        <v>5331</v>
      </c>
      <c r="X1125" s="47" t="s">
        <v>5331</v>
      </c>
      <c r="Y1125" s="47" t="s">
        <v>5331</v>
      </c>
      <c r="Z1125" s="28"/>
      <c r="AA1125" s="27"/>
      <c r="AB1125" s="27"/>
      <c r="AC1125" s="27"/>
      <c r="AD1125" s="30"/>
      <c r="AE1125" s="1"/>
      <c r="AF1125" s="23" t="s">
        <v>5331</v>
      </c>
      <c r="AG1125" s="26"/>
      <c r="AH1125" s="53"/>
    </row>
    <row r="1126" spans="1:34" ht="51.6" customHeight="1" x14ac:dyDescent="0.45">
      <c r="A1126" s="23">
        <v>1120</v>
      </c>
      <c r="B1126" s="25"/>
      <c r="C1126" s="25"/>
      <c r="D1126" s="29"/>
      <c r="E1126" s="1"/>
      <c r="F1126" s="1"/>
      <c r="G1126" s="25"/>
      <c r="H1126" s="71"/>
      <c r="I1126" s="83"/>
      <c r="J1126" s="50" t="str">
        <f t="shared" si="36"/>
        <v/>
      </c>
      <c r="K1126" s="23" t="s">
        <v>7120</v>
      </c>
      <c r="L1126" s="49" t="e">
        <f>VLOOKUP(E1126&amp;F1126,団体コード!$A$1:$C$1743,3,FALSE)</f>
        <v>#N/A</v>
      </c>
      <c r="M1126" s="49" t="e">
        <f>VLOOKUP(E1126&amp;F1126,団体コード!$A$1:$C$1743,2,FALSE)</f>
        <v>#N/A</v>
      </c>
      <c r="N1126" s="51" t="e">
        <f>VLOOKUP(E1126,団体コード!$E$1:$F$48,2,FALSE)</f>
        <v>#N/A</v>
      </c>
      <c r="O1126" s="51" t="e">
        <f t="shared" si="37"/>
        <v>#N/A</v>
      </c>
      <c r="P1126" s="51">
        <v>1</v>
      </c>
      <c r="Q1126" s="51" t="s">
        <v>5341</v>
      </c>
      <c r="R1126" s="54" t="b">
        <v>1</v>
      </c>
      <c r="S1126" s="52" t="s">
        <v>7126</v>
      </c>
      <c r="T1126" s="67" t="s">
        <v>7127</v>
      </c>
      <c r="U1126" s="75" t="s">
        <v>5331</v>
      </c>
      <c r="V1126" s="47" t="s">
        <v>5331</v>
      </c>
      <c r="W1126" s="47" t="s">
        <v>5331</v>
      </c>
      <c r="X1126" s="47" t="s">
        <v>5331</v>
      </c>
      <c r="Y1126" s="47" t="s">
        <v>5331</v>
      </c>
      <c r="Z1126" s="28"/>
      <c r="AA1126" s="27"/>
      <c r="AB1126" s="27"/>
      <c r="AC1126" s="27"/>
      <c r="AD1126" s="30"/>
      <c r="AE1126" s="1"/>
      <c r="AF1126" s="23" t="s">
        <v>5331</v>
      </c>
      <c r="AG1126" s="26"/>
      <c r="AH1126" s="53"/>
    </row>
    <row r="1127" spans="1:34" ht="51.6" customHeight="1" x14ac:dyDescent="0.45">
      <c r="A1127" s="23">
        <v>1121</v>
      </c>
      <c r="B1127" s="25"/>
      <c r="C1127" s="25"/>
      <c r="D1127" s="29"/>
      <c r="E1127" s="1"/>
      <c r="F1127" s="1"/>
      <c r="G1127" s="25"/>
      <c r="H1127" s="71"/>
      <c r="I1127" s="83"/>
      <c r="J1127" s="50" t="str">
        <f t="shared" si="36"/>
        <v/>
      </c>
      <c r="K1127" s="23" t="s">
        <v>7120</v>
      </c>
      <c r="L1127" s="49" t="e">
        <f>VLOOKUP(E1127&amp;F1127,団体コード!$A$1:$C$1743,3,FALSE)</f>
        <v>#N/A</v>
      </c>
      <c r="M1127" s="49" t="e">
        <f>VLOOKUP(E1127&amp;F1127,団体コード!$A$1:$C$1743,2,FALSE)</f>
        <v>#N/A</v>
      </c>
      <c r="N1127" s="51" t="e">
        <f>VLOOKUP(E1127,団体コード!$E$1:$F$48,2,FALSE)</f>
        <v>#N/A</v>
      </c>
      <c r="O1127" s="51" t="e">
        <f t="shared" si="37"/>
        <v>#N/A</v>
      </c>
      <c r="P1127" s="51">
        <v>1</v>
      </c>
      <c r="Q1127" s="51" t="s">
        <v>5341</v>
      </c>
      <c r="R1127" s="54" t="b">
        <v>1</v>
      </c>
      <c r="S1127" s="52" t="s">
        <v>7126</v>
      </c>
      <c r="T1127" s="67" t="s">
        <v>7127</v>
      </c>
      <c r="U1127" s="75" t="s">
        <v>5331</v>
      </c>
      <c r="V1127" s="47" t="s">
        <v>5331</v>
      </c>
      <c r="W1127" s="47" t="s">
        <v>5331</v>
      </c>
      <c r="X1127" s="47" t="s">
        <v>5331</v>
      </c>
      <c r="Y1127" s="47" t="s">
        <v>5331</v>
      </c>
      <c r="Z1127" s="28"/>
      <c r="AA1127" s="27"/>
      <c r="AB1127" s="27"/>
      <c r="AC1127" s="27"/>
      <c r="AD1127" s="30"/>
      <c r="AE1127" s="1"/>
      <c r="AF1127" s="23" t="s">
        <v>5331</v>
      </c>
      <c r="AG1127" s="26"/>
      <c r="AH1127" s="53"/>
    </row>
    <row r="1128" spans="1:34" ht="51.6" customHeight="1" x14ac:dyDescent="0.45">
      <c r="A1128" s="23">
        <v>1122</v>
      </c>
      <c r="B1128" s="25"/>
      <c r="C1128" s="25"/>
      <c r="D1128" s="29"/>
      <c r="E1128" s="1"/>
      <c r="F1128" s="1"/>
      <c r="G1128" s="25"/>
      <c r="H1128" s="71"/>
      <c r="I1128" s="83"/>
      <c r="J1128" s="50" t="str">
        <f t="shared" si="36"/>
        <v/>
      </c>
      <c r="K1128" s="23" t="s">
        <v>7120</v>
      </c>
      <c r="L1128" s="49" t="e">
        <f>VLOOKUP(E1128&amp;F1128,団体コード!$A$1:$C$1743,3,FALSE)</f>
        <v>#N/A</v>
      </c>
      <c r="M1128" s="49" t="e">
        <f>VLOOKUP(E1128&amp;F1128,団体コード!$A$1:$C$1743,2,FALSE)</f>
        <v>#N/A</v>
      </c>
      <c r="N1128" s="51" t="e">
        <f>VLOOKUP(E1128,団体コード!$E$1:$F$48,2,FALSE)</f>
        <v>#N/A</v>
      </c>
      <c r="O1128" s="51" t="e">
        <f t="shared" si="37"/>
        <v>#N/A</v>
      </c>
      <c r="P1128" s="51">
        <v>1</v>
      </c>
      <c r="Q1128" s="51" t="s">
        <v>5341</v>
      </c>
      <c r="R1128" s="54" t="b">
        <v>1</v>
      </c>
      <c r="S1128" s="52" t="s">
        <v>7126</v>
      </c>
      <c r="T1128" s="67" t="s">
        <v>7127</v>
      </c>
      <c r="U1128" s="75" t="s">
        <v>5331</v>
      </c>
      <c r="V1128" s="47" t="s">
        <v>5331</v>
      </c>
      <c r="W1128" s="47" t="s">
        <v>5331</v>
      </c>
      <c r="X1128" s="47" t="s">
        <v>5331</v>
      </c>
      <c r="Y1128" s="47" t="s">
        <v>5331</v>
      </c>
      <c r="Z1128" s="28"/>
      <c r="AA1128" s="27"/>
      <c r="AB1128" s="27"/>
      <c r="AC1128" s="27"/>
      <c r="AD1128" s="30"/>
      <c r="AE1128" s="1"/>
      <c r="AF1128" s="23" t="s">
        <v>5331</v>
      </c>
      <c r="AG1128" s="26"/>
      <c r="AH1128" s="53"/>
    </row>
    <row r="1129" spans="1:34" ht="51.6" customHeight="1" x14ac:dyDescent="0.45">
      <c r="A1129" s="23">
        <v>1123</v>
      </c>
      <c r="B1129" s="25"/>
      <c r="C1129" s="25"/>
      <c r="D1129" s="29"/>
      <c r="E1129" s="1"/>
      <c r="F1129" s="1"/>
      <c r="G1129" s="25"/>
      <c r="H1129" s="71"/>
      <c r="I1129" s="83"/>
      <c r="J1129" s="50" t="str">
        <f t="shared" si="36"/>
        <v/>
      </c>
      <c r="K1129" s="23" t="s">
        <v>7120</v>
      </c>
      <c r="L1129" s="49" t="e">
        <f>VLOOKUP(E1129&amp;F1129,団体コード!$A$1:$C$1743,3,FALSE)</f>
        <v>#N/A</v>
      </c>
      <c r="M1129" s="49" t="e">
        <f>VLOOKUP(E1129&amp;F1129,団体コード!$A$1:$C$1743,2,FALSE)</f>
        <v>#N/A</v>
      </c>
      <c r="N1129" s="51" t="e">
        <f>VLOOKUP(E1129,団体コード!$E$1:$F$48,2,FALSE)</f>
        <v>#N/A</v>
      </c>
      <c r="O1129" s="51" t="e">
        <f t="shared" si="37"/>
        <v>#N/A</v>
      </c>
      <c r="P1129" s="51">
        <v>1</v>
      </c>
      <c r="Q1129" s="51" t="s">
        <v>5341</v>
      </c>
      <c r="R1129" s="54" t="b">
        <v>1</v>
      </c>
      <c r="S1129" s="52" t="s">
        <v>7126</v>
      </c>
      <c r="T1129" s="67" t="s">
        <v>7127</v>
      </c>
      <c r="U1129" s="75" t="s">
        <v>5331</v>
      </c>
      <c r="V1129" s="47" t="s">
        <v>5331</v>
      </c>
      <c r="W1129" s="47" t="s">
        <v>5331</v>
      </c>
      <c r="X1129" s="47" t="s">
        <v>5331</v>
      </c>
      <c r="Y1129" s="47" t="s">
        <v>5331</v>
      </c>
      <c r="Z1129" s="28"/>
      <c r="AA1129" s="27"/>
      <c r="AB1129" s="27"/>
      <c r="AC1129" s="27"/>
      <c r="AD1129" s="30"/>
      <c r="AE1129" s="1"/>
      <c r="AF1129" s="23" t="s">
        <v>5331</v>
      </c>
      <c r="AG1129" s="26"/>
      <c r="AH1129" s="53"/>
    </row>
    <row r="1130" spans="1:34" ht="51.6" customHeight="1" x14ac:dyDescent="0.45">
      <c r="A1130" s="23">
        <v>1124</v>
      </c>
      <c r="B1130" s="25"/>
      <c r="C1130" s="25"/>
      <c r="D1130" s="29"/>
      <c r="E1130" s="1"/>
      <c r="F1130" s="1"/>
      <c r="G1130" s="25"/>
      <c r="H1130" s="71"/>
      <c r="I1130" s="83"/>
      <c r="J1130" s="50" t="str">
        <f t="shared" si="36"/>
        <v/>
      </c>
      <c r="K1130" s="23" t="s">
        <v>7120</v>
      </c>
      <c r="L1130" s="49" t="e">
        <f>VLOOKUP(E1130&amp;F1130,団体コード!$A$1:$C$1743,3,FALSE)</f>
        <v>#N/A</v>
      </c>
      <c r="M1130" s="49" t="e">
        <f>VLOOKUP(E1130&amp;F1130,団体コード!$A$1:$C$1743,2,FALSE)</f>
        <v>#N/A</v>
      </c>
      <c r="N1130" s="51" t="e">
        <f>VLOOKUP(E1130,団体コード!$E$1:$F$48,2,FALSE)</f>
        <v>#N/A</v>
      </c>
      <c r="O1130" s="51" t="e">
        <f t="shared" si="37"/>
        <v>#N/A</v>
      </c>
      <c r="P1130" s="51">
        <v>1</v>
      </c>
      <c r="Q1130" s="51" t="s">
        <v>5341</v>
      </c>
      <c r="R1130" s="54" t="b">
        <v>1</v>
      </c>
      <c r="S1130" s="52" t="s">
        <v>7126</v>
      </c>
      <c r="T1130" s="67" t="s">
        <v>7127</v>
      </c>
      <c r="U1130" s="75" t="s">
        <v>5331</v>
      </c>
      <c r="V1130" s="47" t="s">
        <v>5331</v>
      </c>
      <c r="W1130" s="47" t="s">
        <v>5331</v>
      </c>
      <c r="X1130" s="47" t="s">
        <v>5331</v>
      </c>
      <c r="Y1130" s="47" t="s">
        <v>5331</v>
      </c>
      <c r="Z1130" s="28"/>
      <c r="AA1130" s="27"/>
      <c r="AB1130" s="27"/>
      <c r="AC1130" s="27"/>
      <c r="AD1130" s="30"/>
      <c r="AE1130" s="1"/>
      <c r="AF1130" s="23" t="s">
        <v>5331</v>
      </c>
      <c r="AG1130" s="26"/>
      <c r="AH1130" s="53"/>
    </row>
    <row r="1131" spans="1:34" ht="51.6" customHeight="1" x14ac:dyDescent="0.45">
      <c r="A1131" s="23">
        <v>1125</v>
      </c>
      <c r="B1131" s="25"/>
      <c r="C1131" s="25"/>
      <c r="D1131" s="29"/>
      <c r="E1131" s="1"/>
      <c r="F1131" s="1"/>
      <c r="G1131" s="25"/>
      <c r="H1131" s="71"/>
      <c r="I1131" s="83"/>
      <c r="J1131" s="50" t="str">
        <f t="shared" si="36"/>
        <v/>
      </c>
      <c r="K1131" s="23" t="s">
        <v>7120</v>
      </c>
      <c r="L1131" s="49" t="e">
        <f>VLOOKUP(E1131&amp;F1131,団体コード!$A$1:$C$1743,3,FALSE)</f>
        <v>#N/A</v>
      </c>
      <c r="M1131" s="49" t="e">
        <f>VLOOKUP(E1131&amp;F1131,団体コード!$A$1:$C$1743,2,FALSE)</f>
        <v>#N/A</v>
      </c>
      <c r="N1131" s="51" t="e">
        <f>VLOOKUP(E1131,団体コード!$E$1:$F$48,2,FALSE)</f>
        <v>#N/A</v>
      </c>
      <c r="O1131" s="51" t="e">
        <f t="shared" si="37"/>
        <v>#N/A</v>
      </c>
      <c r="P1131" s="51">
        <v>1</v>
      </c>
      <c r="Q1131" s="51" t="s">
        <v>5341</v>
      </c>
      <c r="R1131" s="54" t="b">
        <v>1</v>
      </c>
      <c r="S1131" s="52" t="s">
        <v>7126</v>
      </c>
      <c r="T1131" s="67" t="s">
        <v>7127</v>
      </c>
      <c r="U1131" s="75" t="s">
        <v>5331</v>
      </c>
      <c r="V1131" s="47" t="s">
        <v>5331</v>
      </c>
      <c r="W1131" s="47" t="s">
        <v>5331</v>
      </c>
      <c r="X1131" s="47" t="s">
        <v>5331</v>
      </c>
      <c r="Y1131" s="47" t="s">
        <v>5331</v>
      </c>
      <c r="Z1131" s="28"/>
      <c r="AA1131" s="27"/>
      <c r="AB1131" s="27"/>
      <c r="AC1131" s="27"/>
      <c r="AD1131" s="30"/>
      <c r="AE1131" s="1"/>
      <c r="AF1131" s="23" t="s">
        <v>5331</v>
      </c>
      <c r="AG1131" s="26"/>
      <c r="AH1131" s="53"/>
    </row>
    <row r="1132" spans="1:34" ht="51.6" customHeight="1" x14ac:dyDescent="0.45">
      <c r="A1132" s="23">
        <v>1126</v>
      </c>
      <c r="B1132" s="25"/>
      <c r="C1132" s="25"/>
      <c r="D1132" s="29"/>
      <c r="E1132" s="1"/>
      <c r="F1132" s="1"/>
      <c r="G1132" s="25"/>
      <c r="H1132" s="71"/>
      <c r="I1132" s="83"/>
      <c r="J1132" s="50" t="str">
        <f t="shared" si="36"/>
        <v/>
      </c>
      <c r="K1132" s="23" t="s">
        <v>7120</v>
      </c>
      <c r="L1132" s="49" t="e">
        <f>VLOOKUP(E1132&amp;F1132,団体コード!$A$1:$C$1743,3,FALSE)</f>
        <v>#N/A</v>
      </c>
      <c r="M1132" s="49" t="e">
        <f>VLOOKUP(E1132&amp;F1132,団体コード!$A$1:$C$1743,2,FALSE)</f>
        <v>#N/A</v>
      </c>
      <c r="N1132" s="51" t="e">
        <f>VLOOKUP(E1132,団体コード!$E$1:$F$48,2,FALSE)</f>
        <v>#N/A</v>
      </c>
      <c r="O1132" s="51" t="e">
        <f t="shared" si="37"/>
        <v>#N/A</v>
      </c>
      <c r="P1132" s="51">
        <v>1</v>
      </c>
      <c r="Q1132" s="51" t="s">
        <v>5341</v>
      </c>
      <c r="R1132" s="54" t="b">
        <v>1</v>
      </c>
      <c r="S1132" s="52" t="s">
        <v>7126</v>
      </c>
      <c r="T1132" s="67" t="s">
        <v>7127</v>
      </c>
      <c r="U1132" s="75" t="s">
        <v>5331</v>
      </c>
      <c r="V1132" s="47" t="s">
        <v>5331</v>
      </c>
      <c r="W1132" s="47" t="s">
        <v>5331</v>
      </c>
      <c r="X1132" s="47" t="s">
        <v>5331</v>
      </c>
      <c r="Y1132" s="47" t="s">
        <v>5331</v>
      </c>
      <c r="Z1132" s="28"/>
      <c r="AA1132" s="27"/>
      <c r="AB1132" s="27"/>
      <c r="AC1132" s="27"/>
      <c r="AD1132" s="30"/>
      <c r="AE1132" s="1"/>
      <c r="AF1132" s="23" t="s">
        <v>5331</v>
      </c>
      <c r="AG1132" s="26"/>
      <c r="AH1132" s="53"/>
    </row>
    <row r="1133" spans="1:34" ht="51.6" customHeight="1" x14ac:dyDescent="0.45">
      <c r="A1133" s="23">
        <v>1127</v>
      </c>
      <c r="B1133" s="25"/>
      <c r="C1133" s="25"/>
      <c r="D1133" s="29"/>
      <c r="E1133" s="1"/>
      <c r="F1133" s="1"/>
      <c r="G1133" s="25"/>
      <c r="H1133" s="71"/>
      <c r="I1133" s="83"/>
      <c r="J1133" s="50" t="str">
        <f t="shared" si="36"/>
        <v/>
      </c>
      <c r="K1133" s="23" t="s">
        <v>7120</v>
      </c>
      <c r="L1133" s="49" t="e">
        <f>VLOOKUP(E1133&amp;F1133,団体コード!$A$1:$C$1743,3,FALSE)</f>
        <v>#N/A</v>
      </c>
      <c r="M1133" s="49" t="e">
        <f>VLOOKUP(E1133&amp;F1133,団体コード!$A$1:$C$1743,2,FALSE)</f>
        <v>#N/A</v>
      </c>
      <c r="N1133" s="51" t="e">
        <f>VLOOKUP(E1133,団体コード!$E$1:$F$48,2,FALSE)</f>
        <v>#N/A</v>
      </c>
      <c r="O1133" s="51" t="e">
        <f t="shared" si="37"/>
        <v>#N/A</v>
      </c>
      <c r="P1133" s="51">
        <v>1</v>
      </c>
      <c r="Q1133" s="51" t="s">
        <v>5341</v>
      </c>
      <c r="R1133" s="54" t="b">
        <v>1</v>
      </c>
      <c r="S1133" s="52" t="s">
        <v>7126</v>
      </c>
      <c r="T1133" s="67" t="s">
        <v>7127</v>
      </c>
      <c r="U1133" s="75" t="s">
        <v>5331</v>
      </c>
      <c r="V1133" s="47" t="s">
        <v>5331</v>
      </c>
      <c r="W1133" s="47" t="s">
        <v>5331</v>
      </c>
      <c r="X1133" s="47" t="s">
        <v>5331</v>
      </c>
      <c r="Y1133" s="47" t="s">
        <v>5331</v>
      </c>
      <c r="Z1133" s="28"/>
      <c r="AA1133" s="27"/>
      <c r="AB1133" s="27"/>
      <c r="AC1133" s="27"/>
      <c r="AD1133" s="30"/>
      <c r="AE1133" s="1"/>
      <c r="AF1133" s="23" t="s">
        <v>5331</v>
      </c>
      <c r="AG1133" s="26"/>
      <c r="AH1133" s="53"/>
    </row>
    <row r="1134" spans="1:34" ht="51.6" customHeight="1" x14ac:dyDescent="0.45">
      <c r="A1134" s="23">
        <v>1128</v>
      </c>
      <c r="B1134" s="25"/>
      <c r="C1134" s="25"/>
      <c r="D1134" s="29"/>
      <c r="E1134" s="1"/>
      <c r="F1134" s="1"/>
      <c r="G1134" s="25"/>
      <c r="H1134" s="71"/>
      <c r="I1134" s="83"/>
      <c r="J1134" s="50" t="str">
        <f t="shared" si="36"/>
        <v/>
      </c>
      <c r="K1134" s="23" t="s">
        <v>7120</v>
      </c>
      <c r="L1134" s="49" t="e">
        <f>VLOOKUP(E1134&amp;F1134,団体コード!$A$1:$C$1743,3,FALSE)</f>
        <v>#N/A</v>
      </c>
      <c r="M1134" s="49" t="e">
        <f>VLOOKUP(E1134&amp;F1134,団体コード!$A$1:$C$1743,2,FALSE)</f>
        <v>#N/A</v>
      </c>
      <c r="N1134" s="51" t="e">
        <f>VLOOKUP(E1134,団体コード!$E$1:$F$48,2,FALSE)</f>
        <v>#N/A</v>
      </c>
      <c r="O1134" s="51" t="e">
        <f t="shared" si="37"/>
        <v>#N/A</v>
      </c>
      <c r="P1134" s="51">
        <v>1</v>
      </c>
      <c r="Q1134" s="51" t="s">
        <v>5341</v>
      </c>
      <c r="R1134" s="54" t="b">
        <v>1</v>
      </c>
      <c r="S1134" s="52" t="s">
        <v>7126</v>
      </c>
      <c r="T1134" s="67" t="s">
        <v>7127</v>
      </c>
      <c r="U1134" s="75" t="s">
        <v>5331</v>
      </c>
      <c r="V1134" s="47" t="s">
        <v>5331</v>
      </c>
      <c r="W1134" s="47" t="s">
        <v>5331</v>
      </c>
      <c r="X1134" s="47" t="s">
        <v>5331</v>
      </c>
      <c r="Y1134" s="47" t="s">
        <v>5331</v>
      </c>
      <c r="Z1134" s="28"/>
      <c r="AA1134" s="27"/>
      <c r="AB1134" s="27"/>
      <c r="AC1134" s="27"/>
      <c r="AD1134" s="30"/>
      <c r="AE1134" s="1"/>
      <c r="AF1134" s="23" t="s">
        <v>5331</v>
      </c>
      <c r="AG1134" s="26"/>
      <c r="AH1134" s="53"/>
    </row>
    <row r="1135" spans="1:34" ht="51.6" customHeight="1" x14ac:dyDescent="0.45">
      <c r="A1135" s="23">
        <v>1129</v>
      </c>
      <c r="B1135" s="25"/>
      <c r="C1135" s="25"/>
      <c r="D1135" s="29"/>
      <c r="E1135" s="1"/>
      <c r="F1135" s="1"/>
      <c r="G1135" s="25"/>
      <c r="H1135" s="71"/>
      <c r="I1135" s="83"/>
      <c r="J1135" s="50" t="str">
        <f t="shared" si="36"/>
        <v/>
      </c>
      <c r="K1135" s="23" t="s">
        <v>7120</v>
      </c>
      <c r="L1135" s="49" t="e">
        <f>VLOOKUP(E1135&amp;F1135,団体コード!$A$1:$C$1743,3,FALSE)</f>
        <v>#N/A</v>
      </c>
      <c r="M1135" s="49" t="e">
        <f>VLOOKUP(E1135&amp;F1135,団体コード!$A$1:$C$1743,2,FALSE)</f>
        <v>#N/A</v>
      </c>
      <c r="N1135" s="51" t="e">
        <f>VLOOKUP(E1135,団体コード!$E$1:$F$48,2,FALSE)</f>
        <v>#N/A</v>
      </c>
      <c r="O1135" s="51" t="e">
        <f t="shared" si="37"/>
        <v>#N/A</v>
      </c>
      <c r="P1135" s="51">
        <v>1</v>
      </c>
      <c r="Q1135" s="51" t="s">
        <v>5341</v>
      </c>
      <c r="R1135" s="54" t="b">
        <v>1</v>
      </c>
      <c r="S1135" s="52" t="s">
        <v>7126</v>
      </c>
      <c r="T1135" s="67" t="s">
        <v>7127</v>
      </c>
      <c r="U1135" s="75" t="s">
        <v>5331</v>
      </c>
      <c r="V1135" s="47" t="s">
        <v>5331</v>
      </c>
      <c r="W1135" s="47" t="s">
        <v>5331</v>
      </c>
      <c r="X1135" s="47" t="s">
        <v>5331</v>
      </c>
      <c r="Y1135" s="47" t="s">
        <v>5331</v>
      </c>
      <c r="Z1135" s="28"/>
      <c r="AA1135" s="27"/>
      <c r="AB1135" s="27"/>
      <c r="AC1135" s="27"/>
      <c r="AD1135" s="30"/>
      <c r="AE1135" s="1"/>
      <c r="AF1135" s="23" t="s">
        <v>5331</v>
      </c>
      <c r="AG1135" s="26"/>
      <c r="AH1135" s="53"/>
    </row>
    <row r="1136" spans="1:34" ht="51.6" customHeight="1" x14ac:dyDescent="0.45">
      <c r="A1136" s="23">
        <v>1130</v>
      </c>
      <c r="B1136" s="25"/>
      <c r="C1136" s="25"/>
      <c r="D1136" s="29"/>
      <c r="E1136" s="1"/>
      <c r="F1136" s="1"/>
      <c r="G1136" s="25"/>
      <c r="H1136" s="71"/>
      <c r="I1136" s="83"/>
      <c r="J1136" s="50" t="str">
        <f t="shared" si="36"/>
        <v/>
      </c>
      <c r="K1136" s="23" t="s">
        <v>7120</v>
      </c>
      <c r="L1136" s="49" t="e">
        <f>VLOOKUP(E1136&amp;F1136,団体コード!$A$1:$C$1743,3,FALSE)</f>
        <v>#N/A</v>
      </c>
      <c r="M1136" s="49" t="e">
        <f>VLOOKUP(E1136&amp;F1136,団体コード!$A$1:$C$1743,2,FALSE)</f>
        <v>#N/A</v>
      </c>
      <c r="N1136" s="51" t="e">
        <f>VLOOKUP(E1136,団体コード!$E$1:$F$48,2,FALSE)</f>
        <v>#N/A</v>
      </c>
      <c r="O1136" s="51" t="e">
        <f t="shared" si="37"/>
        <v>#N/A</v>
      </c>
      <c r="P1136" s="51">
        <v>1</v>
      </c>
      <c r="Q1136" s="51" t="s">
        <v>5341</v>
      </c>
      <c r="R1136" s="54" t="b">
        <v>1</v>
      </c>
      <c r="S1136" s="52" t="s">
        <v>7126</v>
      </c>
      <c r="T1136" s="67" t="s">
        <v>7127</v>
      </c>
      <c r="U1136" s="75" t="s">
        <v>5331</v>
      </c>
      <c r="V1136" s="47" t="s">
        <v>5331</v>
      </c>
      <c r="W1136" s="47" t="s">
        <v>5331</v>
      </c>
      <c r="X1136" s="47" t="s">
        <v>5331</v>
      </c>
      <c r="Y1136" s="47" t="s">
        <v>5331</v>
      </c>
      <c r="Z1136" s="28"/>
      <c r="AA1136" s="27"/>
      <c r="AB1136" s="27"/>
      <c r="AC1136" s="27"/>
      <c r="AD1136" s="30"/>
      <c r="AE1136" s="1"/>
      <c r="AF1136" s="23" t="s">
        <v>5331</v>
      </c>
      <c r="AG1136" s="26"/>
      <c r="AH1136" s="53"/>
    </row>
    <row r="1137" spans="1:34" ht="51.6" customHeight="1" x14ac:dyDescent="0.45">
      <c r="A1137" s="23">
        <v>1131</v>
      </c>
      <c r="B1137" s="25"/>
      <c r="C1137" s="25"/>
      <c r="D1137" s="29"/>
      <c r="E1137" s="1"/>
      <c r="F1137" s="1"/>
      <c r="G1137" s="25"/>
      <c r="H1137" s="71"/>
      <c r="I1137" s="83"/>
      <c r="J1137" s="50" t="str">
        <f t="shared" si="36"/>
        <v/>
      </c>
      <c r="K1137" s="23" t="s">
        <v>7120</v>
      </c>
      <c r="L1137" s="49" t="e">
        <f>VLOOKUP(E1137&amp;F1137,団体コード!$A$1:$C$1743,3,FALSE)</f>
        <v>#N/A</v>
      </c>
      <c r="M1137" s="49" t="e">
        <f>VLOOKUP(E1137&amp;F1137,団体コード!$A$1:$C$1743,2,FALSE)</f>
        <v>#N/A</v>
      </c>
      <c r="N1137" s="51" t="e">
        <f>VLOOKUP(E1137,団体コード!$E$1:$F$48,2,FALSE)</f>
        <v>#N/A</v>
      </c>
      <c r="O1137" s="51" t="e">
        <f t="shared" si="37"/>
        <v>#N/A</v>
      </c>
      <c r="P1137" s="51">
        <v>1</v>
      </c>
      <c r="Q1137" s="51" t="s">
        <v>5341</v>
      </c>
      <c r="R1137" s="54" t="b">
        <v>1</v>
      </c>
      <c r="S1137" s="52" t="s">
        <v>7126</v>
      </c>
      <c r="T1137" s="67" t="s">
        <v>7127</v>
      </c>
      <c r="U1137" s="75" t="s">
        <v>5331</v>
      </c>
      <c r="V1137" s="47" t="s">
        <v>5331</v>
      </c>
      <c r="W1137" s="47" t="s">
        <v>5331</v>
      </c>
      <c r="X1137" s="47" t="s">
        <v>5331</v>
      </c>
      <c r="Y1137" s="47" t="s">
        <v>5331</v>
      </c>
      <c r="Z1137" s="28"/>
      <c r="AA1137" s="27"/>
      <c r="AB1137" s="27"/>
      <c r="AC1137" s="27"/>
      <c r="AD1137" s="30"/>
      <c r="AE1137" s="1"/>
      <c r="AF1137" s="23" t="s">
        <v>5331</v>
      </c>
      <c r="AG1137" s="26"/>
      <c r="AH1137" s="53"/>
    </row>
    <row r="1138" spans="1:34" ht="51.6" customHeight="1" x14ac:dyDescent="0.45">
      <c r="A1138" s="23">
        <v>1132</v>
      </c>
      <c r="B1138" s="25"/>
      <c r="C1138" s="25"/>
      <c r="D1138" s="29"/>
      <c r="E1138" s="1"/>
      <c r="F1138" s="1"/>
      <c r="G1138" s="25"/>
      <c r="H1138" s="71"/>
      <c r="I1138" s="83"/>
      <c r="J1138" s="50" t="str">
        <f t="shared" si="36"/>
        <v/>
      </c>
      <c r="K1138" s="23" t="s">
        <v>7120</v>
      </c>
      <c r="L1138" s="49" t="e">
        <f>VLOOKUP(E1138&amp;F1138,団体コード!$A$1:$C$1743,3,FALSE)</f>
        <v>#N/A</v>
      </c>
      <c r="M1138" s="49" t="e">
        <f>VLOOKUP(E1138&amp;F1138,団体コード!$A$1:$C$1743,2,FALSE)</f>
        <v>#N/A</v>
      </c>
      <c r="N1138" s="51" t="e">
        <f>VLOOKUP(E1138,団体コード!$E$1:$F$48,2,FALSE)</f>
        <v>#N/A</v>
      </c>
      <c r="O1138" s="51" t="e">
        <f t="shared" si="37"/>
        <v>#N/A</v>
      </c>
      <c r="P1138" s="51">
        <v>1</v>
      </c>
      <c r="Q1138" s="51" t="s">
        <v>5341</v>
      </c>
      <c r="R1138" s="54" t="b">
        <v>1</v>
      </c>
      <c r="S1138" s="52" t="s">
        <v>7126</v>
      </c>
      <c r="T1138" s="67" t="s">
        <v>7127</v>
      </c>
      <c r="U1138" s="75" t="s">
        <v>5331</v>
      </c>
      <c r="V1138" s="47" t="s">
        <v>5331</v>
      </c>
      <c r="W1138" s="47" t="s">
        <v>5331</v>
      </c>
      <c r="X1138" s="47" t="s">
        <v>5331</v>
      </c>
      <c r="Y1138" s="47" t="s">
        <v>5331</v>
      </c>
      <c r="Z1138" s="28"/>
      <c r="AA1138" s="27"/>
      <c r="AB1138" s="27"/>
      <c r="AC1138" s="27"/>
      <c r="AD1138" s="30"/>
      <c r="AE1138" s="1"/>
      <c r="AF1138" s="23" t="s">
        <v>5331</v>
      </c>
      <c r="AG1138" s="26"/>
      <c r="AH1138" s="53"/>
    </row>
    <row r="1139" spans="1:34" ht="51.6" customHeight="1" x14ac:dyDescent="0.45">
      <c r="A1139" s="23">
        <v>1133</v>
      </c>
      <c r="B1139" s="25"/>
      <c r="C1139" s="25"/>
      <c r="D1139" s="29"/>
      <c r="E1139" s="1"/>
      <c r="F1139" s="1"/>
      <c r="G1139" s="25"/>
      <c r="H1139" s="71"/>
      <c r="I1139" s="83"/>
      <c r="J1139" s="50" t="str">
        <f t="shared" si="36"/>
        <v/>
      </c>
      <c r="K1139" s="23" t="s">
        <v>7120</v>
      </c>
      <c r="L1139" s="49" t="e">
        <f>VLOOKUP(E1139&amp;F1139,団体コード!$A$1:$C$1743,3,FALSE)</f>
        <v>#N/A</v>
      </c>
      <c r="M1139" s="49" t="e">
        <f>VLOOKUP(E1139&amp;F1139,団体コード!$A$1:$C$1743,2,FALSE)</f>
        <v>#N/A</v>
      </c>
      <c r="N1139" s="51" t="e">
        <f>VLOOKUP(E1139,団体コード!$E$1:$F$48,2,FALSE)</f>
        <v>#N/A</v>
      </c>
      <c r="O1139" s="51" t="e">
        <f t="shared" si="37"/>
        <v>#N/A</v>
      </c>
      <c r="P1139" s="51">
        <v>1</v>
      </c>
      <c r="Q1139" s="51" t="s">
        <v>5341</v>
      </c>
      <c r="R1139" s="54" t="b">
        <v>1</v>
      </c>
      <c r="S1139" s="52" t="s">
        <v>7126</v>
      </c>
      <c r="T1139" s="67" t="s">
        <v>7127</v>
      </c>
      <c r="U1139" s="75" t="s">
        <v>5331</v>
      </c>
      <c r="V1139" s="47" t="s">
        <v>5331</v>
      </c>
      <c r="W1139" s="47" t="s">
        <v>5331</v>
      </c>
      <c r="X1139" s="47" t="s">
        <v>5331</v>
      </c>
      <c r="Y1139" s="47" t="s">
        <v>5331</v>
      </c>
      <c r="Z1139" s="28"/>
      <c r="AA1139" s="27"/>
      <c r="AB1139" s="27"/>
      <c r="AC1139" s="27"/>
      <c r="AD1139" s="30"/>
      <c r="AE1139" s="1"/>
      <c r="AF1139" s="23" t="s">
        <v>5331</v>
      </c>
      <c r="AG1139" s="26"/>
      <c r="AH1139" s="53"/>
    </row>
    <row r="1140" spans="1:34" ht="51.6" customHeight="1" x14ac:dyDescent="0.45">
      <c r="A1140" s="23">
        <v>1134</v>
      </c>
      <c r="B1140" s="25"/>
      <c r="C1140" s="25"/>
      <c r="D1140" s="29"/>
      <c r="E1140" s="1"/>
      <c r="F1140" s="1"/>
      <c r="G1140" s="25"/>
      <c r="H1140" s="71"/>
      <c r="I1140" s="83"/>
      <c r="J1140" s="50" t="str">
        <f t="shared" si="36"/>
        <v/>
      </c>
      <c r="K1140" s="23" t="s">
        <v>7120</v>
      </c>
      <c r="L1140" s="49" t="e">
        <f>VLOOKUP(E1140&amp;F1140,団体コード!$A$1:$C$1743,3,FALSE)</f>
        <v>#N/A</v>
      </c>
      <c r="M1140" s="49" t="e">
        <f>VLOOKUP(E1140&amp;F1140,団体コード!$A$1:$C$1743,2,FALSE)</f>
        <v>#N/A</v>
      </c>
      <c r="N1140" s="51" t="e">
        <f>VLOOKUP(E1140,団体コード!$E$1:$F$48,2,FALSE)</f>
        <v>#N/A</v>
      </c>
      <c r="O1140" s="51" t="e">
        <f t="shared" si="37"/>
        <v>#N/A</v>
      </c>
      <c r="P1140" s="51">
        <v>1</v>
      </c>
      <c r="Q1140" s="51" t="s">
        <v>5341</v>
      </c>
      <c r="R1140" s="54" t="b">
        <v>1</v>
      </c>
      <c r="S1140" s="52" t="s">
        <v>7126</v>
      </c>
      <c r="T1140" s="67" t="s">
        <v>7127</v>
      </c>
      <c r="U1140" s="75" t="s">
        <v>5331</v>
      </c>
      <c r="V1140" s="47" t="s">
        <v>5331</v>
      </c>
      <c r="W1140" s="47" t="s">
        <v>5331</v>
      </c>
      <c r="X1140" s="47" t="s">
        <v>5331</v>
      </c>
      <c r="Y1140" s="47" t="s">
        <v>5331</v>
      </c>
      <c r="Z1140" s="28"/>
      <c r="AA1140" s="27"/>
      <c r="AB1140" s="27"/>
      <c r="AC1140" s="27"/>
      <c r="AD1140" s="30"/>
      <c r="AE1140" s="1"/>
      <c r="AF1140" s="23" t="s">
        <v>5331</v>
      </c>
      <c r="AG1140" s="26"/>
      <c r="AH1140" s="53"/>
    </row>
    <row r="1141" spans="1:34" ht="51.6" customHeight="1" x14ac:dyDescent="0.45">
      <c r="A1141" s="23">
        <v>1135</v>
      </c>
      <c r="B1141" s="25"/>
      <c r="C1141" s="25"/>
      <c r="D1141" s="29"/>
      <c r="E1141" s="1"/>
      <c r="F1141" s="1"/>
      <c r="G1141" s="25"/>
      <c r="H1141" s="71"/>
      <c r="I1141" s="83"/>
      <c r="J1141" s="50" t="str">
        <f t="shared" si="36"/>
        <v/>
      </c>
      <c r="K1141" s="23" t="s">
        <v>7120</v>
      </c>
      <c r="L1141" s="49" t="e">
        <f>VLOOKUP(E1141&amp;F1141,団体コード!$A$1:$C$1743,3,FALSE)</f>
        <v>#N/A</v>
      </c>
      <c r="M1141" s="49" t="e">
        <f>VLOOKUP(E1141&amp;F1141,団体コード!$A$1:$C$1743,2,FALSE)</f>
        <v>#N/A</v>
      </c>
      <c r="N1141" s="51" t="e">
        <f>VLOOKUP(E1141,団体コード!$E$1:$F$48,2,FALSE)</f>
        <v>#N/A</v>
      </c>
      <c r="O1141" s="51" t="e">
        <f t="shared" si="37"/>
        <v>#N/A</v>
      </c>
      <c r="P1141" s="51">
        <v>1</v>
      </c>
      <c r="Q1141" s="51" t="s">
        <v>5341</v>
      </c>
      <c r="R1141" s="54" t="b">
        <v>1</v>
      </c>
      <c r="S1141" s="52" t="s">
        <v>7126</v>
      </c>
      <c r="T1141" s="67" t="s">
        <v>7127</v>
      </c>
      <c r="U1141" s="75" t="s">
        <v>5331</v>
      </c>
      <c r="V1141" s="47" t="s">
        <v>5331</v>
      </c>
      <c r="W1141" s="47" t="s">
        <v>5331</v>
      </c>
      <c r="X1141" s="47" t="s">
        <v>5331</v>
      </c>
      <c r="Y1141" s="47" t="s">
        <v>5331</v>
      </c>
      <c r="Z1141" s="28"/>
      <c r="AA1141" s="27"/>
      <c r="AB1141" s="27"/>
      <c r="AC1141" s="27"/>
      <c r="AD1141" s="30"/>
      <c r="AE1141" s="1"/>
      <c r="AF1141" s="23" t="s">
        <v>5331</v>
      </c>
      <c r="AG1141" s="26"/>
      <c r="AH1141" s="53"/>
    </row>
    <row r="1142" spans="1:34" ht="51.6" customHeight="1" x14ac:dyDescent="0.45">
      <c r="A1142" s="23">
        <v>1136</v>
      </c>
      <c r="B1142" s="25"/>
      <c r="C1142" s="25"/>
      <c r="D1142" s="29"/>
      <c r="E1142" s="1"/>
      <c r="F1142" s="1"/>
      <c r="G1142" s="25"/>
      <c r="H1142" s="71"/>
      <c r="I1142" s="83"/>
      <c r="J1142" s="50" t="str">
        <f t="shared" si="36"/>
        <v/>
      </c>
      <c r="K1142" s="23" t="s">
        <v>7120</v>
      </c>
      <c r="L1142" s="49" t="e">
        <f>VLOOKUP(E1142&amp;F1142,団体コード!$A$1:$C$1743,3,FALSE)</f>
        <v>#N/A</v>
      </c>
      <c r="M1142" s="49" t="e">
        <f>VLOOKUP(E1142&amp;F1142,団体コード!$A$1:$C$1743,2,FALSE)</f>
        <v>#N/A</v>
      </c>
      <c r="N1142" s="51" t="e">
        <f>VLOOKUP(E1142,団体コード!$E$1:$F$48,2,FALSE)</f>
        <v>#N/A</v>
      </c>
      <c r="O1142" s="51" t="e">
        <f t="shared" si="37"/>
        <v>#N/A</v>
      </c>
      <c r="P1142" s="51">
        <v>1</v>
      </c>
      <c r="Q1142" s="51" t="s">
        <v>5341</v>
      </c>
      <c r="R1142" s="54" t="b">
        <v>1</v>
      </c>
      <c r="S1142" s="52" t="s">
        <v>7126</v>
      </c>
      <c r="T1142" s="67" t="s">
        <v>7127</v>
      </c>
      <c r="U1142" s="75" t="s">
        <v>5331</v>
      </c>
      <c r="V1142" s="47" t="s">
        <v>5331</v>
      </c>
      <c r="W1142" s="47" t="s">
        <v>5331</v>
      </c>
      <c r="X1142" s="47" t="s">
        <v>5331</v>
      </c>
      <c r="Y1142" s="47" t="s">
        <v>5331</v>
      </c>
      <c r="Z1142" s="28"/>
      <c r="AA1142" s="27"/>
      <c r="AB1142" s="27"/>
      <c r="AC1142" s="27"/>
      <c r="AD1142" s="30"/>
      <c r="AE1142" s="1"/>
      <c r="AF1142" s="23" t="s">
        <v>5331</v>
      </c>
      <c r="AG1142" s="26"/>
      <c r="AH1142" s="53"/>
    </row>
    <row r="1143" spans="1:34" ht="51.6" customHeight="1" x14ac:dyDescent="0.45">
      <c r="A1143" s="23">
        <v>1137</v>
      </c>
      <c r="B1143" s="25"/>
      <c r="C1143" s="25"/>
      <c r="D1143" s="29"/>
      <c r="E1143" s="1"/>
      <c r="F1143" s="1"/>
      <c r="G1143" s="25"/>
      <c r="H1143" s="71"/>
      <c r="I1143" s="83"/>
      <c r="J1143" s="50" t="str">
        <f t="shared" si="36"/>
        <v/>
      </c>
      <c r="K1143" s="23" t="s">
        <v>7120</v>
      </c>
      <c r="L1143" s="49" t="e">
        <f>VLOOKUP(E1143&amp;F1143,団体コード!$A$1:$C$1743,3,FALSE)</f>
        <v>#N/A</v>
      </c>
      <c r="M1143" s="49" t="e">
        <f>VLOOKUP(E1143&amp;F1143,団体コード!$A$1:$C$1743,2,FALSE)</f>
        <v>#N/A</v>
      </c>
      <c r="N1143" s="51" t="e">
        <f>VLOOKUP(E1143,団体コード!$E$1:$F$48,2,FALSE)</f>
        <v>#N/A</v>
      </c>
      <c r="O1143" s="51" t="e">
        <f t="shared" si="37"/>
        <v>#N/A</v>
      </c>
      <c r="P1143" s="51">
        <v>1</v>
      </c>
      <c r="Q1143" s="51" t="s">
        <v>5341</v>
      </c>
      <c r="R1143" s="54" t="b">
        <v>1</v>
      </c>
      <c r="S1143" s="52" t="s">
        <v>7126</v>
      </c>
      <c r="T1143" s="67" t="s">
        <v>7127</v>
      </c>
      <c r="U1143" s="75" t="s">
        <v>5331</v>
      </c>
      <c r="V1143" s="47" t="s">
        <v>5331</v>
      </c>
      <c r="W1143" s="47" t="s">
        <v>5331</v>
      </c>
      <c r="X1143" s="47" t="s">
        <v>5331</v>
      </c>
      <c r="Y1143" s="47" t="s">
        <v>5331</v>
      </c>
      <c r="Z1143" s="28"/>
      <c r="AA1143" s="27"/>
      <c r="AB1143" s="27"/>
      <c r="AC1143" s="27"/>
      <c r="AD1143" s="30"/>
      <c r="AE1143" s="1"/>
      <c r="AF1143" s="23" t="s">
        <v>5331</v>
      </c>
      <c r="AG1143" s="26"/>
      <c r="AH1143" s="53"/>
    </row>
    <row r="1144" spans="1:34" ht="51.6" customHeight="1" x14ac:dyDescent="0.45">
      <c r="A1144" s="23">
        <v>1138</v>
      </c>
      <c r="B1144" s="25"/>
      <c r="C1144" s="25"/>
      <c r="D1144" s="29"/>
      <c r="E1144" s="1"/>
      <c r="F1144" s="1"/>
      <c r="G1144" s="25"/>
      <c r="H1144" s="71"/>
      <c r="I1144" s="83"/>
      <c r="J1144" s="50" t="str">
        <f t="shared" si="36"/>
        <v/>
      </c>
      <c r="K1144" s="23" t="s">
        <v>7120</v>
      </c>
      <c r="L1144" s="49" t="e">
        <f>VLOOKUP(E1144&amp;F1144,団体コード!$A$1:$C$1743,3,FALSE)</f>
        <v>#N/A</v>
      </c>
      <c r="M1144" s="49" t="e">
        <f>VLOOKUP(E1144&amp;F1144,団体コード!$A$1:$C$1743,2,FALSE)</f>
        <v>#N/A</v>
      </c>
      <c r="N1144" s="51" t="e">
        <f>VLOOKUP(E1144,団体コード!$E$1:$F$48,2,FALSE)</f>
        <v>#N/A</v>
      </c>
      <c r="O1144" s="51" t="e">
        <f t="shared" si="37"/>
        <v>#N/A</v>
      </c>
      <c r="P1144" s="51">
        <v>1</v>
      </c>
      <c r="Q1144" s="51" t="s">
        <v>5341</v>
      </c>
      <c r="R1144" s="54" t="b">
        <v>1</v>
      </c>
      <c r="S1144" s="52" t="s">
        <v>7126</v>
      </c>
      <c r="T1144" s="67" t="s">
        <v>7127</v>
      </c>
      <c r="U1144" s="75" t="s">
        <v>5331</v>
      </c>
      <c r="V1144" s="47" t="s">
        <v>5331</v>
      </c>
      <c r="W1144" s="47" t="s">
        <v>5331</v>
      </c>
      <c r="X1144" s="47" t="s">
        <v>5331</v>
      </c>
      <c r="Y1144" s="47" t="s">
        <v>5331</v>
      </c>
      <c r="Z1144" s="28"/>
      <c r="AA1144" s="27"/>
      <c r="AB1144" s="27"/>
      <c r="AC1144" s="27"/>
      <c r="AD1144" s="30"/>
      <c r="AE1144" s="1"/>
      <c r="AF1144" s="23" t="s">
        <v>5331</v>
      </c>
      <c r="AG1144" s="26"/>
      <c r="AH1144" s="53"/>
    </row>
    <row r="1145" spans="1:34" ht="51.6" customHeight="1" x14ac:dyDescent="0.45">
      <c r="A1145" s="23">
        <v>1139</v>
      </c>
      <c r="B1145" s="25"/>
      <c r="C1145" s="25"/>
      <c r="D1145" s="29"/>
      <c r="E1145" s="1"/>
      <c r="F1145" s="1"/>
      <c r="G1145" s="25"/>
      <c r="H1145" s="71"/>
      <c r="I1145" s="83"/>
      <c r="J1145" s="50" t="str">
        <f t="shared" si="36"/>
        <v/>
      </c>
      <c r="K1145" s="23" t="s">
        <v>7120</v>
      </c>
      <c r="L1145" s="49" t="e">
        <f>VLOOKUP(E1145&amp;F1145,団体コード!$A$1:$C$1743,3,FALSE)</f>
        <v>#N/A</v>
      </c>
      <c r="M1145" s="49" t="e">
        <f>VLOOKUP(E1145&amp;F1145,団体コード!$A$1:$C$1743,2,FALSE)</f>
        <v>#N/A</v>
      </c>
      <c r="N1145" s="51" t="e">
        <f>VLOOKUP(E1145,団体コード!$E$1:$F$48,2,FALSE)</f>
        <v>#N/A</v>
      </c>
      <c r="O1145" s="51" t="e">
        <f t="shared" si="37"/>
        <v>#N/A</v>
      </c>
      <c r="P1145" s="51">
        <v>1</v>
      </c>
      <c r="Q1145" s="51" t="s">
        <v>5341</v>
      </c>
      <c r="R1145" s="54" t="b">
        <v>1</v>
      </c>
      <c r="S1145" s="52" t="s">
        <v>7126</v>
      </c>
      <c r="T1145" s="67" t="s">
        <v>7127</v>
      </c>
      <c r="U1145" s="75" t="s">
        <v>5331</v>
      </c>
      <c r="V1145" s="47" t="s">
        <v>5331</v>
      </c>
      <c r="W1145" s="47" t="s">
        <v>5331</v>
      </c>
      <c r="X1145" s="47" t="s">
        <v>5331</v>
      </c>
      <c r="Y1145" s="47" t="s">
        <v>5331</v>
      </c>
      <c r="Z1145" s="28"/>
      <c r="AA1145" s="27"/>
      <c r="AB1145" s="27"/>
      <c r="AC1145" s="27"/>
      <c r="AD1145" s="30"/>
      <c r="AE1145" s="1"/>
      <c r="AF1145" s="23" t="s">
        <v>5331</v>
      </c>
      <c r="AG1145" s="26"/>
      <c r="AH1145" s="53"/>
    </row>
    <row r="1146" spans="1:34" ht="51.6" customHeight="1" x14ac:dyDescent="0.45">
      <c r="A1146" s="23">
        <v>1140</v>
      </c>
      <c r="B1146" s="25"/>
      <c r="C1146" s="25"/>
      <c r="D1146" s="29"/>
      <c r="E1146" s="1"/>
      <c r="F1146" s="1"/>
      <c r="G1146" s="25"/>
      <c r="H1146" s="71"/>
      <c r="I1146" s="83"/>
      <c r="J1146" s="50" t="str">
        <f t="shared" si="36"/>
        <v/>
      </c>
      <c r="K1146" s="23" t="s">
        <v>7120</v>
      </c>
      <c r="L1146" s="49" t="e">
        <f>VLOOKUP(E1146&amp;F1146,団体コード!$A$1:$C$1743,3,FALSE)</f>
        <v>#N/A</v>
      </c>
      <c r="M1146" s="49" t="e">
        <f>VLOOKUP(E1146&amp;F1146,団体コード!$A$1:$C$1743,2,FALSE)</f>
        <v>#N/A</v>
      </c>
      <c r="N1146" s="51" t="e">
        <f>VLOOKUP(E1146,団体コード!$E$1:$F$48,2,FALSE)</f>
        <v>#N/A</v>
      </c>
      <c r="O1146" s="51" t="e">
        <f t="shared" si="37"/>
        <v>#N/A</v>
      </c>
      <c r="P1146" s="51">
        <v>1</v>
      </c>
      <c r="Q1146" s="51" t="s">
        <v>5341</v>
      </c>
      <c r="R1146" s="54" t="b">
        <v>1</v>
      </c>
      <c r="S1146" s="52" t="s">
        <v>7126</v>
      </c>
      <c r="T1146" s="67" t="s">
        <v>7127</v>
      </c>
      <c r="U1146" s="75" t="s">
        <v>5331</v>
      </c>
      <c r="V1146" s="47" t="s">
        <v>5331</v>
      </c>
      <c r="W1146" s="47" t="s">
        <v>5331</v>
      </c>
      <c r="X1146" s="47" t="s">
        <v>5331</v>
      </c>
      <c r="Y1146" s="47" t="s">
        <v>5331</v>
      </c>
      <c r="Z1146" s="28"/>
      <c r="AA1146" s="27"/>
      <c r="AB1146" s="27"/>
      <c r="AC1146" s="27"/>
      <c r="AD1146" s="30"/>
      <c r="AE1146" s="1"/>
      <c r="AF1146" s="23" t="s">
        <v>5331</v>
      </c>
      <c r="AG1146" s="26"/>
      <c r="AH1146" s="53"/>
    </row>
    <row r="1147" spans="1:34" ht="51.6" customHeight="1" x14ac:dyDescent="0.45">
      <c r="A1147" s="23">
        <v>1141</v>
      </c>
      <c r="B1147" s="25"/>
      <c r="C1147" s="25"/>
      <c r="D1147" s="29"/>
      <c r="E1147" s="1"/>
      <c r="F1147" s="1"/>
      <c r="G1147" s="25"/>
      <c r="H1147" s="71"/>
      <c r="I1147" s="83"/>
      <c r="J1147" s="50" t="str">
        <f t="shared" si="36"/>
        <v/>
      </c>
      <c r="K1147" s="23" t="s">
        <v>7120</v>
      </c>
      <c r="L1147" s="49" t="e">
        <f>VLOOKUP(E1147&amp;F1147,団体コード!$A$1:$C$1743,3,FALSE)</f>
        <v>#N/A</v>
      </c>
      <c r="M1147" s="49" t="e">
        <f>VLOOKUP(E1147&amp;F1147,団体コード!$A$1:$C$1743,2,FALSE)</f>
        <v>#N/A</v>
      </c>
      <c r="N1147" s="51" t="e">
        <f>VLOOKUP(E1147,団体コード!$E$1:$F$48,2,FALSE)</f>
        <v>#N/A</v>
      </c>
      <c r="O1147" s="51" t="e">
        <f t="shared" si="37"/>
        <v>#N/A</v>
      </c>
      <c r="P1147" s="51">
        <v>1</v>
      </c>
      <c r="Q1147" s="51" t="s">
        <v>5341</v>
      </c>
      <c r="R1147" s="54" t="b">
        <v>1</v>
      </c>
      <c r="S1147" s="52" t="s">
        <v>7126</v>
      </c>
      <c r="T1147" s="67" t="s">
        <v>7127</v>
      </c>
      <c r="U1147" s="75" t="s">
        <v>5331</v>
      </c>
      <c r="V1147" s="47" t="s">
        <v>5331</v>
      </c>
      <c r="W1147" s="47" t="s">
        <v>5331</v>
      </c>
      <c r="X1147" s="47" t="s">
        <v>5331</v>
      </c>
      <c r="Y1147" s="47" t="s">
        <v>5331</v>
      </c>
      <c r="Z1147" s="28"/>
      <c r="AA1147" s="27"/>
      <c r="AB1147" s="27"/>
      <c r="AC1147" s="27"/>
      <c r="AD1147" s="30"/>
      <c r="AE1147" s="1"/>
      <c r="AF1147" s="23" t="s">
        <v>5331</v>
      </c>
      <c r="AG1147" s="26"/>
      <c r="AH1147" s="53"/>
    </row>
    <row r="1148" spans="1:34" ht="51.6" customHeight="1" x14ac:dyDescent="0.45">
      <c r="A1148" s="23">
        <v>1142</v>
      </c>
      <c r="B1148" s="25"/>
      <c r="C1148" s="25"/>
      <c r="D1148" s="29"/>
      <c r="E1148" s="1"/>
      <c r="F1148" s="1"/>
      <c r="G1148" s="25"/>
      <c r="H1148" s="71"/>
      <c r="I1148" s="83"/>
      <c r="J1148" s="50" t="str">
        <f t="shared" si="36"/>
        <v/>
      </c>
      <c r="K1148" s="23" t="s">
        <v>7120</v>
      </c>
      <c r="L1148" s="49" t="e">
        <f>VLOOKUP(E1148&amp;F1148,団体コード!$A$1:$C$1743,3,FALSE)</f>
        <v>#N/A</v>
      </c>
      <c r="M1148" s="49" t="e">
        <f>VLOOKUP(E1148&amp;F1148,団体コード!$A$1:$C$1743,2,FALSE)</f>
        <v>#N/A</v>
      </c>
      <c r="N1148" s="51" t="e">
        <f>VLOOKUP(E1148,団体コード!$E$1:$F$48,2,FALSE)</f>
        <v>#N/A</v>
      </c>
      <c r="O1148" s="51" t="e">
        <f t="shared" si="37"/>
        <v>#N/A</v>
      </c>
      <c r="P1148" s="51">
        <v>1</v>
      </c>
      <c r="Q1148" s="51" t="s">
        <v>5341</v>
      </c>
      <c r="R1148" s="54" t="b">
        <v>1</v>
      </c>
      <c r="S1148" s="52" t="s">
        <v>7126</v>
      </c>
      <c r="T1148" s="67" t="s">
        <v>7127</v>
      </c>
      <c r="U1148" s="75" t="s">
        <v>5331</v>
      </c>
      <c r="V1148" s="47" t="s">
        <v>5331</v>
      </c>
      <c r="W1148" s="47" t="s">
        <v>5331</v>
      </c>
      <c r="X1148" s="47" t="s">
        <v>5331</v>
      </c>
      <c r="Y1148" s="47" t="s">
        <v>5331</v>
      </c>
      <c r="Z1148" s="28"/>
      <c r="AA1148" s="27"/>
      <c r="AB1148" s="27"/>
      <c r="AC1148" s="27"/>
      <c r="AD1148" s="30"/>
      <c r="AE1148" s="1"/>
      <c r="AF1148" s="23" t="s">
        <v>5331</v>
      </c>
      <c r="AG1148" s="26"/>
      <c r="AH1148" s="53"/>
    </row>
    <row r="1149" spans="1:34" ht="51.6" customHeight="1" x14ac:dyDescent="0.45">
      <c r="A1149" s="23">
        <v>1143</v>
      </c>
      <c r="B1149" s="25"/>
      <c r="C1149" s="25"/>
      <c r="D1149" s="29"/>
      <c r="E1149" s="1"/>
      <c r="F1149" s="1"/>
      <c r="G1149" s="25"/>
      <c r="H1149" s="71"/>
      <c r="I1149" s="83"/>
      <c r="J1149" s="50" t="str">
        <f t="shared" si="36"/>
        <v/>
      </c>
      <c r="K1149" s="23" t="s">
        <v>7120</v>
      </c>
      <c r="L1149" s="49" t="e">
        <f>VLOOKUP(E1149&amp;F1149,団体コード!$A$1:$C$1743,3,FALSE)</f>
        <v>#N/A</v>
      </c>
      <c r="M1149" s="49" t="e">
        <f>VLOOKUP(E1149&amp;F1149,団体コード!$A$1:$C$1743,2,FALSE)</f>
        <v>#N/A</v>
      </c>
      <c r="N1149" s="51" t="e">
        <f>VLOOKUP(E1149,団体コード!$E$1:$F$48,2,FALSE)</f>
        <v>#N/A</v>
      </c>
      <c r="O1149" s="51" t="e">
        <f t="shared" si="37"/>
        <v>#N/A</v>
      </c>
      <c r="P1149" s="51">
        <v>1</v>
      </c>
      <c r="Q1149" s="51" t="s">
        <v>5341</v>
      </c>
      <c r="R1149" s="54" t="b">
        <v>1</v>
      </c>
      <c r="S1149" s="52" t="s">
        <v>7126</v>
      </c>
      <c r="T1149" s="67" t="s">
        <v>7127</v>
      </c>
      <c r="U1149" s="75" t="s">
        <v>5331</v>
      </c>
      <c r="V1149" s="47" t="s">
        <v>5331</v>
      </c>
      <c r="W1149" s="47" t="s">
        <v>5331</v>
      </c>
      <c r="X1149" s="47" t="s">
        <v>5331</v>
      </c>
      <c r="Y1149" s="47" t="s">
        <v>5331</v>
      </c>
      <c r="Z1149" s="28"/>
      <c r="AA1149" s="27"/>
      <c r="AB1149" s="27"/>
      <c r="AC1149" s="27"/>
      <c r="AD1149" s="30"/>
      <c r="AE1149" s="1"/>
      <c r="AF1149" s="23" t="s">
        <v>5331</v>
      </c>
      <c r="AG1149" s="26"/>
      <c r="AH1149" s="53"/>
    </row>
    <row r="1150" spans="1:34" ht="51.6" customHeight="1" x14ac:dyDescent="0.45">
      <c r="A1150" s="23">
        <v>1144</v>
      </c>
      <c r="B1150" s="25"/>
      <c r="C1150" s="25"/>
      <c r="D1150" s="29"/>
      <c r="E1150" s="1"/>
      <c r="F1150" s="1"/>
      <c r="G1150" s="25"/>
      <c r="H1150" s="71"/>
      <c r="I1150" s="83"/>
      <c r="J1150" s="50" t="str">
        <f t="shared" si="36"/>
        <v/>
      </c>
      <c r="K1150" s="23" t="s">
        <v>7120</v>
      </c>
      <c r="L1150" s="49" t="e">
        <f>VLOOKUP(E1150&amp;F1150,団体コード!$A$1:$C$1743,3,FALSE)</f>
        <v>#N/A</v>
      </c>
      <c r="M1150" s="49" t="e">
        <f>VLOOKUP(E1150&amp;F1150,団体コード!$A$1:$C$1743,2,FALSE)</f>
        <v>#N/A</v>
      </c>
      <c r="N1150" s="51" t="e">
        <f>VLOOKUP(E1150,団体コード!$E$1:$F$48,2,FALSE)</f>
        <v>#N/A</v>
      </c>
      <c r="O1150" s="51" t="e">
        <f t="shared" si="37"/>
        <v>#N/A</v>
      </c>
      <c r="P1150" s="51">
        <v>1</v>
      </c>
      <c r="Q1150" s="51" t="s">
        <v>5341</v>
      </c>
      <c r="R1150" s="54" t="b">
        <v>1</v>
      </c>
      <c r="S1150" s="52" t="s">
        <v>7126</v>
      </c>
      <c r="T1150" s="67" t="s">
        <v>7127</v>
      </c>
      <c r="U1150" s="75" t="s">
        <v>5331</v>
      </c>
      <c r="V1150" s="47" t="s">
        <v>5331</v>
      </c>
      <c r="W1150" s="47" t="s">
        <v>5331</v>
      </c>
      <c r="X1150" s="47" t="s">
        <v>5331</v>
      </c>
      <c r="Y1150" s="47" t="s">
        <v>5331</v>
      </c>
      <c r="Z1150" s="28"/>
      <c r="AA1150" s="27"/>
      <c r="AB1150" s="27"/>
      <c r="AC1150" s="27"/>
      <c r="AD1150" s="30"/>
      <c r="AE1150" s="1"/>
      <c r="AF1150" s="23" t="s">
        <v>5331</v>
      </c>
      <c r="AG1150" s="26"/>
      <c r="AH1150" s="53"/>
    </row>
    <row r="1151" spans="1:34" ht="51.6" customHeight="1" x14ac:dyDescent="0.45">
      <c r="A1151" s="23">
        <v>1145</v>
      </c>
      <c r="B1151" s="25"/>
      <c r="C1151" s="25"/>
      <c r="D1151" s="29"/>
      <c r="E1151" s="1"/>
      <c r="F1151" s="1"/>
      <c r="G1151" s="25"/>
      <c r="H1151" s="71"/>
      <c r="I1151" s="83"/>
      <c r="J1151" s="50" t="str">
        <f t="shared" si="36"/>
        <v/>
      </c>
      <c r="K1151" s="23" t="s">
        <v>7120</v>
      </c>
      <c r="L1151" s="49" t="e">
        <f>VLOOKUP(E1151&amp;F1151,団体コード!$A$1:$C$1743,3,FALSE)</f>
        <v>#N/A</v>
      </c>
      <c r="M1151" s="49" t="e">
        <f>VLOOKUP(E1151&amp;F1151,団体コード!$A$1:$C$1743,2,FALSE)</f>
        <v>#N/A</v>
      </c>
      <c r="N1151" s="51" t="e">
        <f>VLOOKUP(E1151,団体コード!$E$1:$F$48,2,FALSE)</f>
        <v>#N/A</v>
      </c>
      <c r="O1151" s="51" t="e">
        <f t="shared" si="37"/>
        <v>#N/A</v>
      </c>
      <c r="P1151" s="51">
        <v>1</v>
      </c>
      <c r="Q1151" s="51" t="s">
        <v>5341</v>
      </c>
      <c r="R1151" s="54" t="b">
        <v>1</v>
      </c>
      <c r="S1151" s="52" t="s">
        <v>7126</v>
      </c>
      <c r="T1151" s="67" t="s">
        <v>7127</v>
      </c>
      <c r="U1151" s="75" t="s">
        <v>5331</v>
      </c>
      <c r="V1151" s="47" t="s">
        <v>5331</v>
      </c>
      <c r="W1151" s="47" t="s">
        <v>5331</v>
      </c>
      <c r="X1151" s="47" t="s">
        <v>5331</v>
      </c>
      <c r="Y1151" s="47" t="s">
        <v>5331</v>
      </c>
      <c r="Z1151" s="28"/>
      <c r="AA1151" s="27"/>
      <c r="AB1151" s="27"/>
      <c r="AC1151" s="27"/>
      <c r="AD1151" s="30"/>
      <c r="AE1151" s="1"/>
      <c r="AF1151" s="23" t="s">
        <v>5331</v>
      </c>
      <c r="AG1151" s="26"/>
      <c r="AH1151" s="53"/>
    </row>
    <row r="1152" spans="1:34" ht="51.6" customHeight="1" x14ac:dyDescent="0.45">
      <c r="A1152" s="23">
        <v>1146</v>
      </c>
      <c r="B1152" s="25"/>
      <c r="C1152" s="25"/>
      <c r="D1152" s="29"/>
      <c r="E1152" s="1"/>
      <c r="F1152" s="1"/>
      <c r="G1152" s="25"/>
      <c r="H1152" s="71"/>
      <c r="I1152" s="83"/>
      <c r="J1152" s="50" t="str">
        <f t="shared" si="36"/>
        <v/>
      </c>
      <c r="K1152" s="23" t="s">
        <v>7120</v>
      </c>
      <c r="L1152" s="49" t="e">
        <f>VLOOKUP(E1152&amp;F1152,団体コード!$A$1:$C$1743,3,FALSE)</f>
        <v>#N/A</v>
      </c>
      <c r="M1152" s="49" t="e">
        <f>VLOOKUP(E1152&amp;F1152,団体コード!$A$1:$C$1743,2,FALSE)</f>
        <v>#N/A</v>
      </c>
      <c r="N1152" s="51" t="e">
        <f>VLOOKUP(E1152,団体コード!$E$1:$F$48,2,FALSE)</f>
        <v>#N/A</v>
      </c>
      <c r="O1152" s="51" t="e">
        <f t="shared" si="37"/>
        <v>#N/A</v>
      </c>
      <c r="P1152" s="51">
        <v>1</v>
      </c>
      <c r="Q1152" s="51" t="s">
        <v>5341</v>
      </c>
      <c r="R1152" s="54" t="b">
        <v>1</v>
      </c>
      <c r="S1152" s="52" t="s">
        <v>7126</v>
      </c>
      <c r="T1152" s="67" t="s">
        <v>7127</v>
      </c>
      <c r="U1152" s="75" t="s">
        <v>5331</v>
      </c>
      <c r="V1152" s="47" t="s">
        <v>5331</v>
      </c>
      <c r="W1152" s="47" t="s">
        <v>5331</v>
      </c>
      <c r="X1152" s="47" t="s">
        <v>5331</v>
      </c>
      <c r="Y1152" s="47" t="s">
        <v>5331</v>
      </c>
      <c r="Z1152" s="28"/>
      <c r="AA1152" s="27"/>
      <c r="AB1152" s="27"/>
      <c r="AC1152" s="27"/>
      <c r="AD1152" s="30"/>
      <c r="AE1152" s="1"/>
      <c r="AF1152" s="23" t="s">
        <v>5331</v>
      </c>
      <c r="AG1152" s="26"/>
      <c r="AH1152" s="53"/>
    </row>
    <row r="1153" spans="1:34" ht="51.6" customHeight="1" x14ac:dyDescent="0.45">
      <c r="A1153" s="23">
        <v>1147</v>
      </c>
      <c r="B1153" s="25"/>
      <c r="C1153" s="25"/>
      <c r="D1153" s="29"/>
      <c r="E1153" s="1"/>
      <c r="F1153" s="1"/>
      <c r="G1153" s="25"/>
      <c r="H1153" s="71"/>
      <c r="I1153" s="83"/>
      <c r="J1153" s="50" t="str">
        <f t="shared" si="36"/>
        <v/>
      </c>
      <c r="K1153" s="23" t="s">
        <v>7120</v>
      </c>
      <c r="L1153" s="49" t="e">
        <f>VLOOKUP(E1153&amp;F1153,団体コード!$A$1:$C$1743,3,FALSE)</f>
        <v>#N/A</v>
      </c>
      <c r="M1153" s="49" t="e">
        <f>VLOOKUP(E1153&amp;F1153,団体コード!$A$1:$C$1743,2,FALSE)</f>
        <v>#N/A</v>
      </c>
      <c r="N1153" s="51" t="e">
        <f>VLOOKUP(E1153,団体コード!$E$1:$F$48,2,FALSE)</f>
        <v>#N/A</v>
      </c>
      <c r="O1153" s="51" t="e">
        <f t="shared" si="37"/>
        <v>#N/A</v>
      </c>
      <c r="P1153" s="51">
        <v>1</v>
      </c>
      <c r="Q1153" s="51" t="s">
        <v>5341</v>
      </c>
      <c r="R1153" s="54" t="b">
        <v>1</v>
      </c>
      <c r="S1153" s="52" t="s">
        <v>7126</v>
      </c>
      <c r="T1153" s="67" t="s">
        <v>7127</v>
      </c>
      <c r="U1153" s="75" t="s">
        <v>5331</v>
      </c>
      <c r="V1153" s="47" t="s">
        <v>5331</v>
      </c>
      <c r="W1153" s="47" t="s">
        <v>5331</v>
      </c>
      <c r="X1153" s="47" t="s">
        <v>5331</v>
      </c>
      <c r="Y1153" s="47" t="s">
        <v>5331</v>
      </c>
      <c r="Z1153" s="28"/>
      <c r="AA1153" s="27"/>
      <c r="AB1153" s="27"/>
      <c r="AC1153" s="27"/>
      <c r="AD1153" s="30"/>
      <c r="AE1153" s="1"/>
      <c r="AF1153" s="23" t="s">
        <v>5331</v>
      </c>
      <c r="AG1153" s="26"/>
      <c r="AH1153" s="53"/>
    </row>
    <row r="1154" spans="1:34" ht="51.6" customHeight="1" x14ac:dyDescent="0.45">
      <c r="A1154" s="23">
        <v>1148</v>
      </c>
      <c r="B1154" s="25"/>
      <c r="C1154" s="25"/>
      <c r="D1154" s="29"/>
      <c r="E1154" s="1"/>
      <c r="F1154" s="1"/>
      <c r="G1154" s="25"/>
      <c r="H1154" s="71"/>
      <c r="I1154" s="83"/>
      <c r="J1154" s="50" t="str">
        <f t="shared" si="36"/>
        <v/>
      </c>
      <c r="K1154" s="23" t="s">
        <v>7120</v>
      </c>
      <c r="L1154" s="49" t="e">
        <f>VLOOKUP(E1154&amp;F1154,団体コード!$A$1:$C$1743,3,FALSE)</f>
        <v>#N/A</v>
      </c>
      <c r="M1154" s="49" t="e">
        <f>VLOOKUP(E1154&amp;F1154,団体コード!$A$1:$C$1743,2,FALSE)</f>
        <v>#N/A</v>
      </c>
      <c r="N1154" s="51" t="e">
        <f>VLOOKUP(E1154,団体コード!$E$1:$F$48,2,FALSE)</f>
        <v>#N/A</v>
      </c>
      <c r="O1154" s="51" t="e">
        <f t="shared" si="37"/>
        <v>#N/A</v>
      </c>
      <c r="P1154" s="51">
        <v>1</v>
      </c>
      <c r="Q1154" s="51" t="s">
        <v>5341</v>
      </c>
      <c r="R1154" s="54" t="b">
        <v>1</v>
      </c>
      <c r="S1154" s="52" t="s">
        <v>7126</v>
      </c>
      <c r="T1154" s="67" t="s">
        <v>7127</v>
      </c>
      <c r="U1154" s="75" t="s">
        <v>5331</v>
      </c>
      <c r="V1154" s="47" t="s">
        <v>5331</v>
      </c>
      <c r="W1154" s="47" t="s">
        <v>5331</v>
      </c>
      <c r="X1154" s="47" t="s">
        <v>5331</v>
      </c>
      <c r="Y1154" s="47" t="s">
        <v>5331</v>
      </c>
      <c r="Z1154" s="28"/>
      <c r="AA1154" s="27"/>
      <c r="AB1154" s="27"/>
      <c r="AC1154" s="27"/>
      <c r="AD1154" s="30"/>
      <c r="AE1154" s="1"/>
      <c r="AF1154" s="23" t="s">
        <v>5331</v>
      </c>
      <c r="AG1154" s="26"/>
      <c r="AH1154" s="53"/>
    </row>
    <row r="1155" spans="1:34" ht="51.6" customHeight="1" x14ac:dyDescent="0.45">
      <c r="A1155" s="23">
        <v>1149</v>
      </c>
      <c r="B1155" s="25"/>
      <c r="C1155" s="25"/>
      <c r="D1155" s="29"/>
      <c r="E1155" s="1"/>
      <c r="F1155" s="1"/>
      <c r="G1155" s="25"/>
      <c r="H1155" s="71"/>
      <c r="I1155" s="83"/>
      <c r="J1155" s="50" t="str">
        <f t="shared" si="36"/>
        <v/>
      </c>
      <c r="K1155" s="23" t="s">
        <v>7120</v>
      </c>
      <c r="L1155" s="49" t="e">
        <f>VLOOKUP(E1155&amp;F1155,団体コード!$A$1:$C$1743,3,FALSE)</f>
        <v>#N/A</v>
      </c>
      <c r="M1155" s="49" t="e">
        <f>VLOOKUP(E1155&amp;F1155,団体コード!$A$1:$C$1743,2,FALSE)</f>
        <v>#N/A</v>
      </c>
      <c r="N1155" s="51" t="e">
        <f>VLOOKUP(E1155,団体コード!$E$1:$F$48,2,FALSE)</f>
        <v>#N/A</v>
      </c>
      <c r="O1155" s="51" t="e">
        <f t="shared" si="37"/>
        <v>#N/A</v>
      </c>
      <c r="P1155" s="51">
        <v>1</v>
      </c>
      <c r="Q1155" s="51" t="s">
        <v>5341</v>
      </c>
      <c r="R1155" s="54" t="b">
        <v>1</v>
      </c>
      <c r="S1155" s="52" t="s">
        <v>7126</v>
      </c>
      <c r="T1155" s="67" t="s">
        <v>7127</v>
      </c>
      <c r="U1155" s="75" t="s">
        <v>5331</v>
      </c>
      <c r="V1155" s="47" t="s">
        <v>5331</v>
      </c>
      <c r="W1155" s="47" t="s">
        <v>5331</v>
      </c>
      <c r="X1155" s="47" t="s">
        <v>5331</v>
      </c>
      <c r="Y1155" s="47" t="s">
        <v>5331</v>
      </c>
      <c r="Z1155" s="28"/>
      <c r="AA1155" s="27"/>
      <c r="AB1155" s="27"/>
      <c r="AC1155" s="27"/>
      <c r="AD1155" s="30"/>
      <c r="AE1155" s="1"/>
      <c r="AF1155" s="23" t="s">
        <v>5331</v>
      </c>
      <c r="AG1155" s="26"/>
      <c r="AH1155" s="53"/>
    </row>
    <row r="1156" spans="1:34" ht="51.6" customHeight="1" x14ac:dyDescent="0.45">
      <c r="A1156" s="23">
        <v>1150</v>
      </c>
      <c r="B1156" s="25"/>
      <c r="C1156" s="25"/>
      <c r="D1156" s="29"/>
      <c r="E1156" s="1"/>
      <c r="F1156" s="1"/>
      <c r="G1156" s="25"/>
      <c r="H1156" s="71"/>
      <c r="I1156" s="83"/>
      <c r="J1156" s="50" t="str">
        <f t="shared" si="36"/>
        <v/>
      </c>
      <c r="K1156" s="23" t="s">
        <v>7120</v>
      </c>
      <c r="L1156" s="49" t="e">
        <f>VLOOKUP(E1156&amp;F1156,団体コード!$A$1:$C$1743,3,FALSE)</f>
        <v>#N/A</v>
      </c>
      <c r="M1156" s="49" t="e">
        <f>VLOOKUP(E1156&amp;F1156,団体コード!$A$1:$C$1743,2,FALSE)</f>
        <v>#N/A</v>
      </c>
      <c r="N1156" s="51" t="e">
        <f>VLOOKUP(E1156,団体コード!$E$1:$F$48,2,FALSE)</f>
        <v>#N/A</v>
      </c>
      <c r="O1156" s="51" t="e">
        <f t="shared" si="37"/>
        <v>#N/A</v>
      </c>
      <c r="P1156" s="51">
        <v>1</v>
      </c>
      <c r="Q1156" s="51" t="s">
        <v>5341</v>
      </c>
      <c r="R1156" s="54" t="b">
        <v>1</v>
      </c>
      <c r="S1156" s="52" t="s">
        <v>7126</v>
      </c>
      <c r="T1156" s="67" t="s">
        <v>7127</v>
      </c>
      <c r="U1156" s="75" t="s">
        <v>5331</v>
      </c>
      <c r="V1156" s="47" t="s">
        <v>5331</v>
      </c>
      <c r="W1156" s="47" t="s">
        <v>5331</v>
      </c>
      <c r="X1156" s="47" t="s">
        <v>5331</v>
      </c>
      <c r="Y1156" s="47" t="s">
        <v>5331</v>
      </c>
      <c r="Z1156" s="28"/>
      <c r="AA1156" s="27"/>
      <c r="AB1156" s="27"/>
      <c r="AC1156" s="27"/>
      <c r="AD1156" s="30"/>
      <c r="AE1156" s="1"/>
      <c r="AF1156" s="23" t="s">
        <v>5331</v>
      </c>
      <c r="AG1156" s="26"/>
      <c r="AH1156" s="53"/>
    </row>
    <row r="1157" spans="1:34" ht="51.6" customHeight="1" x14ac:dyDescent="0.45">
      <c r="A1157" s="23">
        <v>1151</v>
      </c>
      <c r="B1157" s="25"/>
      <c r="C1157" s="25"/>
      <c r="D1157" s="29"/>
      <c r="E1157" s="1"/>
      <c r="F1157" s="1"/>
      <c r="G1157" s="25"/>
      <c r="H1157" s="71"/>
      <c r="I1157" s="83"/>
      <c r="J1157" s="50" t="str">
        <f t="shared" si="36"/>
        <v/>
      </c>
      <c r="K1157" s="23" t="s">
        <v>7120</v>
      </c>
      <c r="L1157" s="49" t="e">
        <f>VLOOKUP(E1157&amp;F1157,団体コード!$A$1:$C$1743,3,FALSE)</f>
        <v>#N/A</v>
      </c>
      <c r="M1157" s="49" t="e">
        <f>VLOOKUP(E1157&amp;F1157,団体コード!$A$1:$C$1743,2,FALSE)</f>
        <v>#N/A</v>
      </c>
      <c r="N1157" s="51" t="e">
        <f>VLOOKUP(E1157,団体コード!$E$1:$F$48,2,FALSE)</f>
        <v>#N/A</v>
      </c>
      <c r="O1157" s="51" t="e">
        <f t="shared" si="37"/>
        <v>#N/A</v>
      </c>
      <c r="P1157" s="51">
        <v>1</v>
      </c>
      <c r="Q1157" s="51" t="s">
        <v>5341</v>
      </c>
      <c r="R1157" s="54" t="b">
        <v>1</v>
      </c>
      <c r="S1157" s="52" t="s">
        <v>7126</v>
      </c>
      <c r="T1157" s="67" t="s">
        <v>7127</v>
      </c>
      <c r="U1157" s="75" t="s">
        <v>5331</v>
      </c>
      <c r="V1157" s="47" t="s">
        <v>5331</v>
      </c>
      <c r="W1157" s="47" t="s">
        <v>5331</v>
      </c>
      <c r="X1157" s="47" t="s">
        <v>5331</v>
      </c>
      <c r="Y1157" s="47" t="s">
        <v>5331</v>
      </c>
      <c r="Z1157" s="28"/>
      <c r="AA1157" s="27"/>
      <c r="AB1157" s="27"/>
      <c r="AC1157" s="27"/>
      <c r="AD1157" s="30"/>
      <c r="AE1157" s="1"/>
      <c r="AF1157" s="23" t="s">
        <v>5331</v>
      </c>
      <c r="AG1157" s="26"/>
      <c r="AH1157" s="53"/>
    </row>
    <row r="1158" spans="1:34" ht="51.6" customHeight="1" x14ac:dyDescent="0.45">
      <c r="A1158" s="23">
        <v>1152</v>
      </c>
      <c r="B1158" s="25"/>
      <c r="C1158" s="25"/>
      <c r="D1158" s="29"/>
      <c r="E1158" s="1"/>
      <c r="F1158" s="1"/>
      <c r="G1158" s="25"/>
      <c r="H1158" s="71"/>
      <c r="I1158" s="83"/>
      <c r="J1158" s="50" t="str">
        <f t="shared" si="36"/>
        <v/>
      </c>
      <c r="K1158" s="23" t="s">
        <v>7120</v>
      </c>
      <c r="L1158" s="49" t="e">
        <f>VLOOKUP(E1158&amp;F1158,団体コード!$A$1:$C$1743,3,FALSE)</f>
        <v>#N/A</v>
      </c>
      <c r="M1158" s="49" t="e">
        <f>VLOOKUP(E1158&amp;F1158,団体コード!$A$1:$C$1743,2,FALSE)</f>
        <v>#N/A</v>
      </c>
      <c r="N1158" s="51" t="e">
        <f>VLOOKUP(E1158,団体コード!$E$1:$F$48,2,FALSE)</f>
        <v>#N/A</v>
      </c>
      <c r="O1158" s="51" t="e">
        <f t="shared" si="37"/>
        <v>#N/A</v>
      </c>
      <c r="P1158" s="51">
        <v>1</v>
      </c>
      <c r="Q1158" s="51" t="s">
        <v>5341</v>
      </c>
      <c r="R1158" s="54" t="b">
        <v>1</v>
      </c>
      <c r="S1158" s="52" t="s">
        <v>7126</v>
      </c>
      <c r="T1158" s="67" t="s">
        <v>7127</v>
      </c>
      <c r="U1158" s="75" t="s">
        <v>5331</v>
      </c>
      <c r="V1158" s="47" t="s">
        <v>5331</v>
      </c>
      <c r="W1158" s="47" t="s">
        <v>5331</v>
      </c>
      <c r="X1158" s="47" t="s">
        <v>5331</v>
      </c>
      <c r="Y1158" s="47" t="s">
        <v>5331</v>
      </c>
      <c r="Z1158" s="28"/>
      <c r="AA1158" s="27"/>
      <c r="AB1158" s="27"/>
      <c r="AC1158" s="27"/>
      <c r="AD1158" s="30"/>
      <c r="AE1158" s="1"/>
      <c r="AF1158" s="23" t="s">
        <v>5331</v>
      </c>
      <c r="AG1158" s="26"/>
      <c r="AH1158" s="53"/>
    </row>
    <row r="1159" spans="1:34" ht="51.6" customHeight="1" x14ac:dyDescent="0.45">
      <c r="A1159" s="23">
        <v>1153</v>
      </c>
      <c r="B1159" s="25"/>
      <c r="C1159" s="25"/>
      <c r="D1159" s="29"/>
      <c r="E1159" s="1"/>
      <c r="F1159" s="1"/>
      <c r="G1159" s="25"/>
      <c r="H1159" s="71"/>
      <c r="I1159" s="83"/>
      <c r="J1159" s="50" t="str">
        <f t="shared" si="36"/>
        <v/>
      </c>
      <c r="K1159" s="23" t="s">
        <v>7120</v>
      </c>
      <c r="L1159" s="49" t="e">
        <f>VLOOKUP(E1159&amp;F1159,団体コード!$A$1:$C$1743,3,FALSE)</f>
        <v>#N/A</v>
      </c>
      <c r="M1159" s="49" t="e">
        <f>VLOOKUP(E1159&amp;F1159,団体コード!$A$1:$C$1743,2,FALSE)</f>
        <v>#N/A</v>
      </c>
      <c r="N1159" s="51" t="e">
        <f>VLOOKUP(E1159,団体コード!$E$1:$F$48,2,FALSE)</f>
        <v>#N/A</v>
      </c>
      <c r="O1159" s="51" t="e">
        <f t="shared" si="37"/>
        <v>#N/A</v>
      </c>
      <c r="P1159" s="51">
        <v>1</v>
      </c>
      <c r="Q1159" s="51" t="s">
        <v>5341</v>
      </c>
      <c r="R1159" s="54" t="b">
        <v>1</v>
      </c>
      <c r="S1159" s="52" t="s">
        <v>7126</v>
      </c>
      <c r="T1159" s="67" t="s">
        <v>7127</v>
      </c>
      <c r="U1159" s="75" t="s">
        <v>5331</v>
      </c>
      <c r="V1159" s="47" t="s">
        <v>5331</v>
      </c>
      <c r="W1159" s="47" t="s">
        <v>5331</v>
      </c>
      <c r="X1159" s="47" t="s">
        <v>5331</v>
      </c>
      <c r="Y1159" s="47" t="s">
        <v>5331</v>
      </c>
      <c r="Z1159" s="28"/>
      <c r="AA1159" s="27"/>
      <c r="AB1159" s="27"/>
      <c r="AC1159" s="27"/>
      <c r="AD1159" s="30"/>
      <c r="AE1159" s="1"/>
      <c r="AF1159" s="23" t="s">
        <v>5331</v>
      </c>
      <c r="AG1159" s="26"/>
      <c r="AH1159" s="53"/>
    </row>
    <row r="1160" spans="1:34" ht="51.6" customHeight="1" x14ac:dyDescent="0.45">
      <c r="A1160" s="23">
        <v>1154</v>
      </c>
      <c r="B1160" s="25"/>
      <c r="C1160" s="25"/>
      <c r="D1160" s="29"/>
      <c r="E1160" s="1"/>
      <c r="F1160" s="1"/>
      <c r="G1160" s="25"/>
      <c r="H1160" s="71"/>
      <c r="I1160" s="83"/>
      <c r="J1160" s="50" t="str">
        <f t="shared" ref="J1160:J1223" si="38">E1160&amp;F1160&amp;G1160</f>
        <v/>
      </c>
      <c r="K1160" s="23" t="s">
        <v>7120</v>
      </c>
      <c r="L1160" s="49" t="e">
        <f>VLOOKUP(E1160&amp;F1160,団体コード!$A$1:$C$1743,3,FALSE)</f>
        <v>#N/A</v>
      </c>
      <c r="M1160" s="49" t="e">
        <f>VLOOKUP(E1160&amp;F1160,団体コード!$A$1:$C$1743,2,FALSE)</f>
        <v>#N/A</v>
      </c>
      <c r="N1160" s="51" t="e">
        <f>VLOOKUP(E1160,団体コード!$E$1:$F$48,2,FALSE)</f>
        <v>#N/A</v>
      </c>
      <c r="O1160" s="51" t="e">
        <f t="shared" ref="O1160:O1223" si="39">N1160</f>
        <v>#N/A</v>
      </c>
      <c r="P1160" s="51">
        <v>1</v>
      </c>
      <c r="Q1160" s="51" t="s">
        <v>5341</v>
      </c>
      <c r="R1160" s="54" t="b">
        <v>1</v>
      </c>
      <c r="S1160" s="52" t="s">
        <v>7126</v>
      </c>
      <c r="T1160" s="67" t="s">
        <v>7127</v>
      </c>
      <c r="U1160" s="75" t="s">
        <v>5331</v>
      </c>
      <c r="V1160" s="47" t="s">
        <v>5331</v>
      </c>
      <c r="W1160" s="47" t="s">
        <v>5331</v>
      </c>
      <c r="X1160" s="47" t="s">
        <v>5331</v>
      </c>
      <c r="Y1160" s="47" t="s">
        <v>5331</v>
      </c>
      <c r="Z1160" s="28"/>
      <c r="AA1160" s="27"/>
      <c r="AB1160" s="27"/>
      <c r="AC1160" s="27"/>
      <c r="AD1160" s="30"/>
      <c r="AE1160" s="1"/>
      <c r="AF1160" s="23" t="s">
        <v>5331</v>
      </c>
      <c r="AG1160" s="26"/>
      <c r="AH1160" s="53"/>
    </row>
    <row r="1161" spans="1:34" ht="51.6" customHeight="1" x14ac:dyDescent="0.45">
      <c r="A1161" s="23">
        <v>1155</v>
      </c>
      <c r="B1161" s="25"/>
      <c r="C1161" s="25"/>
      <c r="D1161" s="29"/>
      <c r="E1161" s="1"/>
      <c r="F1161" s="1"/>
      <c r="G1161" s="25"/>
      <c r="H1161" s="71"/>
      <c r="I1161" s="83"/>
      <c r="J1161" s="50" t="str">
        <f t="shared" si="38"/>
        <v/>
      </c>
      <c r="K1161" s="23" t="s">
        <v>7120</v>
      </c>
      <c r="L1161" s="49" t="e">
        <f>VLOOKUP(E1161&amp;F1161,団体コード!$A$1:$C$1743,3,FALSE)</f>
        <v>#N/A</v>
      </c>
      <c r="M1161" s="49" t="e">
        <f>VLOOKUP(E1161&amp;F1161,団体コード!$A$1:$C$1743,2,FALSE)</f>
        <v>#N/A</v>
      </c>
      <c r="N1161" s="51" t="e">
        <f>VLOOKUP(E1161,団体コード!$E$1:$F$48,2,FALSE)</f>
        <v>#N/A</v>
      </c>
      <c r="O1161" s="51" t="e">
        <f t="shared" si="39"/>
        <v>#N/A</v>
      </c>
      <c r="P1161" s="51">
        <v>1</v>
      </c>
      <c r="Q1161" s="51" t="s">
        <v>5341</v>
      </c>
      <c r="R1161" s="54" t="b">
        <v>1</v>
      </c>
      <c r="S1161" s="52" t="s">
        <v>7126</v>
      </c>
      <c r="T1161" s="67" t="s">
        <v>7127</v>
      </c>
      <c r="U1161" s="75" t="s">
        <v>5331</v>
      </c>
      <c r="V1161" s="47" t="s">
        <v>5331</v>
      </c>
      <c r="W1161" s="47" t="s">
        <v>5331</v>
      </c>
      <c r="X1161" s="47" t="s">
        <v>5331</v>
      </c>
      <c r="Y1161" s="47" t="s">
        <v>5331</v>
      </c>
      <c r="Z1161" s="28"/>
      <c r="AA1161" s="27"/>
      <c r="AB1161" s="27"/>
      <c r="AC1161" s="27"/>
      <c r="AD1161" s="30"/>
      <c r="AE1161" s="1"/>
      <c r="AF1161" s="23" t="s">
        <v>5331</v>
      </c>
      <c r="AG1161" s="26"/>
      <c r="AH1161" s="53"/>
    </row>
    <row r="1162" spans="1:34" ht="51.6" customHeight="1" x14ac:dyDescent="0.45">
      <c r="A1162" s="23">
        <v>1156</v>
      </c>
      <c r="B1162" s="25"/>
      <c r="C1162" s="25"/>
      <c r="D1162" s="29"/>
      <c r="E1162" s="1"/>
      <c r="F1162" s="1"/>
      <c r="G1162" s="25"/>
      <c r="H1162" s="71"/>
      <c r="I1162" s="83"/>
      <c r="J1162" s="50" t="str">
        <f t="shared" si="38"/>
        <v/>
      </c>
      <c r="K1162" s="23" t="s">
        <v>7120</v>
      </c>
      <c r="L1162" s="49" t="e">
        <f>VLOOKUP(E1162&amp;F1162,団体コード!$A$1:$C$1743,3,FALSE)</f>
        <v>#N/A</v>
      </c>
      <c r="M1162" s="49" t="e">
        <f>VLOOKUP(E1162&amp;F1162,団体コード!$A$1:$C$1743,2,FALSE)</f>
        <v>#N/A</v>
      </c>
      <c r="N1162" s="51" t="e">
        <f>VLOOKUP(E1162,団体コード!$E$1:$F$48,2,FALSE)</f>
        <v>#N/A</v>
      </c>
      <c r="O1162" s="51" t="e">
        <f t="shared" si="39"/>
        <v>#N/A</v>
      </c>
      <c r="P1162" s="51">
        <v>1</v>
      </c>
      <c r="Q1162" s="51" t="s">
        <v>5341</v>
      </c>
      <c r="R1162" s="54" t="b">
        <v>1</v>
      </c>
      <c r="S1162" s="52" t="s">
        <v>7126</v>
      </c>
      <c r="T1162" s="67" t="s">
        <v>7127</v>
      </c>
      <c r="U1162" s="75" t="s">
        <v>5331</v>
      </c>
      <c r="V1162" s="47" t="s">
        <v>5331</v>
      </c>
      <c r="W1162" s="47" t="s">
        <v>5331</v>
      </c>
      <c r="X1162" s="47" t="s">
        <v>5331</v>
      </c>
      <c r="Y1162" s="47" t="s">
        <v>5331</v>
      </c>
      <c r="Z1162" s="28"/>
      <c r="AA1162" s="27"/>
      <c r="AB1162" s="27"/>
      <c r="AC1162" s="27"/>
      <c r="AD1162" s="30"/>
      <c r="AE1162" s="1"/>
      <c r="AF1162" s="23" t="s">
        <v>5331</v>
      </c>
      <c r="AG1162" s="26"/>
      <c r="AH1162" s="53"/>
    </row>
    <row r="1163" spans="1:34" ht="51.6" customHeight="1" x14ac:dyDescent="0.45">
      <c r="A1163" s="23">
        <v>1157</v>
      </c>
      <c r="B1163" s="25"/>
      <c r="C1163" s="25"/>
      <c r="D1163" s="29"/>
      <c r="E1163" s="1"/>
      <c r="F1163" s="1"/>
      <c r="G1163" s="25"/>
      <c r="H1163" s="71"/>
      <c r="I1163" s="83"/>
      <c r="J1163" s="50" t="str">
        <f t="shared" si="38"/>
        <v/>
      </c>
      <c r="K1163" s="23" t="s">
        <v>7120</v>
      </c>
      <c r="L1163" s="49" t="e">
        <f>VLOOKUP(E1163&amp;F1163,団体コード!$A$1:$C$1743,3,FALSE)</f>
        <v>#N/A</v>
      </c>
      <c r="M1163" s="49" t="e">
        <f>VLOOKUP(E1163&amp;F1163,団体コード!$A$1:$C$1743,2,FALSE)</f>
        <v>#N/A</v>
      </c>
      <c r="N1163" s="51" t="e">
        <f>VLOOKUP(E1163,団体コード!$E$1:$F$48,2,FALSE)</f>
        <v>#N/A</v>
      </c>
      <c r="O1163" s="51" t="e">
        <f t="shared" si="39"/>
        <v>#N/A</v>
      </c>
      <c r="P1163" s="51">
        <v>1</v>
      </c>
      <c r="Q1163" s="51" t="s">
        <v>5341</v>
      </c>
      <c r="R1163" s="54" t="b">
        <v>1</v>
      </c>
      <c r="S1163" s="52" t="s">
        <v>7126</v>
      </c>
      <c r="T1163" s="67" t="s">
        <v>7127</v>
      </c>
      <c r="U1163" s="75" t="s">
        <v>5331</v>
      </c>
      <c r="V1163" s="47" t="s">
        <v>5331</v>
      </c>
      <c r="W1163" s="47" t="s">
        <v>5331</v>
      </c>
      <c r="X1163" s="47" t="s">
        <v>5331</v>
      </c>
      <c r="Y1163" s="47" t="s">
        <v>5331</v>
      </c>
      <c r="Z1163" s="28"/>
      <c r="AA1163" s="27"/>
      <c r="AB1163" s="27"/>
      <c r="AC1163" s="27"/>
      <c r="AD1163" s="30"/>
      <c r="AE1163" s="1"/>
      <c r="AF1163" s="23" t="s">
        <v>5331</v>
      </c>
      <c r="AG1163" s="26"/>
      <c r="AH1163" s="53"/>
    </row>
    <row r="1164" spans="1:34" ht="51.6" customHeight="1" x14ac:dyDescent="0.45">
      <c r="A1164" s="23">
        <v>1158</v>
      </c>
      <c r="B1164" s="25"/>
      <c r="C1164" s="25"/>
      <c r="D1164" s="29"/>
      <c r="E1164" s="1"/>
      <c r="F1164" s="1"/>
      <c r="G1164" s="25"/>
      <c r="H1164" s="71"/>
      <c r="I1164" s="83"/>
      <c r="J1164" s="50" t="str">
        <f t="shared" si="38"/>
        <v/>
      </c>
      <c r="K1164" s="23" t="s">
        <v>7120</v>
      </c>
      <c r="L1164" s="49" t="e">
        <f>VLOOKUP(E1164&amp;F1164,団体コード!$A$1:$C$1743,3,FALSE)</f>
        <v>#N/A</v>
      </c>
      <c r="M1164" s="49" t="e">
        <f>VLOOKUP(E1164&amp;F1164,団体コード!$A$1:$C$1743,2,FALSE)</f>
        <v>#N/A</v>
      </c>
      <c r="N1164" s="51" t="e">
        <f>VLOOKUP(E1164,団体コード!$E$1:$F$48,2,FALSE)</f>
        <v>#N/A</v>
      </c>
      <c r="O1164" s="51" t="e">
        <f t="shared" si="39"/>
        <v>#N/A</v>
      </c>
      <c r="P1164" s="51">
        <v>1</v>
      </c>
      <c r="Q1164" s="51" t="s">
        <v>5341</v>
      </c>
      <c r="R1164" s="54" t="b">
        <v>1</v>
      </c>
      <c r="S1164" s="52" t="s">
        <v>7126</v>
      </c>
      <c r="T1164" s="67" t="s">
        <v>7127</v>
      </c>
      <c r="U1164" s="75" t="s">
        <v>5331</v>
      </c>
      <c r="V1164" s="47" t="s">
        <v>5331</v>
      </c>
      <c r="W1164" s="47" t="s">
        <v>5331</v>
      </c>
      <c r="X1164" s="47" t="s">
        <v>5331</v>
      </c>
      <c r="Y1164" s="47" t="s">
        <v>5331</v>
      </c>
      <c r="Z1164" s="28"/>
      <c r="AA1164" s="27"/>
      <c r="AB1164" s="27"/>
      <c r="AC1164" s="27"/>
      <c r="AD1164" s="30"/>
      <c r="AE1164" s="1"/>
      <c r="AF1164" s="23" t="s">
        <v>5331</v>
      </c>
      <c r="AG1164" s="26"/>
      <c r="AH1164" s="53"/>
    </row>
    <row r="1165" spans="1:34" ht="51.6" customHeight="1" x14ac:dyDescent="0.45">
      <c r="A1165" s="23">
        <v>1159</v>
      </c>
      <c r="B1165" s="25"/>
      <c r="C1165" s="25"/>
      <c r="D1165" s="29"/>
      <c r="E1165" s="1"/>
      <c r="F1165" s="1"/>
      <c r="G1165" s="25"/>
      <c r="H1165" s="71"/>
      <c r="I1165" s="83"/>
      <c r="J1165" s="50" t="str">
        <f t="shared" si="38"/>
        <v/>
      </c>
      <c r="K1165" s="23" t="s">
        <v>7120</v>
      </c>
      <c r="L1165" s="49" t="e">
        <f>VLOOKUP(E1165&amp;F1165,団体コード!$A$1:$C$1743,3,FALSE)</f>
        <v>#N/A</v>
      </c>
      <c r="M1165" s="49" t="e">
        <f>VLOOKUP(E1165&amp;F1165,団体コード!$A$1:$C$1743,2,FALSE)</f>
        <v>#N/A</v>
      </c>
      <c r="N1165" s="51" t="e">
        <f>VLOOKUP(E1165,団体コード!$E$1:$F$48,2,FALSE)</f>
        <v>#N/A</v>
      </c>
      <c r="O1165" s="51" t="e">
        <f t="shared" si="39"/>
        <v>#N/A</v>
      </c>
      <c r="P1165" s="51">
        <v>1</v>
      </c>
      <c r="Q1165" s="51" t="s">
        <v>5341</v>
      </c>
      <c r="R1165" s="54" t="b">
        <v>1</v>
      </c>
      <c r="S1165" s="52" t="s">
        <v>7126</v>
      </c>
      <c r="T1165" s="67" t="s">
        <v>7127</v>
      </c>
      <c r="U1165" s="75" t="s">
        <v>5331</v>
      </c>
      <c r="V1165" s="47" t="s">
        <v>5331</v>
      </c>
      <c r="W1165" s="47" t="s">
        <v>5331</v>
      </c>
      <c r="X1165" s="47" t="s">
        <v>5331</v>
      </c>
      <c r="Y1165" s="47" t="s">
        <v>5331</v>
      </c>
      <c r="Z1165" s="28"/>
      <c r="AA1165" s="27"/>
      <c r="AB1165" s="27"/>
      <c r="AC1165" s="27"/>
      <c r="AD1165" s="30"/>
      <c r="AE1165" s="1"/>
      <c r="AF1165" s="23" t="s">
        <v>5331</v>
      </c>
      <c r="AG1165" s="26"/>
      <c r="AH1165" s="53"/>
    </row>
    <row r="1166" spans="1:34" ht="51.6" customHeight="1" x14ac:dyDescent="0.45">
      <c r="A1166" s="23">
        <v>1160</v>
      </c>
      <c r="B1166" s="25"/>
      <c r="C1166" s="25"/>
      <c r="D1166" s="29"/>
      <c r="E1166" s="1"/>
      <c r="F1166" s="1"/>
      <c r="G1166" s="25"/>
      <c r="H1166" s="71"/>
      <c r="I1166" s="83"/>
      <c r="J1166" s="50" t="str">
        <f t="shared" si="38"/>
        <v/>
      </c>
      <c r="K1166" s="23" t="s">
        <v>7120</v>
      </c>
      <c r="L1166" s="49" t="e">
        <f>VLOOKUP(E1166&amp;F1166,団体コード!$A$1:$C$1743,3,FALSE)</f>
        <v>#N/A</v>
      </c>
      <c r="M1166" s="49" t="e">
        <f>VLOOKUP(E1166&amp;F1166,団体コード!$A$1:$C$1743,2,FALSE)</f>
        <v>#N/A</v>
      </c>
      <c r="N1166" s="51" t="e">
        <f>VLOOKUP(E1166,団体コード!$E$1:$F$48,2,FALSE)</f>
        <v>#N/A</v>
      </c>
      <c r="O1166" s="51" t="e">
        <f t="shared" si="39"/>
        <v>#N/A</v>
      </c>
      <c r="P1166" s="51">
        <v>1</v>
      </c>
      <c r="Q1166" s="51" t="s">
        <v>5341</v>
      </c>
      <c r="R1166" s="54" t="b">
        <v>1</v>
      </c>
      <c r="S1166" s="52" t="s">
        <v>7126</v>
      </c>
      <c r="T1166" s="67" t="s">
        <v>7127</v>
      </c>
      <c r="U1166" s="75" t="s">
        <v>5331</v>
      </c>
      <c r="V1166" s="47" t="s">
        <v>5331</v>
      </c>
      <c r="W1166" s="47" t="s">
        <v>5331</v>
      </c>
      <c r="X1166" s="47" t="s">
        <v>5331</v>
      </c>
      <c r="Y1166" s="47" t="s">
        <v>5331</v>
      </c>
      <c r="Z1166" s="28"/>
      <c r="AA1166" s="27"/>
      <c r="AB1166" s="27"/>
      <c r="AC1166" s="27"/>
      <c r="AD1166" s="30"/>
      <c r="AE1166" s="1"/>
      <c r="AF1166" s="23" t="s">
        <v>5331</v>
      </c>
      <c r="AG1166" s="26"/>
      <c r="AH1166" s="53"/>
    </row>
    <row r="1167" spans="1:34" ht="51.6" customHeight="1" x14ac:dyDescent="0.45">
      <c r="A1167" s="23">
        <v>1161</v>
      </c>
      <c r="B1167" s="25"/>
      <c r="C1167" s="25"/>
      <c r="D1167" s="29"/>
      <c r="E1167" s="1"/>
      <c r="F1167" s="1"/>
      <c r="G1167" s="25"/>
      <c r="H1167" s="71"/>
      <c r="I1167" s="83"/>
      <c r="J1167" s="50" t="str">
        <f t="shared" si="38"/>
        <v/>
      </c>
      <c r="K1167" s="23" t="s">
        <v>7120</v>
      </c>
      <c r="L1167" s="49" t="e">
        <f>VLOOKUP(E1167&amp;F1167,団体コード!$A$1:$C$1743,3,FALSE)</f>
        <v>#N/A</v>
      </c>
      <c r="M1167" s="49" t="e">
        <f>VLOOKUP(E1167&amp;F1167,団体コード!$A$1:$C$1743,2,FALSE)</f>
        <v>#N/A</v>
      </c>
      <c r="N1167" s="51" t="e">
        <f>VLOOKUP(E1167,団体コード!$E$1:$F$48,2,FALSE)</f>
        <v>#N/A</v>
      </c>
      <c r="O1167" s="51" t="e">
        <f t="shared" si="39"/>
        <v>#N/A</v>
      </c>
      <c r="P1167" s="51">
        <v>1</v>
      </c>
      <c r="Q1167" s="51" t="s">
        <v>5341</v>
      </c>
      <c r="R1167" s="54" t="b">
        <v>1</v>
      </c>
      <c r="S1167" s="52" t="s">
        <v>7126</v>
      </c>
      <c r="T1167" s="67" t="s">
        <v>7127</v>
      </c>
      <c r="U1167" s="75" t="s">
        <v>5331</v>
      </c>
      <c r="V1167" s="47" t="s">
        <v>5331</v>
      </c>
      <c r="W1167" s="47" t="s">
        <v>5331</v>
      </c>
      <c r="X1167" s="47" t="s">
        <v>5331</v>
      </c>
      <c r="Y1167" s="47" t="s">
        <v>5331</v>
      </c>
      <c r="Z1167" s="28"/>
      <c r="AA1167" s="27"/>
      <c r="AB1167" s="27"/>
      <c r="AC1167" s="27"/>
      <c r="AD1167" s="30"/>
      <c r="AE1167" s="1"/>
      <c r="AF1167" s="23" t="s">
        <v>5331</v>
      </c>
      <c r="AG1167" s="26"/>
      <c r="AH1167" s="53"/>
    </row>
    <row r="1168" spans="1:34" ht="51.6" customHeight="1" x14ac:dyDescent="0.45">
      <c r="A1168" s="23">
        <v>1162</v>
      </c>
      <c r="B1168" s="25"/>
      <c r="C1168" s="25"/>
      <c r="D1168" s="29"/>
      <c r="E1168" s="1"/>
      <c r="F1168" s="1"/>
      <c r="G1168" s="25"/>
      <c r="H1168" s="71"/>
      <c r="I1168" s="83"/>
      <c r="J1168" s="50" t="str">
        <f t="shared" si="38"/>
        <v/>
      </c>
      <c r="K1168" s="23" t="s">
        <v>7120</v>
      </c>
      <c r="L1168" s="49" t="e">
        <f>VLOOKUP(E1168&amp;F1168,団体コード!$A$1:$C$1743,3,FALSE)</f>
        <v>#N/A</v>
      </c>
      <c r="M1168" s="49" t="e">
        <f>VLOOKUP(E1168&amp;F1168,団体コード!$A$1:$C$1743,2,FALSE)</f>
        <v>#N/A</v>
      </c>
      <c r="N1168" s="51" t="e">
        <f>VLOOKUP(E1168,団体コード!$E$1:$F$48,2,FALSE)</f>
        <v>#N/A</v>
      </c>
      <c r="O1168" s="51" t="e">
        <f t="shared" si="39"/>
        <v>#N/A</v>
      </c>
      <c r="P1168" s="51">
        <v>1</v>
      </c>
      <c r="Q1168" s="51" t="s">
        <v>5341</v>
      </c>
      <c r="R1168" s="54" t="b">
        <v>1</v>
      </c>
      <c r="S1168" s="52" t="s">
        <v>7126</v>
      </c>
      <c r="T1168" s="67" t="s">
        <v>7127</v>
      </c>
      <c r="U1168" s="75" t="s">
        <v>5331</v>
      </c>
      <c r="V1168" s="47" t="s">
        <v>5331</v>
      </c>
      <c r="W1168" s="47" t="s">
        <v>5331</v>
      </c>
      <c r="X1168" s="47" t="s">
        <v>5331</v>
      </c>
      <c r="Y1168" s="47" t="s">
        <v>5331</v>
      </c>
      <c r="Z1168" s="28"/>
      <c r="AA1168" s="27"/>
      <c r="AB1168" s="27"/>
      <c r="AC1168" s="27"/>
      <c r="AD1168" s="30"/>
      <c r="AE1168" s="1"/>
      <c r="AF1168" s="23" t="s">
        <v>5331</v>
      </c>
      <c r="AG1168" s="26"/>
      <c r="AH1168" s="53"/>
    </row>
    <row r="1169" spans="1:34" ht="51.6" customHeight="1" x14ac:dyDescent="0.45">
      <c r="A1169" s="23">
        <v>1163</v>
      </c>
      <c r="B1169" s="25"/>
      <c r="C1169" s="25"/>
      <c r="D1169" s="29"/>
      <c r="E1169" s="1"/>
      <c r="F1169" s="1"/>
      <c r="G1169" s="25"/>
      <c r="H1169" s="71"/>
      <c r="I1169" s="83"/>
      <c r="J1169" s="50" t="str">
        <f t="shared" si="38"/>
        <v/>
      </c>
      <c r="K1169" s="23" t="s">
        <v>7120</v>
      </c>
      <c r="L1169" s="49" t="e">
        <f>VLOOKUP(E1169&amp;F1169,団体コード!$A$1:$C$1743,3,FALSE)</f>
        <v>#N/A</v>
      </c>
      <c r="M1169" s="49" t="e">
        <f>VLOOKUP(E1169&amp;F1169,団体コード!$A$1:$C$1743,2,FALSE)</f>
        <v>#N/A</v>
      </c>
      <c r="N1169" s="51" t="e">
        <f>VLOOKUP(E1169,団体コード!$E$1:$F$48,2,FALSE)</f>
        <v>#N/A</v>
      </c>
      <c r="O1169" s="51" t="e">
        <f t="shared" si="39"/>
        <v>#N/A</v>
      </c>
      <c r="P1169" s="51">
        <v>1</v>
      </c>
      <c r="Q1169" s="51" t="s">
        <v>5341</v>
      </c>
      <c r="R1169" s="54" t="b">
        <v>1</v>
      </c>
      <c r="S1169" s="52" t="s">
        <v>7126</v>
      </c>
      <c r="T1169" s="67" t="s">
        <v>7127</v>
      </c>
      <c r="U1169" s="75" t="s">
        <v>5331</v>
      </c>
      <c r="V1169" s="47" t="s">
        <v>5331</v>
      </c>
      <c r="W1169" s="47" t="s">
        <v>5331</v>
      </c>
      <c r="X1169" s="47" t="s">
        <v>5331</v>
      </c>
      <c r="Y1169" s="47" t="s">
        <v>5331</v>
      </c>
      <c r="Z1169" s="28"/>
      <c r="AA1169" s="27"/>
      <c r="AB1169" s="27"/>
      <c r="AC1169" s="27"/>
      <c r="AD1169" s="30"/>
      <c r="AE1169" s="1"/>
      <c r="AF1169" s="23" t="s">
        <v>5331</v>
      </c>
      <c r="AG1169" s="26"/>
      <c r="AH1169" s="53"/>
    </row>
    <row r="1170" spans="1:34" ht="51.6" customHeight="1" x14ac:dyDescent="0.45">
      <c r="A1170" s="23">
        <v>1164</v>
      </c>
      <c r="B1170" s="25"/>
      <c r="C1170" s="25"/>
      <c r="D1170" s="29"/>
      <c r="E1170" s="1"/>
      <c r="F1170" s="1"/>
      <c r="G1170" s="25"/>
      <c r="H1170" s="71"/>
      <c r="I1170" s="83"/>
      <c r="J1170" s="50" t="str">
        <f t="shared" si="38"/>
        <v/>
      </c>
      <c r="K1170" s="23" t="s">
        <v>7120</v>
      </c>
      <c r="L1170" s="49" t="e">
        <f>VLOOKUP(E1170&amp;F1170,団体コード!$A$1:$C$1743,3,FALSE)</f>
        <v>#N/A</v>
      </c>
      <c r="M1170" s="49" t="e">
        <f>VLOOKUP(E1170&amp;F1170,団体コード!$A$1:$C$1743,2,FALSE)</f>
        <v>#N/A</v>
      </c>
      <c r="N1170" s="51" t="e">
        <f>VLOOKUP(E1170,団体コード!$E$1:$F$48,2,FALSE)</f>
        <v>#N/A</v>
      </c>
      <c r="O1170" s="51" t="e">
        <f t="shared" si="39"/>
        <v>#N/A</v>
      </c>
      <c r="P1170" s="51">
        <v>1</v>
      </c>
      <c r="Q1170" s="51" t="s">
        <v>5341</v>
      </c>
      <c r="R1170" s="54" t="b">
        <v>1</v>
      </c>
      <c r="S1170" s="52" t="s">
        <v>7126</v>
      </c>
      <c r="T1170" s="67" t="s">
        <v>7127</v>
      </c>
      <c r="U1170" s="75" t="s">
        <v>5331</v>
      </c>
      <c r="V1170" s="47" t="s">
        <v>5331</v>
      </c>
      <c r="W1170" s="47" t="s">
        <v>5331</v>
      </c>
      <c r="X1170" s="47" t="s">
        <v>5331</v>
      </c>
      <c r="Y1170" s="47" t="s">
        <v>5331</v>
      </c>
      <c r="Z1170" s="28"/>
      <c r="AA1170" s="27"/>
      <c r="AB1170" s="27"/>
      <c r="AC1170" s="27"/>
      <c r="AD1170" s="30"/>
      <c r="AE1170" s="1"/>
      <c r="AF1170" s="23" t="s">
        <v>5331</v>
      </c>
      <c r="AG1170" s="26"/>
      <c r="AH1170" s="53"/>
    </row>
    <row r="1171" spans="1:34" ht="51.6" customHeight="1" x14ac:dyDescent="0.45">
      <c r="A1171" s="23">
        <v>1165</v>
      </c>
      <c r="B1171" s="25"/>
      <c r="C1171" s="25"/>
      <c r="D1171" s="29"/>
      <c r="E1171" s="1"/>
      <c r="F1171" s="1"/>
      <c r="G1171" s="25"/>
      <c r="H1171" s="71"/>
      <c r="I1171" s="83"/>
      <c r="J1171" s="50" t="str">
        <f t="shared" si="38"/>
        <v/>
      </c>
      <c r="K1171" s="23" t="s">
        <v>7120</v>
      </c>
      <c r="L1171" s="49" t="e">
        <f>VLOOKUP(E1171&amp;F1171,団体コード!$A$1:$C$1743,3,FALSE)</f>
        <v>#N/A</v>
      </c>
      <c r="M1171" s="49" t="e">
        <f>VLOOKUP(E1171&amp;F1171,団体コード!$A$1:$C$1743,2,FALSE)</f>
        <v>#N/A</v>
      </c>
      <c r="N1171" s="51" t="e">
        <f>VLOOKUP(E1171,団体コード!$E$1:$F$48,2,FALSE)</f>
        <v>#N/A</v>
      </c>
      <c r="O1171" s="51" t="e">
        <f t="shared" si="39"/>
        <v>#N/A</v>
      </c>
      <c r="P1171" s="51">
        <v>1</v>
      </c>
      <c r="Q1171" s="51" t="s">
        <v>5341</v>
      </c>
      <c r="R1171" s="54" t="b">
        <v>1</v>
      </c>
      <c r="S1171" s="52" t="s">
        <v>7126</v>
      </c>
      <c r="T1171" s="67" t="s">
        <v>7127</v>
      </c>
      <c r="U1171" s="75" t="s">
        <v>5331</v>
      </c>
      <c r="V1171" s="47" t="s">
        <v>5331</v>
      </c>
      <c r="W1171" s="47" t="s">
        <v>5331</v>
      </c>
      <c r="X1171" s="47" t="s">
        <v>5331</v>
      </c>
      <c r="Y1171" s="47" t="s">
        <v>5331</v>
      </c>
      <c r="Z1171" s="28"/>
      <c r="AA1171" s="27"/>
      <c r="AB1171" s="27"/>
      <c r="AC1171" s="27"/>
      <c r="AD1171" s="30"/>
      <c r="AE1171" s="1"/>
      <c r="AF1171" s="23" t="s">
        <v>5331</v>
      </c>
      <c r="AG1171" s="26"/>
      <c r="AH1171" s="53"/>
    </row>
    <row r="1172" spans="1:34" ht="51.6" customHeight="1" x14ac:dyDescent="0.45">
      <c r="A1172" s="23">
        <v>1166</v>
      </c>
      <c r="B1172" s="25"/>
      <c r="C1172" s="25"/>
      <c r="D1172" s="29"/>
      <c r="E1172" s="1"/>
      <c r="F1172" s="1"/>
      <c r="G1172" s="25"/>
      <c r="H1172" s="71"/>
      <c r="I1172" s="83"/>
      <c r="J1172" s="50" t="str">
        <f t="shared" si="38"/>
        <v/>
      </c>
      <c r="K1172" s="23" t="s">
        <v>7120</v>
      </c>
      <c r="L1172" s="49" t="e">
        <f>VLOOKUP(E1172&amp;F1172,団体コード!$A$1:$C$1743,3,FALSE)</f>
        <v>#N/A</v>
      </c>
      <c r="M1172" s="49" t="e">
        <f>VLOOKUP(E1172&amp;F1172,団体コード!$A$1:$C$1743,2,FALSE)</f>
        <v>#N/A</v>
      </c>
      <c r="N1172" s="51" t="e">
        <f>VLOOKUP(E1172,団体コード!$E$1:$F$48,2,FALSE)</f>
        <v>#N/A</v>
      </c>
      <c r="O1172" s="51" t="e">
        <f t="shared" si="39"/>
        <v>#N/A</v>
      </c>
      <c r="P1172" s="51">
        <v>1</v>
      </c>
      <c r="Q1172" s="51" t="s">
        <v>5341</v>
      </c>
      <c r="R1172" s="54" t="b">
        <v>1</v>
      </c>
      <c r="S1172" s="52" t="s">
        <v>7126</v>
      </c>
      <c r="T1172" s="67" t="s">
        <v>7127</v>
      </c>
      <c r="U1172" s="75" t="s">
        <v>5331</v>
      </c>
      <c r="V1172" s="47" t="s">
        <v>5331</v>
      </c>
      <c r="W1172" s="47" t="s">
        <v>5331</v>
      </c>
      <c r="X1172" s="47" t="s">
        <v>5331</v>
      </c>
      <c r="Y1172" s="47" t="s">
        <v>5331</v>
      </c>
      <c r="Z1172" s="28"/>
      <c r="AA1172" s="27"/>
      <c r="AB1172" s="27"/>
      <c r="AC1172" s="27"/>
      <c r="AD1172" s="30"/>
      <c r="AE1172" s="1"/>
      <c r="AF1172" s="23" t="s">
        <v>5331</v>
      </c>
      <c r="AG1172" s="26"/>
      <c r="AH1172" s="53"/>
    </row>
    <row r="1173" spans="1:34" ht="51.6" customHeight="1" x14ac:dyDescent="0.45">
      <c r="A1173" s="23">
        <v>1167</v>
      </c>
      <c r="B1173" s="25"/>
      <c r="C1173" s="25"/>
      <c r="D1173" s="29"/>
      <c r="E1173" s="1"/>
      <c r="F1173" s="1"/>
      <c r="G1173" s="25"/>
      <c r="H1173" s="71"/>
      <c r="I1173" s="83"/>
      <c r="J1173" s="50" t="str">
        <f t="shared" si="38"/>
        <v/>
      </c>
      <c r="K1173" s="23" t="s">
        <v>7120</v>
      </c>
      <c r="L1173" s="49" t="e">
        <f>VLOOKUP(E1173&amp;F1173,団体コード!$A$1:$C$1743,3,FALSE)</f>
        <v>#N/A</v>
      </c>
      <c r="M1173" s="49" t="e">
        <f>VLOOKUP(E1173&amp;F1173,団体コード!$A$1:$C$1743,2,FALSE)</f>
        <v>#N/A</v>
      </c>
      <c r="N1173" s="51" t="e">
        <f>VLOOKUP(E1173,団体コード!$E$1:$F$48,2,FALSE)</f>
        <v>#N/A</v>
      </c>
      <c r="O1173" s="51" t="e">
        <f t="shared" si="39"/>
        <v>#N/A</v>
      </c>
      <c r="P1173" s="51">
        <v>1</v>
      </c>
      <c r="Q1173" s="51" t="s">
        <v>5341</v>
      </c>
      <c r="R1173" s="54" t="b">
        <v>1</v>
      </c>
      <c r="S1173" s="52" t="s">
        <v>7126</v>
      </c>
      <c r="T1173" s="67" t="s">
        <v>7127</v>
      </c>
      <c r="U1173" s="75" t="s">
        <v>5331</v>
      </c>
      <c r="V1173" s="47" t="s">
        <v>5331</v>
      </c>
      <c r="W1173" s="47" t="s">
        <v>5331</v>
      </c>
      <c r="X1173" s="47" t="s">
        <v>5331</v>
      </c>
      <c r="Y1173" s="47" t="s">
        <v>5331</v>
      </c>
      <c r="Z1173" s="28"/>
      <c r="AA1173" s="27"/>
      <c r="AB1173" s="27"/>
      <c r="AC1173" s="27"/>
      <c r="AD1173" s="30"/>
      <c r="AE1173" s="1"/>
      <c r="AF1173" s="23" t="s">
        <v>5331</v>
      </c>
      <c r="AG1173" s="26"/>
      <c r="AH1173" s="53"/>
    </row>
    <row r="1174" spans="1:34" ht="51.6" customHeight="1" x14ac:dyDescent="0.45">
      <c r="A1174" s="23">
        <v>1168</v>
      </c>
      <c r="B1174" s="25"/>
      <c r="C1174" s="25"/>
      <c r="D1174" s="29"/>
      <c r="E1174" s="1"/>
      <c r="F1174" s="1"/>
      <c r="G1174" s="25"/>
      <c r="H1174" s="71"/>
      <c r="I1174" s="83"/>
      <c r="J1174" s="50" t="str">
        <f t="shared" si="38"/>
        <v/>
      </c>
      <c r="K1174" s="23" t="s">
        <v>7120</v>
      </c>
      <c r="L1174" s="49" t="e">
        <f>VLOOKUP(E1174&amp;F1174,団体コード!$A$1:$C$1743,3,FALSE)</f>
        <v>#N/A</v>
      </c>
      <c r="M1174" s="49" t="e">
        <f>VLOOKUP(E1174&amp;F1174,団体コード!$A$1:$C$1743,2,FALSE)</f>
        <v>#N/A</v>
      </c>
      <c r="N1174" s="51" t="e">
        <f>VLOOKUP(E1174,団体コード!$E$1:$F$48,2,FALSE)</f>
        <v>#N/A</v>
      </c>
      <c r="O1174" s="51" t="e">
        <f t="shared" si="39"/>
        <v>#N/A</v>
      </c>
      <c r="P1174" s="51">
        <v>1</v>
      </c>
      <c r="Q1174" s="51" t="s">
        <v>5341</v>
      </c>
      <c r="R1174" s="54" t="b">
        <v>1</v>
      </c>
      <c r="S1174" s="52" t="s">
        <v>7126</v>
      </c>
      <c r="T1174" s="67" t="s">
        <v>7127</v>
      </c>
      <c r="U1174" s="75" t="s">
        <v>5331</v>
      </c>
      <c r="V1174" s="47" t="s">
        <v>5331</v>
      </c>
      <c r="W1174" s="47" t="s">
        <v>5331</v>
      </c>
      <c r="X1174" s="47" t="s">
        <v>5331</v>
      </c>
      <c r="Y1174" s="47" t="s">
        <v>5331</v>
      </c>
      <c r="Z1174" s="28"/>
      <c r="AA1174" s="27"/>
      <c r="AB1174" s="27"/>
      <c r="AC1174" s="27"/>
      <c r="AD1174" s="30"/>
      <c r="AE1174" s="1"/>
      <c r="AF1174" s="23" t="s">
        <v>5331</v>
      </c>
      <c r="AG1174" s="26"/>
      <c r="AH1174" s="53"/>
    </row>
    <row r="1175" spans="1:34" ht="51.6" customHeight="1" x14ac:dyDescent="0.45">
      <c r="A1175" s="23">
        <v>1169</v>
      </c>
      <c r="B1175" s="25"/>
      <c r="C1175" s="25"/>
      <c r="D1175" s="29"/>
      <c r="E1175" s="1"/>
      <c r="F1175" s="1"/>
      <c r="G1175" s="25"/>
      <c r="H1175" s="71"/>
      <c r="I1175" s="83"/>
      <c r="J1175" s="50" t="str">
        <f t="shared" si="38"/>
        <v/>
      </c>
      <c r="K1175" s="23" t="s">
        <v>7120</v>
      </c>
      <c r="L1175" s="49" t="e">
        <f>VLOOKUP(E1175&amp;F1175,団体コード!$A$1:$C$1743,3,FALSE)</f>
        <v>#N/A</v>
      </c>
      <c r="M1175" s="49" t="e">
        <f>VLOOKUP(E1175&amp;F1175,団体コード!$A$1:$C$1743,2,FALSE)</f>
        <v>#N/A</v>
      </c>
      <c r="N1175" s="51" t="e">
        <f>VLOOKUP(E1175,団体コード!$E$1:$F$48,2,FALSE)</f>
        <v>#N/A</v>
      </c>
      <c r="O1175" s="51" t="e">
        <f t="shared" si="39"/>
        <v>#N/A</v>
      </c>
      <c r="P1175" s="51">
        <v>1</v>
      </c>
      <c r="Q1175" s="51" t="s">
        <v>5341</v>
      </c>
      <c r="R1175" s="54" t="b">
        <v>1</v>
      </c>
      <c r="S1175" s="52" t="s">
        <v>7126</v>
      </c>
      <c r="T1175" s="67" t="s">
        <v>7127</v>
      </c>
      <c r="U1175" s="75" t="s">
        <v>5331</v>
      </c>
      <c r="V1175" s="47" t="s">
        <v>5331</v>
      </c>
      <c r="W1175" s="47" t="s">
        <v>5331</v>
      </c>
      <c r="X1175" s="47" t="s">
        <v>5331</v>
      </c>
      <c r="Y1175" s="47" t="s">
        <v>5331</v>
      </c>
      <c r="Z1175" s="28"/>
      <c r="AA1175" s="27"/>
      <c r="AB1175" s="27"/>
      <c r="AC1175" s="27"/>
      <c r="AD1175" s="30"/>
      <c r="AE1175" s="1"/>
      <c r="AF1175" s="23" t="s">
        <v>5331</v>
      </c>
      <c r="AG1175" s="26"/>
      <c r="AH1175" s="53"/>
    </row>
    <row r="1176" spans="1:34" ht="51.6" customHeight="1" x14ac:dyDescent="0.45">
      <c r="A1176" s="23">
        <v>1170</v>
      </c>
      <c r="B1176" s="25"/>
      <c r="C1176" s="25"/>
      <c r="D1176" s="29"/>
      <c r="E1176" s="1"/>
      <c r="F1176" s="1"/>
      <c r="G1176" s="25"/>
      <c r="H1176" s="71"/>
      <c r="I1176" s="83"/>
      <c r="J1176" s="50" t="str">
        <f t="shared" si="38"/>
        <v/>
      </c>
      <c r="K1176" s="23" t="s">
        <v>7120</v>
      </c>
      <c r="L1176" s="49" t="e">
        <f>VLOOKUP(E1176&amp;F1176,団体コード!$A$1:$C$1743,3,FALSE)</f>
        <v>#N/A</v>
      </c>
      <c r="M1176" s="49" t="e">
        <f>VLOOKUP(E1176&amp;F1176,団体コード!$A$1:$C$1743,2,FALSE)</f>
        <v>#N/A</v>
      </c>
      <c r="N1176" s="51" t="e">
        <f>VLOOKUP(E1176,団体コード!$E$1:$F$48,2,FALSE)</f>
        <v>#N/A</v>
      </c>
      <c r="O1176" s="51" t="e">
        <f t="shared" si="39"/>
        <v>#N/A</v>
      </c>
      <c r="P1176" s="51">
        <v>1</v>
      </c>
      <c r="Q1176" s="51" t="s">
        <v>5341</v>
      </c>
      <c r="R1176" s="54" t="b">
        <v>1</v>
      </c>
      <c r="S1176" s="52" t="s">
        <v>7126</v>
      </c>
      <c r="T1176" s="67" t="s">
        <v>7127</v>
      </c>
      <c r="U1176" s="75" t="s">
        <v>5331</v>
      </c>
      <c r="V1176" s="47" t="s">
        <v>5331</v>
      </c>
      <c r="W1176" s="47" t="s">
        <v>5331</v>
      </c>
      <c r="X1176" s="47" t="s">
        <v>5331</v>
      </c>
      <c r="Y1176" s="47" t="s">
        <v>5331</v>
      </c>
      <c r="Z1176" s="28"/>
      <c r="AA1176" s="27"/>
      <c r="AB1176" s="27"/>
      <c r="AC1176" s="27"/>
      <c r="AD1176" s="30"/>
      <c r="AE1176" s="1"/>
      <c r="AF1176" s="23" t="s">
        <v>5331</v>
      </c>
      <c r="AG1176" s="26"/>
      <c r="AH1176" s="53"/>
    </row>
    <row r="1177" spans="1:34" ht="51.6" customHeight="1" x14ac:dyDescent="0.45">
      <c r="A1177" s="23">
        <v>1171</v>
      </c>
      <c r="B1177" s="25"/>
      <c r="C1177" s="25"/>
      <c r="D1177" s="29"/>
      <c r="E1177" s="1"/>
      <c r="F1177" s="1"/>
      <c r="G1177" s="25"/>
      <c r="H1177" s="71"/>
      <c r="I1177" s="83"/>
      <c r="J1177" s="50" t="str">
        <f t="shared" si="38"/>
        <v/>
      </c>
      <c r="K1177" s="23" t="s">
        <v>7120</v>
      </c>
      <c r="L1177" s="49" t="e">
        <f>VLOOKUP(E1177&amp;F1177,団体コード!$A$1:$C$1743,3,FALSE)</f>
        <v>#N/A</v>
      </c>
      <c r="M1177" s="49" t="e">
        <f>VLOOKUP(E1177&amp;F1177,団体コード!$A$1:$C$1743,2,FALSE)</f>
        <v>#N/A</v>
      </c>
      <c r="N1177" s="51" t="e">
        <f>VLOOKUP(E1177,団体コード!$E$1:$F$48,2,FALSE)</f>
        <v>#N/A</v>
      </c>
      <c r="O1177" s="51" t="e">
        <f t="shared" si="39"/>
        <v>#N/A</v>
      </c>
      <c r="P1177" s="51">
        <v>1</v>
      </c>
      <c r="Q1177" s="51" t="s">
        <v>5341</v>
      </c>
      <c r="R1177" s="54" t="b">
        <v>1</v>
      </c>
      <c r="S1177" s="52" t="s">
        <v>7126</v>
      </c>
      <c r="T1177" s="67" t="s">
        <v>7127</v>
      </c>
      <c r="U1177" s="75" t="s">
        <v>5331</v>
      </c>
      <c r="V1177" s="47" t="s">
        <v>5331</v>
      </c>
      <c r="W1177" s="47" t="s">
        <v>5331</v>
      </c>
      <c r="X1177" s="47" t="s">
        <v>5331</v>
      </c>
      <c r="Y1177" s="47" t="s">
        <v>5331</v>
      </c>
      <c r="Z1177" s="28"/>
      <c r="AA1177" s="27"/>
      <c r="AB1177" s="27"/>
      <c r="AC1177" s="27"/>
      <c r="AD1177" s="30"/>
      <c r="AE1177" s="1"/>
      <c r="AF1177" s="23" t="s">
        <v>5331</v>
      </c>
      <c r="AG1177" s="26"/>
      <c r="AH1177" s="53"/>
    </row>
    <row r="1178" spans="1:34" ht="51.6" customHeight="1" x14ac:dyDescent="0.45">
      <c r="A1178" s="23">
        <v>1172</v>
      </c>
      <c r="B1178" s="25"/>
      <c r="C1178" s="25"/>
      <c r="D1178" s="29"/>
      <c r="E1178" s="1"/>
      <c r="F1178" s="1"/>
      <c r="G1178" s="25"/>
      <c r="H1178" s="71"/>
      <c r="I1178" s="83"/>
      <c r="J1178" s="50" t="str">
        <f t="shared" si="38"/>
        <v/>
      </c>
      <c r="K1178" s="23" t="s">
        <v>7120</v>
      </c>
      <c r="L1178" s="49" t="e">
        <f>VLOOKUP(E1178&amp;F1178,団体コード!$A$1:$C$1743,3,FALSE)</f>
        <v>#N/A</v>
      </c>
      <c r="M1178" s="49" t="e">
        <f>VLOOKUP(E1178&amp;F1178,団体コード!$A$1:$C$1743,2,FALSE)</f>
        <v>#N/A</v>
      </c>
      <c r="N1178" s="51" t="e">
        <f>VLOOKUP(E1178,団体コード!$E$1:$F$48,2,FALSE)</f>
        <v>#N/A</v>
      </c>
      <c r="O1178" s="51" t="e">
        <f t="shared" si="39"/>
        <v>#N/A</v>
      </c>
      <c r="P1178" s="51">
        <v>1</v>
      </c>
      <c r="Q1178" s="51" t="s">
        <v>5341</v>
      </c>
      <c r="R1178" s="54" t="b">
        <v>1</v>
      </c>
      <c r="S1178" s="52" t="s">
        <v>7126</v>
      </c>
      <c r="T1178" s="67" t="s">
        <v>7127</v>
      </c>
      <c r="U1178" s="75" t="s">
        <v>5331</v>
      </c>
      <c r="V1178" s="47" t="s">
        <v>5331</v>
      </c>
      <c r="W1178" s="47" t="s">
        <v>5331</v>
      </c>
      <c r="X1178" s="47" t="s">
        <v>5331</v>
      </c>
      <c r="Y1178" s="47" t="s">
        <v>5331</v>
      </c>
      <c r="Z1178" s="28"/>
      <c r="AA1178" s="27"/>
      <c r="AB1178" s="27"/>
      <c r="AC1178" s="27"/>
      <c r="AD1178" s="30"/>
      <c r="AE1178" s="1"/>
      <c r="AF1178" s="23" t="s">
        <v>5331</v>
      </c>
      <c r="AG1178" s="26"/>
      <c r="AH1178" s="53"/>
    </row>
    <row r="1179" spans="1:34" ht="51.6" customHeight="1" x14ac:dyDescent="0.45">
      <c r="A1179" s="23">
        <v>1173</v>
      </c>
      <c r="B1179" s="25"/>
      <c r="C1179" s="25"/>
      <c r="D1179" s="29"/>
      <c r="E1179" s="1"/>
      <c r="F1179" s="1"/>
      <c r="G1179" s="25"/>
      <c r="H1179" s="71"/>
      <c r="I1179" s="83"/>
      <c r="J1179" s="50" t="str">
        <f t="shared" si="38"/>
        <v/>
      </c>
      <c r="K1179" s="23" t="s">
        <v>7120</v>
      </c>
      <c r="L1179" s="49" t="e">
        <f>VLOOKUP(E1179&amp;F1179,団体コード!$A$1:$C$1743,3,FALSE)</f>
        <v>#N/A</v>
      </c>
      <c r="M1179" s="49" t="e">
        <f>VLOOKUP(E1179&amp;F1179,団体コード!$A$1:$C$1743,2,FALSE)</f>
        <v>#N/A</v>
      </c>
      <c r="N1179" s="51" t="e">
        <f>VLOOKUP(E1179,団体コード!$E$1:$F$48,2,FALSE)</f>
        <v>#N/A</v>
      </c>
      <c r="O1179" s="51" t="e">
        <f t="shared" si="39"/>
        <v>#N/A</v>
      </c>
      <c r="P1179" s="51">
        <v>1</v>
      </c>
      <c r="Q1179" s="51" t="s">
        <v>5341</v>
      </c>
      <c r="R1179" s="54" t="b">
        <v>1</v>
      </c>
      <c r="S1179" s="52" t="s">
        <v>7126</v>
      </c>
      <c r="T1179" s="67" t="s">
        <v>7127</v>
      </c>
      <c r="U1179" s="75" t="s">
        <v>5331</v>
      </c>
      <c r="V1179" s="47" t="s">
        <v>5331</v>
      </c>
      <c r="W1179" s="47" t="s">
        <v>5331</v>
      </c>
      <c r="X1179" s="47" t="s">
        <v>5331</v>
      </c>
      <c r="Y1179" s="47" t="s">
        <v>5331</v>
      </c>
      <c r="Z1179" s="28"/>
      <c r="AA1179" s="27"/>
      <c r="AB1179" s="27"/>
      <c r="AC1179" s="27"/>
      <c r="AD1179" s="30"/>
      <c r="AE1179" s="1"/>
      <c r="AF1179" s="23" t="s">
        <v>5331</v>
      </c>
      <c r="AG1179" s="26"/>
      <c r="AH1179" s="53"/>
    </row>
    <row r="1180" spans="1:34" ht="51.6" customHeight="1" x14ac:dyDescent="0.45">
      <c r="A1180" s="23">
        <v>1174</v>
      </c>
      <c r="B1180" s="25"/>
      <c r="C1180" s="25"/>
      <c r="D1180" s="29"/>
      <c r="E1180" s="1"/>
      <c r="F1180" s="1"/>
      <c r="G1180" s="25"/>
      <c r="H1180" s="71"/>
      <c r="I1180" s="83"/>
      <c r="J1180" s="50" t="str">
        <f t="shared" si="38"/>
        <v/>
      </c>
      <c r="K1180" s="23" t="s">
        <v>7120</v>
      </c>
      <c r="L1180" s="49" t="e">
        <f>VLOOKUP(E1180&amp;F1180,団体コード!$A$1:$C$1743,3,FALSE)</f>
        <v>#N/A</v>
      </c>
      <c r="M1180" s="49" t="e">
        <f>VLOOKUP(E1180&amp;F1180,団体コード!$A$1:$C$1743,2,FALSE)</f>
        <v>#N/A</v>
      </c>
      <c r="N1180" s="51" t="e">
        <f>VLOOKUP(E1180,団体コード!$E$1:$F$48,2,FALSE)</f>
        <v>#N/A</v>
      </c>
      <c r="O1180" s="51" t="e">
        <f t="shared" si="39"/>
        <v>#N/A</v>
      </c>
      <c r="P1180" s="51">
        <v>1</v>
      </c>
      <c r="Q1180" s="51" t="s">
        <v>5341</v>
      </c>
      <c r="R1180" s="54" t="b">
        <v>1</v>
      </c>
      <c r="S1180" s="52" t="s">
        <v>7126</v>
      </c>
      <c r="T1180" s="67" t="s">
        <v>7127</v>
      </c>
      <c r="U1180" s="75" t="s">
        <v>5331</v>
      </c>
      <c r="V1180" s="47" t="s">
        <v>5331</v>
      </c>
      <c r="W1180" s="47" t="s">
        <v>5331</v>
      </c>
      <c r="X1180" s="47" t="s">
        <v>5331</v>
      </c>
      <c r="Y1180" s="47" t="s">
        <v>5331</v>
      </c>
      <c r="Z1180" s="28"/>
      <c r="AA1180" s="27"/>
      <c r="AB1180" s="27"/>
      <c r="AC1180" s="27"/>
      <c r="AD1180" s="30"/>
      <c r="AE1180" s="1"/>
      <c r="AF1180" s="23" t="s">
        <v>5331</v>
      </c>
      <c r="AG1180" s="26"/>
      <c r="AH1180" s="53"/>
    </row>
    <row r="1181" spans="1:34" ht="51.6" customHeight="1" x14ac:dyDescent="0.45">
      <c r="A1181" s="23">
        <v>1175</v>
      </c>
      <c r="B1181" s="25"/>
      <c r="C1181" s="25"/>
      <c r="D1181" s="29"/>
      <c r="E1181" s="1"/>
      <c r="F1181" s="1"/>
      <c r="G1181" s="25"/>
      <c r="H1181" s="71"/>
      <c r="I1181" s="83"/>
      <c r="J1181" s="50" t="str">
        <f t="shared" si="38"/>
        <v/>
      </c>
      <c r="K1181" s="23" t="s">
        <v>7120</v>
      </c>
      <c r="L1181" s="49" t="e">
        <f>VLOOKUP(E1181&amp;F1181,団体コード!$A$1:$C$1743,3,FALSE)</f>
        <v>#N/A</v>
      </c>
      <c r="M1181" s="49" t="e">
        <f>VLOOKUP(E1181&amp;F1181,団体コード!$A$1:$C$1743,2,FALSE)</f>
        <v>#N/A</v>
      </c>
      <c r="N1181" s="51" t="e">
        <f>VLOOKUP(E1181,団体コード!$E$1:$F$48,2,FALSE)</f>
        <v>#N/A</v>
      </c>
      <c r="O1181" s="51" t="e">
        <f t="shared" si="39"/>
        <v>#N/A</v>
      </c>
      <c r="P1181" s="51">
        <v>1</v>
      </c>
      <c r="Q1181" s="51" t="s">
        <v>5341</v>
      </c>
      <c r="R1181" s="54" t="b">
        <v>1</v>
      </c>
      <c r="S1181" s="52" t="s">
        <v>7126</v>
      </c>
      <c r="T1181" s="67" t="s">
        <v>7127</v>
      </c>
      <c r="U1181" s="75" t="s">
        <v>5331</v>
      </c>
      <c r="V1181" s="47" t="s">
        <v>5331</v>
      </c>
      <c r="W1181" s="47" t="s">
        <v>5331</v>
      </c>
      <c r="X1181" s="47" t="s">
        <v>5331</v>
      </c>
      <c r="Y1181" s="47" t="s">
        <v>5331</v>
      </c>
      <c r="Z1181" s="28"/>
      <c r="AA1181" s="27"/>
      <c r="AB1181" s="27"/>
      <c r="AC1181" s="27"/>
      <c r="AD1181" s="30"/>
      <c r="AE1181" s="1"/>
      <c r="AF1181" s="23" t="s">
        <v>5331</v>
      </c>
      <c r="AG1181" s="26"/>
      <c r="AH1181" s="53"/>
    </row>
    <row r="1182" spans="1:34" ht="51.6" customHeight="1" x14ac:dyDescent="0.45">
      <c r="A1182" s="23">
        <v>1176</v>
      </c>
      <c r="B1182" s="25"/>
      <c r="C1182" s="25"/>
      <c r="D1182" s="29"/>
      <c r="E1182" s="1"/>
      <c r="F1182" s="1"/>
      <c r="G1182" s="25"/>
      <c r="H1182" s="71"/>
      <c r="I1182" s="83"/>
      <c r="J1182" s="50" t="str">
        <f t="shared" si="38"/>
        <v/>
      </c>
      <c r="K1182" s="23" t="s">
        <v>7120</v>
      </c>
      <c r="L1182" s="49" t="e">
        <f>VLOOKUP(E1182&amp;F1182,団体コード!$A$1:$C$1743,3,FALSE)</f>
        <v>#N/A</v>
      </c>
      <c r="M1182" s="49" t="e">
        <f>VLOOKUP(E1182&amp;F1182,団体コード!$A$1:$C$1743,2,FALSE)</f>
        <v>#N/A</v>
      </c>
      <c r="N1182" s="51" t="e">
        <f>VLOOKUP(E1182,団体コード!$E$1:$F$48,2,FALSE)</f>
        <v>#N/A</v>
      </c>
      <c r="O1182" s="51" t="e">
        <f t="shared" si="39"/>
        <v>#N/A</v>
      </c>
      <c r="P1182" s="51">
        <v>1</v>
      </c>
      <c r="Q1182" s="51" t="s">
        <v>5341</v>
      </c>
      <c r="R1182" s="54" t="b">
        <v>1</v>
      </c>
      <c r="S1182" s="52" t="s">
        <v>7126</v>
      </c>
      <c r="T1182" s="67" t="s">
        <v>7127</v>
      </c>
      <c r="U1182" s="75" t="s">
        <v>5331</v>
      </c>
      <c r="V1182" s="47" t="s">
        <v>5331</v>
      </c>
      <c r="W1182" s="47" t="s">
        <v>5331</v>
      </c>
      <c r="X1182" s="47" t="s">
        <v>5331</v>
      </c>
      <c r="Y1182" s="47" t="s">
        <v>5331</v>
      </c>
      <c r="Z1182" s="28"/>
      <c r="AA1182" s="27"/>
      <c r="AB1182" s="27"/>
      <c r="AC1182" s="27"/>
      <c r="AD1182" s="30"/>
      <c r="AE1182" s="1"/>
      <c r="AF1182" s="23" t="s">
        <v>5331</v>
      </c>
      <c r="AG1182" s="26"/>
      <c r="AH1182" s="53"/>
    </row>
    <row r="1183" spans="1:34" ht="51.6" customHeight="1" x14ac:dyDescent="0.45">
      <c r="A1183" s="23">
        <v>1177</v>
      </c>
      <c r="B1183" s="25"/>
      <c r="C1183" s="25"/>
      <c r="D1183" s="29"/>
      <c r="E1183" s="1"/>
      <c r="F1183" s="1"/>
      <c r="G1183" s="25"/>
      <c r="H1183" s="71"/>
      <c r="I1183" s="83"/>
      <c r="J1183" s="50" t="str">
        <f t="shared" si="38"/>
        <v/>
      </c>
      <c r="K1183" s="23" t="s">
        <v>7120</v>
      </c>
      <c r="L1183" s="49" t="e">
        <f>VLOOKUP(E1183&amp;F1183,団体コード!$A$1:$C$1743,3,FALSE)</f>
        <v>#N/A</v>
      </c>
      <c r="M1183" s="49" t="e">
        <f>VLOOKUP(E1183&amp;F1183,団体コード!$A$1:$C$1743,2,FALSE)</f>
        <v>#N/A</v>
      </c>
      <c r="N1183" s="51" t="e">
        <f>VLOOKUP(E1183,団体コード!$E$1:$F$48,2,FALSE)</f>
        <v>#N/A</v>
      </c>
      <c r="O1183" s="51" t="e">
        <f t="shared" si="39"/>
        <v>#N/A</v>
      </c>
      <c r="P1183" s="51">
        <v>1</v>
      </c>
      <c r="Q1183" s="51" t="s">
        <v>5341</v>
      </c>
      <c r="R1183" s="54" t="b">
        <v>1</v>
      </c>
      <c r="S1183" s="52" t="s">
        <v>7126</v>
      </c>
      <c r="T1183" s="67" t="s">
        <v>7127</v>
      </c>
      <c r="U1183" s="75" t="s">
        <v>5331</v>
      </c>
      <c r="V1183" s="47" t="s">
        <v>5331</v>
      </c>
      <c r="W1183" s="47" t="s">
        <v>5331</v>
      </c>
      <c r="X1183" s="47" t="s">
        <v>5331</v>
      </c>
      <c r="Y1183" s="47" t="s">
        <v>5331</v>
      </c>
      <c r="Z1183" s="28"/>
      <c r="AA1183" s="27"/>
      <c r="AB1183" s="27"/>
      <c r="AC1183" s="27"/>
      <c r="AD1183" s="30"/>
      <c r="AE1183" s="1"/>
      <c r="AF1183" s="23" t="s">
        <v>5331</v>
      </c>
      <c r="AG1183" s="26"/>
      <c r="AH1183" s="53"/>
    </row>
    <row r="1184" spans="1:34" ht="51.6" customHeight="1" x14ac:dyDescent="0.45">
      <c r="A1184" s="23">
        <v>1178</v>
      </c>
      <c r="B1184" s="25"/>
      <c r="C1184" s="25"/>
      <c r="D1184" s="29"/>
      <c r="E1184" s="1"/>
      <c r="F1184" s="1"/>
      <c r="G1184" s="25"/>
      <c r="H1184" s="71"/>
      <c r="I1184" s="83"/>
      <c r="J1184" s="50" t="str">
        <f t="shared" si="38"/>
        <v/>
      </c>
      <c r="K1184" s="23" t="s">
        <v>7120</v>
      </c>
      <c r="L1184" s="49" t="e">
        <f>VLOOKUP(E1184&amp;F1184,団体コード!$A$1:$C$1743,3,FALSE)</f>
        <v>#N/A</v>
      </c>
      <c r="M1184" s="49" t="e">
        <f>VLOOKUP(E1184&amp;F1184,団体コード!$A$1:$C$1743,2,FALSE)</f>
        <v>#N/A</v>
      </c>
      <c r="N1184" s="51" t="e">
        <f>VLOOKUP(E1184,団体コード!$E$1:$F$48,2,FALSE)</f>
        <v>#N/A</v>
      </c>
      <c r="O1184" s="51" t="e">
        <f t="shared" si="39"/>
        <v>#N/A</v>
      </c>
      <c r="P1184" s="51">
        <v>1</v>
      </c>
      <c r="Q1184" s="51" t="s">
        <v>5341</v>
      </c>
      <c r="R1184" s="54" t="b">
        <v>1</v>
      </c>
      <c r="S1184" s="52" t="s">
        <v>7126</v>
      </c>
      <c r="T1184" s="67" t="s">
        <v>7127</v>
      </c>
      <c r="U1184" s="75" t="s">
        <v>5331</v>
      </c>
      <c r="V1184" s="47" t="s">
        <v>5331</v>
      </c>
      <c r="W1184" s="47" t="s">
        <v>5331</v>
      </c>
      <c r="X1184" s="47" t="s">
        <v>5331</v>
      </c>
      <c r="Y1184" s="47" t="s">
        <v>5331</v>
      </c>
      <c r="Z1184" s="28"/>
      <c r="AA1184" s="27"/>
      <c r="AB1184" s="27"/>
      <c r="AC1184" s="27"/>
      <c r="AD1184" s="30"/>
      <c r="AE1184" s="1"/>
      <c r="AF1184" s="23" t="s">
        <v>5331</v>
      </c>
      <c r="AG1184" s="26"/>
      <c r="AH1184" s="53"/>
    </row>
    <row r="1185" spans="1:34" ht="51.6" customHeight="1" x14ac:dyDescent="0.45">
      <c r="A1185" s="23">
        <v>1179</v>
      </c>
      <c r="B1185" s="25"/>
      <c r="C1185" s="25"/>
      <c r="D1185" s="29"/>
      <c r="E1185" s="1"/>
      <c r="F1185" s="1"/>
      <c r="G1185" s="25"/>
      <c r="H1185" s="71"/>
      <c r="I1185" s="83"/>
      <c r="J1185" s="50" t="str">
        <f t="shared" si="38"/>
        <v/>
      </c>
      <c r="K1185" s="23" t="s">
        <v>7120</v>
      </c>
      <c r="L1185" s="49" t="e">
        <f>VLOOKUP(E1185&amp;F1185,団体コード!$A$1:$C$1743,3,FALSE)</f>
        <v>#N/A</v>
      </c>
      <c r="M1185" s="49" t="e">
        <f>VLOOKUP(E1185&amp;F1185,団体コード!$A$1:$C$1743,2,FALSE)</f>
        <v>#N/A</v>
      </c>
      <c r="N1185" s="51" t="e">
        <f>VLOOKUP(E1185,団体コード!$E$1:$F$48,2,FALSE)</f>
        <v>#N/A</v>
      </c>
      <c r="O1185" s="51" t="e">
        <f t="shared" si="39"/>
        <v>#N/A</v>
      </c>
      <c r="P1185" s="51">
        <v>1</v>
      </c>
      <c r="Q1185" s="51" t="s">
        <v>5341</v>
      </c>
      <c r="R1185" s="54" t="b">
        <v>1</v>
      </c>
      <c r="S1185" s="52" t="s">
        <v>7126</v>
      </c>
      <c r="T1185" s="67" t="s">
        <v>7127</v>
      </c>
      <c r="U1185" s="75" t="s">
        <v>5331</v>
      </c>
      <c r="V1185" s="47" t="s">
        <v>5331</v>
      </c>
      <c r="W1185" s="47" t="s">
        <v>5331</v>
      </c>
      <c r="X1185" s="47" t="s">
        <v>5331</v>
      </c>
      <c r="Y1185" s="47" t="s">
        <v>5331</v>
      </c>
      <c r="Z1185" s="28"/>
      <c r="AA1185" s="27"/>
      <c r="AB1185" s="27"/>
      <c r="AC1185" s="27"/>
      <c r="AD1185" s="30"/>
      <c r="AE1185" s="1"/>
      <c r="AF1185" s="23" t="s">
        <v>5331</v>
      </c>
      <c r="AG1185" s="26"/>
      <c r="AH1185" s="53"/>
    </row>
    <row r="1186" spans="1:34" ht="51.6" customHeight="1" x14ac:dyDescent="0.45">
      <c r="A1186" s="23">
        <v>1180</v>
      </c>
      <c r="B1186" s="25"/>
      <c r="C1186" s="25"/>
      <c r="D1186" s="29"/>
      <c r="E1186" s="1"/>
      <c r="F1186" s="1"/>
      <c r="G1186" s="25"/>
      <c r="H1186" s="71"/>
      <c r="I1186" s="83"/>
      <c r="J1186" s="50" t="str">
        <f t="shared" si="38"/>
        <v/>
      </c>
      <c r="K1186" s="23" t="s">
        <v>7120</v>
      </c>
      <c r="L1186" s="49" t="e">
        <f>VLOOKUP(E1186&amp;F1186,団体コード!$A$1:$C$1743,3,FALSE)</f>
        <v>#N/A</v>
      </c>
      <c r="M1186" s="49" t="e">
        <f>VLOOKUP(E1186&amp;F1186,団体コード!$A$1:$C$1743,2,FALSE)</f>
        <v>#N/A</v>
      </c>
      <c r="N1186" s="51" t="e">
        <f>VLOOKUP(E1186,団体コード!$E$1:$F$48,2,FALSE)</f>
        <v>#N/A</v>
      </c>
      <c r="O1186" s="51" t="e">
        <f t="shared" si="39"/>
        <v>#N/A</v>
      </c>
      <c r="P1186" s="51">
        <v>1</v>
      </c>
      <c r="Q1186" s="51" t="s">
        <v>5341</v>
      </c>
      <c r="R1186" s="54" t="b">
        <v>1</v>
      </c>
      <c r="S1186" s="52" t="s">
        <v>7126</v>
      </c>
      <c r="T1186" s="67" t="s">
        <v>7127</v>
      </c>
      <c r="U1186" s="75" t="s">
        <v>5331</v>
      </c>
      <c r="V1186" s="47" t="s">
        <v>5331</v>
      </c>
      <c r="W1186" s="47" t="s">
        <v>5331</v>
      </c>
      <c r="X1186" s="47" t="s">
        <v>5331</v>
      </c>
      <c r="Y1186" s="47" t="s">
        <v>5331</v>
      </c>
      <c r="Z1186" s="28"/>
      <c r="AA1186" s="27"/>
      <c r="AB1186" s="27"/>
      <c r="AC1186" s="27"/>
      <c r="AD1186" s="30"/>
      <c r="AE1186" s="1"/>
      <c r="AF1186" s="23" t="s">
        <v>5331</v>
      </c>
      <c r="AG1186" s="26"/>
      <c r="AH1186" s="53"/>
    </row>
    <row r="1187" spans="1:34" ht="51.6" customHeight="1" x14ac:dyDescent="0.45">
      <c r="A1187" s="23">
        <v>1181</v>
      </c>
      <c r="B1187" s="25"/>
      <c r="C1187" s="25"/>
      <c r="D1187" s="29"/>
      <c r="E1187" s="1"/>
      <c r="F1187" s="1"/>
      <c r="G1187" s="25"/>
      <c r="H1187" s="71"/>
      <c r="I1187" s="83"/>
      <c r="J1187" s="50" t="str">
        <f t="shared" si="38"/>
        <v/>
      </c>
      <c r="K1187" s="23" t="s">
        <v>7120</v>
      </c>
      <c r="L1187" s="49" t="e">
        <f>VLOOKUP(E1187&amp;F1187,団体コード!$A$1:$C$1743,3,FALSE)</f>
        <v>#N/A</v>
      </c>
      <c r="M1187" s="49" t="e">
        <f>VLOOKUP(E1187&amp;F1187,団体コード!$A$1:$C$1743,2,FALSE)</f>
        <v>#N/A</v>
      </c>
      <c r="N1187" s="51" t="e">
        <f>VLOOKUP(E1187,団体コード!$E$1:$F$48,2,FALSE)</f>
        <v>#N/A</v>
      </c>
      <c r="O1187" s="51" t="e">
        <f t="shared" si="39"/>
        <v>#N/A</v>
      </c>
      <c r="P1187" s="51">
        <v>1</v>
      </c>
      <c r="Q1187" s="51" t="s">
        <v>5341</v>
      </c>
      <c r="R1187" s="54" t="b">
        <v>1</v>
      </c>
      <c r="S1187" s="52" t="s">
        <v>7126</v>
      </c>
      <c r="T1187" s="67" t="s">
        <v>7127</v>
      </c>
      <c r="U1187" s="75" t="s">
        <v>5331</v>
      </c>
      <c r="V1187" s="47" t="s">
        <v>5331</v>
      </c>
      <c r="W1187" s="47" t="s">
        <v>5331</v>
      </c>
      <c r="X1187" s="47" t="s">
        <v>5331</v>
      </c>
      <c r="Y1187" s="47" t="s">
        <v>5331</v>
      </c>
      <c r="Z1187" s="28"/>
      <c r="AA1187" s="27"/>
      <c r="AB1187" s="27"/>
      <c r="AC1187" s="27"/>
      <c r="AD1187" s="30"/>
      <c r="AE1187" s="1"/>
      <c r="AF1187" s="23" t="s">
        <v>5331</v>
      </c>
      <c r="AG1187" s="26"/>
      <c r="AH1187" s="53"/>
    </row>
    <row r="1188" spans="1:34" ht="51.6" customHeight="1" x14ac:dyDescent="0.45">
      <c r="A1188" s="23">
        <v>1182</v>
      </c>
      <c r="B1188" s="25"/>
      <c r="C1188" s="25"/>
      <c r="D1188" s="29"/>
      <c r="E1188" s="1"/>
      <c r="F1188" s="1"/>
      <c r="G1188" s="25"/>
      <c r="H1188" s="71"/>
      <c r="I1188" s="83"/>
      <c r="J1188" s="50" t="str">
        <f t="shared" si="38"/>
        <v/>
      </c>
      <c r="K1188" s="23" t="s">
        <v>7120</v>
      </c>
      <c r="L1188" s="49" t="e">
        <f>VLOOKUP(E1188&amp;F1188,団体コード!$A$1:$C$1743,3,FALSE)</f>
        <v>#N/A</v>
      </c>
      <c r="M1188" s="49" t="e">
        <f>VLOOKUP(E1188&amp;F1188,団体コード!$A$1:$C$1743,2,FALSE)</f>
        <v>#N/A</v>
      </c>
      <c r="N1188" s="51" t="e">
        <f>VLOOKUP(E1188,団体コード!$E$1:$F$48,2,FALSE)</f>
        <v>#N/A</v>
      </c>
      <c r="O1188" s="51" t="e">
        <f t="shared" si="39"/>
        <v>#N/A</v>
      </c>
      <c r="P1188" s="51">
        <v>1</v>
      </c>
      <c r="Q1188" s="51" t="s">
        <v>5341</v>
      </c>
      <c r="R1188" s="54" t="b">
        <v>1</v>
      </c>
      <c r="S1188" s="52" t="s">
        <v>7126</v>
      </c>
      <c r="T1188" s="67" t="s">
        <v>7127</v>
      </c>
      <c r="U1188" s="75" t="s">
        <v>5331</v>
      </c>
      <c r="V1188" s="47" t="s">
        <v>5331</v>
      </c>
      <c r="W1188" s="47" t="s">
        <v>5331</v>
      </c>
      <c r="X1188" s="47" t="s">
        <v>5331</v>
      </c>
      <c r="Y1188" s="47" t="s">
        <v>5331</v>
      </c>
      <c r="Z1188" s="28"/>
      <c r="AA1188" s="27"/>
      <c r="AB1188" s="27"/>
      <c r="AC1188" s="27"/>
      <c r="AD1188" s="30"/>
      <c r="AE1188" s="1"/>
      <c r="AF1188" s="23" t="s">
        <v>5331</v>
      </c>
      <c r="AG1188" s="26"/>
      <c r="AH1188" s="53"/>
    </row>
    <row r="1189" spans="1:34" ht="51.6" customHeight="1" x14ac:dyDescent="0.45">
      <c r="A1189" s="23">
        <v>1183</v>
      </c>
      <c r="B1189" s="25"/>
      <c r="C1189" s="25"/>
      <c r="D1189" s="29"/>
      <c r="E1189" s="1"/>
      <c r="F1189" s="1"/>
      <c r="G1189" s="25"/>
      <c r="H1189" s="71"/>
      <c r="I1189" s="83"/>
      <c r="J1189" s="50" t="str">
        <f t="shared" si="38"/>
        <v/>
      </c>
      <c r="K1189" s="23" t="s">
        <v>7120</v>
      </c>
      <c r="L1189" s="49" t="e">
        <f>VLOOKUP(E1189&amp;F1189,団体コード!$A$1:$C$1743,3,FALSE)</f>
        <v>#N/A</v>
      </c>
      <c r="M1189" s="49" t="e">
        <f>VLOOKUP(E1189&amp;F1189,団体コード!$A$1:$C$1743,2,FALSE)</f>
        <v>#N/A</v>
      </c>
      <c r="N1189" s="51" t="e">
        <f>VLOOKUP(E1189,団体コード!$E$1:$F$48,2,FALSE)</f>
        <v>#N/A</v>
      </c>
      <c r="O1189" s="51" t="e">
        <f t="shared" si="39"/>
        <v>#N/A</v>
      </c>
      <c r="P1189" s="51">
        <v>1</v>
      </c>
      <c r="Q1189" s="51" t="s">
        <v>5341</v>
      </c>
      <c r="R1189" s="54" t="b">
        <v>1</v>
      </c>
      <c r="S1189" s="52" t="s">
        <v>7126</v>
      </c>
      <c r="T1189" s="67" t="s">
        <v>7127</v>
      </c>
      <c r="U1189" s="75" t="s">
        <v>5331</v>
      </c>
      <c r="V1189" s="47" t="s">
        <v>5331</v>
      </c>
      <c r="W1189" s="47" t="s">
        <v>5331</v>
      </c>
      <c r="X1189" s="47" t="s">
        <v>5331</v>
      </c>
      <c r="Y1189" s="47" t="s">
        <v>5331</v>
      </c>
      <c r="Z1189" s="28"/>
      <c r="AA1189" s="27"/>
      <c r="AB1189" s="27"/>
      <c r="AC1189" s="27"/>
      <c r="AD1189" s="30"/>
      <c r="AE1189" s="1"/>
      <c r="AF1189" s="23" t="s">
        <v>5331</v>
      </c>
      <c r="AG1189" s="26"/>
      <c r="AH1189" s="53"/>
    </row>
    <row r="1190" spans="1:34" ht="51.6" customHeight="1" x14ac:dyDescent="0.45">
      <c r="A1190" s="23">
        <v>1184</v>
      </c>
      <c r="B1190" s="25"/>
      <c r="C1190" s="25"/>
      <c r="D1190" s="29"/>
      <c r="E1190" s="1"/>
      <c r="F1190" s="1"/>
      <c r="G1190" s="25"/>
      <c r="H1190" s="71"/>
      <c r="I1190" s="83"/>
      <c r="J1190" s="50" t="str">
        <f t="shared" si="38"/>
        <v/>
      </c>
      <c r="K1190" s="23" t="s">
        <v>7120</v>
      </c>
      <c r="L1190" s="49" t="e">
        <f>VLOOKUP(E1190&amp;F1190,団体コード!$A$1:$C$1743,3,FALSE)</f>
        <v>#N/A</v>
      </c>
      <c r="M1190" s="49" t="e">
        <f>VLOOKUP(E1190&amp;F1190,団体コード!$A$1:$C$1743,2,FALSE)</f>
        <v>#N/A</v>
      </c>
      <c r="N1190" s="51" t="e">
        <f>VLOOKUP(E1190,団体コード!$E$1:$F$48,2,FALSE)</f>
        <v>#N/A</v>
      </c>
      <c r="O1190" s="51" t="e">
        <f t="shared" si="39"/>
        <v>#N/A</v>
      </c>
      <c r="P1190" s="51">
        <v>1</v>
      </c>
      <c r="Q1190" s="51" t="s">
        <v>5341</v>
      </c>
      <c r="R1190" s="54" t="b">
        <v>1</v>
      </c>
      <c r="S1190" s="52" t="s">
        <v>7126</v>
      </c>
      <c r="T1190" s="67" t="s">
        <v>7127</v>
      </c>
      <c r="U1190" s="75" t="s">
        <v>5331</v>
      </c>
      <c r="V1190" s="47" t="s">
        <v>5331</v>
      </c>
      <c r="W1190" s="47" t="s">
        <v>5331</v>
      </c>
      <c r="X1190" s="47" t="s">
        <v>5331</v>
      </c>
      <c r="Y1190" s="47" t="s">
        <v>5331</v>
      </c>
      <c r="Z1190" s="28"/>
      <c r="AA1190" s="27"/>
      <c r="AB1190" s="27"/>
      <c r="AC1190" s="27"/>
      <c r="AD1190" s="30"/>
      <c r="AE1190" s="1"/>
      <c r="AF1190" s="23" t="s">
        <v>5331</v>
      </c>
      <c r="AG1190" s="26"/>
      <c r="AH1190" s="53"/>
    </row>
    <row r="1191" spans="1:34" ht="51.6" customHeight="1" x14ac:dyDescent="0.45">
      <c r="A1191" s="23">
        <v>1185</v>
      </c>
      <c r="B1191" s="25"/>
      <c r="C1191" s="25"/>
      <c r="D1191" s="29"/>
      <c r="E1191" s="1"/>
      <c r="F1191" s="1"/>
      <c r="G1191" s="25"/>
      <c r="H1191" s="71"/>
      <c r="I1191" s="83"/>
      <c r="J1191" s="50" t="str">
        <f t="shared" si="38"/>
        <v/>
      </c>
      <c r="K1191" s="23" t="s">
        <v>7120</v>
      </c>
      <c r="L1191" s="49" t="e">
        <f>VLOOKUP(E1191&amp;F1191,団体コード!$A$1:$C$1743,3,FALSE)</f>
        <v>#N/A</v>
      </c>
      <c r="M1191" s="49" t="e">
        <f>VLOOKUP(E1191&amp;F1191,団体コード!$A$1:$C$1743,2,FALSE)</f>
        <v>#N/A</v>
      </c>
      <c r="N1191" s="51" t="e">
        <f>VLOOKUP(E1191,団体コード!$E$1:$F$48,2,FALSE)</f>
        <v>#N/A</v>
      </c>
      <c r="O1191" s="51" t="e">
        <f t="shared" si="39"/>
        <v>#N/A</v>
      </c>
      <c r="P1191" s="51">
        <v>1</v>
      </c>
      <c r="Q1191" s="51" t="s">
        <v>5341</v>
      </c>
      <c r="R1191" s="54" t="b">
        <v>1</v>
      </c>
      <c r="S1191" s="52" t="s">
        <v>7126</v>
      </c>
      <c r="T1191" s="67" t="s">
        <v>7127</v>
      </c>
      <c r="U1191" s="75" t="s">
        <v>5331</v>
      </c>
      <c r="V1191" s="47" t="s">
        <v>5331</v>
      </c>
      <c r="W1191" s="47" t="s">
        <v>5331</v>
      </c>
      <c r="X1191" s="47" t="s">
        <v>5331</v>
      </c>
      <c r="Y1191" s="47" t="s">
        <v>5331</v>
      </c>
      <c r="Z1191" s="28"/>
      <c r="AA1191" s="27"/>
      <c r="AB1191" s="27"/>
      <c r="AC1191" s="27"/>
      <c r="AD1191" s="30"/>
      <c r="AE1191" s="1"/>
      <c r="AF1191" s="23" t="s">
        <v>5331</v>
      </c>
      <c r="AG1191" s="26"/>
      <c r="AH1191" s="53"/>
    </row>
    <row r="1192" spans="1:34" ht="51.6" customHeight="1" x14ac:dyDescent="0.45">
      <c r="A1192" s="23">
        <v>1186</v>
      </c>
      <c r="B1192" s="25"/>
      <c r="C1192" s="25"/>
      <c r="D1192" s="29"/>
      <c r="E1192" s="1"/>
      <c r="F1192" s="1"/>
      <c r="G1192" s="25"/>
      <c r="H1192" s="71"/>
      <c r="I1192" s="83"/>
      <c r="J1192" s="50" t="str">
        <f t="shared" si="38"/>
        <v/>
      </c>
      <c r="K1192" s="23" t="s">
        <v>7120</v>
      </c>
      <c r="L1192" s="49" t="e">
        <f>VLOOKUP(E1192&amp;F1192,団体コード!$A$1:$C$1743,3,FALSE)</f>
        <v>#N/A</v>
      </c>
      <c r="M1192" s="49" t="e">
        <f>VLOOKUP(E1192&amp;F1192,団体コード!$A$1:$C$1743,2,FALSE)</f>
        <v>#N/A</v>
      </c>
      <c r="N1192" s="51" t="e">
        <f>VLOOKUP(E1192,団体コード!$E$1:$F$48,2,FALSE)</f>
        <v>#N/A</v>
      </c>
      <c r="O1192" s="51" t="e">
        <f t="shared" si="39"/>
        <v>#N/A</v>
      </c>
      <c r="P1192" s="51">
        <v>1</v>
      </c>
      <c r="Q1192" s="51" t="s">
        <v>5341</v>
      </c>
      <c r="R1192" s="54" t="b">
        <v>1</v>
      </c>
      <c r="S1192" s="52" t="s">
        <v>7126</v>
      </c>
      <c r="T1192" s="67" t="s">
        <v>7127</v>
      </c>
      <c r="U1192" s="75" t="s">
        <v>5331</v>
      </c>
      <c r="V1192" s="47" t="s">
        <v>5331</v>
      </c>
      <c r="W1192" s="47" t="s">
        <v>5331</v>
      </c>
      <c r="X1192" s="47" t="s">
        <v>5331</v>
      </c>
      <c r="Y1192" s="47" t="s">
        <v>5331</v>
      </c>
      <c r="Z1192" s="28"/>
      <c r="AA1192" s="27"/>
      <c r="AB1192" s="27"/>
      <c r="AC1192" s="27"/>
      <c r="AD1192" s="30"/>
      <c r="AE1192" s="1"/>
      <c r="AF1192" s="23" t="s">
        <v>5331</v>
      </c>
      <c r="AG1192" s="26"/>
      <c r="AH1192" s="53"/>
    </row>
    <row r="1193" spans="1:34" ht="51.6" customHeight="1" x14ac:dyDescent="0.45">
      <c r="A1193" s="23">
        <v>1187</v>
      </c>
      <c r="B1193" s="25"/>
      <c r="C1193" s="25"/>
      <c r="D1193" s="29"/>
      <c r="E1193" s="1"/>
      <c r="F1193" s="1"/>
      <c r="G1193" s="25"/>
      <c r="H1193" s="71"/>
      <c r="I1193" s="83"/>
      <c r="J1193" s="50" t="str">
        <f t="shared" si="38"/>
        <v/>
      </c>
      <c r="K1193" s="23" t="s">
        <v>7120</v>
      </c>
      <c r="L1193" s="49" t="e">
        <f>VLOOKUP(E1193&amp;F1193,団体コード!$A$1:$C$1743,3,FALSE)</f>
        <v>#N/A</v>
      </c>
      <c r="M1193" s="49" t="e">
        <f>VLOOKUP(E1193&amp;F1193,団体コード!$A$1:$C$1743,2,FALSE)</f>
        <v>#N/A</v>
      </c>
      <c r="N1193" s="51" t="e">
        <f>VLOOKUP(E1193,団体コード!$E$1:$F$48,2,FALSE)</f>
        <v>#N/A</v>
      </c>
      <c r="O1193" s="51" t="e">
        <f t="shared" si="39"/>
        <v>#N/A</v>
      </c>
      <c r="P1193" s="51">
        <v>1</v>
      </c>
      <c r="Q1193" s="51" t="s">
        <v>5341</v>
      </c>
      <c r="R1193" s="54" t="b">
        <v>1</v>
      </c>
      <c r="S1193" s="52" t="s">
        <v>7126</v>
      </c>
      <c r="T1193" s="67" t="s">
        <v>7127</v>
      </c>
      <c r="U1193" s="75" t="s">
        <v>5331</v>
      </c>
      <c r="V1193" s="47" t="s">
        <v>5331</v>
      </c>
      <c r="W1193" s="47" t="s">
        <v>5331</v>
      </c>
      <c r="X1193" s="47" t="s">
        <v>5331</v>
      </c>
      <c r="Y1193" s="47" t="s">
        <v>5331</v>
      </c>
      <c r="Z1193" s="28"/>
      <c r="AA1193" s="27"/>
      <c r="AB1193" s="27"/>
      <c r="AC1193" s="27"/>
      <c r="AD1193" s="30"/>
      <c r="AE1193" s="1"/>
      <c r="AF1193" s="23" t="s">
        <v>5331</v>
      </c>
      <c r="AG1193" s="26"/>
      <c r="AH1193" s="53"/>
    </row>
    <row r="1194" spans="1:34" ht="51.6" customHeight="1" x14ac:dyDescent="0.45">
      <c r="A1194" s="23">
        <v>1188</v>
      </c>
      <c r="B1194" s="25"/>
      <c r="C1194" s="25"/>
      <c r="D1194" s="29"/>
      <c r="E1194" s="1"/>
      <c r="F1194" s="1"/>
      <c r="G1194" s="25"/>
      <c r="H1194" s="71"/>
      <c r="I1194" s="83"/>
      <c r="J1194" s="50" t="str">
        <f t="shared" si="38"/>
        <v/>
      </c>
      <c r="K1194" s="23" t="s">
        <v>7120</v>
      </c>
      <c r="L1194" s="49" t="e">
        <f>VLOOKUP(E1194&amp;F1194,団体コード!$A$1:$C$1743,3,FALSE)</f>
        <v>#N/A</v>
      </c>
      <c r="M1194" s="49" t="e">
        <f>VLOOKUP(E1194&amp;F1194,団体コード!$A$1:$C$1743,2,FALSE)</f>
        <v>#N/A</v>
      </c>
      <c r="N1194" s="51" t="e">
        <f>VLOOKUP(E1194,団体コード!$E$1:$F$48,2,FALSE)</f>
        <v>#N/A</v>
      </c>
      <c r="O1194" s="51" t="e">
        <f t="shared" si="39"/>
        <v>#N/A</v>
      </c>
      <c r="P1194" s="51">
        <v>1</v>
      </c>
      <c r="Q1194" s="51" t="s">
        <v>5341</v>
      </c>
      <c r="R1194" s="54" t="b">
        <v>1</v>
      </c>
      <c r="S1194" s="52" t="s">
        <v>7126</v>
      </c>
      <c r="T1194" s="67" t="s">
        <v>7127</v>
      </c>
      <c r="U1194" s="75" t="s">
        <v>5331</v>
      </c>
      <c r="V1194" s="47" t="s">
        <v>5331</v>
      </c>
      <c r="W1194" s="47" t="s">
        <v>5331</v>
      </c>
      <c r="X1194" s="47" t="s">
        <v>5331</v>
      </c>
      <c r="Y1194" s="47" t="s">
        <v>5331</v>
      </c>
      <c r="Z1194" s="28"/>
      <c r="AA1194" s="27"/>
      <c r="AB1194" s="27"/>
      <c r="AC1194" s="27"/>
      <c r="AD1194" s="30"/>
      <c r="AE1194" s="1"/>
      <c r="AF1194" s="23" t="s">
        <v>5331</v>
      </c>
      <c r="AG1194" s="26"/>
      <c r="AH1194" s="53"/>
    </row>
    <row r="1195" spans="1:34" ht="51.6" customHeight="1" x14ac:dyDescent="0.45">
      <c r="A1195" s="23">
        <v>1189</v>
      </c>
      <c r="B1195" s="25"/>
      <c r="C1195" s="25"/>
      <c r="D1195" s="29"/>
      <c r="E1195" s="1"/>
      <c r="F1195" s="1"/>
      <c r="G1195" s="25"/>
      <c r="H1195" s="71"/>
      <c r="I1195" s="83"/>
      <c r="J1195" s="50" t="str">
        <f t="shared" si="38"/>
        <v/>
      </c>
      <c r="K1195" s="23" t="s">
        <v>7120</v>
      </c>
      <c r="L1195" s="49" t="e">
        <f>VLOOKUP(E1195&amp;F1195,団体コード!$A$1:$C$1743,3,FALSE)</f>
        <v>#N/A</v>
      </c>
      <c r="M1195" s="49" t="e">
        <f>VLOOKUP(E1195&amp;F1195,団体コード!$A$1:$C$1743,2,FALSE)</f>
        <v>#N/A</v>
      </c>
      <c r="N1195" s="51" t="e">
        <f>VLOOKUP(E1195,団体コード!$E$1:$F$48,2,FALSE)</f>
        <v>#N/A</v>
      </c>
      <c r="O1195" s="51" t="e">
        <f t="shared" si="39"/>
        <v>#N/A</v>
      </c>
      <c r="P1195" s="51">
        <v>1</v>
      </c>
      <c r="Q1195" s="51" t="s">
        <v>5341</v>
      </c>
      <c r="R1195" s="54" t="b">
        <v>1</v>
      </c>
      <c r="S1195" s="52" t="s">
        <v>7126</v>
      </c>
      <c r="T1195" s="67" t="s">
        <v>7127</v>
      </c>
      <c r="U1195" s="75" t="s">
        <v>5331</v>
      </c>
      <c r="V1195" s="47" t="s">
        <v>5331</v>
      </c>
      <c r="W1195" s="47" t="s">
        <v>5331</v>
      </c>
      <c r="X1195" s="47" t="s">
        <v>5331</v>
      </c>
      <c r="Y1195" s="47" t="s">
        <v>5331</v>
      </c>
      <c r="Z1195" s="28"/>
      <c r="AA1195" s="27"/>
      <c r="AB1195" s="27"/>
      <c r="AC1195" s="27"/>
      <c r="AD1195" s="30"/>
      <c r="AE1195" s="1"/>
      <c r="AF1195" s="23" t="s">
        <v>5331</v>
      </c>
      <c r="AG1195" s="26"/>
      <c r="AH1195" s="53"/>
    </row>
    <row r="1196" spans="1:34" ht="51.6" customHeight="1" x14ac:dyDescent="0.45">
      <c r="A1196" s="23">
        <v>1190</v>
      </c>
      <c r="B1196" s="25"/>
      <c r="C1196" s="25"/>
      <c r="D1196" s="29"/>
      <c r="E1196" s="1"/>
      <c r="F1196" s="1"/>
      <c r="G1196" s="25"/>
      <c r="H1196" s="71"/>
      <c r="I1196" s="83"/>
      <c r="J1196" s="50" t="str">
        <f t="shared" si="38"/>
        <v/>
      </c>
      <c r="K1196" s="23" t="s">
        <v>7120</v>
      </c>
      <c r="L1196" s="49" t="e">
        <f>VLOOKUP(E1196&amp;F1196,団体コード!$A$1:$C$1743,3,FALSE)</f>
        <v>#N/A</v>
      </c>
      <c r="M1196" s="49" t="e">
        <f>VLOOKUP(E1196&amp;F1196,団体コード!$A$1:$C$1743,2,FALSE)</f>
        <v>#N/A</v>
      </c>
      <c r="N1196" s="51" t="e">
        <f>VLOOKUP(E1196,団体コード!$E$1:$F$48,2,FALSE)</f>
        <v>#N/A</v>
      </c>
      <c r="O1196" s="51" t="e">
        <f t="shared" si="39"/>
        <v>#N/A</v>
      </c>
      <c r="P1196" s="51">
        <v>1</v>
      </c>
      <c r="Q1196" s="51" t="s">
        <v>5341</v>
      </c>
      <c r="R1196" s="54" t="b">
        <v>1</v>
      </c>
      <c r="S1196" s="52" t="s">
        <v>7126</v>
      </c>
      <c r="T1196" s="67" t="s">
        <v>7127</v>
      </c>
      <c r="U1196" s="75" t="s">
        <v>5331</v>
      </c>
      <c r="V1196" s="47" t="s">
        <v>5331</v>
      </c>
      <c r="W1196" s="47" t="s">
        <v>5331</v>
      </c>
      <c r="X1196" s="47" t="s">
        <v>5331</v>
      </c>
      <c r="Y1196" s="47" t="s">
        <v>5331</v>
      </c>
      <c r="Z1196" s="28"/>
      <c r="AA1196" s="27"/>
      <c r="AB1196" s="27"/>
      <c r="AC1196" s="27"/>
      <c r="AD1196" s="30"/>
      <c r="AE1196" s="1"/>
      <c r="AF1196" s="23" t="s">
        <v>5331</v>
      </c>
      <c r="AG1196" s="26"/>
      <c r="AH1196" s="53"/>
    </row>
    <row r="1197" spans="1:34" ht="51.6" customHeight="1" x14ac:dyDescent="0.45">
      <c r="A1197" s="23">
        <v>1191</v>
      </c>
      <c r="B1197" s="25"/>
      <c r="C1197" s="25"/>
      <c r="D1197" s="29"/>
      <c r="E1197" s="1"/>
      <c r="F1197" s="1"/>
      <c r="G1197" s="25"/>
      <c r="H1197" s="71"/>
      <c r="I1197" s="83"/>
      <c r="J1197" s="50" t="str">
        <f t="shared" si="38"/>
        <v/>
      </c>
      <c r="K1197" s="23" t="s">
        <v>7120</v>
      </c>
      <c r="L1197" s="49" t="e">
        <f>VLOOKUP(E1197&amp;F1197,団体コード!$A$1:$C$1743,3,FALSE)</f>
        <v>#N/A</v>
      </c>
      <c r="M1197" s="49" t="e">
        <f>VLOOKUP(E1197&amp;F1197,団体コード!$A$1:$C$1743,2,FALSE)</f>
        <v>#N/A</v>
      </c>
      <c r="N1197" s="51" t="e">
        <f>VLOOKUP(E1197,団体コード!$E$1:$F$48,2,FALSE)</f>
        <v>#N/A</v>
      </c>
      <c r="O1197" s="51" t="e">
        <f t="shared" si="39"/>
        <v>#N/A</v>
      </c>
      <c r="P1197" s="51">
        <v>1</v>
      </c>
      <c r="Q1197" s="51" t="s">
        <v>5341</v>
      </c>
      <c r="R1197" s="54" t="b">
        <v>1</v>
      </c>
      <c r="S1197" s="52" t="s">
        <v>7126</v>
      </c>
      <c r="T1197" s="67" t="s">
        <v>7127</v>
      </c>
      <c r="U1197" s="75" t="s">
        <v>5331</v>
      </c>
      <c r="V1197" s="47" t="s">
        <v>5331</v>
      </c>
      <c r="W1197" s="47" t="s">
        <v>5331</v>
      </c>
      <c r="X1197" s="47" t="s">
        <v>5331</v>
      </c>
      <c r="Y1197" s="47" t="s">
        <v>5331</v>
      </c>
      <c r="Z1197" s="28"/>
      <c r="AA1197" s="27"/>
      <c r="AB1197" s="27"/>
      <c r="AC1197" s="27"/>
      <c r="AD1197" s="30"/>
      <c r="AE1197" s="1"/>
      <c r="AF1197" s="23" t="s">
        <v>5331</v>
      </c>
      <c r="AG1197" s="26"/>
      <c r="AH1197" s="53"/>
    </row>
    <row r="1198" spans="1:34" ht="51.6" customHeight="1" x14ac:dyDescent="0.45">
      <c r="A1198" s="23">
        <v>1192</v>
      </c>
      <c r="B1198" s="25"/>
      <c r="C1198" s="25"/>
      <c r="D1198" s="29"/>
      <c r="E1198" s="1"/>
      <c r="F1198" s="1"/>
      <c r="G1198" s="25"/>
      <c r="H1198" s="71"/>
      <c r="I1198" s="83"/>
      <c r="J1198" s="50" t="str">
        <f t="shared" si="38"/>
        <v/>
      </c>
      <c r="K1198" s="23" t="s">
        <v>7120</v>
      </c>
      <c r="L1198" s="49" t="e">
        <f>VLOOKUP(E1198&amp;F1198,団体コード!$A$1:$C$1743,3,FALSE)</f>
        <v>#N/A</v>
      </c>
      <c r="M1198" s="49" t="e">
        <f>VLOOKUP(E1198&amp;F1198,団体コード!$A$1:$C$1743,2,FALSE)</f>
        <v>#N/A</v>
      </c>
      <c r="N1198" s="51" t="e">
        <f>VLOOKUP(E1198,団体コード!$E$1:$F$48,2,FALSE)</f>
        <v>#N/A</v>
      </c>
      <c r="O1198" s="51" t="e">
        <f t="shared" si="39"/>
        <v>#N/A</v>
      </c>
      <c r="P1198" s="51">
        <v>1</v>
      </c>
      <c r="Q1198" s="51" t="s">
        <v>5341</v>
      </c>
      <c r="R1198" s="54" t="b">
        <v>1</v>
      </c>
      <c r="S1198" s="52" t="s">
        <v>7126</v>
      </c>
      <c r="T1198" s="67" t="s">
        <v>7127</v>
      </c>
      <c r="U1198" s="75" t="s">
        <v>5331</v>
      </c>
      <c r="V1198" s="47" t="s">
        <v>5331</v>
      </c>
      <c r="W1198" s="47" t="s">
        <v>5331</v>
      </c>
      <c r="X1198" s="47" t="s">
        <v>5331</v>
      </c>
      <c r="Y1198" s="47" t="s">
        <v>5331</v>
      </c>
      <c r="Z1198" s="28"/>
      <c r="AA1198" s="27"/>
      <c r="AB1198" s="27"/>
      <c r="AC1198" s="27"/>
      <c r="AD1198" s="30"/>
      <c r="AE1198" s="1"/>
      <c r="AF1198" s="23" t="s">
        <v>5331</v>
      </c>
      <c r="AG1198" s="26"/>
      <c r="AH1198" s="53"/>
    </row>
    <row r="1199" spans="1:34" ht="51.6" customHeight="1" x14ac:dyDescent="0.45">
      <c r="A1199" s="23">
        <v>1193</v>
      </c>
      <c r="B1199" s="25"/>
      <c r="C1199" s="25"/>
      <c r="D1199" s="29"/>
      <c r="E1199" s="1"/>
      <c r="F1199" s="1"/>
      <c r="G1199" s="25"/>
      <c r="H1199" s="71"/>
      <c r="I1199" s="83"/>
      <c r="J1199" s="50" t="str">
        <f t="shared" si="38"/>
        <v/>
      </c>
      <c r="K1199" s="23" t="s">
        <v>7120</v>
      </c>
      <c r="L1199" s="49" t="e">
        <f>VLOOKUP(E1199&amp;F1199,団体コード!$A$1:$C$1743,3,FALSE)</f>
        <v>#N/A</v>
      </c>
      <c r="M1199" s="49" t="e">
        <f>VLOOKUP(E1199&amp;F1199,団体コード!$A$1:$C$1743,2,FALSE)</f>
        <v>#N/A</v>
      </c>
      <c r="N1199" s="51" t="e">
        <f>VLOOKUP(E1199,団体コード!$E$1:$F$48,2,FALSE)</f>
        <v>#N/A</v>
      </c>
      <c r="O1199" s="51" t="e">
        <f t="shared" si="39"/>
        <v>#N/A</v>
      </c>
      <c r="P1199" s="51">
        <v>1</v>
      </c>
      <c r="Q1199" s="51" t="s">
        <v>5341</v>
      </c>
      <c r="R1199" s="54" t="b">
        <v>1</v>
      </c>
      <c r="S1199" s="52" t="s">
        <v>7126</v>
      </c>
      <c r="T1199" s="67" t="s">
        <v>7127</v>
      </c>
      <c r="U1199" s="75" t="s">
        <v>5331</v>
      </c>
      <c r="V1199" s="47" t="s">
        <v>5331</v>
      </c>
      <c r="W1199" s="47" t="s">
        <v>5331</v>
      </c>
      <c r="X1199" s="47" t="s">
        <v>5331</v>
      </c>
      <c r="Y1199" s="47" t="s">
        <v>5331</v>
      </c>
      <c r="Z1199" s="28"/>
      <c r="AA1199" s="27"/>
      <c r="AB1199" s="27"/>
      <c r="AC1199" s="27"/>
      <c r="AD1199" s="30"/>
      <c r="AE1199" s="1"/>
      <c r="AF1199" s="23" t="s">
        <v>5331</v>
      </c>
      <c r="AG1199" s="26"/>
      <c r="AH1199" s="53"/>
    </row>
    <row r="1200" spans="1:34" ht="51.6" customHeight="1" x14ac:dyDescent="0.45">
      <c r="A1200" s="23">
        <v>1194</v>
      </c>
      <c r="B1200" s="25"/>
      <c r="C1200" s="25"/>
      <c r="D1200" s="29"/>
      <c r="E1200" s="1"/>
      <c r="F1200" s="1"/>
      <c r="G1200" s="25"/>
      <c r="H1200" s="71"/>
      <c r="I1200" s="83"/>
      <c r="J1200" s="50" t="str">
        <f t="shared" si="38"/>
        <v/>
      </c>
      <c r="K1200" s="23" t="s">
        <v>7120</v>
      </c>
      <c r="L1200" s="49" t="e">
        <f>VLOOKUP(E1200&amp;F1200,団体コード!$A$1:$C$1743,3,FALSE)</f>
        <v>#N/A</v>
      </c>
      <c r="M1200" s="49" t="e">
        <f>VLOOKUP(E1200&amp;F1200,団体コード!$A$1:$C$1743,2,FALSE)</f>
        <v>#N/A</v>
      </c>
      <c r="N1200" s="51" t="e">
        <f>VLOOKUP(E1200,団体コード!$E$1:$F$48,2,FALSE)</f>
        <v>#N/A</v>
      </c>
      <c r="O1200" s="51" t="e">
        <f t="shared" si="39"/>
        <v>#N/A</v>
      </c>
      <c r="P1200" s="51">
        <v>1</v>
      </c>
      <c r="Q1200" s="51" t="s">
        <v>5341</v>
      </c>
      <c r="R1200" s="54" t="b">
        <v>1</v>
      </c>
      <c r="S1200" s="52" t="s">
        <v>7126</v>
      </c>
      <c r="T1200" s="67" t="s">
        <v>7127</v>
      </c>
      <c r="U1200" s="75" t="s">
        <v>5331</v>
      </c>
      <c r="V1200" s="47" t="s">
        <v>5331</v>
      </c>
      <c r="W1200" s="47" t="s">
        <v>5331</v>
      </c>
      <c r="X1200" s="47" t="s">
        <v>5331</v>
      </c>
      <c r="Y1200" s="47" t="s">
        <v>5331</v>
      </c>
      <c r="Z1200" s="28"/>
      <c r="AA1200" s="27"/>
      <c r="AB1200" s="27"/>
      <c r="AC1200" s="27"/>
      <c r="AD1200" s="30"/>
      <c r="AE1200" s="1"/>
      <c r="AF1200" s="23" t="s">
        <v>5331</v>
      </c>
      <c r="AG1200" s="26"/>
      <c r="AH1200" s="53"/>
    </row>
    <row r="1201" spans="1:34" ht="51.6" customHeight="1" x14ac:dyDescent="0.45">
      <c r="A1201" s="23">
        <v>1195</v>
      </c>
      <c r="B1201" s="25"/>
      <c r="C1201" s="25"/>
      <c r="D1201" s="29"/>
      <c r="E1201" s="1"/>
      <c r="F1201" s="1"/>
      <c r="G1201" s="25"/>
      <c r="H1201" s="71"/>
      <c r="I1201" s="83"/>
      <c r="J1201" s="50" t="str">
        <f t="shared" si="38"/>
        <v/>
      </c>
      <c r="K1201" s="23" t="s">
        <v>7120</v>
      </c>
      <c r="L1201" s="49" t="e">
        <f>VLOOKUP(E1201&amp;F1201,団体コード!$A$1:$C$1743,3,FALSE)</f>
        <v>#N/A</v>
      </c>
      <c r="M1201" s="49" t="e">
        <f>VLOOKUP(E1201&amp;F1201,団体コード!$A$1:$C$1743,2,FALSE)</f>
        <v>#N/A</v>
      </c>
      <c r="N1201" s="51" t="e">
        <f>VLOOKUP(E1201,団体コード!$E$1:$F$48,2,FALSE)</f>
        <v>#N/A</v>
      </c>
      <c r="O1201" s="51" t="e">
        <f t="shared" si="39"/>
        <v>#N/A</v>
      </c>
      <c r="P1201" s="51">
        <v>1</v>
      </c>
      <c r="Q1201" s="51" t="s">
        <v>5341</v>
      </c>
      <c r="R1201" s="54" t="b">
        <v>1</v>
      </c>
      <c r="S1201" s="52" t="s">
        <v>7126</v>
      </c>
      <c r="T1201" s="67" t="s">
        <v>7127</v>
      </c>
      <c r="U1201" s="75" t="s">
        <v>5331</v>
      </c>
      <c r="V1201" s="47" t="s">
        <v>5331</v>
      </c>
      <c r="W1201" s="47" t="s">
        <v>5331</v>
      </c>
      <c r="X1201" s="47" t="s">
        <v>5331</v>
      </c>
      <c r="Y1201" s="47" t="s">
        <v>5331</v>
      </c>
      <c r="Z1201" s="28"/>
      <c r="AA1201" s="27"/>
      <c r="AB1201" s="27"/>
      <c r="AC1201" s="27"/>
      <c r="AD1201" s="30"/>
      <c r="AE1201" s="1"/>
      <c r="AF1201" s="23" t="s">
        <v>5331</v>
      </c>
      <c r="AG1201" s="26"/>
      <c r="AH1201" s="53"/>
    </row>
    <row r="1202" spans="1:34" ht="51.6" customHeight="1" x14ac:dyDescent="0.45">
      <c r="A1202" s="23">
        <v>1196</v>
      </c>
      <c r="B1202" s="25"/>
      <c r="C1202" s="25"/>
      <c r="D1202" s="29"/>
      <c r="E1202" s="1"/>
      <c r="F1202" s="1"/>
      <c r="G1202" s="25"/>
      <c r="H1202" s="71"/>
      <c r="I1202" s="83"/>
      <c r="J1202" s="50" t="str">
        <f t="shared" si="38"/>
        <v/>
      </c>
      <c r="K1202" s="23" t="s">
        <v>7120</v>
      </c>
      <c r="L1202" s="49" t="e">
        <f>VLOOKUP(E1202&amp;F1202,団体コード!$A$1:$C$1743,3,FALSE)</f>
        <v>#N/A</v>
      </c>
      <c r="M1202" s="49" t="e">
        <f>VLOOKUP(E1202&amp;F1202,団体コード!$A$1:$C$1743,2,FALSE)</f>
        <v>#N/A</v>
      </c>
      <c r="N1202" s="51" t="e">
        <f>VLOOKUP(E1202,団体コード!$E$1:$F$48,2,FALSE)</f>
        <v>#N/A</v>
      </c>
      <c r="O1202" s="51" t="e">
        <f t="shared" si="39"/>
        <v>#N/A</v>
      </c>
      <c r="P1202" s="51">
        <v>1</v>
      </c>
      <c r="Q1202" s="51" t="s">
        <v>5341</v>
      </c>
      <c r="R1202" s="54" t="b">
        <v>1</v>
      </c>
      <c r="S1202" s="52" t="s">
        <v>7126</v>
      </c>
      <c r="T1202" s="67" t="s">
        <v>7127</v>
      </c>
      <c r="U1202" s="75" t="s">
        <v>5331</v>
      </c>
      <c r="V1202" s="47" t="s">
        <v>5331</v>
      </c>
      <c r="W1202" s="47" t="s">
        <v>5331</v>
      </c>
      <c r="X1202" s="47" t="s">
        <v>5331</v>
      </c>
      <c r="Y1202" s="47" t="s">
        <v>5331</v>
      </c>
      <c r="Z1202" s="28"/>
      <c r="AA1202" s="27"/>
      <c r="AB1202" s="27"/>
      <c r="AC1202" s="27"/>
      <c r="AD1202" s="30"/>
      <c r="AE1202" s="1"/>
      <c r="AF1202" s="23" t="s">
        <v>5331</v>
      </c>
      <c r="AG1202" s="26"/>
      <c r="AH1202" s="53"/>
    </row>
    <row r="1203" spans="1:34" ht="51.6" customHeight="1" x14ac:dyDescent="0.45">
      <c r="A1203" s="23">
        <v>1197</v>
      </c>
      <c r="B1203" s="25"/>
      <c r="C1203" s="25"/>
      <c r="D1203" s="29"/>
      <c r="E1203" s="1"/>
      <c r="F1203" s="1"/>
      <c r="G1203" s="25"/>
      <c r="H1203" s="71"/>
      <c r="I1203" s="83"/>
      <c r="J1203" s="50" t="str">
        <f t="shared" si="38"/>
        <v/>
      </c>
      <c r="K1203" s="23" t="s">
        <v>7120</v>
      </c>
      <c r="L1203" s="49" t="e">
        <f>VLOOKUP(E1203&amp;F1203,団体コード!$A$1:$C$1743,3,FALSE)</f>
        <v>#N/A</v>
      </c>
      <c r="M1203" s="49" t="e">
        <f>VLOOKUP(E1203&amp;F1203,団体コード!$A$1:$C$1743,2,FALSE)</f>
        <v>#N/A</v>
      </c>
      <c r="N1203" s="51" t="e">
        <f>VLOOKUP(E1203,団体コード!$E$1:$F$48,2,FALSE)</f>
        <v>#N/A</v>
      </c>
      <c r="O1203" s="51" t="e">
        <f t="shared" si="39"/>
        <v>#N/A</v>
      </c>
      <c r="P1203" s="51">
        <v>1</v>
      </c>
      <c r="Q1203" s="51" t="s">
        <v>5341</v>
      </c>
      <c r="R1203" s="54" t="b">
        <v>1</v>
      </c>
      <c r="S1203" s="52" t="s">
        <v>7126</v>
      </c>
      <c r="T1203" s="67" t="s">
        <v>7127</v>
      </c>
      <c r="U1203" s="75" t="s">
        <v>5331</v>
      </c>
      <c r="V1203" s="47" t="s">
        <v>5331</v>
      </c>
      <c r="W1203" s="47" t="s">
        <v>5331</v>
      </c>
      <c r="X1203" s="47" t="s">
        <v>5331</v>
      </c>
      <c r="Y1203" s="47" t="s">
        <v>5331</v>
      </c>
      <c r="Z1203" s="28"/>
      <c r="AA1203" s="27"/>
      <c r="AB1203" s="27"/>
      <c r="AC1203" s="27"/>
      <c r="AD1203" s="30"/>
      <c r="AE1203" s="1"/>
      <c r="AF1203" s="23" t="s">
        <v>5331</v>
      </c>
      <c r="AG1203" s="26"/>
      <c r="AH1203" s="53"/>
    </row>
    <row r="1204" spans="1:34" ht="51.6" customHeight="1" x14ac:dyDescent="0.45">
      <c r="A1204" s="23">
        <v>1198</v>
      </c>
      <c r="B1204" s="25"/>
      <c r="C1204" s="25"/>
      <c r="D1204" s="29"/>
      <c r="E1204" s="1"/>
      <c r="F1204" s="1"/>
      <c r="G1204" s="25"/>
      <c r="H1204" s="71"/>
      <c r="I1204" s="83"/>
      <c r="J1204" s="50" t="str">
        <f t="shared" si="38"/>
        <v/>
      </c>
      <c r="K1204" s="23" t="s">
        <v>7120</v>
      </c>
      <c r="L1204" s="49" t="e">
        <f>VLOOKUP(E1204&amp;F1204,団体コード!$A$1:$C$1743,3,FALSE)</f>
        <v>#N/A</v>
      </c>
      <c r="M1204" s="49" t="e">
        <f>VLOOKUP(E1204&amp;F1204,団体コード!$A$1:$C$1743,2,FALSE)</f>
        <v>#N/A</v>
      </c>
      <c r="N1204" s="51" t="e">
        <f>VLOOKUP(E1204,団体コード!$E$1:$F$48,2,FALSE)</f>
        <v>#N/A</v>
      </c>
      <c r="O1204" s="51" t="e">
        <f t="shared" si="39"/>
        <v>#N/A</v>
      </c>
      <c r="P1204" s="51">
        <v>1</v>
      </c>
      <c r="Q1204" s="51" t="s">
        <v>5341</v>
      </c>
      <c r="R1204" s="54" t="b">
        <v>1</v>
      </c>
      <c r="S1204" s="52" t="s">
        <v>7126</v>
      </c>
      <c r="T1204" s="67" t="s">
        <v>7127</v>
      </c>
      <c r="U1204" s="75" t="s">
        <v>5331</v>
      </c>
      <c r="V1204" s="47" t="s">
        <v>5331</v>
      </c>
      <c r="W1204" s="47" t="s">
        <v>5331</v>
      </c>
      <c r="X1204" s="47" t="s">
        <v>5331</v>
      </c>
      <c r="Y1204" s="47" t="s">
        <v>5331</v>
      </c>
      <c r="Z1204" s="28"/>
      <c r="AA1204" s="27"/>
      <c r="AB1204" s="27"/>
      <c r="AC1204" s="27"/>
      <c r="AD1204" s="30"/>
      <c r="AE1204" s="1"/>
      <c r="AF1204" s="23" t="s">
        <v>5331</v>
      </c>
      <c r="AG1204" s="26"/>
      <c r="AH1204" s="53"/>
    </row>
    <row r="1205" spans="1:34" ht="51.6" customHeight="1" x14ac:dyDescent="0.45">
      <c r="A1205" s="23">
        <v>1199</v>
      </c>
      <c r="B1205" s="25"/>
      <c r="C1205" s="25"/>
      <c r="D1205" s="29"/>
      <c r="E1205" s="1"/>
      <c r="F1205" s="1"/>
      <c r="G1205" s="25"/>
      <c r="H1205" s="71"/>
      <c r="I1205" s="83"/>
      <c r="J1205" s="50" t="str">
        <f t="shared" si="38"/>
        <v/>
      </c>
      <c r="K1205" s="23" t="s">
        <v>7120</v>
      </c>
      <c r="L1205" s="49" t="e">
        <f>VLOOKUP(E1205&amp;F1205,団体コード!$A$1:$C$1743,3,FALSE)</f>
        <v>#N/A</v>
      </c>
      <c r="M1205" s="49" t="e">
        <f>VLOOKUP(E1205&amp;F1205,団体コード!$A$1:$C$1743,2,FALSE)</f>
        <v>#N/A</v>
      </c>
      <c r="N1205" s="51" t="e">
        <f>VLOOKUP(E1205,団体コード!$E$1:$F$48,2,FALSE)</f>
        <v>#N/A</v>
      </c>
      <c r="O1205" s="51" t="e">
        <f t="shared" si="39"/>
        <v>#N/A</v>
      </c>
      <c r="P1205" s="51">
        <v>1</v>
      </c>
      <c r="Q1205" s="51" t="s">
        <v>5341</v>
      </c>
      <c r="R1205" s="54" t="b">
        <v>1</v>
      </c>
      <c r="S1205" s="52" t="s">
        <v>7126</v>
      </c>
      <c r="T1205" s="67" t="s">
        <v>7127</v>
      </c>
      <c r="U1205" s="75" t="s">
        <v>5331</v>
      </c>
      <c r="V1205" s="47" t="s">
        <v>5331</v>
      </c>
      <c r="W1205" s="47" t="s">
        <v>5331</v>
      </c>
      <c r="X1205" s="47" t="s">
        <v>5331</v>
      </c>
      <c r="Y1205" s="47" t="s">
        <v>5331</v>
      </c>
      <c r="Z1205" s="28"/>
      <c r="AA1205" s="27"/>
      <c r="AB1205" s="27"/>
      <c r="AC1205" s="27"/>
      <c r="AD1205" s="30"/>
      <c r="AE1205" s="1"/>
      <c r="AF1205" s="23" t="s">
        <v>5331</v>
      </c>
      <c r="AG1205" s="26"/>
      <c r="AH1205" s="53"/>
    </row>
    <row r="1206" spans="1:34" ht="51.6" customHeight="1" x14ac:dyDescent="0.45">
      <c r="A1206" s="23">
        <v>1200</v>
      </c>
      <c r="B1206" s="25"/>
      <c r="C1206" s="25"/>
      <c r="D1206" s="29"/>
      <c r="E1206" s="1"/>
      <c r="F1206" s="1"/>
      <c r="G1206" s="25"/>
      <c r="H1206" s="71"/>
      <c r="I1206" s="83"/>
      <c r="J1206" s="50" t="str">
        <f t="shared" si="38"/>
        <v/>
      </c>
      <c r="K1206" s="23" t="s">
        <v>7120</v>
      </c>
      <c r="L1206" s="49" t="e">
        <f>VLOOKUP(E1206&amp;F1206,団体コード!$A$1:$C$1743,3,FALSE)</f>
        <v>#N/A</v>
      </c>
      <c r="M1206" s="49" t="e">
        <f>VLOOKUP(E1206&amp;F1206,団体コード!$A$1:$C$1743,2,FALSE)</f>
        <v>#N/A</v>
      </c>
      <c r="N1206" s="51" t="e">
        <f>VLOOKUP(E1206,団体コード!$E$1:$F$48,2,FALSE)</f>
        <v>#N/A</v>
      </c>
      <c r="O1206" s="51" t="e">
        <f t="shared" si="39"/>
        <v>#N/A</v>
      </c>
      <c r="P1206" s="51">
        <v>1</v>
      </c>
      <c r="Q1206" s="51" t="s">
        <v>5341</v>
      </c>
      <c r="R1206" s="54" t="b">
        <v>1</v>
      </c>
      <c r="S1206" s="52" t="s">
        <v>7126</v>
      </c>
      <c r="T1206" s="67" t="s">
        <v>7127</v>
      </c>
      <c r="U1206" s="75" t="s">
        <v>5331</v>
      </c>
      <c r="V1206" s="47" t="s">
        <v>5331</v>
      </c>
      <c r="W1206" s="47" t="s">
        <v>5331</v>
      </c>
      <c r="X1206" s="47" t="s">
        <v>5331</v>
      </c>
      <c r="Y1206" s="47" t="s">
        <v>5331</v>
      </c>
      <c r="Z1206" s="28"/>
      <c r="AA1206" s="27"/>
      <c r="AB1206" s="27"/>
      <c r="AC1206" s="27"/>
      <c r="AD1206" s="30"/>
      <c r="AE1206" s="1"/>
      <c r="AF1206" s="23" t="s">
        <v>5331</v>
      </c>
      <c r="AG1206" s="26"/>
      <c r="AH1206" s="53"/>
    </row>
    <row r="1207" spans="1:34" ht="51.6" customHeight="1" x14ac:dyDescent="0.45">
      <c r="A1207" s="23">
        <v>1201</v>
      </c>
      <c r="B1207" s="25"/>
      <c r="C1207" s="25"/>
      <c r="D1207" s="29"/>
      <c r="E1207" s="1"/>
      <c r="F1207" s="1"/>
      <c r="G1207" s="25"/>
      <c r="H1207" s="71"/>
      <c r="I1207" s="83"/>
      <c r="J1207" s="50" t="str">
        <f t="shared" si="38"/>
        <v/>
      </c>
      <c r="K1207" s="23" t="s">
        <v>7120</v>
      </c>
      <c r="L1207" s="49" t="e">
        <f>VLOOKUP(E1207&amp;F1207,団体コード!$A$1:$C$1743,3,FALSE)</f>
        <v>#N/A</v>
      </c>
      <c r="M1207" s="49" t="e">
        <f>VLOOKUP(E1207&amp;F1207,団体コード!$A$1:$C$1743,2,FALSE)</f>
        <v>#N/A</v>
      </c>
      <c r="N1207" s="51" t="e">
        <f>VLOOKUP(E1207,団体コード!$E$1:$F$48,2,FALSE)</f>
        <v>#N/A</v>
      </c>
      <c r="O1207" s="51" t="e">
        <f t="shared" si="39"/>
        <v>#N/A</v>
      </c>
      <c r="P1207" s="51">
        <v>1</v>
      </c>
      <c r="Q1207" s="51" t="s">
        <v>5341</v>
      </c>
      <c r="R1207" s="54" t="b">
        <v>1</v>
      </c>
      <c r="S1207" s="52" t="s">
        <v>7126</v>
      </c>
      <c r="T1207" s="67" t="s">
        <v>7127</v>
      </c>
      <c r="U1207" s="75" t="s">
        <v>5331</v>
      </c>
      <c r="V1207" s="47" t="s">
        <v>5331</v>
      </c>
      <c r="W1207" s="47" t="s">
        <v>5331</v>
      </c>
      <c r="X1207" s="47" t="s">
        <v>5331</v>
      </c>
      <c r="Y1207" s="47" t="s">
        <v>5331</v>
      </c>
      <c r="Z1207" s="28"/>
      <c r="AA1207" s="27"/>
      <c r="AB1207" s="27"/>
      <c r="AC1207" s="27"/>
      <c r="AD1207" s="30"/>
      <c r="AE1207" s="1"/>
      <c r="AF1207" s="23" t="s">
        <v>5331</v>
      </c>
      <c r="AG1207" s="26"/>
      <c r="AH1207" s="53"/>
    </row>
    <row r="1208" spans="1:34" ht="51.6" customHeight="1" x14ac:dyDescent="0.45">
      <c r="A1208" s="23">
        <v>1202</v>
      </c>
      <c r="B1208" s="25"/>
      <c r="C1208" s="25"/>
      <c r="D1208" s="29"/>
      <c r="E1208" s="1"/>
      <c r="F1208" s="1"/>
      <c r="G1208" s="25"/>
      <c r="H1208" s="71"/>
      <c r="I1208" s="83"/>
      <c r="J1208" s="50" t="str">
        <f t="shared" si="38"/>
        <v/>
      </c>
      <c r="K1208" s="23" t="s">
        <v>7120</v>
      </c>
      <c r="L1208" s="49" t="e">
        <f>VLOOKUP(E1208&amp;F1208,団体コード!$A$1:$C$1743,3,FALSE)</f>
        <v>#N/A</v>
      </c>
      <c r="M1208" s="49" t="e">
        <f>VLOOKUP(E1208&amp;F1208,団体コード!$A$1:$C$1743,2,FALSE)</f>
        <v>#N/A</v>
      </c>
      <c r="N1208" s="51" t="e">
        <f>VLOOKUP(E1208,団体コード!$E$1:$F$48,2,FALSE)</f>
        <v>#N/A</v>
      </c>
      <c r="O1208" s="51" t="e">
        <f t="shared" si="39"/>
        <v>#N/A</v>
      </c>
      <c r="P1208" s="51">
        <v>1</v>
      </c>
      <c r="Q1208" s="51" t="s">
        <v>5341</v>
      </c>
      <c r="R1208" s="54" t="b">
        <v>1</v>
      </c>
      <c r="S1208" s="52" t="s">
        <v>7126</v>
      </c>
      <c r="T1208" s="67" t="s">
        <v>7127</v>
      </c>
      <c r="U1208" s="75" t="s">
        <v>5331</v>
      </c>
      <c r="V1208" s="47" t="s">
        <v>5331</v>
      </c>
      <c r="W1208" s="47" t="s">
        <v>5331</v>
      </c>
      <c r="X1208" s="47" t="s">
        <v>5331</v>
      </c>
      <c r="Y1208" s="47" t="s">
        <v>5331</v>
      </c>
      <c r="Z1208" s="28"/>
      <c r="AA1208" s="27"/>
      <c r="AB1208" s="27"/>
      <c r="AC1208" s="27"/>
      <c r="AD1208" s="30"/>
      <c r="AE1208" s="1"/>
      <c r="AF1208" s="23" t="s">
        <v>5331</v>
      </c>
      <c r="AG1208" s="26"/>
      <c r="AH1208" s="53"/>
    </row>
    <row r="1209" spans="1:34" ht="51.6" customHeight="1" x14ac:dyDescent="0.45">
      <c r="A1209" s="23">
        <v>1203</v>
      </c>
      <c r="B1209" s="25"/>
      <c r="C1209" s="25"/>
      <c r="D1209" s="29"/>
      <c r="E1209" s="1"/>
      <c r="F1209" s="1"/>
      <c r="G1209" s="25"/>
      <c r="H1209" s="71"/>
      <c r="I1209" s="83"/>
      <c r="J1209" s="50" t="str">
        <f t="shared" si="38"/>
        <v/>
      </c>
      <c r="K1209" s="23" t="s">
        <v>7120</v>
      </c>
      <c r="L1209" s="49" t="e">
        <f>VLOOKUP(E1209&amp;F1209,団体コード!$A$1:$C$1743,3,FALSE)</f>
        <v>#N/A</v>
      </c>
      <c r="M1209" s="49" t="e">
        <f>VLOOKUP(E1209&amp;F1209,団体コード!$A$1:$C$1743,2,FALSE)</f>
        <v>#N/A</v>
      </c>
      <c r="N1209" s="51" t="e">
        <f>VLOOKUP(E1209,団体コード!$E$1:$F$48,2,FALSE)</f>
        <v>#N/A</v>
      </c>
      <c r="O1209" s="51" t="e">
        <f t="shared" si="39"/>
        <v>#N/A</v>
      </c>
      <c r="P1209" s="51">
        <v>1</v>
      </c>
      <c r="Q1209" s="51" t="s">
        <v>5341</v>
      </c>
      <c r="R1209" s="54" t="b">
        <v>1</v>
      </c>
      <c r="S1209" s="52" t="s">
        <v>7126</v>
      </c>
      <c r="T1209" s="67" t="s">
        <v>7127</v>
      </c>
      <c r="U1209" s="75" t="s">
        <v>5331</v>
      </c>
      <c r="V1209" s="47" t="s">
        <v>5331</v>
      </c>
      <c r="W1209" s="47" t="s">
        <v>5331</v>
      </c>
      <c r="X1209" s="47" t="s">
        <v>5331</v>
      </c>
      <c r="Y1209" s="47" t="s">
        <v>5331</v>
      </c>
      <c r="Z1209" s="28"/>
      <c r="AA1209" s="27"/>
      <c r="AB1209" s="27"/>
      <c r="AC1209" s="27"/>
      <c r="AD1209" s="30"/>
      <c r="AE1209" s="1"/>
      <c r="AF1209" s="23" t="s">
        <v>5331</v>
      </c>
      <c r="AG1209" s="26"/>
      <c r="AH1209" s="53"/>
    </row>
    <row r="1210" spans="1:34" ht="51.6" customHeight="1" x14ac:dyDescent="0.45">
      <c r="A1210" s="23">
        <v>1204</v>
      </c>
      <c r="B1210" s="25"/>
      <c r="C1210" s="25"/>
      <c r="D1210" s="29"/>
      <c r="E1210" s="1"/>
      <c r="F1210" s="1"/>
      <c r="G1210" s="25"/>
      <c r="H1210" s="71"/>
      <c r="I1210" s="83"/>
      <c r="J1210" s="50" t="str">
        <f t="shared" si="38"/>
        <v/>
      </c>
      <c r="K1210" s="23" t="s">
        <v>7120</v>
      </c>
      <c r="L1210" s="49" t="e">
        <f>VLOOKUP(E1210&amp;F1210,団体コード!$A$1:$C$1743,3,FALSE)</f>
        <v>#N/A</v>
      </c>
      <c r="M1210" s="49" t="e">
        <f>VLOOKUP(E1210&amp;F1210,団体コード!$A$1:$C$1743,2,FALSE)</f>
        <v>#N/A</v>
      </c>
      <c r="N1210" s="51" t="e">
        <f>VLOOKUP(E1210,団体コード!$E$1:$F$48,2,FALSE)</f>
        <v>#N/A</v>
      </c>
      <c r="O1210" s="51" t="e">
        <f t="shared" si="39"/>
        <v>#N/A</v>
      </c>
      <c r="P1210" s="51">
        <v>1</v>
      </c>
      <c r="Q1210" s="51" t="s">
        <v>5341</v>
      </c>
      <c r="R1210" s="54" t="b">
        <v>1</v>
      </c>
      <c r="S1210" s="52" t="s">
        <v>7126</v>
      </c>
      <c r="T1210" s="67" t="s">
        <v>7127</v>
      </c>
      <c r="U1210" s="75" t="s">
        <v>5331</v>
      </c>
      <c r="V1210" s="47" t="s">
        <v>5331</v>
      </c>
      <c r="W1210" s="47" t="s">
        <v>5331</v>
      </c>
      <c r="X1210" s="47" t="s">
        <v>5331</v>
      </c>
      <c r="Y1210" s="47" t="s">
        <v>5331</v>
      </c>
      <c r="Z1210" s="28"/>
      <c r="AA1210" s="27"/>
      <c r="AB1210" s="27"/>
      <c r="AC1210" s="27"/>
      <c r="AD1210" s="30"/>
      <c r="AE1210" s="1"/>
      <c r="AF1210" s="23" t="s">
        <v>5331</v>
      </c>
      <c r="AG1210" s="26"/>
      <c r="AH1210" s="53"/>
    </row>
    <row r="1211" spans="1:34" ht="51.6" customHeight="1" x14ac:dyDescent="0.45">
      <c r="A1211" s="23">
        <v>1205</v>
      </c>
      <c r="B1211" s="25"/>
      <c r="C1211" s="25"/>
      <c r="D1211" s="29"/>
      <c r="E1211" s="1"/>
      <c r="F1211" s="1"/>
      <c r="G1211" s="25"/>
      <c r="H1211" s="71"/>
      <c r="I1211" s="83"/>
      <c r="J1211" s="50" t="str">
        <f t="shared" si="38"/>
        <v/>
      </c>
      <c r="K1211" s="23" t="s">
        <v>7120</v>
      </c>
      <c r="L1211" s="49" t="e">
        <f>VLOOKUP(E1211&amp;F1211,団体コード!$A$1:$C$1743,3,FALSE)</f>
        <v>#N/A</v>
      </c>
      <c r="M1211" s="49" t="e">
        <f>VLOOKUP(E1211&amp;F1211,団体コード!$A$1:$C$1743,2,FALSE)</f>
        <v>#N/A</v>
      </c>
      <c r="N1211" s="51" t="e">
        <f>VLOOKUP(E1211,団体コード!$E$1:$F$48,2,FALSE)</f>
        <v>#N/A</v>
      </c>
      <c r="O1211" s="51" t="e">
        <f t="shared" si="39"/>
        <v>#N/A</v>
      </c>
      <c r="P1211" s="51">
        <v>1</v>
      </c>
      <c r="Q1211" s="51" t="s">
        <v>5341</v>
      </c>
      <c r="R1211" s="54" t="b">
        <v>1</v>
      </c>
      <c r="S1211" s="52" t="s">
        <v>7126</v>
      </c>
      <c r="T1211" s="67" t="s">
        <v>7127</v>
      </c>
      <c r="U1211" s="75" t="s">
        <v>5331</v>
      </c>
      <c r="V1211" s="47" t="s">
        <v>5331</v>
      </c>
      <c r="W1211" s="47" t="s">
        <v>5331</v>
      </c>
      <c r="X1211" s="47" t="s">
        <v>5331</v>
      </c>
      <c r="Y1211" s="47" t="s">
        <v>5331</v>
      </c>
      <c r="Z1211" s="28"/>
      <c r="AA1211" s="27"/>
      <c r="AB1211" s="27"/>
      <c r="AC1211" s="27"/>
      <c r="AD1211" s="30"/>
      <c r="AE1211" s="1"/>
      <c r="AF1211" s="23" t="s">
        <v>5331</v>
      </c>
      <c r="AG1211" s="26"/>
      <c r="AH1211" s="53"/>
    </row>
    <row r="1212" spans="1:34" ht="51.6" customHeight="1" x14ac:dyDescent="0.45">
      <c r="A1212" s="23">
        <v>1206</v>
      </c>
      <c r="B1212" s="25"/>
      <c r="C1212" s="25"/>
      <c r="D1212" s="29"/>
      <c r="E1212" s="1"/>
      <c r="F1212" s="1"/>
      <c r="G1212" s="25"/>
      <c r="H1212" s="71"/>
      <c r="I1212" s="83"/>
      <c r="J1212" s="50" t="str">
        <f t="shared" si="38"/>
        <v/>
      </c>
      <c r="K1212" s="23" t="s">
        <v>7120</v>
      </c>
      <c r="L1212" s="49" t="e">
        <f>VLOOKUP(E1212&amp;F1212,団体コード!$A$1:$C$1743,3,FALSE)</f>
        <v>#N/A</v>
      </c>
      <c r="M1212" s="49" t="e">
        <f>VLOOKUP(E1212&amp;F1212,団体コード!$A$1:$C$1743,2,FALSE)</f>
        <v>#N/A</v>
      </c>
      <c r="N1212" s="51" t="e">
        <f>VLOOKUP(E1212,団体コード!$E$1:$F$48,2,FALSE)</f>
        <v>#N/A</v>
      </c>
      <c r="O1212" s="51" t="e">
        <f t="shared" si="39"/>
        <v>#N/A</v>
      </c>
      <c r="P1212" s="51">
        <v>1</v>
      </c>
      <c r="Q1212" s="51" t="s">
        <v>5341</v>
      </c>
      <c r="R1212" s="54" t="b">
        <v>1</v>
      </c>
      <c r="S1212" s="52" t="s">
        <v>7126</v>
      </c>
      <c r="T1212" s="67" t="s">
        <v>7127</v>
      </c>
      <c r="U1212" s="75" t="s">
        <v>5331</v>
      </c>
      <c r="V1212" s="47" t="s">
        <v>5331</v>
      </c>
      <c r="W1212" s="47" t="s">
        <v>5331</v>
      </c>
      <c r="X1212" s="47" t="s">
        <v>5331</v>
      </c>
      <c r="Y1212" s="47" t="s">
        <v>5331</v>
      </c>
      <c r="Z1212" s="28"/>
      <c r="AA1212" s="27"/>
      <c r="AB1212" s="27"/>
      <c r="AC1212" s="27"/>
      <c r="AD1212" s="30"/>
      <c r="AE1212" s="1"/>
      <c r="AF1212" s="23" t="s">
        <v>5331</v>
      </c>
      <c r="AG1212" s="26"/>
      <c r="AH1212" s="53"/>
    </row>
    <row r="1213" spans="1:34" ht="51.6" customHeight="1" x14ac:dyDescent="0.45">
      <c r="A1213" s="23">
        <v>1207</v>
      </c>
      <c r="B1213" s="25"/>
      <c r="C1213" s="25"/>
      <c r="D1213" s="29"/>
      <c r="E1213" s="1"/>
      <c r="F1213" s="1"/>
      <c r="G1213" s="25"/>
      <c r="H1213" s="71"/>
      <c r="I1213" s="83"/>
      <c r="J1213" s="50" t="str">
        <f t="shared" si="38"/>
        <v/>
      </c>
      <c r="K1213" s="23" t="s">
        <v>7120</v>
      </c>
      <c r="L1213" s="49" t="e">
        <f>VLOOKUP(E1213&amp;F1213,団体コード!$A$1:$C$1743,3,FALSE)</f>
        <v>#N/A</v>
      </c>
      <c r="M1213" s="49" t="e">
        <f>VLOOKUP(E1213&amp;F1213,団体コード!$A$1:$C$1743,2,FALSE)</f>
        <v>#N/A</v>
      </c>
      <c r="N1213" s="51" t="e">
        <f>VLOOKUP(E1213,団体コード!$E$1:$F$48,2,FALSE)</f>
        <v>#N/A</v>
      </c>
      <c r="O1213" s="51" t="e">
        <f t="shared" si="39"/>
        <v>#N/A</v>
      </c>
      <c r="P1213" s="51">
        <v>1</v>
      </c>
      <c r="Q1213" s="51" t="s">
        <v>5341</v>
      </c>
      <c r="R1213" s="54" t="b">
        <v>1</v>
      </c>
      <c r="S1213" s="52" t="s">
        <v>7126</v>
      </c>
      <c r="T1213" s="67" t="s">
        <v>7127</v>
      </c>
      <c r="U1213" s="75" t="s">
        <v>5331</v>
      </c>
      <c r="V1213" s="47" t="s">
        <v>5331</v>
      </c>
      <c r="W1213" s="47" t="s">
        <v>5331</v>
      </c>
      <c r="X1213" s="47" t="s">
        <v>5331</v>
      </c>
      <c r="Y1213" s="47" t="s">
        <v>5331</v>
      </c>
      <c r="Z1213" s="28"/>
      <c r="AA1213" s="27"/>
      <c r="AB1213" s="27"/>
      <c r="AC1213" s="27"/>
      <c r="AD1213" s="30"/>
      <c r="AE1213" s="1"/>
      <c r="AF1213" s="23" t="s">
        <v>5331</v>
      </c>
      <c r="AG1213" s="26"/>
      <c r="AH1213" s="53"/>
    </row>
    <row r="1214" spans="1:34" ht="51.6" customHeight="1" x14ac:dyDescent="0.45">
      <c r="A1214" s="23">
        <v>1208</v>
      </c>
      <c r="B1214" s="25"/>
      <c r="C1214" s="25"/>
      <c r="D1214" s="29"/>
      <c r="E1214" s="1"/>
      <c r="F1214" s="1"/>
      <c r="G1214" s="25"/>
      <c r="H1214" s="71"/>
      <c r="I1214" s="83"/>
      <c r="J1214" s="50" t="str">
        <f t="shared" si="38"/>
        <v/>
      </c>
      <c r="K1214" s="23" t="s">
        <v>7120</v>
      </c>
      <c r="L1214" s="49" t="e">
        <f>VLOOKUP(E1214&amp;F1214,団体コード!$A$1:$C$1743,3,FALSE)</f>
        <v>#N/A</v>
      </c>
      <c r="M1214" s="49" t="e">
        <f>VLOOKUP(E1214&amp;F1214,団体コード!$A$1:$C$1743,2,FALSE)</f>
        <v>#N/A</v>
      </c>
      <c r="N1214" s="51" t="e">
        <f>VLOOKUP(E1214,団体コード!$E$1:$F$48,2,FALSE)</f>
        <v>#N/A</v>
      </c>
      <c r="O1214" s="51" t="e">
        <f t="shared" si="39"/>
        <v>#N/A</v>
      </c>
      <c r="P1214" s="51">
        <v>1</v>
      </c>
      <c r="Q1214" s="51" t="s">
        <v>5341</v>
      </c>
      <c r="R1214" s="54" t="b">
        <v>1</v>
      </c>
      <c r="S1214" s="52" t="s">
        <v>7126</v>
      </c>
      <c r="T1214" s="67" t="s">
        <v>7127</v>
      </c>
      <c r="U1214" s="75" t="s">
        <v>5331</v>
      </c>
      <c r="V1214" s="47" t="s">
        <v>5331</v>
      </c>
      <c r="W1214" s="47" t="s">
        <v>5331</v>
      </c>
      <c r="X1214" s="47" t="s">
        <v>5331</v>
      </c>
      <c r="Y1214" s="47" t="s">
        <v>5331</v>
      </c>
      <c r="Z1214" s="28"/>
      <c r="AA1214" s="27"/>
      <c r="AB1214" s="27"/>
      <c r="AC1214" s="27"/>
      <c r="AD1214" s="30"/>
      <c r="AE1214" s="1"/>
      <c r="AF1214" s="23" t="s">
        <v>5331</v>
      </c>
      <c r="AG1214" s="26"/>
      <c r="AH1214" s="53"/>
    </row>
    <row r="1215" spans="1:34" ht="51.6" customHeight="1" x14ac:dyDescent="0.45">
      <c r="A1215" s="23">
        <v>1209</v>
      </c>
      <c r="B1215" s="25"/>
      <c r="C1215" s="25"/>
      <c r="D1215" s="29"/>
      <c r="E1215" s="1"/>
      <c r="F1215" s="1"/>
      <c r="G1215" s="25"/>
      <c r="H1215" s="71"/>
      <c r="I1215" s="83"/>
      <c r="J1215" s="50" t="str">
        <f t="shared" si="38"/>
        <v/>
      </c>
      <c r="K1215" s="23" t="s">
        <v>7120</v>
      </c>
      <c r="L1215" s="49" t="e">
        <f>VLOOKUP(E1215&amp;F1215,団体コード!$A$1:$C$1743,3,FALSE)</f>
        <v>#N/A</v>
      </c>
      <c r="M1215" s="49" t="e">
        <f>VLOOKUP(E1215&amp;F1215,団体コード!$A$1:$C$1743,2,FALSE)</f>
        <v>#N/A</v>
      </c>
      <c r="N1215" s="51" t="e">
        <f>VLOOKUP(E1215,団体コード!$E$1:$F$48,2,FALSE)</f>
        <v>#N/A</v>
      </c>
      <c r="O1215" s="51" t="e">
        <f t="shared" si="39"/>
        <v>#N/A</v>
      </c>
      <c r="P1215" s="51">
        <v>1</v>
      </c>
      <c r="Q1215" s="51" t="s">
        <v>5341</v>
      </c>
      <c r="R1215" s="54" t="b">
        <v>1</v>
      </c>
      <c r="S1215" s="52" t="s">
        <v>7126</v>
      </c>
      <c r="T1215" s="67" t="s">
        <v>7127</v>
      </c>
      <c r="U1215" s="75" t="s">
        <v>5331</v>
      </c>
      <c r="V1215" s="47" t="s">
        <v>5331</v>
      </c>
      <c r="W1215" s="47" t="s">
        <v>5331</v>
      </c>
      <c r="X1215" s="47" t="s">
        <v>5331</v>
      </c>
      <c r="Y1215" s="47" t="s">
        <v>5331</v>
      </c>
      <c r="Z1215" s="28"/>
      <c r="AA1215" s="27"/>
      <c r="AB1215" s="27"/>
      <c r="AC1215" s="27"/>
      <c r="AD1215" s="30"/>
      <c r="AE1215" s="1"/>
      <c r="AF1215" s="23" t="s">
        <v>5331</v>
      </c>
      <c r="AG1215" s="26"/>
      <c r="AH1215" s="53"/>
    </row>
    <row r="1216" spans="1:34" ht="51.6" customHeight="1" x14ac:dyDescent="0.45">
      <c r="A1216" s="23">
        <v>1210</v>
      </c>
      <c r="B1216" s="25"/>
      <c r="C1216" s="25"/>
      <c r="D1216" s="29"/>
      <c r="E1216" s="1"/>
      <c r="F1216" s="1"/>
      <c r="G1216" s="25"/>
      <c r="H1216" s="71"/>
      <c r="I1216" s="83"/>
      <c r="J1216" s="50" t="str">
        <f t="shared" si="38"/>
        <v/>
      </c>
      <c r="K1216" s="23" t="s">
        <v>7120</v>
      </c>
      <c r="L1216" s="49" t="e">
        <f>VLOOKUP(E1216&amp;F1216,団体コード!$A$1:$C$1743,3,FALSE)</f>
        <v>#N/A</v>
      </c>
      <c r="M1216" s="49" t="e">
        <f>VLOOKUP(E1216&amp;F1216,団体コード!$A$1:$C$1743,2,FALSE)</f>
        <v>#N/A</v>
      </c>
      <c r="N1216" s="51" t="e">
        <f>VLOOKUP(E1216,団体コード!$E$1:$F$48,2,FALSE)</f>
        <v>#N/A</v>
      </c>
      <c r="O1216" s="51" t="e">
        <f t="shared" si="39"/>
        <v>#N/A</v>
      </c>
      <c r="P1216" s="51">
        <v>1</v>
      </c>
      <c r="Q1216" s="51" t="s">
        <v>5341</v>
      </c>
      <c r="R1216" s="54" t="b">
        <v>1</v>
      </c>
      <c r="S1216" s="52" t="s">
        <v>7126</v>
      </c>
      <c r="T1216" s="67" t="s">
        <v>7127</v>
      </c>
      <c r="U1216" s="75" t="s">
        <v>5331</v>
      </c>
      <c r="V1216" s="47" t="s">
        <v>5331</v>
      </c>
      <c r="W1216" s="47" t="s">
        <v>5331</v>
      </c>
      <c r="X1216" s="47" t="s">
        <v>5331</v>
      </c>
      <c r="Y1216" s="47" t="s">
        <v>5331</v>
      </c>
      <c r="Z1216" s="28"/>
      <c r="AA1216" s="27"/>
      <c r="AB1216" s="27"/>
      <c r="AC1216" s="27"/>
      <c r="AD1216" s="30"/>
      <c r="AE1216" s="1"/>
      <c r="AF1216" s="23" t="s">
        <v>5331</v>
      </c>
      <c r="AG1216" s="26"/>
      <c r="AH1216" s="53"/>
    </row>
    <row r="1217" spans="1:34" ht="51.6" customHeight="1" x14ac:dyDescent="0.45">
      <c r="A1217" s="23">
        <v>1211</v>
      </c>
      <c r="B1217" s="25"/>
      <c r="C1217" s="25"/>
      <c r="D1217" s="29"/>
      <c r="E1217" s="1"/>
      <c r="F1217" s="1"/>
      <c r="G1217" s="25"/>
      <c r="H1217" s="71"/>
      <c r="I1217" s="83"/>
      <c r="J1217" s="50" t="str">
        <f t="shared" si="38"/>
        <v/>
      </c>
      <c r="K1217" s="23" t="s">
        <v>7120</v>
      </c>
      <c r="L1217" s="49" t="e">
        <f>VLOOKUP(E1217&amp;F1217,団体コード!$A$1:$C$1743,3,FALSE)</f>
        <v>#N/A</v>
      </c>
      <c r="M1217" s="49" t="e">
        <f>VLOOKUP(E1217&amp;F1217,団体コード!$A$1:$C$1743,2,FALSE)</f>
        <v>#N/A</v>
      </c>
      <c r="N1217" s="51" t="e">
        <f>VLOOKUP(E1217,団体コード!$E$1:$F$48,2,FALSE)</f>
        <v>#N/A</v>
      </c>
      <c r="O1217" s="51" t="e">
        <f t="shared" si="39"/>
        <v>#N/A</v>
      </c>
      <c r="P1217" s="51">
        <v>1</v>
      </c>
      <c r="Q1217" s="51" t="s">
        <v>5341</v>
      </c>
      <c r="R1217" s="54" t="b">
        <v>1</v>
      </c>
      <c r="S1217" s="52" t="s">
        <v>7126</v>
      </c>
      <c r="T1217" s="67" t="s">
        <v>7127</v>
      </c>
      <c r="U1217" s="75" t="s">
        <v>5331</v>
      </c>
      <c r="V1217" s="47" t="s">
        <v>5331</v>
      </c>
      <c r="W1217" s="47" t="s">
        <v>5331</v>
      </c>
      <c r="X1217" s="47" t="s">
        <v>5331</v>
      </c>
      <c r="Y1217" s="47" t="s">
        <v>5331</v>
      </c>
      <c r="Z1217" s="28"/>
      <c r="AA1217" s="27"/>
      <c r="AB1217" s="27"/>
      <c r="AC1217" s="27"/>
      <c r="AD1217" s="30"/>
      <c r="AE1217" s="1"/>
      <c r="AF1217" s="23" t="s">
        <v>5331</v>
      </c>
      <c r="AG1217" s="26"/>
      <c r="AH1217" s="53"/>
    </row>
    <row r="1218" spans="1:34" ht="51.6" customHeight="1" x14ac:dyDescent="0.45">
      <c r="A1218" s="23">
        <v>1212</v>
      </c>
      <c r="B1218" s="25"/>
      <c r="C1218" s="25"/>
      <c r="D1218" s="29"/>
      <c r="E1218" s="1"/>
      <c r="F1218" s="1"/>
      <c r="G1218" s="25"/>
      <c r="H1218" s="71"/>
      <c r="I1218" s="83"/>
      <c r="J1218" s="50" t="str">
        <f t="shared" si="38"/>
        <v/>
      </c>
      <c r="K1218" s="23" t="s">
        <v>7120</v>
      </c>
      <c r="L1218" s="49" t="e">
        <f>VLOOKUP(E1218&amp;F1218,団体コード!$A$1:$C$1743,3,FALSE)</f>
        <v>#N/A</v>
      </c>
      <c r="M1218" s="49" t="e">
        <f>VLOOKUP(E1218&amp;F1218,団体コード!$A$1:$C$1743,2,FALSE)</f>
        <v>#N/A</v>
      </c>
      <c r="N1218" s="51" t="e">
        <f>VLOOKUP(E1218,団体コード!$E$1:$F$48,2,FALSE)</f>
        <v>#N/A</v>
      </c>
      <c r="O1218" s="51" t="e">
        <f t="shared" si="39"/>
        <v>#N/A</v>
      </c>
      <c r="P1218" s="51">
        <v>1</v>
      </c>
      <c r="Q1218" s="51" t="s">
        <v>5341</v>
      </c>
      <c r="R1218" s="54" t="b">
        <v>1</v>
      </c>
      <c r="S1218" s="52" t="s">
        <v>7126</v>
      </c>
      <c r="T1218" s="67" t="s">
        <v>7127</v>
      </c>
      <c r="U1218" s="75" t="s">
        <v>5331</v>
      </c>
      <c r="V1218" s="47" t="s">
        <v>5331</v>
      </c>
      <c r="W1218" s="47" t="s">
        <v>5331</v>
      </c>
      <c r="X1218" s="47" t="s">
        <v>5331</v>
      </c>
      <c r="Y1218" s="47" t="s">
        <v>5331</v>
      </c>
      <c r="Z1218" s="28"/>
      <c r="AA1218" s="27"/>
      <c r="AB1218" s="27"/>
      <c r="AC1218" s="27"/>
      <c r="AD1218" s="30"/>
      <c r="AE1218" s="1"/>
      <c r="AF1218" s="23" t="s">
        <v>5331</v>
      </c>
      <c r="AG1218" s="26"/>
      <c r="AH1218" s="53"/>
    </row>
    <row r="1219" spans="1:34" ht="51.6" customHeight="1" x14ac:dyDescent="0.45">
      <c r="A1219" s="23">
        <v>1213</v>
      </c>
      <c r="B1219" s="25"/>
      <c r="C1219" s="25"/>
      <c r="D1219" s="29"/>
      <c r="E1219" s="1"/>
      <c r="F1219" s="1"/>
      <c r="G1219" s="25"/>
      <c r="H1219" s="71"/>
      <c r="I1219" s="83"/>
      <c r="J1219" s="50" t="str">
        <f t="shared" si="38"/>
        <v/>
      </c>
      <c r="K1219" s="23" t="s">
        <v>7120</v>
      </c>
      <c r="L1219" s="49" t="e">
        <f>VLOOKUP(E1219&amp;F1219,団体コード!$A$1:$C$1743,3,FALSE)</f>
        <v>#N/A</v>
      </c>
      <c r="M1219" s="49" t="e">
        <f>VLOOKUP(E1219&amp;F1219,団体コード!$A$1:$C$1743,2,FALSE)</f>
        <v>#N/A</v>
      </c>
      <c r="N1219" s="51" t="e">
        <f>VLOOKUP(E1219,団体コード!$E$1:$F$48,2,FALSE)</f>
        <v>#N/A</v>
      </c>
      <c r="O1219" s="51" t="e">
        <f t="shared" si="39"/>
        <v>#N/A</v>
      </c>
      <c r="P1219" s="51">
        <v>1</v>
      </c>
      <c r="Q1219" s="51" t="s">
        <v>5341</v>
      </c>
      <c r="R1219" s="54" t="b">
        <v>1</v>
      </c>
      <c r="S1219" s="52" t="s">
        <v>7126</v>
      </c>
      <c r="T1219" s="67" t="s">
        <v>7127</v>
      </c>
      <c r="U1219" s="75" t="s">
        <v>5331</v>
      </c>
      <c r="V1219" s="47" t="s">
        <v>5331</v>
      </c>
      <c r="W1219" s="47" t="s">
        <v>5331</v>
      </c>
      <c r="X1219" s="47" t="s">
        <v>5331</v>
      </c>
      <c r="Y1219" s="47" t="s">
        <v>5331</v>
      </c>
      <c r="Z1219" s="28"/>
      <c r="AA1219" s="27"/>
      <c r="AB1219" s="27"/>
      <c r="AC1219" s="27"/>
      <c r="AD1219" s="30"/>
      <c r="AE1219" s="1"/>
      <c r="AF1219" s="23" t="s">
        <v>5331</v>
      </c>
      <c r="AG1219" s="26"/>
      <c r="AH1219" s="53"/>
    </row>
    <row r="1220" spans="1:34" ht="51.6" customHeight="1" x14ac:dyDescent="0.45">
      <c r="A1220" s="23">
        <v>1214</v>
      </c>
      <c r="B1220" s="25"/>
      <c r="C1220" s="25"/>
      <c r="D1220" s="29"/>
      <c r="E1220" s="1"/>
      <c r="F1220" s="1"/>
      <c r="G1220" s="25"/>
      <c r="H1220" s="71"/>
      <c r="I1220" s="83"/>
      <c r="J1220" s="50" t="str">
        <f t="shared" si="38"/>
        <v/>
      </c>
      <c r="K1220" s="23" t="s">
        <v>7120</v>
      </c>
      <c r="L1220" s="49" t="e">
        <f>VLOOKUP(E1220&amp;F1220,団体コード!$A$1:$C$1743,3,FALSE)</f>
        <v>#N/A</v>
      </c>
      <c r="M1220" s="49" t="e">
        <f>VLOOKUP(E1220&amp;F1220,団体コード!$A$1:$C$1743,2,FALSE)</f>
        <v>#N/A</v>
      </c>
      <c r="N1220" s="51" t="e">
        <f>VLOOKUP(E1220,団体コード!$E$1:$F$48,2,FALSE)</f>
        <v>#N/A</v>
      </c>
      <c r="O1220" s="51" t="e">
        <f t="shared" si="39"/>
        <v>#N/A</v>
      </c>
      <c r="P1220" s="51">
        <v>1</v>
      </c>
      <c r="Q1220" s="51" t="s">
        <v>5341</v>
      </c>
      <c r="R1220" s="54" t="b">
        <v>1</v>
      </c>
      <c r="S1220" s="52" t="s">
        <v>7126</v>
      </c>
      <c r="T1220" s="67" t="s">
        <v>7127</v>
      </c>
      <c r="U1220" s="75" t="s">
        <v>5331</v>
      </c>
      <c r="V1220" s="47" t="s">
        <v>5331</v>
      </c>
      <c r="W1220" s="47" t="s">
        <v>5331</v>
      </c>
      <c r="X1220" s="47" t="s">
        <v>5331</v>
      </c>
      <c r="Y1220" s="47" t="s">
        <v>5331</v>
      </c>
      <c r="Z1220" s="28"/>
      <c r="AA1220" s="27"/>
      <c r="AB1220" s="27"/>
      <c r="AC1220" s="27"/>
      <c r="AD1220" s="30"/>
      <c r="AE1220" s="1"/>
      <c r="AF1220" s="23" t="s">
        <v>5331</v>
      </c>
      <c r="AG1220" s="26"/>
      <c r="AH1220" s="53"/>
    </row>
    <row r="1221" spans="1:34" ht="51.6" customHeight="1" x14ac:dyDescent="0.45">
      <c r="A1221" s="23">
        <v>1215</v>
      </c>
      <c r="B1221" s="25"/>
      <c r="C1221" s="25"/>
      <c r="D1221" s="29"/>
      <c r="E1221" s="1"/>
      <c r="F1221" s="1"/>
      <c r="G1221" s="25"/>
      <c r="H1221" s="71"/>
      <c r="I1221" s="83"/>
      <c r="J1221" s="50" t="str">
        <f t="shared" si="38"/>
        <v/>
      </c>
      <c r="K1221" s="23" t="s">
        <v>7120</v>
      </c>
      <c r="L1221" s="49" t="e">
        <f>VLOOKUP(E1221&amp;F1221,団体コード!$A$1:$C$1743,3,FALSE)</f>
        <v>#N/A</v>
      </c>
      <c r="M1221" s="49" t="e">
        <f>VLOOKUP(E1221&amp;F1221,団体コード!$A$1:$C$1743,2,FALSE)</f>
        <v>#N/A</v>
      </c>
      <c r="N1221" s="51" t="e">
        <f>VLOOKUP(E1221,団体コード!$E$1:$F$48,2,FALSE)</f>
        <v>#N/A</v>
      </c>
      <c r="O1221" s="51" t="e">
        <f t="shared" si="39"/>
        <v>#N/A</v>
      </c>
      <c r="P1221" s="51">
        <v>1</v>
      </c>
      <c r="Q1221" s="51" t="s">
        <v>5341</v>
      </c>
      <c r="R1221" s="54" t="b">
        <v>1</v>
      </c>
      <c r="S1221" s="52" t="s">
        <v>7126</v>
      </c>
      <c r="T1221" s="67" t="s">
        <v>7127</v>
      </c>
      <c r="U1221" s="75" t="s">
        <v>5331</v>
      </c>
      <c r="V1221" s="47" t="s">
        <v>5331</v>
      </c>
      <c r="W1221" s="47" t="s">
        <v>5331</v>
      </c>
      <c r="X1221" s="47" t="s">
        <v>5331</v>
      </c>
      <c r="Y1221" s="47" t="s">
        <v>5331</v>
      </c>
      <c r="Z1221" s="28"/>
      <c r="AA1221" s="27"/>
      <c r="AB1221" s="27"/>
      <c r="AC1221" s="27"/>
      <c r="AD1221" s="30"/>
      <c r="AE1221" s="1"/>
      <c r="AF1221" s="23" t="s">
        <v>5331</v>
      </c>
      <c r="AG1221" s="26"/>
      <c r="AH1221" s="53"/>
    </row>
    <row r="1222" spans="1:34" ht="51.6" customHeight="1" x14ac:dyDescent="0.45">
      <c r="A1222" s="23">
        <v>1216</v>
      </c>
      <c r="B1222" s="25"/>
      <c r="C1222" s="25"/>
      <c r="D1222" s="29"/>
      <c r="E1222" s="1"/>
      <c r="F1222" s="1"/>
      <c r="G1222" s="25"/>
      <c r="H1222" s="71"/>
      <c r="I1222" s="83"/>
      <c r="J1222" s="50" t="str">
        <f t="shared" si="38"/>
        <v/>
      </c>
      <c r="K1222" s="23" t="s">
        <v>7120</v>
      </c>
      <c r="L1222" s="49" t="e">
        <f>VLOOKUP(E1222&amp;F1222,団体コード!$A$1:$C$1743,3,FALSE)</f>
        <v>#N/A</v>
      </c>
      <c r="M1222" s="49" t="e">
        <f>VLOOKUP(E1222&amp;F1222,団体コード!$A$1:$C$1743,2,FALSE)</f>
        <v>#N/A</v>
      </c>
      <c r="N1222" s="51" t="e">
        <f>VLOOKUP(E1222,団体コード!$E$1:$F$48,2,FALSE)</f>
        <v>#N/A</v>
      </c>
      <c r="O1222" s="51" t="e">
        <f t="shared" si="39"/>
        <v>#N/A</v>
      </c>
      <c r="P1222" s="51">
        <v>1</v>
      </c>
      <c r="Q1222" s="51" t="s">
        <v>5341</v>
      </c>
      <c r="R1222" s="54" t="b">
        <v>1</v>
      </c>
      <c r="S1222" s="52" t="s">
        <v>7126</v>
      </c>
      <c r="T1222" s="67" t="s">
        <v>7127</v>
      </c>
      <c r="U1222" s="75" t="s">
        <v>5331</v>
      </c>
      <c r="V1222" s="47" t="s">
        <v>5331</v>
      </c>
      <c r="W1222" s="47" t="s">
        <v>5331</v>
      </c>
      <c r="X1222" s="47" t="s">
        <v>5331</v>
      </c>
      <c r="Y1222" s="47" t="s">
        <v>5331</v>
      </c>
      <c r="Z1222" s="28"/>
      <c r="AA1222" s="27"/>
      <c r="AB1222" s="27"/>
      <c r="AC1222" s="27"/>
      <c r="AD1222" s="30"/>
      <c r="AE1222" s="1"/>
      <c r="AF1222" s="23" t="s">
        <v>5331</v>
      </c>
      <c r="AG1222" s="26"/>
      <c r="AH1222" s="53"/>
    </row>
    <row r="1223" spans="1:34" ht="51.6" customHeight="1" x14ac:dyDescent="0.45">
      <c r="A1223" s="23">
        <v>1217</v>
      </c>
      <c r="B1223" s="25"/>
      <c r="C1223" s="25"/>
      <c r="D1223" s="29"/>
      <c r="E1223" s="1"/>
      <c r="F1223" s="1"/>
      <c r="G1223" s="25"/>
      <c r="H1223" s="71"/>
      <c r="I1223" s="83"/>
      <c r="J1223" s="50" t="str">
        <f t="shared" si="38"/>
        <v/>
      </c>
      <c r="K1223" s="23" t="s">
        <v>7120</v>
      </c>
      <c r="L1223" s="49" t="e">
        <f>VLOOKUP(E1223&amp;F1223,団体コード!$A$1:$C$1743,3,FALSE)</f>
        <v>#N/A</v>
      </c>
      <c r="M1223" s="49" t="e">
        <f>VLOOKUP(E1223&amp;F1223,団体コード!$A$1:$C$1743,2,FALSE)</f>
        <v>#N/A</v>
      </c>
      <c r="N1223" s="51" t="e">
        <f>VLOOKUP(E1223,団体コード!$E$1:$F$48,2,FALSE)</f>
        <v>#N/A</v>
      </c>
      <c r="O1223" s="51" t="e">
        <f t="shared" si="39"/>
        <v>#N/A</v>
      </c>
      <c r="P1223" s="51">
        <v>1</v>
      </c>
      <c r="Q1223" s="51" t="s">
        <v>5341</v>
      </c>
      <c r="R1223" s="54" t="b">
        <v>1</v>
      </c>
      <c r="S1223" s="52" t="s">
        <v>7126</v>
      </c>
      <c r="T1223" s="67" t="s">
        <v>7127</v>
      </c>
      <c r="U1223" s="75" t="s">
        <v>5331</v>
      </c>
      <c r="V1223" s="47" t="s">
        <v>5331</v>
      </c>
      <c r="W1223" s="47" t="s">
        <v>5331</v>
      </c>
      <c r="X1223" s="47" t="s">
        <v>5331</v>
      </c>
      <c r="Y1223" s="47" t="s">
        <v>5331</v>
      </c>
      <c r="Z1223" s="28"/>
      <c r="AA1223" s="27"/>
      <c r="AB1223" s="27"/>
      <c r="AC1223" s="27"/>
      <c r="AD1223" s="30"/>
      <c r="AE1223" s="1"/>
      <c r="AF1223" s="23" t="s">
        <v>5331</v>
      </c>
      <c r="AG1223" s="26"/>
      <c r="AH1223" s="53"/>
    </row>
    <row r="1224" spans="1:34" ht="51.6" customHeight="1" x14ac:dyDescent="0.45">
      <c r="A1224" s="23">
        <v>1218</v>
      </c>
      <c r="B1224" s="25"/>
      <c r="C1224" s="25"/>
      <c r="D1224" s="29"/>
      <c r="E1224" s="1"/>
      <c r="F1224" s="1"/>
      <c r="G1224" s="25"/>
      <c r="H1224" s="71"/>
      <c r="I1224" s="83"/>
      <c r="J1224" s="50" t="str">
        <f t="shared" ref="J1224:J1287" si="40">E1224&amp;F1224&amp;G1224</f>
        <v/>
      </c>
      <c r="K1224" s="23" t="s">
        <v>7120</v>
      </c>
      <c r="L1224" s="49" t="e">
        <f>VLOOKUP(E1224&amp;F1224,団体コード!$A$1:$C$1743,3,FALSE)</f>
        <v>#N/A</v>
      </c>
      <c r="M1224" s="49" t="e">
        <f>VLOOKUP(E1224&amp;F1224,団体コード!$A$1:$C$1743,2,FALSE)</f>
        <v>#N/A</v>
      </c>
      <c r="N1224" s="51" t="e">
        <f>VLOOKUP(E1224,団体コード!$E$1:$F$48,2,FALSE)</f>
        <v>#N/A</v>
      </c>
      <c r="O1224" s="51" t="e">
        <f t="shared" ref="O1224:O1287" si="41">N1224</f>
        <v>#N/A</v>
      </c>
      <c r="P1224" s="51">
        <v>1</v>
      </c>
      <c r="Q1224" s="51" t="s">
        <v>5341</v>
      </c>
      <c r="R1224" s="54" t="b">
        <v>1</v>
      </c>
      <c r="S1224" s="52" t="s">
        <v>7126</v>
      </c>
      <c r="T1224" s="67" t="s">
        <v>7127</v>
      </c>
      <c r="U1224" s="75" t="s">
        <v>5331</v>
      </c>
      <c r="V1224" s="47" t="s">
        <v>5331</v>
      </c>
      <c r="W1224" s="47" t="s">
        <v>5331</v>
      </c>
      <c r="X1224" s="47" t="s">
        <v>5331</v>
      </c>
      <c r="Y1224" s="47" t="s">
        <v>5331</v>
      </c>
      <c r="Z1224" s="28"/>
      <c r="AA1224" s="27"/>
      <c r="AB1224" s="27"/>
      <c r="AC1224" s="27"/>
      <c r="AD1224" s="30"/>
      <c r="AE1224" s="1"/>
      <c r="AF1224" s="23" t="s">
        <v>5331</v>
      </c>
      <c r="AG1224" s="26"/>
      <c r="AH1224" s="53"/>
    </row>
    <row r="1225" spans="1:34" ht="51.6" customHeight="1" x14ac:dyDescent="0.45">
      <c r="A1225" s="23">
        <v>1219</v>
      </c>
      <c r="B1225" s="25"/>
      <c r="C1225" s="25"/>
      <c r="D1225" s="29"/>
      <c r="E1225" s="1"/>
      <c r="F1225" s="1"/>
      <c r="G1225" s="25"/>
      <c r="H1225" s="71"/>
      <c r="I1225" s="83"/>
      <c r="J1225" s="50" t="str">
        <f t="shared" si="40"/>
        <v/>
      </c>
      <c r="K1225" s="23" t="s">
        <v>7120</v>
      </c>
      <c r="L1225" s="49" t="e">
        <f>VLOOKUP(E1225&amp;F1225,団体コード!$A$1:$C$1743,3,FALSE)</f>
        <v>#N/A</v>
      </c>
      <c r="M1225" s="49" t="e">
        <f>VLOOKUP(E1225&amp;F1225,団体コード!$A$1:$C$1743,2,FALSE)</f>
        <v>#N/A</v>
      </c>
      <c r="N1225" s="51" t="e">
        <f>VLOOKUP(E1225,団体コード!$E$1:$F$48,2,FALSE)</f>
        <v>#N/A</v>
      </c>
      <c r="O1225" s="51" t="e">
        <f t="shared" si="41"/>
        <v>#N/A</v>
      </c>
      <c r="P1225" s="51">
        <v>1</v>
      </c>
      <c r="Q1225" s="51" t="s">
        <v>5341</v>
      </c>
      <c r="R1225" s="54" t="b">
        <v>1</v>
      </c>
      <c r="S1225" s="52" t="s">
        <v>7126</v>
      </c>
      <c r="T1225" s="67" t="s">
        <v>7127</v>
      </c>
      <c r="U1225" s="75" t="s">
        <v>5331</v>
      </c>
      <c r="V1225" s="47" t="s">
        <v>5331</v>
      </c>
      <c r="W1225" s="47" t="s">
        <v>5331</v>
      </c>
      <c r="X1225" s="47" t="s">
        <v>5331</v>
      </c>
      <c r="Y1225" s="47" t="s">
        <v>5331</v>
      </c>
      <c r="Z1225" s="28"/>
      <c r="AA1225" s="27"/>
      <c r="AB1225" s="27"/>
      <c r="AC1225" s="27"/>
      <c r="AD1225" s="30"/>
      <c r="AE1225" s="1"/>
      <c r="AF1225" s="23" t="s">
        <v>5331</v>
      </c>
      <c r="AG1225" s="26"/>
      <c r="AH1225" s="53"/>
    </row>
    <row r="1226" spans="1:34" ht="51.6" customHeight="1" x14ac:dyDescent="0.45">
      <c r="A1226" s="23">
        <v>1220</v>
      </c>
      <c r="B1226" s="25"/>
      <c r="C1226" s="25"/>
      <c r="D1226" s="29"/>
      <c r="E1226" s="1"/>
      <c r="F1226" s="1"/>
      <c r="G1226" s="25"/>
      <c r="H1226" s="71"/>
      <c r="I1226" s="83"/>
      <c r="J1226" s="50" t="str">
        <f t="shared" si="40"/>
        <v/>
      </c>
      <c r="K1226" s="23" t="s">
        <v>7120</v>
      </c>
      <c r="L1226" s="49" t="e">
        <f>VLOOKUP(E1226&amp;F1226,団体コード!$A$1:$C$1743,3,FALSE)</f>
        <v>#N/A</v>
      </c>
      <c r="M1226" s="49" t="e">
        <f>VLOOKUP(E1226&amp;F1226,団体コード!$A$1:$C$1743,2,FALSE)</f>
        <v>#N/A</v>
      </c>
      <c r="N1226" s="51" t="e">
        <f>VLOOKUP(E1226,団体コード!$E$1:$F$48,2,FALSE)</f>
        <v>#N/A</v>
      </c>
      <c r="O1226" s="51" t="e">
        <f t="shared" si="41"/>
        <v>#N/A</v>
      </c>
      <c r="P1226" s="51">
        <v>1</v>
      </c>
      <c r="Q1226" s="51" t="s">
        <v>5341</v>
      </c>
      <c r="R1226" s="54" t="b">
        <v>1</v>
      </c>
      <c r="S1226" s="52" t="s">
        <v>7126</v>
      </c>
      <c r="T1226" s="67" t="s">
        <v>7127</v>
      </c>
      <c r="U1226" s="75" t="s">
        <v>5331</v>
      </c>
      <c r="V1226" s="47" t="s">
        <v>5331</v>
      </c>
      <c r="W1226" s="47" t="s">
        <v>5331</v>
      </c>
      <c r="X1226" s="47" t="s">
        <v>5331</v>
      </c>
      <c r="Y1226" s="47" t="s">
        <v>5331</v>
      </c>
      <c r="Z1226" s="28"/>
      <c r="AA1226" s="27"/>
      <c r="AB1226" s="27"/>
      <c r="AC1226" s="27"/>
      <c r="AD1226" s="30"/>
      <c r="AE1226" s="1"/>
      <c r="AF1226" s="23" t="s">
        <v>5331</v>
      </c>
      <c r="AG1226" s="26"/>
      <c r="AH1226" s="53"/>
    </row>
    <row r="1227" spans="1:34" ht="51.6" customHeight="1" x14ac:dyDescent="0.45">
      <c r="A1227" s="23">
        <v>1221</v>
      </c>
      <c r="B1227" s="25"/>
      <c r="C1227" s="25"/>
      <c r="D1227" s="29"/>
      <c r="E1227" s="1"/>
      <c r="F1227" s="1"/>
      <c r="G1227" s="25"/>
      <c r="H1227" s="71"/>
      <c r="I1227" s="83"/>
      <c r="J1227" s="50" t="str">
        <f t="shared" si="40"/>
        <v/>
      </c>
      <c r="K1227" s="23" t="s">
        <v>7120</v>
      </c>
      <c r="L1227" s="49" t="e">
        <f>VLOOKUP(E1227&amp;F1227,団体コード!$A$1:$C$1743,3,FALSE)</f>
        <v>#N/A</v>
      </c>
      <c r="M1227" s="49" t="e">
        <f>VLOOKUP(E1227&amp;F1227,団体コード!$A$1:$C$1743,2,FALSE)</f>
        <v>#N/A</v>
      </c>
      <c r="N1227" s="51" t="e">
        <f>VLOOKUP(E1227,団体コード!$E$1:$F$48,2,FALSE)</f>
        <v>#N/A</v>
      </c>
      <c r="O1227" s="51" t="e">
        <f t="shared" si="41"/>
        <v>#N/A</v>
      </c>
      <c r="P1227" s="51">
        <v>1</v>
      </c>
      <c r="Q1227" s="51" t="s">
        <v>5341</v>
      </c>
      <c r="R1227" s="54" t="b">
        <v>1</v>
      </c>
      <c r="S1227" s="52" t="s">
        <v>7126</v>
      </c>
      <c r="T1227" s="67" t="s">
        <v>7127</v>
      </c>
      <c r="U1227" s="75" t="s">
        <v>5331</v>
      </c>
      <c r="V1227" s="47" t="s">
        <v>5331</v>
      </c>
      <c r="W1227" s="47" t="s">
        <v>5331</v>
      </c>
      <c r="X1227" s="47" t="s">
        <v>5331</v>
      </c>
      <c r="Y1227" s="47" t="s">
        <v>5331</v>
      </c>
      <c r="Z1227" s="28"/>
      <c r="AA1227" s="27"/>
      <c r="AB1227" s="27"/>
      <c r="AC1227" s="27"/>
      <c r="AD1227" s="30"/>
      <c r="AE1227" s="1"/>
      <c r="AF1227" s="23" t="s">
        <v>5331</v>
      </c>
      <c r="AG1227" s="26"/>
      <c r="AH1227" s="53"/>
    </row>
    <row r="1228" spans="1:34" ht="51.6" customHeight="1" x14ac:dyDescent="0.45">
      <c r="A1228" s="23">
        <v>1222</v>
      </c>
      <c r="B1228" s="25"/>
      <c r="C1228" s="25"/>
      <c r="D1228" s="29"/>
      <c r="E1228" s="1"/>
      <c r="F1228" s="1"/>
      <c r="G1228" s="25"/>
      <c r="H1228" s="71"/>
      <c r="I1228" s="83"/>
      <c r="J1228" s="50" t="str">
        <f t="shared" si="40"/>
        <v/>
      </c>
      <c r="K1228" s="23" t="s">
        <v>7120</v>
      </c>
      <c r="L1228" s="49" t="e">
        <f>VLOOKUP(E1228&amp;F1228,団体コード!$A$1:$C$1743,3,FALSE)</f>
        <v>#N/A</v>
      </c>
      <c r="M1228" s="49" t="e">
        <f>VLOOKUP(E1228&amp;F1228,団体コード!$A$1:$C$1743,2,FALSE)</f>
        <v>#N/A</v>
      </c>
      <c r="N1228" s="51" t="e">
        <f>VLOOKUP(E1228,団体コード!$E$1:$F$48,2,FALSE)</f>
        <v>#N/A</v>
      </c>
      <c r="O1228" s="51" t="e">
        <f t="shared" si="41"/>
        <v>#N/A</v>
      </c>
      <c r="P1228" s="51">
        <v>1</v>
      </c>
      <c r="Q1228" s="51" t="s">
        <v>5341</v>
      </c>
      <c r="R1228" s="54" t="b">
        <v>1</v>
      </c>
      <c r="S1228" s="52" t="s">
        <v>7126</v>
      </c>
      <c r="T1228" s="67" t="s">
        <v>7127</v>
      </c>
      <c r="U1228" s="75" t="s">
        <v>5331</v>
      </c>
      <c r="V1228" s="47" t="s">
        <v>5331</v>
      </c>
      <c r="W1228" s="47" t="s">
        <v>5331</v>
      </c>
      <c r="X1228" s="47" t="s">
        <v>5331</v>
      </c>
      <c r="Y1228" s="47" t="s">
        <v>5331</v>
      </c>
      <c r="Z1228" s="28"/>
      <c r="AA1228" s="27"/>
      <c r="AB1228" s="27"/>
      <c r="AC1228" s="27"/>
      <c r="AD1228" s="30"/>
      <c r="AE1228" s="1"/>
      <c r="AF1228" s="23" t="s">
        <v>5331</v>
      </c>
      <c r="AG1228" s="26"/>
      <c r="AH1228" s="53"/>
    </row>
    <row r="1229" spans="1:34" ht="51.6" customHeight="1" x14ac:dyDescent="0.45">
      <c r="A1229" s="23">
        <v>1223</v>
      </c>
      <c r="B1229" s="25"/>
      <c r="C1229" s="25"/>
      <c r="D1229" s="29"/>
      <c r="E1229" s="1"/>
      <c r="F1229" s="1"/>
      <c r="G1229" s="25"/>
      <c r="H1229" s="71"/>
      <c r="I1229" s="83"/>
      <c r="J1229" s="50" t="str">
        <f t="shared" si="40"/>
        <v/>
      </c>
      <c r="K1229" s="23" t="s">
        <v>7120</v>
      </c>
      <c r="L1229" s="49" t="e">
        <f>VLOOKUP(E1229&amp;F1229,団体コード!$A$1:$C$1743,3,FALSE)</f>
        <v>#N/A</v>
      </c>
      <c r="M1229" s="49" t="e">
        <f>VLOOKUP(E1229&amp;F1229,団体コード!$A$1:$C$1743,2,FALSE)</f>
        <v>#N/A</v>
      </c>
      <c r="N1229" s="51" t="e">
        <f>VLOOKUP(E1229,団体コード!$E$1:$F$48,2,FALSE)</f>
        <v>#N/A</v>
      </c>
      <c r="O1229" s="51" t="e">
        <f t="shared" si="41"/>
        <v>#N/A</v>
      </c>
      <c r="P1229" s="51">
        <v>1</v>
      </c>
      <c r="Q1229" s="51" t="s">
        <v>5341</v>
      </c>
      <c r="R1229" s="54" t="b">
        <v>1</v>
      </c>
      <c r="S1229" s="52" t="s">
        <v>7126</v>
      </c>
      <c r="T1229" s="67" t="s">
        <v>7127</v>
      </c>
      <c r="U1229" s="75" t="s">
        <v>5331</v>
      </c>
      <c r="V1229" s="47" t="s">
        <v>5331</v>
      </c>
      <c r="W1229" s="47" t="s">
        <v>5331</v>
      </c>
      <c r="X1229" s="47" t="s">
        <v>5331</v>
      </c>
      <c r="Y1229" s="47" t="s">
        <v>5331</v>
      </c>
      <c r="Z1229" s="28"/>
      <c r="AA1229" s="27"/>
      <c r="AB1229" s="27"/>
      <c r="AC1229" s="27"/>
      <c r="AD1229" s="30"/>
      <c r="AE1229" s="1"/>
      <c r="AF1229" s="23" t="s">
        <v>5331</v>
      </c>
      <c r="AG1229" s="26"/>
      <c r="AH1229" s="53"/>
    </row>
    <row r="1230" spans="1:34" ht="51.6" customHeight="1" x14ac:dyDescent="0.45">
      <c r="A1230" s="23">
        <v>1224</v>
      </c>
      <c r="B1230" s="25"/>
      <c r="C1230" s="25"/>
      <c r="D1230" s="29"/>
      <c r="E1230" s="1"/>
      <c r="F1230" s="1"/>
      <c r="G1230" s="25"/>
      <c r="H1230" s="71"/>
      <c r="I1230" s="83"/>
      <c r="J1230" s="50" t="str">
        <f t="shared" si="40"/>
        <v/>
      </c>
      <c r="K1230" s="23" t="s">
        <v>7120</v>
      </c>
      <c r="L1230" s="49" t="e">
        <f>VLOOKUP(E1230&amp;F1230,団体コード!$A$1:$C$1743,3,FALSE)</f>
        <v>#N/A</v>
      </c>
      <c r="M1230" s="49" t="e">
        <f>VLOOKUP(E1230&amp;F1230,団体コード!$A$1:$C$1743,2,FALSE)</f>
        <v>#N/A</v>
      </c>
      <c r="N1230" s="51" t="e">
        <f>VLOOKUP(E1230,団体コード!$E$1:$F$48,2,FALSE)</f>
        <v>#N/A</v>
      </c>
      <c r="O1230" s="51" t="e">
        <f t="shared" si="41"/>
        <v>#N/A</v>
      </c>
      <c r="P1230" s="51">
        <v>1</v>
      </c>
      <c r="Q1230" s="51" t="s">
        <v>5341</v>
      </c>
      <c r="R1230" s="54" t="b">
        <v>1</v>
      </c>
      <c r="S1230" s="52" t="s">
        <v>7126</v>
      </c>
      <c r="T1230" s="67" t="s">
        <v>7127</v>
      </c>
      <c r="U1230" s="75" t="s">
        <v>5331</v>
      </c>
      <c r="V1230" s="47" t="s">
        <v>5331</v>
      </c>
      <c r="W1230" s="47" t="s">
        <v>5331</v>
      </c>
      <c r="X1230" s="47" t="s">
        <v>5331</v>
      </c>
      <c r="Y1230" s="47" t="s">
        <v>5331</v>
      </c>
      <c r="Z1230" s="28"/>
      <c r="AA1230" s="27"/>
      <c r="AB1230" s="27"/>
      <c r="AC1230" s="27"/>
      <c r="AD1230" s="30"/>
      <c r="AE1230" s="1"/>
      <c r="AF1230" s="23" t="s">
        <v>5331</v>
      </c>
      <c r="AG1230" s="26"/>
      <c r="AH1230" s="53"/>
    </row>
    <row r="1231" spans="1:34" ht="51.6" customHeight="1" x14ac:dyDescent="0.45">
      <c r="A1231" s="23">
        <v>1225</v>
      </c>
      <c r="B1231" s="25"/>
      <c r="C1231" s="25"/>
      <c r="D1231" s="29"/>
      <c r="E1231" s="1"/>
      <c r="F1231" s="1"/>
      <c r="G1231" s="25"/>
      <c r="H1231" s="71"/>
      <c r="I1231" s="83"/>
      <c r="J1231" s="50" t="str">
        <f t="shared" si="40"/>
        <v/>
      </c>
      <c r="K1231" s="23" t="s">
        <v>7120</v>
      </c>
      <c r="L1231" s="49" t="e">
        <f>VLOOKUP(E1231&amp;F1231,団体コード!$A$1:$C$1743,3,FALSE)</f>
        <v>#N/A</v>
      </c>
      <c r="M1231" s="49" t="e">
        <f>VLOOKUP(E1231&amp;F1231,団体コード!$A$1:$C$1743,2,FALSE)</f>
        <v>#N/A</v>
      </c>
      <c r="N1231" s="51" t="e">
        <f>VLOOKUP(E1231,団体コード!$E$1:$F$48,2,FALSE)</f>
        <v>#N/A</v>
      </c>
      <c r="O1231" s="51" t="e">
        <f t="shared" si="41"/>
        <v>#N/A</v>
      </c>
      <c r="P1231" s="51">
        <v>1</v>
      </c>
      <c r="Q1231" s="51" t="s">
        <v>5341</v>
      </c>
      <c r="R1231" s="54" t="b">
        <v>1</v>
      </c>
      <c r="S1231" s="52" t="s">
        <v>7126</v>
      </c>
      <c r="T1231" s="67" t="s">
        <v>7127</v>
      </c>
      <c r="U1231" s="75" t="s">
        <v>5331</v>
      </c>
      <c r="V1231" s="47" t="s">
        <v>5331</v>
      </c>
      <c r="W1231" s="47" t="s">
        <v>5331</v>
      </c>
      <c r="X1231" s="47" t="s">
        <v>5331</v>
      </c>
      <c r="Y1231" s="47" t="s">
        <v>5331</v>
      </c>
      <c r="Z1231" s="28"/>
      <c r="AA1231" s="27"/>
      <c r="AB1231" s="27"/>
      <c r="AC1231" s="27"/>
      <c r="AD1231" s="30"/>
      <c r="AE1231" s="1"/>
      <c r="AF1231" s="23" t="s">
        <v>5331</v>
      </c>
      <c r="AG1231" s="26"/>
      <c r="AH1231" s="53"/>
    </row>
    <row r="1232" spans="1:34" ht="51.6" customHeight="1" x14ac:dyDescent="0.45">
      <c r="A1232" s="23">
        <v>1226</v>
      </c>
      <c r="B1232" s="25"/>
      <c r="C1232" s="25"/>
      <c r="D1232" s="29"/>
      <c r="E1232" s="1"/>
      <c r="F1232" s="1"/>
      <c r="G1232" s="25"/>
      <c r="H1232" s="71"/>
      <c r="I1232" s="83"/>
      <c r="J1232" s="50" t="str">
        <f t="shared" si="40"/>
        <v/>
      </c>
      <c r="K1232" s="23" t="s">
        <v>7120</v>
      </c>
      <c r="L1232" s="49" t="e">
        <f>VLOOKUP(E1232&amp;F1232,団体コード!$A$1:$C$1743,3,FALSE)</f>
        <v>#N/A</v>
      </c>
      <c r="M1232" s="49" t="e">
        <f>VLOOKUP(E1232&amp;F1232,団体コード!$A$1:$C$1743,2,FALSE)</f>
        <v>#N/A</v>
      </c>
      <c r="N1232" s="51" t="e">
        <f>VLOOKUP(E1232,団体コード!$E$1:$F$48,2,FALSE)</f>
        <v>#N/A</v>
      </c>
      <c r="O1232" s="51" t="e">
        <f t="shared" si="41"/>
        <v>#N/A</v>
      </c>
      <c r="P1232" s="51">
        <v>1</v>
      </c>
      <c r="Q1232" s="51" t="s">
        <v>5341</v>
      </c>
      <c r="R1232" s="54" t="b">
        <v>1</v>
      </c>
      <c r="S1232" s="52" t="s">
        <v>7126</v>
      </c>
      <c r="T1232" s="67" t="s">
        <v>7127</v>
      </c>
      <c r="U1232" s="75" t="s">
        <v>5331</v>
      </c>
      <c r="V1232" s="47" t="s">
        <v>5331</v>
      </c>
      <c r="W1232" s="47" t="s">
        <v>5331</v>
      </c>
      <c r="X1232" s="47" t="s">
        <v>5331</v>
      </c>
      <c r="Y1232" s="47" t="s">
        <v>5331</v>
      </c>
      <c r="Z1232" s="28"/>
      <c r="AA1232" s="27"/>
      <c r="AB1232" s="27"/>
      <c r="AC1232" s="27"/>
      <c r="AD1232" s="30"/>
      <c r="AE1232" s="1"/>
      <c r="AF1232" s="23" t="s">
        <v>5331</v>
      </c>
      <c r="AG1232" s="26"/>
      <c r="AH1232" s="53"/>
    </row>
    <row r="1233" spans="1:34" ht="51.6" customHeight="1" x14ac:dyDescent="0.45">
      <c r="A1233" s="23">
        <v>1227</v>
      </c>
      <c r="B1233" s="25"/>
      <c r="C1233" s="25"/>
      <c r="D1233" s="29"/>
      <c r="E1233" s="1"/>
      <c r="F1233" s="1"/>
      <c r="G1233" s="25"/>
      <c r="H1233" s="71"/>
      <c r="I1233" s="83"/>
      <c r="J1233" s="50" t="str">
        <f t="shared" si="40"/>
        <v/>
      </c>
      <c r="K1233" s="23" t="s">
        <v>7120</v>
      </c>
      <c r="L1233" s="49" t="e">
        <f>VLOOKUP(E1233&amp;F1233,団体コード!$A$1:$C$1743,3,FALSE)</f>
        <v>#N/A</v>
      </c>
      <c r="M1233" s="49" t="e">
        <f>VLOOKUP(E1233&amp;F1233,団体コード!$A$1:$C$1743,2,FALSE)</f>
        <v>#N/A</v>
      </c>
      <c r="N1233" s="51" t="e">
        <f>VLOOKUP(E1233,団体コード!$E$1:$F$48,2,FALSE)</f>
        <v>#N/A</v>
      </c>
      <c r="O1233" s="51" t="e">
        <f t="shared" si="41"/>
        <v>#N/A</v>
      </c>
      <c r="P1233" s="51">
        <v>1</v>
      </c>
      <c r="Q1233" s="51" t="s">
        <v>5341</v>
      </c>
      <c r="R1233" s="54" t="b">
        <v>1</v>
      </c>
      <c r="S1233" s="52" t="s">
        <v>7126</v>
      </c>
      <c r="T1233" s="67" t="s">
        <v>7127</v>
      </c>
      <c r="U1233" s="75" t="s">
        <v>5331</v>
      </c>
      <c r="V1233" s="47" t="s">
        <v>5331</v>
      </c>
      <c r="W1233" s="47" t="s">
        <v>5331</v>
      </c>
      <c r="X1233" s="47" t="s">
        <v>5331</v>
      </c>
      <c r="Y1233" s="47" t="s">
        <v>5331</v>
      </c>
      <c r="Z1233" s="28"/>
      <c r="AA1233" s="27"/>
      <c r="AB1233" s="27"/>
      <c r="AC1233" s="27"/>
      <c r="AD1233" s="30"/>
      <c r="AE1233" s="1"/>
      <c r="AF1233" s="23" t="s">
        <v>5331</v>
      </c>
      <c r="AG1233" s="26"/>
      <c r="AH1233" s="53"/>
    </row>
    <row r="1234" spans="1:34" ht="51.6" customHeight="1" x14ac:dyDescent="0.45">
      <c r="A1234" s="23">
        <v>1228</v>
      </c>
      <c r="B1234" s="25"/>
      <c r="C1234" s="25"/>
      <c r="D1234" s="29"/>
      <c r="E1234" s="1"/>
      <c r="F1234" s="1"/>
      <c r="G1234" s="25"/>
      <c r="H1234" s="71"/>
      <c r="I1234" s="83"/>
      <c r="J1234" s="50" t="str">
        <f t="shared" si="40"/>
        <v/>
      </c>
      <c r="K1234" s="23" t="s">
        <v>7120</v>
      </c>
      <c r="L1234" s="49" t="e">
        <f>VLOOKUP(E1234&amp;F1234,団体コード!$A$1:$C$1743,3,FALSE)</f>
        <v>#N/A</v>
      </c>
      <c r="M1234" s="49" t="e">
        <f>VLOOKUP(E1234&amp;F1234,団体コード!$A$1:$C$1743,2,FALSE)</f>
        <v>#N/A</v>
      </c>
      <c r="N1234" s="51" t="e">
        <f>VLOOKUP(E1234,団体コード!$E$1:$F$48,2,FALSE)</f>
        <v>#N/A</v>
      </c>
      <c r="O1234" s="51" t="e">
        <f t="shared" si="41"/>
        <v>#N/A</v>
      </c>
      <c r="P1234" s="51">
        <v>1</v>
      </c>
      <c r="Q1234" s="51" t="s">
        <v>5341</v>
      </c>
      <c r="R1234" s="54" t="b">
        <v>1</v>
      </c>
      <c r="S1234" s="52" t="s">
        <v>7126</v>
      </c>
      <c r="T1234" s="67" t="s">
        <v>7127</v>
      </c>
      <c r="U1234" s="75" t="s">
        <v>5331</v>
      </c>
      <c r="V1234" s="47" t="s">
        <v>5331</v>
      </c>
      <c r="W1234" s="47" t="s">
        <v>5331</v>
      </c>
      <c r="X1234" s="47" t="s">
        <v>5331</v>
      </c>
      <c r="Y1234" s="47" t="s">
        <v>5331</v>
      </c>
      <c r="Z1234" s="28"/>
      <c r="AA1234" s="27"/>
      <c r="AB1234" s="27"/>
      <c r="AC1234" s="27"/>
      <c r="AD1234" s="30"/>
      <c r="AE1234" s="1"/>
      <c r="AF1234" s="23" t="s">
        <v>5331</v>
      </c>
      <c r="AG1234" s="26"/>
      <c r="AH1234" s="53"/>
    </row>
    <row r="1235" spans="1:34" ht="51.6" customHeight="1" x14ac:dyDescent="0.45">
      <c r="A1235" s="23">
        <v>1229</v>
      </c>
      <c r="B1235" s="25"/>
      <c r="C1235" s="25"/>
      <c r="D1235" s="29"/>
      <c r="E1235" s="1"/>
      <c r="F1235" s="1"/>
      <c r="G1235" s="25"/>
      <c r="H1235" s="71"/>
      <c r="I1235" s="83"/>
      <c r="J1235" s="50" t="str">
        <f t="shared" si="40"/>
        <v/>
      </c>
      <c r="K1235" s="23" t="s">
        <v>7120</v>
      </c>
      <c r="L1235" s="49" t="e">
        <f>VLOOKUP(E1235&amp;F1235,団体コード!$A$1:$C$1743,3,FALSE)</f>
        <v>#N/A</v>
      </c>
      <c r="M1235" s="49" t="e">
        <f>VLOOKUP(E1235&amp;F1235,団体コード!$A$1:$C$1743,2,FALSE)</f>
        <v>#N/A</v>
      </c>
      <c r="N1235" s="51" t="e">
        <f>VLOOKUP(E1235,団体コード!$E$1:$F$48,2,FALSE)</f>
        <v>#N/A</v>
      </c>
      <c r="O1235" s="51" t="e">
        <f t="shared" si="41"/>
        <v>#N/A</v>
      </c>
      <c r="P1235" s="51">
        <v>1</v>
      </c>
      <c r="Q1235" s="51" t="s">
        <v>5341</v>
      </c>
      <c r="R1235" s="54" t="b">
        <v>1</v>
      </c>
      <c r="S1235" s="52" t="s">
        <v>7126</v>
      </c>
      <c r="T1235" s="67" t="s">
        <v>7127</v>
      </c>
      <c r="U1235" s="75" t="s">
        <v>5331</v>
      </c>
      <c r="V1235" s="47" t="s">
        <v>5331</v>
      </c>
      <c r="W1235" s="47" t="s">
        <v>5331</v>
      </c>
      <c r="X1235" s="47" t="s">
        <v>5331</v>
      </c>
      <c r="Y1235" s="47" t="s">
        <v>5331</v>
      </c>
      <c r="Z1235" s="28"/>
      <c r="AA1235" s="27"/>
      <c r="AB1235" s="27"/>
      <c r="AC1235" s="27"/>
      <c r="AD1235" s="30"/>
      <c r="AE1235" s="1"/>
      <c r="AF1235" s="23" t="s">
        <v>5331</v>
      </c>
      <c r="AG1235" s="26"/>
      <c r="AH1235" s="53"/>
    </row>
    <row r="1236" spans="1:34" ht="51.6" customHeight="1" x14ac:dyDescent="0.45">
      <c r="A1236" s="23">
        <v>1230</v>
      </c>
      <c r="B1236" s="25"/>
      <c r="C1236" s="25"/>
      <c r="D1236" s="29"/>
      <c r="E1236" s="1"/>
      <c r="F1236" s="1"/>
      <c r="G1236" s="25"/>
      <c r="H1236" s="71"/>
      <c r="I1236" s="83"/>
      <c r="J1236" s="50" t="str">
        <f t="shared" si="40"/>
        <v/>
      </c>
      <c r="K1236" s="23" t="s">
        <v>7120</v>
      </c>
      <c r="L1236" s="49" t="e">
        <f>VLOOKUP(E1236&amp;F1236,団体コード!$A$1:$C$1743,3,FALSE)</f>
        <v>#N/A</v>
      </c>
      <c r="M1236" s="49" t="e">
        <f>VLOOKUP(E1236&amp;F1236,団体コード!$A$1:$C$1743,2,FALSE)</f>
        <v>#N/A</v>
      </c>
      <c r="N1236" s="51" t="e">
        <f>VLOOKUP(E1236,団体コード!$E$1:$F$48,2,FALSE)</f>
        <v>#N/A</v>
      </c>
      <c r="O1236" s="51" t="e">
        <f t="shared" si="41"/>
        <v>#N/A</v>
      </c>
      <c r="P1236" s="51">
        <v>1</v>
      </c>
      <c r="Q1236" s="51" t="s">
        <v>5341</v>
      </c>
      <c r="R1236" s="54" t="b">
        <v>1</v>
      </c>
      <c r="S1236" s="52" t="s">
        <v>7126</v>
      </c>
      <c r="T1236" s="67" t="s">
        <v>7127</v>
      </c>
      <c r="U1236" s="75" t="s">
        <v>5331</v>
      </c>
      <c r="V1236" s="47" t="s">
        <v>5331</v>
      </c>
      <c r="W1236" s="47" t="s">
        <v>5331</v>
      </c>
      <c r="X1236" s="47" t="s">
        <v>5331</v>
      </c>
      <c r="Y1236" s="47" t="s">
        <v>5331</v>
      </c>
      <c r="Z1236" s="28"/>
      <c r="AA1236" s="27"/>
      <c r="AB1236" s="27"/>
      <c r="AC1236" s="27"/>
      <c r="AD1236" s="30"/>
      <c r="AE1236" s="1"/>
      <c r="AF1236" s="23" t="s">
        <v>5331</v>
      </c>
      <c r="AG1236" s="26"/>
      <c r="AH1236" s="53"/>
    </row>
    <row r="1237" spans="1:34" ht="51.6" customHeight="1" x14ac:dyDescent="0.45">
      <c r="A1237" s="23">
        <v>1231</v>
      </c>
      <c r="B1237" s="25"/>
      <c r="C1237" s="25"/>
      <c r="D1237" s="29"/>
      <c r="E1237" s="1"/>
      <c r="F1237" s="1"/>
      <c r="G1237" s="25"/>
      <c r="H1237" s="71"/>
      <c r="I1237" s="83"/>
      <c r="J1237" s="50" t="str">
        <f t="shared" si="40"/>
        <v/>
      </c>
      <c r="K1237" s="23" t="s">
        <v>7120</v>
      </c>
      <c r="L1237" s="49" t="e">
        <f>VLOOKUP(E1237&amp;F1237,団体コード!$A$1:$C$1743,3,FALSE)</f>
        <v>#N/A</v>
      </c>
      <c r="M1237" s="49" t="e">
        <f>VLOOKUP(E1237&amp;F1237,団体コード!$A$1:$C$1743,2,FALSE)</f>
        <v>#N/A</v>
      </c>
      <c r="N1237" s="51" t="e">
        <f>VLOOKUP(E1237,団体コード!$E$1:$F$48,2,FALSE)</f>
        <v>#N/A</v>
      </c>
      <c r="O1237" s="51" t="e">
        <f t="shared" si="41"/>
        <v>#N/A</v>
      </c>
      <c r="P1237" s="51">
        <v>1</v>
      </c>
      <c r="Q1237" s="51" t="s">
        <v>5341</v>
      </c>
      <c r="R1237" s="54" t="b">
        <v>1</v>
      </c>
      <c r="S1237" s="52" t="s">
        <v>7126</v>
      </c>
      <c r="T1237" s="67" t="s">
        <v>7127</v>
      </c>
      <c r="U1237" s="75" t="s">
        <v>5331</v>
      </c>
      <c r="V1237" s="47" t="s">
        <v>5331</v>
      </c>
      <c r="W1237" s="47" t="s">
        <v>5331</v>
      </c>
      <c r="X1237" s="47" t="s">
        <v>5331</v>
      </c>
      <c r="Y1237" s="47" t="s">
        <v>5331</v>
      </c>
      <c r="Z1237" s="28"/>
      <c r="AA1237" s="27"/>
      <c r="AB1237" s="27"/>
      <c r="AC1237" s="27"/>
      <c r="AD1237" s="30"/>
      <c r="AE1237" s="1"/>
      <c r="AF1237" s="23" t="s">
        <v>5331</v>
      </c>
      <c r="AG1237" s="26"/>
      <c r="AH1237" s="53"/>
    </row>
    <row r="1238" spans="1:34" ht="51.6" customHeight="1" x14ac:dyDescent="0.45">
      <c r="A1238" s="23">
        <v>1232</v>
      </c>
      <c r="B1238" s="25"/>
      <c r="C1238" s="25"/>
      <c r="D1238" s="29"/>
      <c r="E1238" s="1"/>
      <c r="F1238" s="1"/>
      <c r="G1238" s="25"/>
      <c r="H1238" s="71"/>
      <c r="I1238" s="83"/>
      <c r="J1238" s="50" t="str">
        <f t="shared" si="40"/>
        <v/>
      </c>
      <c r="K1238" s="23" t="s">
        <v>7120</v>
      </c>
      <c r="L1238" s="49" t="e">
        <f>VLOOKUP(E1238&amp;F1238,団体コード!$A$1:$C$1743,3,FALSE)</f>
        <v>#N/A</v>
      </c>
      <c r="M1238" s="49" t="e">
        <f>VLOOKUP(E1238&amp;F1238,団体コード!$A$1:$C$1743,2,FALSE)</f>
        <v>#N/A</v>
      </c>
      <c r="N1238" s="51" t="e">
        <f>VLOOKUP(E1238,団体コード!$E$1:$F$48,2,FALSE)</f>
        <v>#N/A</v>
      </c>
      <c r="O1238" s="51" t="e">
        <f t="shared" si="41"/>
        <v>#N/A</v>
      </c>
      <c r="P1238" s="51">
        <v>1</v>
      </c>
      <c r="Q1238" s="51" t="s">
        <v>5341</v>
      </c>
      <c r="R1238" s="54" t="b">
        <v>1</v>
      </c>
      <c r="S1238" s="52" t="s">
        <v>7126</v>
      </c>
      <c r="T1238" s="67" t="s">
        <v>7127</v>
      </c>
      <c r="U1238" s="75" t="s">
        <v>5331</v>
      </c>
      <c r="V1238" s="47" t="s">
        <v>5331</v>
      </c>
      <c r="W1238" s="47" t="s">
        <v>5331</v>
      </c>
      <c r="X1238" s="47" t="s">
        <v>5331</v>
      </c>
      <c r="Y1238" s="47" t="s">
        <v>5331</v>
      </c>
      <c r="Z1238" s="28"/>
      <c r="AA1238" s="27"/>
      <c r="AB1238" s="27"/>
      <c r="AC1238" s="27"/>
      <c r="AD1238" s="30"/>
      <c r="AE1238" s="1"/>
      <c r="AF1238" s="23" t="s">
        <v>5331</v>
      </c>
      <c r="AG1238" s="26"/>
      <c r="AH1238" s="53"/>
    </row>
    <row r="1239" spans="1:34" ht="51.6" customHeight="1" x14ac:dyDescent="0.45">
      <c r="A1239" s="23">
        <v>1233</v>
      </c>
      <c r="B1239" s="25"/>
      <c r="C1239" s="25"/>
      <c r="D1239" s="29"/>
      <c r="E1239" s="1"/>
      <c r="F1239" s="1"/>
      <c r="G1239" s="25"/>
      <c r="H1239" s="71"/>
      <c r="I1239" s="83"/>
      <c r="J1239" s="50" t="str">
        <f t="shared" si="40"/>
        <v/>
      </c>
      <c r="K1239" s="23" t="s">
        <v>7120</v>
      </c>
      <c r="L1239" s="49" t="e">
        <f>VLOOKUP(E1239&amp;F1239,団体コード!$A$1:$C$1743,3,FALSE)</f>
        <v>#N/A</v>
      </c>
      <c r="M1239" s="49" t="e">
        <f>VLOOKUP(E1239&amp;F1239,団体コード!$A$1:$C$1743,2,FALSE)</f>
        <v>#N/A</v>
      </c>
      <c r="N1239" s="51" t="e">
        <f>VLOOKUP(E1239,団体コード!$E$1:$F$48,2,FALSE)</f>
        <v>#N/A</v>
      </c>
      <c r="O1239" s="51" t="e">
        <f t="shared" si="41"/>
        <v>#N/A</v>
      </c>
      <c r="P1239" s="51">
        <v>1</v>
      </c>
      <c r="Q1239" s="51" t="s">
        <v>5341</v>
      </c>
      <c r="R1239" s="54" t="b">
        <v>1</v>
      </c>
      <c r="S1239" s="52" t="s">
        <v>7126</v>
      </c>
      <c r="T1239" s="67" t="s">
        <v>7127</v>
      </c>
      <c r="U1239" s="75" t="s">
        <v>5331</v>
      </c>
      <c r="V1239" s="47" t="s">
        <v>5331</v>
      </c>
      <c r="W1239" s="47" t="s">
        <v>5331</v>
      </c>
      <c r="X1239" s="47" t="s">
        <v>5331</v>
      </c>
      <c r="Y1239" s="47" t="s">
        <v>5331</v>
      </c>
      <c r="Z1239" s="28"/>
      <c r="AA1239" s="27"/>
      <c r="AB1239" s="27"/>
      <c r="AC1239" s="27"/>
      <c r="AD1239" s="30"/>
      <c r="AE1239" s="1"/>
      <c r="AF1239" s="23" t="s">
        <v>5331</v>
      </c>
      <c r="AG1239" s="26"/>
      <c r="AH1239" s="53"/>
    </row>
    <row r="1240" spans="1:34" ht="51.6" customHeight="1" x14ac:dyDescent="0.45">
      <c r="A1240" s="23">
        <v>1234</v>
      </c>
      <c r="B1240" s="25"/>
      <c r="C1240" s="25"/>
      <c r="D1240" s="29"/>
      <c r="E1240" s="1"/>
      <c r="F1240" s="1"/>
      <c r="G1240" s="25"/>
      <c r="H1240" s="71"/>
      <c r="I1240" s="83"/>
      <c r="J1240" s="50" t="str">
        <f t="shared" si="40"/>
        <v/>
      </c>
      <c r="K1240" s="23" t="s">
        <v>7120</v>
      </c>
      <c r="L1240" s="49" t="e">
        <f>VLOOKUP(E1240&amp;F1240,団体コード!$A$1:$C$1743,3,FALSE)</f>
        <v>#N/A</v>
      </c>
      <c r="M1240" s="49" t="e">
        <f>VLOOKUP(E1240&amp;F1240,団体コード!$A$1:$C$1743,2,FALSE)</f>
        <v>#N/A</v>
      </c>
      <c r="N1240" s="51" t="e">
        <f>VLOOKUP(E1240,団体コード!$E$1:$F$48,2,FALSE)</f>
        <v>#N/A</v>
      </c>
      <c r="O1240" s="51" t="e">
        <f t="shared" si="41"/>
        <v>#N/A</v>
      </c>
      <c r="P1240" s="51">
        <v>1</v>
      </c>
      <c r="Q1240" s="51" t="s">
        <v>5341</v>
      </c>
      <c r="R1240" s="54" t="b">
        <v>1</v>
      </c>
      <c r="S1240" s="52" t="s">
        <v>7126</v>
      </c>
      <c r="T1240" s="67" t="s">
        <v>7127</v>
      </c>
      <c r="U1240" s="75" t="s">
        <v>5331</v>
      </c>
      <c r="V1240" s="47" t="s">
        <v>5331</v>
      </c>
      <c r="W1240" s="47" t="s">
        <v>5331</v>
      </c>
      <c r="X1240" s="47" t="s">
        <v>5331</v>
      </c>
      <c r="Y1240" s="47" t="s">
        <v>5331</v>
      </c>
      <c r="Z1240" s="28"/>
      <c r="AA1240" s="27"/>
      <c r="AB1240" s="27"/>
      <c r="AC1240" s="27"/>
      <c r="AD1240" s="30"/>
      <c r="AE1240" s="1"/>
      <c r="AF1240" s="23" t="s">
        <v>5331</v>
      </c>
      <c r="AG1240" s="26"/>
      <c r="AH1240" s="53"/>
    </row>
    <row r="1241" spans="1:34" ht="51.6" customHeight="1" x14ac:dyDescent="0.45">
      <c r="A1241" s="23">
        <v>1235</v>
      </c>
      <c r="B1241" s="25"/>
      <c r="C1241" s="25"/>
      <c r="D1241" s="29"/>
      <c r="E1241" s="1"/>
      <c r="F1241" s="1"/>
      <c r="G1241" s="25"/>
      <c r="H1241" s="71"/>
      <c r="I1241" s="83"/>
      <c r="J1241" s="50" t="str">
        <f t="shared" si="40"/>
        <v/>
      </c>
      <c r="K1241" s="23" t="s">
        <v>7120</v>
      </c>
      <c r="L1241" s="49" t="e">
        <f>VLOOKUP(E1241&amp;F1241,団体コード!$A$1:$C$1743,3,FALSE)</f>
        <v>#N/A</v>
      </c>
      <c r="M1241" s="49" t="e">
        <f>VLOOKUP(E1241&amp;F1241,団体コード!$A$1:$C$1743,2,FALSE)</f>
        <v>#N/A</v>
      </c>
      <c r="N1241" s="51" t="e">
        <f>VLOOKUP(E1241,団体コード!$E$1:$F$48,2,FALSE)</f>
        <v>#N/A</v>
      </c>
      <c r="O1241" s="51" t="e">
        <f t="shared" si="41"/>
        <v>#N/A</v>
      </c>
      <c r="P1241" s="51">
        <v>1</v>
      </c>
      <c r="Q1241" s="51" t="s">
        <v>5341</v>
      </c>
      <c r="R1241" s="54" t="b">
        <v>1</v>
      </c>
      <c r="S1241" s="52" t="s">
        <v>7126</v>
      </c>
      <c r="T1241" s="67" t="s">
        <v>7127</v>
      </c>
      <c r="U1241" s="75" t="s">
        <v>5331</v>
      </c>
      <c r="V1241" s="47" t="s">
        <v>5331</v>
      </c>
      <c r="W1241" s="47" t="s">
        <v>5331</v>
      </c>
      <c r="X1241" s="47" t="s">
        <v>5331</v>
      </c>
      <c r="Y1241" s="47" t="s">
        <v>5331</v>
      </c>
      <c r="Z1241" s="28"/>
      <c r="AA1241" s="27"/>
      <c r="AB1241" s="27"/>
      <c r="AC1241" s="27"/>
      <c r="AD1241" s="30"/>
      <c r="AE1241" s="1"/>
      <c r="AF1241" s="23" t="s">
        <v>5331</v>
      </c>
      <c r="AG1241" s="26"/>
      <c r="AH1241" s="53"/>
    </row>
    <row r="1242" spans="1:34" ht="51.6" customHeight="1" x14ac:dyDescent="0.45">
      <c r="A1242" s="23">
        <v>1236</v>
      </c>
      <c r="B1242" s="25"/>
      <c r="C1242" s="25"/>
      <c r="D1242" s="29"/>
      <c r="E1242" s="1"/>
      <c r="F1242" s="1"/>
      <c r="G1242" s="25"/>
      <c r="H1242" s="71"/>
      <c r="I1242" s="83"/>
      <c r="J1242" s="50" t="str">
        <f t="shared" si="40"/>
        <v/>
      </c>
      <c r="K1242" s="23" t="s">
        <v>7120</v>
      </c>
      <c r="L1242" s="49" t="e">
        <f>VLOOKUP(E1242&amp;F1242,団体コード!$A$1:$C$1743,3,FALSE)</f>
        <v>#N/A</v>
      </c>
      <c r="M1242" s="49" t="e">
        <f>VLOOKUP(E1242&amp;F1242,団体コード!$A$1:$C$1743,2,FALSE)</f>
        <v>#N/A</v>
      </c>
      <c r="N1242" s="51" t="e">
        <f>VLOOKUP(E1242,団体コード!$E$1:$F$48,2,FALSE)</f>
        <v>#N/A</v>
      </c>
      <c r="O1242" s="51" t="e">
        <f t="shared" si="41"/>
        <v>#N/A</v>
      </c>
      <c r="P1242" s="51">
        <v>1</v>
      </c>
      <c r="Q1242" s="51" t="s">
        <v>5341</v>
      </c>
      <c r="R1242" s="54" t="b">
        <v>1</v>
      </c>
      <c r="S1242" s="52" t="s">
        <v>7126</v>
      </c>
      <c r="T1242" s="67" t="s">
        <v>7127</v>
      </c>
      <c r="U1242" s="75" t="s">
        <v>5331</v>
      </c>
      <c r="V1242" s="47" t="s">
        <v>5331</v>
      </c>
      <c r="W1242" s="47" t="s">
        <v>5331</v>
      </c>
      <c r="X1242" s="47" t="s">
        <v>5331</v>
      </c>
      <c r="Y1242" s="47" t="s">
        <v>5331</v>
      </c>
      <c r="Z1242" s="28"/>
      <c r="AA1242" s="27"/>
      <c r="AB1242" s="27"/>
      <c r="AC1242" s="27"/>
      <c r="AD1242" s="30"/>
      <c r="AE1242" s="1"/>
      <c r="AF1242" s="23" t="s">
        <v>5331</v>
      </c>
      <c r="AG1242" s="26"/>
      <c r="AH1242" s="53"/>
    </row>
    <row r="1243" spans="1:34" ht="51.6" customHeight="1" x14ac:dyDescent="0.45">
      <c r="A1243" s="23">
        <v>1237</v>
      </c>
      <c r="B1243" s="25"/>
      <c r="C1243" s="25"/>
      <c r="D1243" s="29"/>
      <c r="E1243" s="1"/>
      <c r="F1243" s="1"/>
      <c r="G1243" s="25"/>
      <c r="H1243" s="71"/>
      <c r="I1243" s="83"/>
      <c r="J1243" s="50" t="str">
        <f t="shared" si="40"/>
        <v/>
      </c>
      <c r="K1243" s="23" t="s">
        <v>7120</v>
      </c>
      <c r="L1243" s="49" t="e">
        <f>VLOOKUP(E1243&amp;F1243,団体コード!$A$1:$C$1743,3,FALSE)</f>
        <v>#N/A</v>
      </c>
      <c r="M1243" s="49" t="e">
        <f>VLOOKUP(E1243&amp;F1243,団体コード!$A$1:$C$1743,2,FALSE)</f>
        <v>#N/A</v>
      </c>
      <c r="N1243" s="51" t="e">
        <f>VLOOKUP(E1243,団体コード!$E$1:$F$48,2,FALSE)</f>
        <v>#N/A</v>
      </c>
      <c r="O1243" s="51" t="e">
        <f t="shared" si="41"/>
        <v>#N/A</v>
      </c>
      <c r="P1243" s="51">
        <v>1</v>
      </c>
      <c r="Q1243" s="51" t="s">
        <v>5341</v>
      </c>
      <c r="R1243" s="54" t="b">
        <v>1</v>
      </c>
      <c r="S1243" s="52" t="s">
        <v>7126</v>
      </c>
      <c r="T1243" s="67" t="s">
        <v>7127</v>
      </c>
      <c r="U1243" s="75" t="s">
        <v>5331</v>
      </c>
      <c r="V1243" s="47" t="s">
        <v>5331</v>
      </c>
      <c r="W1243" s="47" t="s">
        <v>5331</v>
      </c>
      <c r="X1243" s="47" t="s">
        <v>5331</v>
      </c>
      <c r="Y1243" s="47" t="s">
        <v>5331</v>
      </c>
      <c r="Z1243" s="28"/>
      <c r="AA1243" s="27"/>
      <c r="AB1243" s="27"/>
      <c r="AC1243" s="27"/>
      <c r="AD1243" s="30"/>
      <c r="AE1243" s="1"/>
      <c r="AF1243" s="23" t="s">
        <v>5331</v>
      </c>
      <c r="AG1243" s="26"/>
      <c r="AH1243" s="53"/>
    </row>
    <row r="1244" spans="1:34" ht="51.6" customHeight="1" x14ac:dyDescent="0.45">
      <c r="A1244" s="23">
        <v>1238</v>
      </c>
      <c r="B1244" s="25"/>
      <c r="C1244" s="25"/>
      <c r="D1244" s="29"/>
      <c r="E1244" s="1"/>
      <c r="F1244" s="1"/>
      <c r="G1244" s="25"/>
      <c r="H1244" s="71"/>
      <c r="I1244" s="83"/>
      <c r="J1244" s="50" t="str">
        <f t="shared" si="40"/>
        <v/>
      </c>
      <c r="K1244" s="23" t="s">
        <v>7120</v>
      </c>
      <c r="L1244" s="49" t="e">
        <f>VLOOKUP(E1244&amp;F1244,団体コード!$A$1:$C$1743,3,FALSE)</f>
        <v>#N/A</v>
      </c>
      <c r="M1244" s="49" t="e">
        <f>VLOOKUP(E1244&amp;F1244,団体コード!$A$1:$C$1743,2,FALSE)</f>
        <v>#N/A</v>
      </c>
      <c r="N1244" s="51" t="e">
        <f>VLOOKUP(E1244,団体コード!$E$1:$F$48,2,FALSE)</f>
        <v>#N/A</v>
      </c>
      <c r="O1244" s="51" t="e">
        <f t="shared" si="41"/>
        <v>#N/A</v>
      </c>
      <c r="P1244" s="51">
        <v>1</v>
      </c>
      <c r="Q1244" s="51" t="s">
        <v>5341</v>
      </c>
      <c r="R1244" s="54" t="b">
        <v>1</v>
      </c>
      <c r="S1244" s="52" t="s">
        <v>7126</v>
      </c>
      <c r="T1244" s="67" t="s">
        <v>7127</v>
      </c>
      <c r="U1244" s="75" t="s">
        <v>5331</v>
      </c>
      <c r="V1244" s="47" t="s">
        <v>5331</v>
      </c>
      <c r="W1244" s="47" t="s">
        <v>5331</v>
      </c>
      <c r="X1244" s="47" t="s">
        <v>5331</v>
      </c>
      <c r="Y1244" s="47" t="s">
        <v>5331</v>
      </c>
      <c r="Z1244" s="28"/>
      <c r="AA1244" s="27"/>
      <c r="AB1244" s="27"/>
      <c r="AC1244" s="27"/>
      <c r="AD1244" s="30"/>
      <c r="AE1244" s="1"/>
      <c r="AF1244" s="23" t="s">
        <v>5331</v>
      </c>
      <c r="AG1244" s="26"/>
      <c r="AH1244" s="53"/>
    </row>
    <row r="1245" spans="1:34" ht="51.6" customHeight="1" x14ac:dyDescent="0.45">
      <c r="A1245" s="23">
        <v>1239</v>
      </c>
      <c r="B1245" s="25"/>
      <c r="C1245" s="25"/>
      <c r="D1245" s="29"/>
      <c r="E1245" s="1"/>
      <c r="F1245" s="1"/>
      <c r="G1245" s="25"/>
      <c r="H1245" s="71"/>
      <c r="I1245" s="83"/>
      <c r="J1245" s="50" t="str">
        <f t="shared" si="40"/>
        <v/>
      </c>
      <c r="K1245" s="23" t="s">
        <v>7120</v>
      </c>
      <c r="L1245" s="49" t="e">
        <f>VLOOKUP(E1245&amp;F1245,団体コード!$A$1:$C$1743,3,FALSE)</f>
        <v>#N/A</v>
      </c>
      <c r="M1245" s="49" t="e">
        <f>VLOOKUP(E1245&amp;F1245,団体コード!$A$1:$C$1743,2,FALSE)</f>
        <v>#N/A</v>
      </c>
      <c r="N1245" s="51" t="e">
        <f>VLOOKUP(E1245,団体コード!$E$1:$F$48,2,FALSE)</f>
        <v>#N/A</v>
      </c>
      <c r="O1245" s="51" t="e">
        <f t="shared" si="41"/>
        <v>#N/A</v>
      </c>
      <c r="P1245" s="51">
        <v>1</v>
      </c>
      <c r="Q1245" s="51" t="s">
        <v>5341</v>
      </c>
      <c r="R1245" s="54" t="b">
        <v>1</v>
      </c>
      <c r="S1245" s="52" t="s">
        <v>7126</v>
      </c>
      <c r="T1245" s="67" t="s">
        <v>7127</v>
      </c>
      <c r="U1245" s="75" t="s">
        <v>5331</v>
      </c>
      <c r="V1245" s="47" t="s">
        <v>5331</v>
      </c>
      <c r="W1245" s="47" t="s">
        <v>5331</v>
      </c>
      <c r="X1245" s="47" t="s">
        <v>5331</v>
      </c>
      <c r="Y1245" s="47" t="s">
        <v>5331</v>
      </c>
      <c r="Z1245" s="28"/>
      <c r="AA1245" s="27"/>
      <c r="AB1245" s="27"/>
      <c r="AC1245" s="27"/>
      <c r="AD1245" s="30"/>
      <c r="AE1245" s="1"/>
      <c r="AF1245" s="23" t="s">
        <v>5331</v>
      </c>
      <c r="AG1245" s="26"/>
      <c r="AH1245" s="53"/>
    </row>
    <row r="1246" spans="1:34" ht="51.6" customHeight="1" x14ac:dyDescent="0.45">
      <c r="A1246" s="23">
        <v>1240</v>
      </c>
      <c r="B1246" s="25"/>
      <c r="C1246" s="25"/>
      <c r="D1246" s="29"/>
      <c r="E1246" s="1"/>
      <c r="F1246" s="1"/>
      <c r="G1246" s="25"/>
      <c r="H1246" s="71"/>
      <c r="I1246" s="83"/>
      <c r="J1246" s="50" t="str">
        <f t="shared" si="40"/>
        <v/>
      </c>
      <c r="K1246" s="23" t="s">
        <v>7120</v>
      </c>
      <c r="L1246" s="49" t="e">
        <f>VLOOKUP(E1246&amp;F1246,団体コード!$A$1:$C$1743,3,FALSE)</f>
        <v>#N/A</v>
      </c>
      <c r="M1246" s="49" t="e">
        <f>VLOOKUP(E1246&amp;F1246,団体コード!$A$1:$C$1743,2,FALSE)</f>
        <v>#N/A</v>
      </c>
      <c r="N1246" s="51" t="e">
        <f>VLOOKUP(E1246,団体コード!$E$1:$F$48,2,FALSE)</f>
        <v>#N/A</v>
      </c>
      <c r="O1246" s="51" t="e">
        <f t="shared" si="41"/>
        <v>#N/A</v>
      </c>
      <c r="P1246" s="51">
        <v>1</v>
      </c>
      <c r="Q1246" s="51" t="s">
        <v>5341</v>
      </c>
      <c r="R1246" s="54" t="b">
        <v>1</v>
      </c>
      <c r="S1246" s="52" t="s">
        <v>7126</v>
      </c>
      <c r="T1246" s="67" t="s">
        <v>7127</v>
      </c>
      <c r="U1246" s="75" t="s">
        <v>5331</v>
      </c>
      <c r="V1246" s="47" t="s">
        <v>5331</v>
      </c>
      <c r="W1246" s="47" t="s">
        <v>5331</v>
      </c>
      <c r="X1246" s="47" t="s">
        <v>5331</v>
      </c>
      <c r="Y1246" s="47" t="s">
        <v>5331</v>
      </c>
      <c r="Z1246" s="28"/>
      <c r="AA1246" s="27"/>
      <c r="AB1246" s="27"/>
      <c r="AC1246" s="27"/>
      <c r="AD1246" s="30"/>
      <c r="AE1246" s="1"/>
      <c r="AF1246" s="23" t="s">
        <v>5331</v>
      </c>
      <c r="AG1246" s="26"/>
      <c r="AH1246" s="53"/>
    </row>
    <row r="1247" spans="1:34" ht="51.6" customHeight="1" x14ac:dyDescent="0.45">
      <c r="A1247" s="23">
        <v>1241</v>
      </c>
      <c r="B1247" s="25"/>
      <c r="C1247" s="25"/>
      <c r="D1247" s="29"/>
      <c r="E1247" s="1"/>
      <c r="F1247" s="1"/>
      <c r="G1247" s="25"/>
      <c r="H1247" s="71"/>
      <c r="I1247" s="83"/>
      <c r="J1247" s="50" t="str">
        <f t="shared" si="40"/>
        <v/>
      </c>
      <c r="K1247" s="23" t="s">
        <v>7120</v>
      </c>
      <c r="L1247" s="49" t="e">
        <f>VLOOKUP(E1247&amp;F1247,団体コード!$A$1:$C$1743,3,FALSE)</f>
        <v>#N/A</v>
      </c>
      <c r="M1247" s="49" t="e">
        <f>VLOOKUP(E1247&amp;F1247,団体コード!$A$1:$C$1743,2,FALSE)</f>
        <v>#N/A</v>
      </c>
      <c r="N1247" s="51" t="e">
        <f>VLOOKUP(E1247,団体コード!$E$1:$F$48,2,FALSE)</f>
        <v>#N/A</v>
      </c>
      <c r="O1247" s="51" t="e">
        <f t="shared" si="41"/>
        <v>#N/A</v>
      </c>
      <c r="P1247" s="51">
        <v>1</v>
      </c>
      <c r="Q1247" s="51" t="s">
        <v>5341</v>
      </c>
      <c r="R1247" s="54" t="b">
        <v>1</v>
      </c>
      <c r="S1247" s="52" t="s">
        <v>7126</v>
      </c>
      <c r="T1247" s="67" t="s">
        <v>7127</v>
      </c>
      <c r="U1247" s="75" t="s">
        <v>5331</v>
      </c>
      <c r="V1247" s="47" t="s">
        <v>5331</v>
      </c>
      <c r="W1247" s="47" t="s">
        <v>5331</v>
      </c>
      <c r="X1247" s="47" t="s">
        <v>5331</v>
      </c>
      <c r="Y1247" s="47" t="s">
        <v>5331</v>
      </c>
      <c r="Z1247" s="28"/>
      <c r="AA1247" s="27"/>
      <c r="AB1247" s="27"/>
      <c r="AC1247" s="27"/>
      <c r="AD1247" s="30"/>
      <c r="AE1247" s="1"/>
      <c r="AF1247" s="23" t="s">
        <v>5331</v>
      </c>
      <c r="AG1247" s="26"/>
      <c r="AH1247" s="53"/>
    </row>
    <row r="1248" spans="1:34" ht="51.6" customHeight="1" x14ac:dyDescent="0.45">
      <c r="A1248" s="23">
        <v>1242</v>
      </c>
      <c r="B1248" s="25"/>
      <c r="C1248" s="25"/>
      <c r="D1248" s="29"/>
      <c r="E1248" s="1"/>
      <c r="F1248" s="1"/>
      <c r="G1248" s="25"/>
      <c r="H1248" s="71"/>
      <c r="I1248" s="83"/>
      <c r="J1248" s="50" t="str">
        <f t="shared" si="40"/>
        <v/>
      </c>
      <c r="K1248" s="23" t="s">
        <v>7120</v>
      </c>
      <c r="L1248" s="49" t="e">
        <f>VLOOKUP(E1248&amp;F1248,団体コード!$A$1:$C$1743,3,FALSE)</f>
        <v>#N/A</v>
      </c>
      <c r="M1248" s="49" t="e">
        <f>VLOOKUP(E1248&amp;F1248,団体コード!$A$1:$C$1743,2,FALSE)</f>
        <v>#N/A</v>
      </c>
      <c r="N1248" s="51" t="e">
        <f>VLOOKUP(E1248,団体コード!$E$1:$F$48,2,FALSE)</f>
        <v>#N/A</v>
      </c>
      <c r="O1248" s="51" t="e">
        <f t="shared" si="41"/>
        <v>#N/A</v>
      </c>
      <c r="P1248" s="51">
        <v>1</v>
      </c>
      <c r="Q1248" s="51" t="s">
        <v>5341</v>
      </c>
      <c r="R1248" s="54" t="b">
        <v>1</v>
      </c>
      <c r="S1248" s="52" t="s">
        <v>7126</v>
      </c>
      <c r="T1248" s="67" t="s">
        <v>7127</v>
      </c>
      <c r="U1248" s="75" t="s">
        <v>5331</v>
      </c>
      <c r="V1248" s="47" t="s">
        <v>5331</v>
      </c>
      <c r="W1248" s="47" t="s">
        <v>5331</v>
      </c>
      <c r="X1248" s="47" t="s">
        <v>5331</v>
      </c>
      <c r="Y1248" s="47" t="s">
        <v>5331</v>
      </c>
      <c r="Z1248" s="28"/>
      <c r="AA1248" s="27"/>
      <c r="AB1248" s="27"/>
      <c r="AC1248" s="27"/>
      <c r="AD1248" s="30"/>
      <c r="AE1248" s="1"/>
      <c r="AF1248" s="23" t="s">
        <v>5331</v>
      </c>
      <c r="AG1248" s="26"/>
      <c r="AH1248" s="53"/>
    </row>
    <row r="1249" spans="1:34" ht="51.6" customHeight="1" x14ac:dyDescent="0.45">
      <c r="A1249" s="23">
        <v>1243</v>
      </c>
      <c r="B1249" s="25"/>
      <c r="C1249" s="25"/>
      <c r="D1249" s="29"/>
      <c r="E1249" s="1"/>
      <c r="F1249" s="1"/>
      <c r="G1249" s="25"/>
      <c r="H1249" s="71"/>
      <c r="I1249" s="83"/>
      <c r="J1249" s="50" t="str">
        <f t="shared" si="40"/>
        <v/>
      </c>
      <c r="K1249" s="23" t="s">
        <v>7120</v>
      </c>
      <c r="L1249" s="49" t="e">
        <f>VLOOKUP(E1249&amp;F1249,団体コード!$A$1:$C$1743,3,FALSE)</f>
        <v>#N/A</v>
      </c>
      <c r="M1249" s="49" t="e">
        <f>VLOOKUP(E1249&amp;F1249,団体コード!$A$1:$C$1743,2,FALSE)</f>
        <v>#N/A</v>
      </c>
      <c r="N1249" s="51" t="e">
        <f>VLOOKUP(E1249,団体コード!$E$1:$F$48,2,FALSE)</f>
        <v>#N/A</v>
      </c>
      <c r="O1249" s="51" t="e">
        <f t="shared" si="41"/>
        <v>#N/A</v>
      </c>
      <c r="P1249" s="51">
        <v>1</v>
      </c>
      <c r="Q1249" s="51" t="s">
        <v>5341</v>
      </c>
      <c r="R1249" s="54" t="b">
        <v>1</v>
      </c>
      <c r="S1249" s="52" t="s">
        <v>7126</v>
      </c>
      <c r="T1249" s="67" t="s">
        <v>7127</v>
      </c>
      <c r="U1249" s="75" t="s">
        <v>5331</v>
      </c>
      <c r="V1249" s="47" t="s">
        <v>5331</v>
      </c>
      <c r="W1249" s="47" t="s">
        <v>5331</v>
      </c>
      <c r="X1249" s="47" t="s">
        <v>5331</v>
      </c>
      <c r="Y1249" s="47" t="s">
        <v>5331</v>
      </c>
      <c r="Z1249" s="28"/>
      <c r="AA1249" s="27"/>
      <c r="AB1249" s="27"/>
      <c r="AC1249" s="27"/>
      <c r="AD1249" s="30"/>
      <c r="AE1249" s="1"/>
      <c r="AF1249" s="23" t="s">
        <v>5331</v>
      </c>
      <c r="AG1249" s="26"/>
      <c r="AH1249" s="53"/>
    </row>
    <row r="1250" spans="1:34" ht="51.6" customHeight="1" x14ac:dyDescent="0.45">
      <c r="A1250" s="23">
        <v>1244</v>
      </c>
      <c r="B1250" s="25"/>
      <c r="C1250" s="25"/>
      <c r="D1250" s="29"/>
      <c r="E1250" s="1"/>
      <c r="F1250" s="1"/>
      <c r="G1250" s="25"/>
      <c r="H1250" s="71"/>
      <c r="I1250" s="83"/>
      <c r="J1250" s="50" t="str">
        <f t="shared" si="40"/>
        <v/>
      </c>
      <c r="K1250" s="23" t="s">
        <v>7120</v>
      </c>
      <c r="L1250" s="49" t="e">
        <f>VLOOKUP(E1250&amp;F1250,団体コード!$A$1:$C$1743,3,FALSE)</f>
        <v>#N/A</v>
      </c>
      <c r="M1250" s="49" t="e">
        <f>VLOOKUP(E1250&amp;F1250,団体コード!$A$1:$C$1743,2,FALSE)</f>
        <v>#N/A</v>
      </c>
      <c r="N1250" s="51" t="e">
        <f>VLOOKUP(E1250,団体コード!$E$1:$F$48,2,FALSE)</f>
        <v>#N/A</v>
      </c>
      <c r="O1250" s="51" t="e">
        <f t="shared" si="41"/>
        <v>#N/A</v>
      </c>
      <c r="P1250" s="51">
        <v>1</v>
      </c>
      <c r="Q1250" s="51" t="s">
        <v>5341</v>
      </c>
      <c r="R1250" s="54" t="b">
        <v>1</v>
      </c>
      <c r="S1250" s="52" t="s">
        <v>7126</v>
      </c>
      <c r="T1250" s="67" t="s">
        <v>7127</v>
      </c>
      <c r="U1250" s="75" t="s">
        <v>5331</v>
      </c>
      <c r="V1250" s="47" t="s">
        <v>5331</v>
      </c>
      <c r="W1250" s="47" t="s">
        <v>5331</v>
      </c>
      <c r="X1250" s="47" t="s">
        <v>5331</v>
      </c>
      <c r="Y1250" s="47" t="s">
        <v>5331</v>
      </c>
      <c r="Z1250" s="28"/>
      <c r="AA1250" s="27"/>
      <c r="AB1250" s="27"/>
      <c r="AC1250" s="27"/>
      <c r="AD1250" s="30"/>
      <c r="AE1250" s="1"/>
      <c r="AF1250" s="23" t="s">
        <v>5331</v>
      </c>
      <c r="AG1250" s="26"/>
      <c r="AH1250" s="53"/>
    </row>
    <row r="1251" spans="1:34" ht="51.6" customHeight="1" x14ac:dyDescent="0.45">
      <c r="A1251" s="23">
        <v>1245</v>
      </c>
      <c r="B1251" s="25"/>
      <c r="C1251" s="25"/>
      <c r="D1251" s="29"/>
      <c r="E1251" s="1"/>
      <c r="F1251" s="1"/>
      <c r="G1251" s="25"/>
      <c r="H1251" s="71"/>
      <c r="I1251" s="83"/>
      <c r="J1251" s="50" t="str">
        <f t="shared" si="40"/>
        <v/>
      </c>
      <c r="K1251" s="23" t="s">
        <v>7120</v>
      </c>
      <c r="L1251" s="49" t="e">
        <f>VLOOKUP(E1251&amp;F1251,団体コード!$A$1:$C$1743,3,FALSE)</f>
        <v>#N/A</v>
      </c>
      <c r="M1251" s="49" t="e">
        <f>VLOOKUP(E1251&amp;F1251,団体コード!$A$1:$C$1743,2,FALSE)</f>
        <v>#N/A</v>
      </c>
      <c r="N1251" s="51" t="e">
        <f>VLOOKUP(E1251,団体コード!$E$1:$F$48,2,FALSE)</f>
        <v>#N/A</v>
      </c>
      <c r="O1251" s="51" t="e">
        <f t="shared" si="41"/>
        <v>#N/A</v>
      </c>
      <c r="P1251" s="51">
        <v>1</v>
      </c>
      <c r="Q1251" s="51" t="s">
        <v>5341</v>
      </c>
      <c r="R1251" s="54" t="b">
        <v>1</v>
      </c>
      <c r="S1251" s="52" t="s">
        <v>7126</v>
      </c>
      <c r="T1251" s="67" t="s">
        <v>7127</v>
      </c>
      <c r="U1251" s="75" t="s">
        <v>5331</v>
      </c>
      <c r="V1251" s="47" t="s">
        <v>5331</v>
      </c>
      <c r="W1251" s="47" t="s">
        <v>5331</v>
      </c>
      <c r="X1251" s="47" t="s">
        <v>5331</v>
      </c>
      <c r="Y1251" s="47" t="s">
        <v>5331</v>
      </c>
      <c r="Z1251" s="28"/>
      <c r="AA1251" s="27"/>
      <c r="AB1251" s="27"/>
      <c r="AC1251" s="27"/>
      <c r="AD1251" s="30"/>
      <c r="AE1251" s="1"/>
      <c r="AF1251" s="23" t="s">
        <v>5331</v>
      </c>
      <c r="AG1251" s="26"/>
      <c r="AH1251" s="53"/>
    </row>
    <row r="1252" spans="1:34" ht="51.6" customHeight="1" x14ac:dyDescent="0.45">
      <c r="A1252" s="23">
        <v>1246</v>
      </c>
      <c r="B1252" s="25"/>
      <c r="C1252" s="25"/>
      <c r="D1252" s="29"/>
      <c r="E1252" s="1"/>
      <c r="F1252" s="1"/>
      <c r="G1252" s="25"/>
      <c r="H1252" s="71"/>
      <c r="I1252" s="83"/>
      <c r="J1252" s="50" t="str">
        <f t="shared" si="40"/>
        <v/>
      </c>
      <c r="K1252" s="23" t="s">
        <v>7120</v>
      </c>
      <c r="L1252" s="49" t="e">
        <f>VLOOKUP(E1252&amp;F1252,団体コード!$A$1:$C$1743,3,FALSE)</f>
        <v>#N/A</v>
      </c>
      <c r="M1252" s="49" t="e">
        <f>VLOOKUP(E1252&amp;F1252,団体コード!$A$1:$C$1743,2,FALSE)</f>
        <v>#N/A</v>
      </c>
      <c r="N1252" s="51" t="e">
        <f>VLOOKUP(E1252,団体コード!$E$1:$F$48,2,FALSE)</f>
        <v>#N/A</v>
      </c>
      <c r="O1252" s="51" t="e">
        <f t="shared" si="41"/>
        <v>#N/A</v>
      </c>
      <c r="P1252" s="51">
        <v>1</v>
      </c>
      <c r="Q1252" s="51" t="s">
        <v>5341</v>
      </c>
      <c r="R1252" s="54" t="b">
        <v>1</v>
      </c>
      <c r="S1252" s="52" t="s">
        <v>7126</v>
      </c>
      <c r="T1252" s="67" t="s">
        <v>7127</v>
      </c>
      <c r="U1252" s="75" t="s">
        <v>5331</v>
      </c>
      <c r="V1252" s="47" t="s">
        <v>5331</v>
      </c>
      <c r="W1252" s="47" t="s">
        <v>5331</v>
      </c>
      <c r="X1252" s="47" t="s">
        <v>5331</v>
      </c>
      <c r="Y1252" s="47" t="s">
        <v>5331</v>
      </c>
      <c r="Z1252" s="28"/>
      <c r="AA1252" s="27"/>
      <c r="AB1252" s="27"/>
      <c r="AC1252" s="27"/>
      <c r="AD1252" s="30"/>
      <c r="AE1252" s="1"/>
      <c r="AF1252" s="23" t="s">
        <v>5331</v>
      </c>
      <c r="AG1252" s="26"/>
      <c r="AH1252" s="53"/>
    </row>
    <row r="1253" spans="1:34" ht="51.6" customHeight="1" x14ac:dyDescent="0.45">
      <c r="A1253" s="23">
        <v>1247</v>
      </c>
      <c r="B1253" s="25"/>
      <c r="C1253" s="25"/>
      <c r="D1253" s="29"/>
      <c r="E1253" s="1"/>
      <c r="F1253" s="1"/>
      <c r="G1253" s="25"/>
      <c r="H1253" s="71"/>
      <c r="I1253" s="83"/>
      <c r="J1253" s="50" t="str">
        <f t="shared" si="40"/>
        <v/>
      </c>
      <c r="K1253" s="23" t="s">
        <v>7120</v>
      </c>
      <c r="L1253" s="49" t="e">
        <f>VLOOKUP(E1253&amp;F1253,団体コード!$A$1:$C$1743,3,FALSE)</f>
        <v>#N/A</v>
      </c>
      <c r="M1253" s="49" t="e">
        <f>VLOOKUP(E1253&amp;F1253,団体コード!$A$1:$C$1743,2,FALSE)</f>
        <v>#N/A</v>
      </c>
      <c r="N1253" s="51" t="e">
        <f>VLOOKUP(E1253,団体コード!$E$1:$F$48,2,FALSE)</f>
        <v>#N/A</v>
      </c>
      <c r="O1253" s="51" t="e">
        <f t="shared" si="41"/>
        <v>#N/A</v>
      </c>
      <c r="P1253" s="51">
        <v>1</v>
      </c>
      <c r="Q1253" s="51" t="s">
        <v>5341</v>
      </c>
      <c r="R1253" s="54" t="b">
        <v>1</v>
      </c>
      <c r="S1253" s="52" t="s">
        <v>7126</v>
      </c>
      <c r="T1253" s="67" t="s">
        <v>7127</v>
      </c>
      <c r="U1253" s="75" t="s">
        <v>5331</v>
      </c>
      <c r="V1253" s="47" t="s">
        <v>5331</v>
      </c>
      <c r="W1253" s="47" t="s">
        <v>5331</v>
      </c>
      <c r="X1253" s="47" t="s">
        <v>5331</v>
      </c>
      <c r="Y1253" s="47" t="s">
        <v>5331</v>
      </c>
      <c r="Z1253" s="28"/>
      <c r="AA1253" s="27"/>
      <c r="AB1253" s="27"/>
      <c r="AC1253" s="27"/>
      <c r="AD1253" s="30"/>
      <c r="AE1253" s="1"/>
      <c r="AF1253" s="23" t="s">
        <v>5331</v>
      </c>
      <c r="AG1253" s="26"/>
      <c r="AH1253" s="53"/>
    </row>
    <row r="1254" spans="1:34" ht="51.6" customHeight="1" x14ac:dyDescent="0.45">
      <c r="A1254" s="23">
        <v>1248</v>
      </c>
      <c r="B1254" s="25"/>
      <c r="C1254" s="25"/>
      <c r="D1254" s="29"/>
      <c r="E1254" s="1"/>
      <c r="F1254" s="1"/>
      <c r="G1254" s="25"/>
      <c r="H1254" s="71"/>
      <c r="I1254" s="83"/>
      <c r="J1254" s="50" t="str">
        <f t="shared" si="40"/>
        <v/>
      </c>
      <c r="K1254" s="23" t="s">
        <v>7120</v>
      </c>
      <c r="L1254" s="49" t="e">
        <f>VLOOKUP(E1254&amp;F1254,団体コード!$A$1:$C$1743,3,FALSE)</f>
        <v>#N/A</v>
      </c>
      <c r="M1254" s="49" t="e">
        <f>VLOOKUP(E1254&amp;F1254,団体コード!$A$1:$C$1743,2,FALSE)</f>
        <v>#N/A</v>
      </c>
      <c r="N1254" s="51" t="e">
        <f>VLOOKUP(E1254,団体コード!$E$1:$F$48,2,FALSE)</f>
        <v>#N/A</v>
      </c>
      <c r="O1254" s="51" t="e">
        <f t="shared" si="41"/>
        <v>#N/A</v>
      </c>
      <c r="P1254" s="51">
        <v>1</v>
      </c>
      <c r="Q1254" s="51" t="s">
        <v>5341</v>
      </c>
      <c r="R1254" s="54" t="b">
        <v>1</v>
      </c>
      <c r="S1254" s="52" t="s">
        <v>7126</v>
      </c>
      <c r="T1254" s="67" t="s">
        <v>7127</v>
      </c>
      <c r="U1254" s="75" t="s">
        <v>5331</v>
      </c>
      <c r="V1254" s="47" t="s">
        <v>5331</v>
      </c>
      <c r="W1254" s="47" t="s">
        <v>5331</v>
      </c>
      <c r="X1254" s="47" t="s">
        <v>5331</v>
      </c>
      <c r="Y1254" s="47" t="s">
        <v>5331</v>
      </c>
      <c r="Z1254" s="28"/>
      <c r="AA1254" s="27"/>
      <c r="AB1254" s="27"/>
      <c r="AC1254" s="27"/>
      <c r="AD1254" s="30"/>
      <c r="AE1254" s="1"/>
      <c r="AF1254" s="23" t="s">
        <v>5331</v>
      </c>
      <c r="AG1254" s="26"/>
      <c r="AH1254" s="53"/>
    </row>
    <row r="1255" spans="1:34" ht="51.6" customHeight="1" x14ac:dyDescent="0.45">
      <c r="A1255" s="23">
        <v>1249</v>
      </c>
      <c r="B1255" s="25"/>
      <c r="C1255" s="25"/>
      <c r="D1255" s="29"/>
      <c r="E1255" s="1"/>
      <c r="F1255" s="1"/>
      <c r="G1255" s="25"/>
      <c r="H1255" s="71"/>
      <c r="I1255" s="83"/>
      <c r="J1255" s="50" t="str">
        <f t="shared" si="40"/>
        <v/>
      </c>
      <c r="K1255" s="23" t="s">
        <v>7120</v>
      </c>
      <c r="L1255" s="49" t="e">
        <f>VLOOKUP(E1255&amp;F1255,団体コード!$A$1:$C$1743,3,FALSE)</f>
        <v>#N/A</v>
      </c>
      <c r="M1255" s="49" t="e">
        <f>VLOOKUP(E1255&amp;F1255,団体コード!$A$1:$C$1743,2,FALSE)</f>
        <v>#N/A</v>
      </c>
      <c r="N1255" s="51" t="e">
        <f>VLOOKUP(E1255,団体コード!$E$1:$F$48,2,FALSE)</f>
        <v>#N/A</v>
      </c>
      <c r="O1255" s="51" t="e">
        <f t="shared" si="41"/>
        <v>#N/A</v>
      </c>
      <c r="P1255" s="51">
        <v>1</v>
      </c>
      <c r="Q1255" s="51" t="s">
        <v>5341</v>
      </c>
      <c r="R1255" s="54" t="b">
        <v>1</v>
      </c>
      <c r="S1255" s="52" t="s">
        <v>7126</v>
      </c>
      <c r="T1255" s="67" t="s">
        <v>7127</v>
      </c>
      <c r="U1255" s="75" t="s">
        <v>5331</v>
      </c>
      <c r="V1255" s="47" t="s">
        <v>5331</v>
      </c>
      <c r="W1255" s="47" t="s">
        <v>5331</v>
      </c>
      <c r="X1255" s="47" t="s">
        <v>5331</v>
      </c>
      <c r="Y1255" s="47" t="s">
        <v>5331</v>
      </c>
      <c r="Z1255" s="28"/>
      <c r="AA1255" s="27"/>
      <c r="AB1255" s="27"/>
      <c r="AC1255" s="27"/>
      <c r="AD1255" s="30"/>
      <c r="AE1255" s="1"/>
      <c r="AF1255" s="23" t="s">
        <v>5331</v>
      </c>
      <c r="AG1255" s="26"/>
      <c r="AH1255" s="53"/>
    </row>
    <row r="1256" spans="1:34" ht="51.6" customHeight="1" x14ac:dyDescent="0.45">
      <c r="A1256" s="23">
        <v>1250</v>
      </c>
      <c r="B1256" s="25"/>
      <c r="C1256" s="25"/>
      <c r="D1256" s="29"/>
      <c r="E1256" s="1"/>
      <c r="F1256" s="1"/>
      <c r="G1256" s="25"/>
      <c r="H1256" s="71"/>
      <c r="I1256" s="83"/>
      <c r="J1256" s="50" t="str">
        <f t="shared" si="40"/>
        <v/>
      </c>
      <c r="K1256" s="23" t="s">
        <v>7120</v>
      </c>
      <c r="L1256" s="49" t="e">
        <f>VLOOKUP(E1256&amp;F1256,団体コード!$A$1:$C$1743,3,FALSE)</f>
        <v>#N/A</v>
      </c>
      <c r="M1256" s="49" t="e">
        <f>VLOOKUP(E1256&amp;F1256,団体コード!$A$1:$C$1743,2,FALSE)</f>
        <v>#N/A</v>
      </c>
      <c r="N1256" s="51" t="e">
        <f>VLOOKUP(E1256,団体コード!$E$1:$F$48,2,FALSE)</f>
        <v>#N/A</v>
      </c>
      <c r="O1256" s="51" t="e">
        <f t="shared" si="41"/>
        <v>#N/A</v>
      </c>
      <c r="P1256" s="51">
        <v>1</v>
      </c>
      <c r="Q1256" s="51" t="s">
        <v>5341</v>
      </c>
      <c r="R1256" s="54" t="b">
        <v>1</v>
      </c>
      <c r="S1256" s="52" t="s">
        <v>7126</v>
      </c>
      <c r="T1256" s="67" t="s">
        <v>7127</v>
      </c>
      <c r="U1256" s="75" t="s">
        <v>5331</v>
      </c>
      <c r="V1256" s="47" t="s">
        <v>5331</v>
      </c>
      <c r="W1256" s="47" t="s">
        <v>5331</v>
      </c>
      <c r="X1256" s="47" t="s">
        <v>5331</v>
      </c>
      <c r="Y1256" s="47" t="s">
        <v>5331</v>
      </c>
      <c r="Z1256" s="28"/>
      <c r="AA1256" s="27"/>
      <c r="AB1256" s="27"/>
      <c r="AC1256" s="27"/>
      <c r="AD1256" s="30"/>
      <c r="AE1256" s="1"/>
      <c r="AF1256" s="23" t="s">
        <v>5331</v>
      </c>
      <c r="AG1256" s="26"/>
      <c r="AH1256" s="53"/>
    </row>
    <row r="1257" spans="1:34" ht="51.6" customHeight="1" x14ac:dyDescent="0.45">
      <c r="A1257" s="23">
        <v>1251</v>
      </c>
      <c r="B1257" s="25"/>
      <c r="C1257" s="25"/>
      <c r="D1257" s="29"/>
      <c r="E1257" s="1"/>
      <c r="F1257" s="1"/>
      <c r="G1257" s="25"/>
      <c r="H1257" s="71"/>
      <c r="I1257" s="83"/>
      <c r="J1257" s="50" t="str">
        <f t="shared" si="40"/>
        <v/>
      </c>
      <c r="K1257" s="23" t="s">
        <v>7120</v>
      </c>
      <c r="L1257" s="49" t="e">
        <f>VLOOKUP(E1257&amp;F1257,団体コード!$A$1:$C$1743,3,FALSE)</f>
        <v>#N/A</v>
      </c>
      <c r="M1257" s="49" t="e">
        <f>VLOOKUP(E1257&amp;F1257,団体コード!$A$1:$C$1743,2,FALSE)</f>
        <v>#N/A</v>
      </c>
      <c r="N1257" s="51" t="e">
        <f>VLOOKUP(E1257,団体コード!$E$1:$F$48,2,FALSE)</f>
        <v>#N/A</v>
      </c>
      <c r="O1257" s="51" t="e">
        <f t="shared" si="41"/>
        <v>#N/A</v>
      </c>
      <c r="P1257" s="51">
        <v>1</v>
      </c>
      <c r="Q1257" s="51" t="s">
        <v>5341</v>
      </c>
      <c r="R1257" s="54" t="b">
        <v>1</v>
      </c>
      <c r="S1257" s="52" t="s">
        <v>7126</v>
      </c>
      <c r="T1257" s="67" t="s">
        <v>7127</v>
      </c>
      <c r="U1257" s="75" t="s">
        <v>5331</v>
      </c>
      <c r="V1257" s="47" t="s">
        <v>5331</v>
      </c>
      <c r="W1257" s="47" t="s">
        <v>5331</v>
      </c>
      <c r="X1257" s="47" t="s">
        <v>5331</v>
      </c>
      <c r="Y1257" s="47" t="s">
        <v>5331</v>
      </c>
      <c r="Z1257" s="28"/>
      <c r="AA1257" s="27"/>
      <c r="AB1257" s="27"/>
      <c r="AC1257" s="27"/>
      <c r="AD1257" s="30"/>
      <c r="AE1257" s="1"/>
      <c r="AF1257" s="23" t="s">
        <v>5331</v>
      </c>
      <c r="AG1257" s="26"/>
      <c r="AH1257" s="53"/>
    </row>
    <row r="1258" spans="1:34" ht="51.6" customHeight="1" x14ac:dyDescent="0.45">
      <c r="A1258" s="23">
        <v>1252</v>
      </c>
      <c r="B1258" s="25"/>
      <c r="C1258" s="25"/>
      <c r="D1258" s="29"/>
      <c r="E1258" s="1"/>
      <c r="F1258" s="1"/>
      <c r="G1258" s="25"/>
      <c r="H1258" s="71"/>
      <c r="I1258" s="83"/>
      <c r="J1258" s="50" t="str">
        <f t="shared" si="40"/>
        <v/>
      </c>
      <c r="K1258" s="23" t="s">
        <v>7120</v>
      </c>
      <c r="L1258" s="49" t="e">
        <f>VLOOKUP(E1258&amp;F1258,団体コード!$A$1:$C$1743,3,FALSE)</f>
        <v>#N/A</v>
      </c>
      <c r="M1258" s="49" t="e">
        <f>VLOOKUP(E1258&amp;F1258,団体コード!$A$1:$C$1743,2,FALSE)</f>
        <v>#N/A</v>
      </c>
      <c r="N1258" s="51" t="e">
        <f>VLOOKUP(E1258,団体コード!$E$1:$F$48,2,FALSE)</f>
        <v>#N/A</v>
      </c>
      <c r="O1258" s="51" t="e">
        <f t="shared" si="41"/>
        <v>#N/A</v>
      </c>
      <c r="P1258" s="51">
        <v>1</v>
      </c>
      <c r="Q1258" s="51" t="s">
        <v>5341</v>
      </c>
      <c r="R1258" s="54" t="b">
        <v>1</v>
      </c>
      <c r="S1258" s="52" t="s">
        <v>7126</v>
      </c>
      <c r="T1258" s="67" t="s">
        <v>7127</v>
      </c>
      <c r="U1258" s="75" t="s">
        <v>5331</v>
      </c>
      <c r="V1258" s="47" t="s">
        <v>5331</v>
      </c>
      <c r="W1258" s="47" t="s">
        <v>5331</v>
      </c>
      <c r="X1258" s="47" t="s">
        <v>5331</v>
      </c>
      <c r="Y1258" s="47" t="s">
        <v>5331</v>
      </c>
      <c r="Z1258" s="28"/>
      <c r="AA1258" s="27"/>
      <c r="AB1258" s="27"/>
      <c r="AC1258" s="27"/>
      <c r="AD1258" s="30"/>
      <c r="AE1258" s="1"/>
      <c r="AF1258" s="23" t="s">
        <v>5331</v>
      </c>
      <c r="AG1258" s="26"/>
      <c r="AH1258" s="53"/>
    </row>
    <row r="1259" spans="1:34" ht="51.6" customHeight="1" x14ac:dyDescent="0.45">
      <c r="A1259" s="23">
        <v>1253</v>
      </c>
      <c r="B1259" s="25"/>
      <c r="C1259" s="25"/>
      <c r="D1259" s="29"/>
      <c r="E1259" s="1"/>
      <c r="F1259" s="1"/>
      <c r="G1259" s="25"/>
      <c r="H1259" s="71"/>
      <c r="I1259" s="83"/>
      <c r="J1259" s="50" t="str">
        <f t="shared" si="40"/>
        <v/>
      </c>
      <c r="K1259" s="23" t="s">
        <v>7120</v>
      </c>
      <c r="L1259" s="49" t="e">
        <f>VLOOKUP(E1259&amp;F1259,団体コード!$A$1:$C$1743,3,FALSE)</f>
        <v>#N/A</v>
      </c>
      <c r="M1259" s="49" t="e">
        <f>VLOOKUP(E1259&amp;F1259,団体コード!$A$1:$C$1743,2,FALSE)</f>
        <v>#N/A</v>
      </c>
      <c r="N1259" s="51" t="e">
        <f>VLOOKUP(E1259,団体コード!$E$1:$F$48,2,FALSE)</f>
        <v>#N/A</v>
      </c>
      <c r="O1259" s="51" t="e">
        <f t="shared" si="41"/>
        <v>#N/A</v>
      </c>
      <c r="P1259" s="51">
        <v>1</v>
      </c>
      <c r="Q1259" s="51" t="s">
        <v>5341</v>
      </c>
      <c r="R1259" s="54" t="b">
        <v>1</v>
      </c>
      <c r="S1259" s="52" t="s">
        <v>7126</v>
      </c>
      <c r="T1259" s="67" t="s">
        <v>7127</v>
      </c>
      <c r="U1259" s="75" t="s">
        <v>5331</v>
      </c>
      <c r="V1259" s="47" t="s">
        <v>5331</v>
      </c>
      <c r="W1259" s="47" t="s">
        <v>5331</v>
      </c>
      <c r="X1259" s="47" t="s">
        <v>5331</v>
      </c>
      <c r="Y1259" s="47" t="s">
        <v>5331</v>
      </c>
      <c r="Z1259" s="28"/>
      <c r="AA1259" s="27"/>
      <c r="AB1259" s="27"/>
      <c r="AC1259" s="27"/>
      <c r="AD1259" s="30"/>
      <c r="AE1259" s="1"/>
      <c r="AF1259" s="23" t="s">
        <v>5331</v>
      </c>
      <c r="AG1259" s="26"/>
      <c r="AH1259" s="53"/>
    </row>
    <row r="1260" spans="1:34" ht="51.6" customHeight="1" x14ac:dyDescent="0.45">
      <c r="A1260" s="23">
        <v>1254</v>
      </c>
      <c r="B1260" s="25"/>
      <c r="C1260" s="25"/>
      <c r="D1260" s="29"/>
      <c r="E1260" s="1"/>
      <c r="F1260" s="1"/>
      <c r="G1260" s="25"/>
      <c r="H1260" s="71"/>
      <c r="I1260" s="83"/>
      <c r="J1260" s="50" t="str">
        <f t="shared" si="40"/>
        <v/>
      </c>
      <c r="K1260" s="23" t="s">
        <v>7120</v>
      </c>
      <c r="L1260" s="49" t="e">
        <f>VLOOKUP(E1260&amp;F1260,団体コード!$A$1:$C$1743,3,FALSE)</f>
        <v>#N/A</v>
      </c>
      <c r="M1260" s="49" t="e">
        <f>VLOOKUP(E1260&amp;F1260,団体コード!$A$1:$C$1743,2,FALSE)</f>
        <v>#N/A</v>
      </c>
      <c r="N1260" s="51" t="e">
        <f>VLOOKUP(E1260,団体コード!$E$1:$F$48,2,FALSE)</f>
        <v>#N/A</v>
      </c>
      <c r="O1260" s="51" t="e">
        <f t="shared" si="41"/>
        <v>#N/A</v>
      </c>
      <c r="P1260" s="51">
        <v>1</v>
      </c>
      <c r="Q1260" s="51" t="s">
        <v>5341</v>
      </c>
      <c r="R1260" s="54" t="b">
        <v>1</v>
      </c>
      <c r="S1260" s="52" t="s">
        <v>7126</v>
      </c>
      <c r="T1260" s="67" t="s">
        <v>7127</v>
      </c>
      <c r="U1260" s="75" t="s">
        <v>5331</v>
      </c>
      <c r="V1260" s="47" t="s">
        <v>5331</v>
      </c>
      <c r="W1260" s="47" t="s">
        <v>5331</v>
      </c>
      <c r="X1260" s="47" t="s">
        <v>5331</v>
      </c>
      <c r="Y1260" s="47" t="s">
        <v>5331</v>
      </c>
      <c r="Z1260" s="28"/>
      <c r="AA1260" s="27"/>
      <c r="AB1260" s="27"/>
      <c r="AC1260" s="27"/>
      <c r="AD1260" s="30"/>
      <c r="AE1260" s="1"/>
      <c r="AF1260" s="23" t="s">
        <v>5331</v>
      </c>
      <c r="AG1260" s="26"/>
      <c r="AH1260" s="53"/>
    </row>
    <row r="1261" spans="1:34" ht="51.6" customHeight="1" x14ac:dyDescent="0.45">
      <c r="A1261" s="23">
        <v>1255</v>
      </c>
      <c r="B1261" s="25"/>
      <c r="C1261" s="25"/>
      <c r="D1261" s="29"/>
      <c r="E1261" s="1"/>
      <c r="F1261" s="1"/>
      <c r="G1261" s="25"/>
      <c r="H1261" s="71"/>
      <c r="I1261" s="83"/>
      <c r="J1261" s="50" t="str">
        <f t="shared" si="40"/>
        <v/>
      </c>
      <c r="K1261" s="23" t="s">
        <v>7120</v>
      </c>
      <c r="L1261" s="49" t="e">
        <f>VLOOKUP(E1261&amp;F1261,団体コード!$A$1:$C$1743,3,FALSE)</f>
        <v>#N/A</v>
      </c>
      <c r="M1261" s="49" t="e">
        <f>VLOOKUP(E1261&amp;F1261,団体コード!$A$1:$C$1743,2,FALSE)</f>
        <v>#N/A</v>
      </c>
      <c r="N1261" s="51" t="e">
        <f>VLOOKUP(E1261,団体コード!$E$1:$F$48,2,FALSE)</f>
        <v>#N/A</v>
      </c>
      <c r="O1261" s="51" t="e">
        <f t="shared" si="41"/>
        <v>#N/A</v>
      </c>
      <c r="P1261" s="51">
        <v>1</v>
      </c>
      <c r="Q1261" s="51" t="s">
        <v>5341</v>
      </c>
      <c r="R1261" s="54" t="b">
        <v>1</v>
      </c>
      <c r="S1261" s="52" t="s">
        <v>7126</v>
      </c>
      <c r="T1261" s="67" t="s">
        <v>7127</v>
      </c>
      <c r="U1261" s="75" t="s">
        <v>5331</v>
      </c>
      <c r="V1261" s="47" t="s">
        <v>5331</v>
      </c>
      <c r="W1261" s="47" t="s">
        <v>5331</v>
      </c>
      <c r="X1261" s="47" t="s">
        <v>5331</v>
      </c>
      <c r="Y1261" s="47" t="s">
        <v>5331</v>
      </c>
      <c r="Z1261" s="28"/>
      <c r="AA1261" s="27"/>
      <c r="AB1261" s="27"/>
      <c r="AC1261" s="27"/>
      <c r="AD1261" s="30"/>
      <c r="AE1261" s="1"/>
      <c r="AF1261" s="23" t="s">
        <v>5331</v>
      </c>
      <c r="AG1261" s="26"/>
      <c r="AH1261" s="53"/>
    </row>
    <row r="1262" spans="1:34" ht="51.6" customHeight="1" x14ac:dyDescent="0.45">
      <c r="A1262" s="23">
        <v>1256</v>
      </c>
      <c r="B1262" s="25"/>
      <c r="C1262" s="25"/>
      <c r="D1262" s="29"/>
      <c r="E1262" s="1"/>
      <c r="F1262" s="1"/>
      <c r="G1262" s="25"/>
      <c r="H1262" s="71"/>
      <c r="I1262" s="83"/>
      <c r="J1262" s="50" t="str">
        <f t="shared" si="40"/>
        <v/>
      </c>
      <c r="K1262" s="23" t="s">
        <v>7120</v>
      </c>
      <c r="L1262" s="49" t="e">
        <f>VLOOKUP(E1262&amp;F1262,団体コード!$A$1:$C$1743,3,FALSE)</f>
        <v>#N/A</v>
      </c>
      <c r="M1262" s="49" t="e">
        <f>VLOOKUP(E1262&amp;F1262,団体コード!$A$1:$C$1743,2,FALSE)</f>
        <v>#N/A</v>
      </c>
      <c r="N1262" s="51" t="e">
        <f>VLOOKUP(E1262,団体コード!$E$1:$F$48,2,FALSE)</f>
        <v>#N/A</v>
      </c>
      <c r="O1262" s="51" t="e">
        <f t="shared" si="41"/>
        <v>#N/A</v>
      </c>
      <c r="P1262" s="51">
        <v>1</v>
      </c>
      <c r="Q1262" s="51" t="s">
        <v>5341</v>
      </c>
      <c r="R1262" s="54" t="b">
        <v>1</v>
      </c>
      <c r="S1262" s="52" t="s">
        <v>7126</v>
      </c>
      <c r="T1262" s="67" t="s">
        <v>7127</v>
      </c>
      <c r="U1262" s="75" t="s">
        <v>5331</v>
      </c>
      <c r="V1262" s="47" t="s">
        <v>5331</v>
      </c>
      <c r="W1262" s="47" t="s">
        <v>5331</v>
      </c>
      <c r="X1262" s="47" t="s">
        <v>5331</v>
      </c>
      <c r="Y1262" s="47" t="s">
        <v>5331</v>
      </c>
      <c r="Z1262" s="28"/>
      <c r="AA1262" s="27"/>
      <c r="AB1262" s="27"/>
      <c r="AC1262" s="27"/>
      <c r="AD1262" s="30"/>
      <c r="AE1262" s="1"/>
      <c r="AF1262" s="23" t="s">
        <v>5331</v>
      </c>
      <c r="AG1262" s="26"/>
      <c r="AH1262" s="53"/>
    </row>
    <row r="1263" spans="1:34" ht="51.6" customHeight="1" x14ac:dyDescent="0.45">
      <c r="A1263" s="23">
        <v>1257</v>
      </c>
      <c r="B1263" s="25"/>
      <c r="C1263" s="25"/>
      <c r="D1263" s="29"/>
      <c r="E1263" s="1"/>
      <c r="F1263" s="1"/>
      <c r="G1263" s="25"/>
      <c r="H1263" s="71"/>
      <c r="I1263" s="83"/>
      <c r="J1263" s="50" t="str">
        <f t="shared" si="40"/>
        <v/>
      </c>
      <c r="K1263" s="23" t="s">
        <v>7120</v>
      </c>
      <c r="L1263" s="49" t="e">
        <f>VLOOKUP(E1263&amp;F1263,団体コード!$A$1:$C$1743,3,FALSE)</f>
        <v>#N/A</v>
      </c>
      <c r="M1263" s="49" t="e">
        <f>VLOOKUP(E1263&amp;F1263,団体コード!$A$1:$C$1743,2,FALSE)</f>
        <v>#N/A</v>
      </c>
      <c r="N1263" s="51" t="e">
        <f>VLOOKUP(E1263,団体コード!$E$1:$F$48,2,FALSE)</f>
        <v>#N/A</v>
      </c>
      <c r="O1263" s="51" t="e">
        <f t="shared" si="41"/>
        <v>#N/A</v>
      </c>
      <c r="P1263" s="51">
        <v>1</v>
      </c>
      <c r="Q1263" s="51" t="s">
        <v>5341</v>
      </c>
      <c r="R1263" s="54" t="b">
        <v>1</v>
      </c>
      <c r="S1263" s="52" t="s">
        <v>7126</v>
      </c>
      <c r="T1263" s="67" t="s">
        <v>7127</v>
      </c>
      <c r="U1263" s="75" t="s">
        <v>5331</v>
      </c>
      <c r="V1263" s="47" t="s">
        <v>5331</v>
      </c>
      <c r="W1263" s="47" t="s">
        <v>5331</v>
      </c>
      <c r="X1263" s="47" t="s">
        <v>5331</v>
      </c>
      <c r="Y1263" s="47" t="s">
        <v>5331</v>
      </c>
      <c r="Z1263" s="28"/>
      <c r="AA1263" s="27"/>
      <c r="AB1263" s="27"/>
      <c r="AC1263" s="27"/>
      <c r="AD1263" s="30"/>
      <c r="AE1263" s="1"/>
      <c r="AF1263" s="23" t="s">
        <v>5331</v>
      </c>
      <c r="AG1263" s="26"/>
      <c r="AH1263" s="53"/>
    </row>
    <row r="1264" spans="1:34" ht="51.6" customHeight="1" x14ac:dyDescent="0.45">
      <c r="A1264" s="23">
        <v>1258</v>
      </c>
      <c r="B1264" s="25"/>
      <c r="C1264" s="25"/>
      <c r="D1264" s="29"/>
      <c r="E1264" s="1"/>
      <c r="F1264" s="1"/>
      <c r="G1264" s="25"/>
      <c r="H1264" s="71"/>
      <c r="I1264" s="83"/>
      <c r="J1264" s="50" t="str">
        <f t="shared" si="40"/>
        <v/>
      </c>
      <c r="K1264" s="23" t="s">
        <v>7120</v>
      </c>
      <c r="L1264" s="49" t="e">
        <f>VLOOKUP(E1264&amp;F1264,団体コード!$A$1:$C$1743,3,FALSE)</f>
        <v>#N/A</v>
      </c>
      <c r="M1264" s="49" t="e">
        <f>VLOOKUP(E1264&amp;F1264,団体コード!$A$1:$C$1743,2,FALSE)</f>
        <v>#N/A</v>
      </c>
      <c r="N1264" s="51" t="e">
        <f>VLOOKUP(E1264,団体コード!$E$1:$F$48,2,FALSE)</f>
        <v>#N/A</v>
      </c>
      <c r="O1264" s="51" t="e">
        <f t="shared" si="41"/>
        <v>#N/A</v>
      </c>
      <c r="P1264" s="51">
        <v>1</v>
      </c>
      <c r="Q1264" s="51" t="s">
        <v>5341</v>
      </c>
      <c r="R1264" s="54" t="b">
        <v>1</v>
      </c>
      <c r="S1264" s="52" t="s">
        <v>7126</v>
      </c>
      <c r="T1264" s="67" t="s">
        <v>7127</v>
      </c>
      <c r="U1264" s="75" t="s">
        <v>5331</v>
      </c>
      <c r="V1264" s="47" t="s">
        <v>5331</v>
      </c>
      <c r="W1264" s="47" t="s">
        <v>5331</v>
      </c>
      <c r="X1264" s="47" t="s">
        <v>5331</v>
      </c>
      <c r="Y1264" s="47" t="s">
        <v>5331</v>
      </c>
      <c r="Z1264" s="28"/>
      <c r="AA1264" s="27"/>
      <c r="AB1264" s="27"/>
      <c r="AC1264" s="27"/>
      <c r="AD1264" s="30"/>
      <c r="AE1264" s="1"/>
      <c r="AF1264" s="23" t="s">
        <v>5331</v>
      </c>
      <c r="AG1264" s="26"/>
      <c r="AH1264" s="53"/>
    </row>
    <row r="1265" spans="1:34" ht="51.6" customHeight="1" x14ac:dyDescent="0.45">
      <c r="A1265" s="23">
        <v>1259</v>
      </c>
      <c r="B1265" s="25"/>
      <c r="C1265" s="25"/>
      <c r="D1265" s="29"/>
      <c r="E1265" s="1"/>
      <c r="F1265" s="1"/>
      <c r="G1265" s="25"/>
      <c r="H1265" s="71"/>
      <c r="I1265" s="83"/>
      <c r="J1265" s="50" t="str">
        <f t="shared" si="40"/>
        <v/>
      </c>
      <c r="K1265" s="23" t="s">
        <v>7120</v>
      </c>
      <c r="L1265" s="49" t="e">
        <f>VLOOKUP(E1265&amp;F1265,団体コード!$A$1:$C$1743,3,FALSE)</f>
        <v>#N/A</v>
      </c>
      <c r="M1265" s="49" t="e">
        <f>VLOOKUP(E1265&amp;F1265,団体コード!$A$1:$C$1743,2,FALSE)</f>
        <v>#N/A</v>
      </c>
      <c r="N1265" s="51" t="e">
        <f>VLOOKUP(E1265,団体コード!$E$1:$F$48,2,FALSE)</f>
        <v>#N/A</v>
      </c>
      <c r="O1265" s="51" t="e">
        <f t="shared" si="41"/>
        <v>#N/A</v>
      </c>
      <c r="P1265" s="51">
        <v>1</v>
      </c>
      <c r="Q1265" s="51" t="s">
        <v>5341</v>
      </c>
      <c r="R1265" s="54" t="b">
        <v>1</v>
      </c>
      <c r="S1265" s="52" t="s">
        <v>7126</v>
      </c>
      <c r="T1265" s="67" t="s">
        <v>7127</v>
      </c>
      <c r="U1265" s="75" t="s">
        <v>5331</v>
      </c>
      <c r="V1265" s="47" t="s">
        <v>5331</v>
      </c>
      <c r="W1265" s="47" t="s">
        <v>5331</v>
      </c>
      <c r="X1265" s="47" t="s">
        <v>5331</v>
      </c>
      <c r="Y1265" s="47" t="s">
        <v>5331</v>
      </c>
      <c r="Z1265" s="28"/>
      <c r="AA1265" s="27"/>
      <c r="AB1265" s="27"/>
      <c r="AC1265" s="27"/>
      <c r="AD1265" s="30"/>
      <c r="AE1265" s="1"/>
      <c r="AF1265" s="23" t="s">
        <v>5331</v>
      </c>
      <c r="AG1265" s="26"/>
      <c r="AH1265" s="53"/>
    </row>
    <row r="1266" spans="1:34" ht="51.6" customHeight="1" x14ac:dyDescent="0.45">
      <c r="A1266" s="23">
        <v>1260</v>
      </c>
      <c r="B1266" s="25"/>
      <c r="C1266" s="25"/>
      <c r="D1266" s="29"/>
      <c r="E1266" s="1"/>
      <c r="F1266" s="1"/>
      <c r="G1266" s="25"/>
      <c r="H1266" s="71"/>
      <c r="I1266" s="83"/>
      <c r="J1266" s="50" t="str">
        <f t="shared" si="40"/>
        <v/>
      </c>
      <c r="K1266" s="23" t="s">
        <v>7120</v>
      </c>
      <c r="L1266" s="49" t="e">
        <f>VLOOKUP(E1266&amp;F1266,団体コード!$A$1:$C$1743,3,FALSE)</f>
        <v>#N/A</v>
      </c>
      <c r="M1266" s="49" t="e">
        <f>VLOOKUP(E1266&amp;F1266,団体コード!$A$1:$C$1743,2,FALSE)</f>
        <v>#N/A</v>
      </c>
      <c r="N1266" s="51" t="e">
        <f>VLOOKUP(E1266,団体コード!$E$1:$F$48,2,FALSE)</f>
        <v>#N/A</v>
      </c>
      <c r="O1266" s="51" t="e">
        <f t="shared" si="41"/>
        <v>#N/A</v>
      </c>
      <c r="P1266" s="51">
        <v>1</v>
      </c>
      <c r="Q1266" s="51" t="s">
        <v>5341</v>
      </c>
      <c r="R1266" s="54" t="b">
        <v>1</v>
      </c>
      <c r="S1266" s="52" t="s">
        <v>7126</v>
      </c>
      <c r="T1266" s="67" t="s">
        <v>7127</v>
      </c>
      <c r="U1266" s="75" t="s">
        <v>5331</v>
      </c>
      <c r="V1266" s="47" t="s">
        <v>5331</v>
      </c>
      <c r="W1266" s="47" t="s">
        <v>5331</v>
      </c>
      <c r="X1266" s="47" t="s">
        <v>5331</v>
      </c>
      <c r="Y1266" s="47" t="s">
        <v>5331</v>
      </c>
      <c r="Z1266" s="28"/>
      <c r="AA1266" s="27"/>
      <c r="AB1266" s="27"/>
      <c r="AC1266" s="27"/>
      <c r="AD1266" s="30"/>
      <c r="AE1266" s="1"/>
      <c r="AF1266" s="23" t="s">
        <v>5331</v>
      </c>
      <c r="AG1266" s="26"/>
      <c r="AH1266" s="53"/>
    </row>
    <row r="1267" spans="1:34" ht="51.6" customHeight="1" x14ac:dyDescent="0.45">
      <c r="A1267" s="23">
        <v>1261</v>
      </c>
      <c r="B1267" s="25"/>
      <c r="C1267" s="25"/>
      <c r="D1267" s="29"/>
      <c r="E1267" s="1"/>
      <c r="F1267" s="1"/>
      <c r="G1267" s="25"/>
      <c r="H1267" s="71"/>
      <c r="I1267" s="83"/>
      <c r="J1267" s="50" t="str">
        <f t="shared" si="40"/>
        <v/>
      </c>
      <c r="K1267" s="23" t="s">
        <v>7120</v>
      </c>
      <c r="L1267" s="49" t="e">
        <f>VLOOKUP(E1267&amp;F1267,団体コード!$A$1:$C$1743,3,FALSE)</f>
        <v>#N/A</v>
      </c>
      <c r="M1267" s="49" t="e">
        <f>VLOOKUP(E1267&amp;F1267,団体コード!$A$1:$C$1743,2,FALSE)</f>
        <v>#N/A</v>
      </c>
      <c r="N1267" s="51" t="e">
        <f>VLOOKUP(E1267,団体コード!$E$1:$F$48,2,FALSE)</f>
        <v>#N/A</v>
      </c>
      <c r="O1267" s="51" t="e">
        <f t="shared" si="41"/>
        <v>#N/A</v>
      </c>
      <c r="P1267" s="51">
        <v>1</v>
      </c>
      <c r="Q1267" s="51" t="s">
        <v>5341</v>
      </c>
      <c r="R1267" s="54" t="b">
        <v>1</v>
      </c>
      <c r="S1267" s="52" t="s">
        <v>7126</v>
      </c>
      <c r="T1267" s="67" t="s">
        <v>7127</v>
      </c>
      <c r="U1267" s="75" t="s">
        <v>5331</v>
      </c>
      <c r="V1267" s="47" t="s">
        <v>5331</v>
      </c>
      <c r="W1267" s="47" t="s">
        <v>5331</v>
      </c>
      <c r="X1267" s="47" t="s">
        <v>5331</v>
      </c>
      <c r="Y1267" s="47" t="s">
        <v>5331</v>
      </c>
      <c r="Z1267" s="28"/>
      <c r="AA1267" s="27"/>
      <c r="AB1267" s="27"/>
      <c r="AC1267" s="27"/>
      <c r="AD1267" s="30"/>
      <c r="AE1267" s="1"/>
      <c r="AF1267" s="23" t="s">
        <v>5331</v>
      </c>
      <c r="AG1267" s="26"/>
      <c r="AH1267" s="53"/>
    </row>
    <row r="1268" spans="1:34" ht="51.6" customHeight="1" x14ac:dyDescent="0.45">
      <c r="A1268" s="23">
        <v>1262</v>
      </c>
      <c r="B1268" s="25"/>
      <c r="C1268" s="25"/>
      <c r="D1268" s="29"/>
      <c r="E1268" s="1"/>
      <c r="F1268" s="1"/>
      <c r="G1268" s="25"/>
      <c r="H1268" s="71"/>
      <c r="I1268" s="83"/>
      <c r="J1268" s="50" t="str">
        <f t="shared" si="40"/>
        <v/>
      </c>
      <c r="K1268" s="23" t="s">
        <v>7120</v>
      </c>
      <c r="L1268" s="49" t="e">
        <f>VLOOKUP(E1268&amp;F1268,団体コード!$A$1:$C$1743,3,FALSE)</f>
        <v>#N/A</v>
      </c>
      <c r="M1268" s="49" t="e">
        <f>VLOOKUP(E1268&amp;F1268,団体コード!$A$1:$C$1743,2,FALSE)</f>
        <v>#N/A</v>
      </c>
      <c r="N1268" s="51" t="e">
        <f>VLOOKUP(E1268,団体コード!$E$1:$F$48,2,FALSE)</f>
        <v>#N/A</v>
      </c>
      <c r="O1268" s="51" t="e">
        <f t="shared" si="41"/>
        <v>#N/A</v>
      </c>
      <c r="P1268" s="51">
        <v>1</v>
      </c>
      <c r="Q1268" s="51" t="s">
        <v>5341</v>
      </c>
      <c r="R1268" s="54" t="b">
        <v>1</v>
      </c>
      <c r="S1268" s="52" t="s">
        <v>7126</v>
      </c>
      <c r="T1268" s="67" t="s">
        <v>7127</v>
      </c>
      <c r="U1268" s="75" t="s">
        <v>5331</v>
      </c>
      <c r="V1268" s="47" t="s">
        <v>5331</v>
      </c>
      <c r="W1268" s="47" t="s">
        <v>5331</v>
      </c>
      <c r="X1268" s="47" t="s">
        <v>5331</v>
      </c>
      <c r="Y1268" s="47" t="s">
        <v>5331</v>
      </c>
      <c r="Z1268" s="28"/>
      <c r="AA1268" s="27"/>
      <c r="AB1268" s="27"/>
      <c r="AC1268" s="27"/>
      <c r="AD1268" s="30"/>
      <c r="AE1268" s="1"/>
      <c r="AF1268" s="23" t="s">
        <v>5331</v>
      </c>
      <c r="AG1268" s="26"/>
      <c r="AH1268" s="53"/>
    </row>
    <row r="1269" spans="1:34" ht="51.6" customHeight="1" x14ac:dyDescent="0.45">
      <c r="A1269" s="23">
        <v>1263</v>
      </c>
      <c r="B1269" s="25"/>
      <c r="C1269" s="25"/>
      <c r="D1269" s="29"/>
      <c r="E1269" s="1"/>
      <c r="F1269" s="1"/>
      <c r="G1269" s="25"/>
      <c r="H1269" s="71"/>
      <c r="I1269" s="83"/>
      <c r="J1269" s="50" t="str">
        <f t="shared" si="40"/>
        <v/>
      </c>
      <c r="K1269" s="23" t="s">
        <v>7120</v>
      </c>
      <c r="L1269" s="49" t="e">
        <f>VLOOKUP(E1269&amp;F1269,団体コード!$A$1:$C$1743,3,FALSE)</f>
        <v>#N/A</v>
      </c>
      <c r="M1269" s="49" t="e">
        <f>VLOOKUP(E1269&amp;F1269,団体コード!$A$1:$C$1743,2,FALSE)</f>
        <v>#N/A</v>
      </c>
      <c r="N1269" s="51" t="e">
        <f>VLOOKUP(E1269,団体コード!$E$1:$F$48,2,FALSE)</f>
        <v>#N/A</v>
      </c>
      <c r="O1269" s="51" t="e">
        <f t="shared" si="41"/>
        <v>#N/A</v>
      </c>
      <c r="P1269" s="51">
        <v>1</v>
      </c>
      <c r="Q1269" s="51" t="s">
        <v>5341</v>
      </c>
      <c r="R1269" s="54" t="b">
        <v>1</v>
      </c>
      <c r="S1269" s="52" t="s">
        <v>7126</v>
      </c>
      <c r="T1269" s="67" t="s">
        <v>7127</v>
      </c>
      <c r="U1269" s="75" t="s">
        <v>5331</v>
      </c>
      <c r="V1269" s="47" t="s">
        <v>5331</v>
      </c>
      <c r="W1269" s="47" t="s">
        <v>5331</v>
      </c>
      <c r="X1269" s="47" t="s">
        <v>5331</v>
      </c>
      <c r="Y1269" s="47" t="s">
        <v>5331</v>
      </c>
      <c r="Z1269" s="28"/>
      <c r="AA1269" s="27"/>
      <c r="AB1269" s="27"/>
      <c r="AC1269" s="27"/>
      <c r="AD1269" s="30"/>
      <c r="AE1269" s="1"/>
      <c r="AF1269" s="23" t="s">
        <v>5331</v>
      </c>
      <c r="AG1269" s="26"/>
      <c r="AH1269" s="53"/>
    </row>
    <row r="1270" spans="1:34" ht="51.6" customHeight="1" x14ac:dyDescent="0.45">
      <c r="A1270" s="23">
        <v>1264</v>
      </c>
      <c r="B1270" s="25"/>
      <c r="C1270" s="25"/>
      <c r="D1270" s="29"/>
      <c r="E1270" s="1"/>
      <c r="F1270" s="1"/>
      <c r="G1270" s="25"/>
      <c r="H1270" s="71"/>
      <c r="I1270" s="83"/>
      <c r="J1270" s="50" t="str">
        <f t="shared" si="40"/>
        <v/>
      </c>
      <c r="K1270" s="23" t="s">
        <v>7120</v>
      </c>
      <c r="L1270" s="49" t="e">
        <f>VLOOKUP(E1270&amp;F1270,団体コード!$A$1:$C$1743,3,FALSE)</f>
        <v>#N/A</v>
      </c>
      <c r="M1270" s="49" t="e">
        <f>VLOOKUP(E1270&amp;F1270,団体コード!$A$1:$C$1743,2,FALSE)</f>
        <v>#N/A</v>
      </c>
      <c r="N1270" s="51" t="e">
        <f>VLOOKUP(E1270,団体コード!$E$1:$F$48,2,FALSE)</f>
        <v>#N/A</v>
      </c>
      <c r="O1270" s="51" t="e">
        <f t="shared" si="41"/>
        <v>#N/A</v>
      </c>
      <c r="P1270" s="51">
        <v>1</v>
      </c>
      <c r="Q1270" s="51" t="s">
        <v>5341</v>
      </c>
      <c r="R1270" s="54" t="b">
        <v>1</v>
      </c>
      <c r="S1270" s="52" t="s">
        <v>7126</v>
      </c>
      <c r="T1270" s="67" t="s">
        <v>7127</v>
      </c>
      <c r="U1270" s="75" t="s">
        <v>5331</v>
      </c>
      <c r="V1270" s="47" t="s">
        <v>5331</v>
      </c>
      <c r="W1270" s="47" t="s">
        <v>5331</v>
      </c>
      <c r="X1270" s="47" t="s">
        <v>5331</v>
      </c>
      <c r="Y1270" s="47" t="s">
        <v>5331</v>
      </c>
      <c r="Z1270" s="28"/>
      <c r="AA1270" s="27"/>
      <c r="AB1270" s="27"/>
      <c r="AC1270" s="27"/>
      <c r="AD1270" s="30"/>
      <c r="AE1270" s="1"/>
      <c r="AF1270" s="23" t="s">
        <v>5331</v>
      </c>
      <c r="AG1270" s="26"/>
      <c r="AH1270" s="53"/>
    </row>
    <row r="1271" spans="1:34" ht="51.6" customHeight="1" x14ac:dyDescent="0.45">
      <c r="A1271" s="23">
        <v>1265</v>
      </c>
      <c r="B1271" s="25"/>
      <c r="C1271" s="25"/>
      <c r="D1271" s="29"/>
      <c r="E1271" s="1"/>
      <c r="F1271" s="1"/>
      <c r="G1271" s="25"/>
      <c r="H1271" s="71"/>
      <c r="I1271" s="83"/>
      <c r="J1271" s="50" t="str">
        <f t="shared" si="40"/>
        <v/>
      </c>
      <c r="K1271" s="23" t="s">
        <v>7120</v>
      </c>
      <c r="L1271" s="49" t="e">
        <f>VLOOKUP(E1271&amp;F1271,団体コード!$A$1:$C$1743,3,FALSE)</f>
        <v>#N/A</v>
      </c>
      <c r="M1271" s="49" t="e">
        <f>VLOOKUP(E1271&amp;F1271,団体コード!$A$1:$C$1743,2,FALSE)</f>
        <v>#N/A</v>
      </c>
      <c r="N1271" s="51" t="e">
        <f>VLOOKUP(E1271,団体コード!$E$1:$F$48,2,FALSE)</f>
        <v>#N/A</v>
      </c>
      <c r="O1271" s="51" t="e">
        <f t="shared" si="41"/>
        <v>#N/A</v>
      </c>
      <c r="P1271" s="51">
        <v>1</v>
      </c>
      <c r="Q1271" s="51" t="s">
        <v>5341</v>
      </c>
      <c r="R1271" s="54" t="b">
        <v>1</v>
      </c>
      <c r="S1271" s="52" t="s">
        <v>7126</v>
      </c>
      <c r="T1271" s="67" t="s">
        <v>7127</v>
      </c>
      <c r="U1271" s="75" t="s">
        <v>5331</v>
      </c>
      <c r="V1271" s="47" t="s">
        <v>5331</v>
      </c>
      <c r="W1271" s="47" t="s">
        <v>5331</v>
      </c>
      <c r="X1271" s="47" t="s">
        <v>5331</v>
      </c>
      <c r="Y1271" s="47" t="s">
        <v>5331</v>
      </c>
      <c r="Z1271" s="28"/>
      <c r="AA1271" s="27"/>
      <c r="AB1271" s="27"/>
      <c r="AC1271" s="27"/>
      <c r="AD1271" s="30"/>
      <c r="AE1271" s="1"/>
      <c r="AF1271" s="23" t="s">
        <v>5331</v>
      </c>
      <c r="AG1271" s="26"/>
      <c r="AH1271" s="53"/>
    </row>
    <row r="1272" spans="1:34" ht="51.6" customHeight="1" x14ac:dyDescent="0.45">
      <c r="A1272" s="23">
        <v>1266</v>
      </c>
      <c r="B1272" s="25"/>
      <c r="C1272" s="25"/>
      <c r="D1272" s="29"/>
      <c r="E1272" s="1"/>
      <c r="F1272" s="1"/>
      <c r="G1272" s="25"/>
      <c r="H1272" s="71"/>
      <c r="I1272" s="83"/>
      <c r="J1272" s="50" t="str">
        <f t="shared" si="40"/>
        <v/>
      </c>
      <c r="K1272" s="23" t="s">
        <v>7120</v>
      </c>
      <c r="L1272" s="49" t="e">
        <f>VLOOKUP(E1272&amp;F1272,団体コード!$A$1:$C$1743,3,FALSE)</f>
        <v>#N/A</v>
      </c>
      <c r="M1272" s="49" t="e">
        <f>VLOOKUP(E1272&amp;F1272,団体コード!$A$1:$C$1743,2,FALSE)</f>
        <v>#N/A</v>
      </c>
      <c r="N1272" s="51" t="e">
        <f>VLOOKUP(E1272,団体コード!$E$1:$F$48,2,FALSE)</f>
        <v>#N/A</v>
      </c>
      <c r="O1272" s="51" t="e">
        <f t="shared" si="41"/>
        <v>#N/A</v>
      </c>
      <c r="P1272" s="51">
        <v>1</v>
      </c>
      <c r="Q1272" s="51" t="s">
        <v>5341</v>
      </c>
      <c r="R1272" s="54" t="b">
        <v>1</v>
      </c>
      <c r="S1272" s="52" t="s">
        <v>7126</v>
      </c>
      <c r="T1272" s="67" t="s">
        <v>7127</v>
      </c>
      <c r="U1272" s="75" t="s">
        <v>5331</v>
      </c>
      <c r="V1272" s="47" t="s">
        <v>5331</v>
      </c>
      <c r="W1272" s="47" t="s">
        <v>5331</v>
      </c>
      <c r="X1272" s="47" t="s">
        <v>5331</v>
      </c>
      <c r="Y1272" s="47" t="s">
        <v>5331</v>
      </c>
      <c r="Z1272" s="28"/>
      <c r="AA1272" s="27"/>
      <c r="AB1272" s="27"/>
      <c r="AC1272" s="27"/>
      <c r="AD1272" s="30"/>
      <c r="AE1272" s="1"/>
      <c r="AF1272" s="23" t="s">
        <v>5331</v>
      </c>
      <c r="AG1272" s="26"/>
      <c r="AH1272" s="53"/>
    </row>
    <row r="1273" spans="1:34" ht="51.6" customHeight="1" x14ac:dyDescent="0.45">
      <c r="A1273" s="23">
        <v>1267</v>
      </c>
      <c r="B1273" s="25"/>
      <c r="C1273" s="25"/>
      <c r="D1273" s="29"/>
      <c r="E1273" s="1"/>
      <c r="F1273" s="1"/>
      <c r="G1273" s="25"/>
      <c r="H1273" s="71"/>
      <c r="I1273" s="83"/>
      <c r="J1273" s="50" t="str">
        <f t="shared" si="40"/>
        <v/>
      </c>
      <c r="K1273" s="23" t="s">
        <v>7120</v>
      </c>
      <c r="L1273" s="49" t="e">
        <f>VLOOKUP(E1273&amp;F1273,団体コード!$A$1:$C$1743,3,FALSE)</f>
        <v>#N/A</v>
      </c>
      <c r="M1273" s="49" t="e">
        <f>VLOOKUP(E1273&amp;F1273,団体コード!$A$1:$C$1743,2,FALSE)</f>
        <v>#N/A</v>
      </c>
      <c r="N1273" s="51" t="e">
        <f>VLOOKUP(E1273,団体コード!$E$1:$F$48,2,FALSE)</f>
        <v>#N/A</v>
      </c>
      <c r="O1273" s="51" t="e">
        <f t="shared" si="41"/>
        <v>#N/A</v>
      </c>
      <c r="P1273" s="51">
        <v>1</v>
      </c>
      <c r="Q1273" s="51" t="s">
        <v>5341</v>
      </c>
      <c r="R1273" s="54" t="b">
        <v>1</v>
      </c>
      <c r="S1273" s="52" t="s">
        <v>7126</v>
      </c>
      <c r="T1273" s="67" t="s">
        <v>7127</v>
      </c>
      <c r="U1273" s="75" t="s">
        <v>5331</v>
      </c>
      <c r="V1273" s="47" t="s">
        <v>5331</v>
      </c>
      <c r="W1273" s="47" t="s">
        <v>5331</v>
      </c>
      <c r="X1273" s="47" t="s">
        <v>5331</v>
      </c>
      <c r="Y1273" s="47" t="s">
        <v>5331</v>
      </c>
      <c r="Z1273" s="28"/>
      <c r="AA1273" s="27"/>
      <c r="AB1273" s="27"/>
      <c r="AC1273" s="27"/>
      <c r="AD1273" s="30"/>
      <c r="AE1273" s="1"/>
      <c r="AF1273" s="23" t="s">
        <v>5331</v>
      </c>
      <c r="AG1273" s="26"/>
      <c r="AH1273" s="53"/>
    </row>
    <row r="1274" spans="1:34" ht="51.6" customHeight="1" x14ac:dyDescent="0.45">
      <c r="A1274" s="23">
        <v>1268</v>
      </c>
      <c r="B1274" s="25"/>
      <c r="C1274" s="25"/>
      <c r="D1274" s="29"/>
      <c r="E1274" s="1"/>
      <c r="F1274" s="1"/>
      <c r="G1274" s="25"/>
      <c r="H1274" s="71"/>
      <c r="I1274" s="83"/>
      <c r="J1274" s="50" t="str">
        <f t="shared" si="40"/>
        <v/>
      </c>
      <c r="K1274" s="23" t="s">
        <v>7120</v>
      </c>
      <c r="L1274" s="49" t="e">
        <f>VLOOKUP(E1274&amp;F1274,団体コード!$A$1:$C$1743,3,FALSE)</f>
        <v>#N/A</v>
      </c>
      <c r="M1274" s="49" t="e">
        <f>VLOOKUP(E1274&amp;F1274,団体コード!$A$1:$C$1743,2,FALSE)</f>
        <v>#N/A</v>
      </c>
      <c r="N1274" s="51" t="e">
        <f>VLOOKUP(E1274,団体コード!$E$1:$F$48,2,FALSE)</f>
        <v>#N/A</v>
      </c>
      <c r="O1274" s="51" t="e">
        <f t="shared" si="41"/>
        <v>#N/A</v>
      </c>
      <c r="P1274" s="51">
        <v>1</v>
      </c>
      <c r="Q1274" s="51" t="s">
        <v>5341</v>
      </c>
      <c r="R1274" s="54" t="b">
        <v>1</v>
      </c>
      <c r="S1274" s="52" t="s">
        <v>7126</v>
      </c>
      <c r="T1274" s="67" t="s">
        <v>7127</v>
      </c>
      <c r="U1274" s="75" t="s">
        <v>5331</v>
      </c>
      <c r="V1274" s="47" t="s">
        <v>5331</v>
      </c>
      <c r="W1274" s="47" t="s">
        <v>5331</v>
      </c>
      <c r="X1274" s="47" t="s">
        <v>5331</v>
      </c>
      <c r="Y1274" s="47" t="s">
        <v>5331</v>
      </c>
      <c r="Z1274" s="28"/>
      <c r="AA1274" s="27"/>
      <c r="AB1274" s="27"/>
      <c r="AC1274" s="27"/>
      <c r="AD1274" s="30"/>
      <c r="AE1274" s="1"/>
      <c r="AF1274" s="23" t="s">
        <v>5331</v>
      </c>
      <c r="AG1274" s="26"/>
      <c r="AH1274" s="53"/>
    </row>
    <row r="1275" spans="1:34" ht="51.6" customHeight="1" x14ac:dyDescent="0.45">
      <c r="A1275" s="23">
        <v>1269</v>
      </c>
      <c r="B1275" s="25"/>
      <c r="C1275" s="25"/>
      <c r="D1275" s="29"/>
      <c r="E1275" s="1"/>
      <c r="F1275" s="1"/>
      <c r="G1275" s="25"/>
      <c r="H1275" s="71"/>
      <c r="I1275" s="83"/>
      <c r="J1275" s="50" t="str">
        <f t="shared" si="40"/>
        <v/>
      </c>
      <c r="K1275" s="23" t="s">
        <v>7120</v>
      </c>
      <c r="L1275" s="49" t="e">
        <f>VLOOKUP(E1275&amp;F1275,団体コード!$A$1:$C$1743,3,FALSE)</f>
        <v>#N/A</v>
      </c>
      <c r="M1275" s="49" t="e">
        <f>VLOOKUP(E1275&amp;F1275,団体コード!$A$1:$C$1743,2,FALSE)</f>
        <v>#N/A</v>
      </c>
      <c r="N1275" s="51" t="e">
        <f>VLOOKUP(E1275,団体コード!$E$1:$F$48,2,FALSE)</f>
        <v>#N/A</v>
      </c>
      <c r="O1275" s="51" t="e">
        <f t="shared" si="41"/>
        <v>#N/A</v>
      </c>
      <c r="P1275" s="51">
        <v>1</v>
      </c>
      <c r="Q1275" s="51" t="s">
        <v>5341</v>
      </c>
      <c r="R1275" s="54" t="b">
        <v>1</v>
      </c>
      <c r="S1275" s="52" t="s">
        <v>7126</v>
      </c>
      <c r="T1275" s="67" t="s">
        <v>7127</v>
      </c>
      <c r="U1275" s="75" t="s">
        <v>5331</v>
      </c>
      <c r="V1275" s="47" t="s">
        <v>5331</v>
      </c>
      <c r="W1275" s="47" t="s">
        <v>5331</v>
      </c>
      <c r="X1275" s="47" t="s">
        <v>5331</v>
      </c>
      <c r="Y1275" s="47" t="s">
        <v>5331</v>
      </c>
      <c r="Z1275" s="28"/>
      <c r="AA1275" s="27"/>
      <c r="AB1275" s="27"/>
      <c r="AC1275" s="27"/>
      <c r="AD1275" s="30"/>
      <c r="AE1275" s="1"/>
      <c r="AF1275" s="23" t="s">
        <v>5331</v>
      </c>
      <c r="AG1275" s="26"/>
      <c r="AH1275" s="53"/>
    </row>
    <row r="1276" spans="1:34" ht="51.6" customHeight="1" x14ac:dyDescent="0.45">
      <c r="A1276" s="23">
        <v>1270</v>
      </c>
      <c r="B1276" s="25"/>
      <c r="C1276" s="25"/>
      <c r="D1276" s="29"/>
      <c r="E1276" s="1"/>
      <c r="F1276" s="1"/>
      <c r="G1276" s="25"/>
      <c r="H1276" s="71"/>
      <c r="I1276" s="83"/>
      <c r="J1276" s="50" t="str">
        <f t="shared" si="40"/>
        <v/>
      </c>
      <c r="K1276" s="23" t="s">
        <v>7120</v>
      </c>
      <c r="L1276" s="49" t="e">
        <f>VLOOKUP(E1276&amp;F1276,団体コード!$A$1:$C$1743,3,FALSE)</f>
        <v>#N/A</v>
      </c>
      <c r="M1276" s="49" t="e">
        <f>VLOOKUP(E1276&amp;F1276,団体コード!$A$1:$C$1743,2,FALSE)</f>
        <v>#N/A</v>
      </c>
      <c r="N1276" s="51" t="e">
        <f>VLOOKUP(E1276,団体コード!$E$1:$F$48,2,FALSE)</f>
        <v>#N/A</v>
      </c>
      <c r="O1276" s="51" t="e">
        <f t="shared" si="41"/>
        <v>#N/A</v>
      </c>
      <c r="P1276" s="51">
        <v>1</v>
      </c>
      <c r="Q1276" s="51" t="s">
        <v>5341</v>
      </c>
      <c r="R1276" s="54" t="b">
        <v>1</v>
      </c>
      <c r="S1276" s="52" t="s">
        <v>7126</v>
      </c>
      <c r="T1276" s="67" t="s">
        <v>7127</v>
      </c>
      <c r="U1276" s="75" t="s">
        <v>5331</v>
      </c>
      <c r="V1276" s="47" t="s">
        <v>5331</v>
      </c>
      <c r="W1276" s="47" t="s">
        <v>5331</v>
      </c>
      <c r="X1276" s="47" t="s">
        <v>5331</v>
      </c>
      <c r="Y1276" s="47" t="s">
        <v>5331</v>
      </c>
      <c r="Z1276" s="28"/>
      <c r="AA1276" s="27"/>
      <c r="AB1276" s="27"/>
      <c r="AC1276" s="27"/>
      <c r="AD1276" s="30"/>
      <c r="AE1276" s="1"/>
      <c r="AF1276" s="23" t="s">
        <v>5331</v>
      </c>
      <c r="AG1276" s="26"/>
      <c r="AH1276" s="53"/>
    </row>
    <row r="1277" spans="1:34" ht="51.6" customHeight="1" x14ac:dyDescent="0.45">
      <c r="A1277" s="23">
        <v>1271</v>
      </c>
      <c r="B1277" s="25"/>
      <c r="C1277" s="25"/>
      <c r="D1277" s="29"/>
      <c r="E1277" s="1"/>
      <c r="F1277" s="1"/>
      <c r="G1277" s="25"/>
      <c r="H1277" s="71"/>
      <c r="I1277" s="83"/>
      <c r="J1277" s="50" t="str">
        <f t="shared" si="40"/>
        <v/>
      </c>
      <c r="K1277" s="23" t="s">
        <v>7120</v>
      </c>
      <c r="L1277" s="49" t="e">
        <f>VLOOKUP(E1277&amp;F1277,団体コード!$A$1:$C$1743,3,FALSE)</f>
        <v>#N/A</v>
      </c>
      <c r="M1277" s="49" t="e">
        <f>VLOOKUP(E1277&amp;F1277,団体コード!$A$1:$C$1743,2,FALSE)</f>
        <v>#N/A</v>
      </c>
      <c r="N1277" s="51" t="e">
        <f>VLOOKUP(E1277,団体コード!$E$1:$F$48,2,FALSE)</f>
        <v>#N/A</v>
      </c>
      <c r="O1277" s="51" t="e">
        <f t="shared" si="41"/>
        <v>#N/A</v>
      </c>
      <c r="P1277" s="51">
        <v>1</v>
      </c>
      <c r="Q1277" s="51" t="s">
        <v>5341</v>
      </c>
      <c r="R1277" s="54" t="b">
        <v>1</v>
      </c>
      <c r="S1277" s="52" t="s">
        <v>7126</v>
      </c>
      <c r="T1277" s="67" t="s">
        <v>7127</v>
      </c>
      <c r="U1277" s="75" t="s">
        <v>5331</v>
      </c>
      <c r="V1277" s="47" t="s">
        <v>5331</v>
      </c>
      <c r="W1277" s="47" t="s">
        <v>5331</v>
      </c>
      <c r="X1277" s="47" t="s">
        <v>5331</v>
      </c>
      <c r="Y1277" s="47" t="s">
        <v>5331</v>
      </c>
      <c r="Z1277" s="28"/>
      <c r="AA1277" s="27"/>
      <c r="AB1277" s="27"/>
      <c r="AC1277" s="27"/>
      <c r="AD1277" s="30"/>
      <c r="AE1277" s="1"/>
      <c r="AF1277" s="23" t="s">
        <v>5331</v>
      </c>
      <c r="AG1277" s="26"/>
      <c r="AH1277" s="53"/>
    </row>
    <row r="1278" spans="1:34" ht="51.6" customHeight="1" x14ac:dyDescent="0.45">
      <c r="A1278" s="23">
        <v>1272</v>
      </c>
      <c r="B1278" s="25"/>
      <c r="C1278" s="25"/>
      <c r="D1278" s="29"/>
      <c r="E1278" s="1"/>
      <c r="F1278" s="1"/>
      <c r="G1278" s="25"/>
      <c r="H1278" s="71"/>
      <c r="I1278" s="83"/>
      <c r="J1278" s="50" t="str">
        <f t="shared" si="40"/>
        <v/>
      </c>
      <c r="K1278" s="23" t="s">
        <v>7120</v>
      </c>
      <c r="L1278" s="49" t="e">
        <f>VLOOKUP(E1278&amp;F1278,団体コード!$A$1:$C$1743,3,FALSE)</f>
        <v>#N/A</v>
      </c>
      <c r="M1278" s="49" t="e">
        <f>VLOOKUP(E1278&amp;F1278,団体コード!$A$1:$C$1743,2,FALSE)</f>
        <v>#N/A</v>
      </c>
      <c r="N1278" s="51" t="e">
        <f>VLOOKUP(E1278,団体コード!$E$1:$F$48,2,FALSE)</f>
        <v>#N/A</v>
      </c>
      <c r="O1278" s="51" t="e">
        <f t="shared" si="41"/>
        <v>#N/A</v>
      </c>
      <c r="P1278" s="51">
        <v>1</v>
      </c>
      <c r="Q1278" s="51" t="s">
        <v>5341</v>
      </c>
      <c r="R1278" s="54" t="b">
        <v>1</v>
      </c>
      <c r="S1278" s="52" t="s">
        <v>7126</v>
      </c>
      <c r="T1278" s="67" t="s">
        <v>7127</v>
      </c>
      <c r="U1278" s="75" t="s">
        <v>5331</v>
      </c>
      <c r="V1278" s="47" t="s">
        <v>5331</v>
      </c>
      <c r="W1278" s="47" t="s">
        <v>5331</v>
      </c>
      <c r="X1278" s="47" t="s">
        <v>5331</v>
      </c>
      <c r="Y1278" s="47" t="s">
        <v>5331</v>
      </c>
      <c r="Z1278" s="28"/>
      <c r="AA1278" s="27"/>
      <c r="AB1278" s="27"/>
      <c r="AC1278" s="27"/>
      <c r="AD1278" s="30"/>
      <c r="AE1278" s="1"/>
      <c r="AF1278" s="23" t="s">
        <v>5331</v>
      </c>
      <c r="AG1278" s="26"/>
      <c r="AH1278" s="53"/>
    </row>
    <row r="1279" spans="1:34" ht="51.6" customHeight="1" x14ac:dyDescent="0.45">
      <c r="A1279" s="23">
        <v>1273</v>
      </c>
      <c r="B1279" s="25"/>
      <c r="C1279" s="25"/>
      <c r="D1279" s="29"/>
      <c r="E1279" s="1"/>
      <c r="F1279" s="1"/>
      <c r="G1279" s="25"/>
      <c r="H1279" s="71"/>
      <c r="I1279" s="83"/>
      <c r="J1279" s="50" t="str">
        <f t="shared" si="40"/>
        <v/>
      </c>
      <c r="K1279" s="23" t="s">
        <v>7120</v>
      </c>
      <c r="L1279" s="49" t="e">
        <f>VLOOKUP(E1279&amp;F1279,団体コード!$A$1:$C$1743,3,FALSE)</f>
        <v>#N/A</v>
      </c>
      <c r="M1279" s="49" t="e">
        <f>VLOOKUP(E1279&amp;F1279,団体コード!$A$1:$C$1743,2,FALSE)</f>
        <v>#N/A</v>
      </c>
      <c r="N1279" s="51" t="e">
        <f>VLOOKUP(E1279,団体コード!$E$1:$F$48,2,FALSE)</f>
        <v>#N/A</v>
      </c>
      <c r="O1279" s="51" t="e">
        <f t="shared" si="41"/>
        <v>#N/A</v>
      </c>
      <c r="P1279" s="51">
        <v>1</v>
      </c>
      <c r="Q1279" s="51" t="s">
        <v>5341</v>
      </c>
      <c r="R1279" s="54" t="b">
        <v>1</v>
      </c>
      <c r="S1279" s="52" t="s">
        <v>7126</v>
      </c>
      <c r="T1279" s="67" t="s">
        <v>7127</v>
      </c>
      <c r="U1279" s="75" t="s">
        <v>5331</v>
      </c>
      <c r="V1279" s="47" t="s">
        <v>5331</v>
      </c>
      <c r="W1279" s="47" t="s">
        <v>5331</v>
      </c>
      <c r="X1279" s="47" t="s">
        <v>5331</v>
      </c>
      <c r="Y1279" s="47" t="s">
        <v>5331</v>
      </c>
      <c r="Z1279" s="28"/>
      <c r="AA1279" s="27"/>
      <c r="AB1279" s="27"/>
      <c r="AC1279" s="27"/>
      <c r="AD1279" s="30"/>
      <c r="AE1279" s="1"/>
      <c r="AF1279" s="23" t="s">
        <v>5331</v>
      </c>
      <c r="AG1279" s="26"/>
      <c r="AH1279" s="53"/>
    </row>
    <row r="1280" spans="1:34" ht="51.6" customHeight="1" x14ac:dyDescent="0.45">
      <c r="A1280" s="23">
        <v>1274</v>
      </c>
      <c r="B1280" s="25"/>
      <c r="C1280" s="25"/>
      <c r="D1280" s="29"/>
      <c r="E1280" s="1"/>
      <c r="F1280" s="1"/>
      <c r="G1280" s="25"/>
      <c r="H1280" s="71"/>
      <c r="I1280" s="83"/>
      <c r="J1280" s="50" t="str">
        <f t="shared" si="40"/>
        <v/>
      </c>
      <c r="K1280" s="23" t="s">
        <v>7120</v>
      </c>
      <c r="L1280" s="49" t="e">
        <f>VLOOKUP(E1280&amp;F1280,団体コード!$A$1:$C$1743,3,FALSE)</f>
        <v>#N/A</v>
      </c>
      <c r="M1280" s="49" t="e">
        <f>VLOOKUP(E1280&amp;F1280,団体コード!$A$1:$C$1743,2,FALSE)</f>
        <v>#N/A</v>
      </c>
      <c r="N1280" s="51" t="e">
        <f>VLOOKUP(E1280,団体コード!$E$1:$F$48,2,FALSE)</f>
        <v>#N/A</v>
      </c>
      <c r="O1280" s="51" t="e">
        <f t="shared" si="41"/>
        <v>#N/A</v>
      </c>
      <c r="P1280" s="51">
        <v>1</v>
      </c>
      <c r="Q1280" s="51" t="s">
        <v>5341</v>
      </c>
      <c r="R1280" s="54" t="b">
        <v>1</v>
      </c>
      <c r="S1280" s="52" t="s">
        <v>7126</v>
      </c>
      <c r="T1280" s="67" t="s">
        <v>7127</v>
      </c>
      <c r="U1280" s="75" t="s">
        <v>5331</v>
      </c>
      <c r="V1280" s="47" t="s">
        <v>5331</v>
      </c>
      <c r="W1280" s="47" t="s">
        <v>5331</v>
      </c>
      <c r="X1280" s="47" t="s">
        <v>5331</v>
      </c>
      <c r="Y1280" s="47" t="s">
        <v>5331</v>
      </c>
      <c r="Z1280" s="28"/>
      <c r="AA1280" s="27"/>
      <c r="AB1280" s="27"/>
      <c r="AC1280" s="27"/>
      <c r="AD1280" s="30"/>
      <c r="AE1280" s="1"/>
      <c r="AF1280" s="23" t="s">
        <v>5331</v>
      </c>
      <c r="AG1280" s="26"/>
      <c r="AH1280" s="53"/>
    </row>
    <row r="1281" spans="1:34" ht="51.6" customHeight="1" x14ac:dyDescent="0.45">
      <c r="A1281" s="23">
        <v>1275</v>
      </c>
      <c r="B1281" s="25"/>
      <c r="C1281" s="25"/>
      <c r="D1281" s="29"/>
      <c r="E1281" s="1"/>
      <c r="F1281" s="1"/>
      <c r="G1281" s="25"/>
      <c r="H1281" s="71"/>
      <c r="I1281" s="83"/>
      <c r="J1281" s="50" t="str">
        <f t="shared" si="40"/>
        <v/>
      </c>
      <c r="K1281" s="23" t="s">
        <v>7120</v>
      </c>
      <c r="L1281" s="49" t="e">
        <f>VLOOKUP(E1281&amp;F1281,団体コード!$A$1:$C$1743,3,FALSE)</f>
        <v>#N/A</v>
      </c>
      <c r="M1281" s="49" t="e">
        <f>VLOOKUP(E1281&amp;F1281,団体コード!$A$1:$C$1743,2,FALSE)</f>
        <v>#N/A</v>
      </c>
      <c r="N1281" s="51" t="e">
        <f>VLOOKUP(E1281,団体コード!$E$1:$F$48,2,FALSE)</f>
        <v>#N/A</v>
      </c>
      <c r="O1281" s="51" t="e">
        <f t="shared" si="41"/>
        <v>#N/A</v>
      </c>
      <c r="P1281" s="51">
        <v>1</v>
      </c>
      <c r="Q1281" s="51" t="s">
        <v>5341</v>
      </c>
      <c r="R1281" s="54" t="b">
        <v>1</v>
      </c>
      <c r="S1281" s="52" t="s">
        <v>7126</v>
      </c>
      <c r="T1281" s="67" t="s">
        <v>7127</v>
      </c>
      <c r="U1281" s="75" t="s">
        <v>5331</v>
      </c>
      <c r="V1281" s="47" t="s">
        <v>5331</v>
      </c>
      <c r="W1281" s="47" t="s">
        <v>5331</v>
      </c>
      <c r="X1281" s="47" t="s">
        <v>5331</v>
      </c>
      <c r="Y1281" s="47" t="s">
        <v>5331</v>
      </c>
      <c r="Z1281" s="28"/>
      <c r="AA1281" s="27"/>
      <c r="AB1281" s="27"/>
      <c r="AC1281" s="27"/>
      <c r="AD1281" s="30"/>
      <c r="AE1281" s="1"/>
      <c r="AF1281" s="23" t="s">
        <v>5331</v>
      </c>
      <c r="AG1281" s="26"/>
      <c r="AH1281" s="53"/>
    </row>
    <row r="1282" spans="1:34" ht="51.6" customHeight="1" x14ac:dyDescent="0.45">
      <c r="A1282" s="23">
        <v>1276</v>
      </c>
      <c r="B1282" s="25"/>
      <c r="C1282" s="25"/>
      <c r="D1282" s="29"/>
      <c r="E1282" s="1"/>
      <c r="F1282" s="1"/>
      <c r="G1282" s="25"/>
      <c r="H1282" s="71"/>
      <c r="I1282" s="83"/>
      <c r="J1282" s="50" t="str">
        <f t="shared" si="40"/>
        <v/>
      </c>
      <c r="K1282" s="23" t="s">
        <v>7120</v>
      </c>
      <c r="L1282" s="49" t="e">
        <f>VLOOKUP(E1282&amp;F1282,団体コード!$A$1:$C$1743,3,FALSE)</f>
        <v>#N/A</v>
      </c>
      <c r="M1282" s="49" t="e">
        <f>VLOOKUP(E1282&amp;F1282,団体コード!$A$1:$C$1743,2,FALSE)</f>
        <v>#N/A</v>
      </c>
      <c r="N1282" s="51" t="e">
        <f>VLOOKUP(E1282,団体コード!$E$1:$F$48,2,FALSE)</f>
        <v>#N/A</v>
      </c>
      <c r="O1282" s="51" t="e">
        <f t="shared" si="41"/>
        <v>#N/A</v>
      </c>
      <c r="P1282" s="51">
        <v>1</v>
      </c>
      <c r="Q1282" s="51" t="s">
        <v>5341</v>
      </c>
      <c r="R1282" s="54" t="b">
        <v>1</v>
      </c>
      <c r="S1282" s="52" t="s">
        <v>7126</v>
      </c>
      <c r="T1282" s="67" t="s">
        <v>7127</v>
      </c>
      <c r="U1282" s="75" t="s">
        <v>5331</v>
      </c>
      <c r="V1282" s="47" t="s">
        <v>5331</v>
      </c>
      <c r="W1282" s="47" t="s">
        <v>5331</v>
      </c>
      <c r="X1282" s="47" t="s">
        <v>5331</v>
      </c>
      <c r="Y1282" s="47" t="s">
        <v>5331</v>
      </c>
      <c r="Z1282" s="28"/>
      <c r="AA1282" s="27"/>
      <c r="AB1282" s="27"/>
      <c r="AC1282" s="27"/>
      <c r="AD1282" s="30"/>
      <c r="AE1282" s="1"/>
      <c r="AF1282" s="23" t="s">
        <v>5331</v>
      </c>
      <c r="AG1282" s="26"/>
      <c r="AH1282" s="53"/>
    </row>
    <row r="1283" spans="1:34" ht="51.6" customHeight="1" x14ac:dyDescent="0.45">
      <c r="A1283" s="23">
        <v>1277</v>
      </c>
      <c r="B1283" s="25"/>
      <c r="C1283" s="25"/>
      <c r="D1283" s="29"/>
      <c r="E1283" s="1"/>
      <c r="F1283" s="1"/>
      <c r="G1283" s="25"/>
      <c r="H1283" s="71"/>
      <c r="I1283" s="83"/>
      <c r="J1283" s="50" t="str">
        <f t="shared" si="40"/>
        <v/>
      </c>
      <c r="K1283" s="23" t="s">
        <v>7120</v>
      </c>
      <c r="L1283" s="49" t="e">
        <f>VLOOKUP(E1283&amp;F1283,団体コード!$A$1:$C$1743,3,FALSE)</f>
        <v>#N/A</v>
      </c>
      <c r="M1283" s="49" t="e">
        <f>VLOOKUP(E1283&amp;F1283,団体コード!$A$1:$C$1743,2,FALSE)</f>
        <v>#N/A</v>
      </c>
      <c r="N1283" s="51" t="e">
        <f>VLOOKUP(E1283,団体コード!$E$1:$F$48,2,FALSE)</f>
        <v>#N/A</v>
      </c>
      <c r="O1283" s="51" t="e">
        <f t="shared" si="41"/>
        <v>#N/A</v>
      </c>
      <c r="P1283" s="51">
        <v>1</v>
      </c>
      <c r="Q1283" s="51" t="s">
        <v>5341</v>
      </c>
      <c r="R1283" s="54" t="b">
        <v>1</v>
      </c>
      <c r="S1283" s="52" t="s">
        <v>7126</v>
      </c>
      <c r="T1283" s="67" t="s">
        <v>7127</v>
      </c>
      <c r="U1283" s="75" t="s">
        <v>5331</v>
      </c>
      <c r="V1283" s="47" t="s">
        <v>5331</v>
      </c>
      <c r="W1283" s="47" t="s">
        <v>5331</v>
      </c>
      <c r="X1283" s="47" t="s">
        <v>5331</v>
      </c>
      <c r="Y1283" s="47" t="s">
        <v>5331</v>
      </c>
      <c r="Z1283" s="28"/>
      <c r="AA1283" s="27"/>
      <c r="AB1283" s="27"/>
      <c r="AC1283" s="27"/>
      <c r="AD1283" s="30"/>
      <c r="AE1283" s="1"/>
      <c r="AF1283" s="23" t="s">
        <v>5331</v>
      </c>
      <c r="AG1283" s="26"/>
      <c r="AH1283" s="53"/>
    </row>
    <row r="1284" spans="1:34" ht="51.6" customHeight="1" x14ac:dyDescent="0.45">
      <c r="A1284" s="23">
        <v>1278</v>
      </c>
      <c r="B1284" s="25"/>
      <c r="C1284" s="25"/>
      <c r="D1284" s="29"/>
      <c r="E1284" s="1"/>
      <c r="F1284" s="1"/>
      <c r="G1284" s="25"/>
      <c r="H1284" s="71"/>
      <c r="I1284" s="83"/>
      <c r="J1284" s="50" t="str">
        <f t="shared" si="40"/>
        <v/>
      </c>
      <c r="K1284" s="23" t="s">
        <v>7120</v>
      </c>
      <c r="L1284" s="49" t="e">
        <f>VLOOKUP(E1284&amp;F1284,団体コード!$A$1:$C$1743,3,FALSE)</f>
        <v>#N/A</v>
      </c>
      <c r="M1284" s="49" t="e">
        <f>VLOOKUP(E1284&amp;F1284,団体コード!$A$1:$C$1743,2,FALSE)</f>
        <v>#N/A</v>
      </c>
      <c r="N1284" s="51" t="e">
        <f>VLOOKUP(E1284,団体コード!$E$1:$F$48,2,FALSE)</f>
        <v>#N/A</v>
      </c>
      <c r="O1284" s="51" t="e">
        <f t="shared" si="41"/>
        <v>#N/A</v>
      </c>
      <c r="P1284" s="51">
        <v>1</v>
      </c>
      <c r="Q1284" s="51" t="s">
        <v>5341</v>
      </c>
      <c r="R1284" s="54" t="b">
        <v>1</v>
      </c>
      <c r="S1284" s="52" t="s">
        <v>7126</v>
      </c>
      <c r="T1284" s="67" t="s">
        <v>7127</v>
      </c>
      <c r="U1284" s="75" t="s">
        <v>5331</v>
      </c>
      <c r="V1284" s="47" t="s">
        <v>5331</v>
      </c>
      <c r="W1284" s="47" t="s">
        <v>5331</v>
      </c>
      <c r="X1284" s="47" t="s">
        <v>5331</v>
      </c>
      <c r="Y1284" s="47" t="s">
        <v>5331</v>
      </c>
      <c r="Z1284" s="28"/>
      <c r="AA1284" s="27"/>
      <c r="AB1284" s="27"/>
      <c r="AC1284" s="27"/>
      <c r="AD1284" s="30"/>
      <c r="AE1284" s="1"/>
      <c r="AF1284" s="23" t="s">
        <v>5331</v>
      </c>
      <c r="AG1284" s="26"/>
      <c r="AH1284" s="53"/>
    </row>
    <row r="1285" spans="1:34" ht="51.6" customHeight="1" x14ac:dyDescent="0.45">
      <c r="A1285" s="23">
        <v>1279</v>
      </c>
      <c r="B1285" s="25"/>
      <c r="C1285" s="25"/>
      <c r="D1285" s="29"/>
      <c r="E1285" s="1"/>
      <c r="F1285" s="1"/>
      <c r="G1285" s="25"/>
      <c r="H1285" s="71"/>
      <c r="I1285" s="83"/>
      <c r="J1285" s="50" t="str">
        <f t="shared" si="40"/>
        <v/>
      </c>
      <c r="K1285" s="23" t="s">
        <v>7120</v>
      </c>
      <c r="L1285" s="49" t="e">
        <f>VLOOKUP(E1285&amp;F1285,団体コード!$A$1:$C$1743,3,FALSE)</f>
        <v>#N/A</v>
      </c>
      <c r="M1285" s="49" t="e">
        <f>VLOOKUP(E1285&amp;F1285,団体コード!$A$1:$C$1743,2,FALSE)</f>
        <v>#N/A</v>
      </c>
      <c r="N1285" s="51" t="e">
        <f>VLOOKUP(E1285,団体コード!$E$1:$F$48,2,FALSE)</f>
        <v>#N/A</v>
      </c>
      <c r="O1285" s="51" t="e">
        <f t="shared" si="41"/>
        <v>#N/A</v>
      </c>
      <c r="P1285" s="51">
        <v>1</v>
      </c>
      <c r="Q1285" s="51" t="s">
        <v>5341</v>
      </c>
      <c r="R1285" s="54" t="b">
        <v>1</v>
      </c>
      <c r="S1285" s="52" t="s">
        <v>7126</v>
      </c>
      <c r="T1285" s="67" t="s">
        <v>7127</v>
      </c>
      <c r="U1285" s="75" t="s">
        <v>5331</v>
      </c>
      <c r="V1285" s="47" t="s">
        <v>5331</v>
      </c>
      <c r="W1285" s="47" t="s">
        <v>5331</v>
      </c>
      <c r="X1285" s="47" t="s">
        <v>5331</v>
      </c>
      <c r="Y1285" s="47" t="s">
        <v>5331</v>
      </c>
      <c r="Z1285" s="28"/>
      <c r="AA1285" s="27"/>
      <c r="AB1285" s="27"/>
      <c r="AC1285" s="27"/>
      <c r="AD1285" s="30"/>
      <c r="AE1285" s="1"/>
      <c r="AF1285" s="23" t="s">
        <v>5331</v>
      </c>
      <c r="AG1285" s="26"/>
      <c r="AH1285" s="53"/>
    </row>
    <row r="1286" spans="1:34" ht="51.6" customHeight="1" x14ac:dyDescent="0.45">
      <c r="A1286" s="23">
        <v>1280</v>
      </c>
      <c r="B1286" s="25"/>
      <c r="C1286" s="25"/>
      <c r="D1286" s="29"/>
      <c r="E1286" s="1"/>
      <c r="F1286" s="1"/>
      <c r="G1286" s="25"/>
      <c r="H1286" s="71"/>
      <c r="I1286" s="83"/>
      <c r="J1286" s="50" t="str">
        <f t="shared" si="40"/>
        <v/>
      </c>
      <c r="K1286" s="23" t="s">
        <v>7120</v>
      </c>
      <c r="L1286" s="49" t="e">
        <f>VLOOKUP(E1286&amp;F1286,団体コード!$A$1:$C$1743,3,FALSE)</f>
        <v>#N/A</v>
      </c>
      <c r="M1286" s="49" t="e">
        <f>VLOOKUP(E1286&amp;F1286,団体コード!$A$1:$C$1743,2,FALSE)</f>
        <v>#N/A</v>
      </c>
      <c r="N1286" s="51" t="e">
        <f>VLOOKUP(E1286,団体コード!$E$1:$F$48,2,FALSE)</f>
        <v>#N/A</v>
      </c>
      <c r="O1286" s="51" t="e">
        <f t="shared" si="41"/>
        <v>#N/A</v>
      </c>
      <c r="P1286" s="51">
        <v>1</v>
      </c>
      <c r="Q1286" s="51" t="s">
        <v>5341</v>
      </c>
      <c r="R1286" s="54" t="b">
        <v>1</v>
      </c>
      <c r="S1286" s="52" t="s">
        <v>7126</v>
      </c>
      <c r="T1286" s="67" t="s">
        <v>7127</v>
      </c>
      <c r="U1286" s="75" t="s">
        <v>5331</v>
      </c>
      <c r="V1286" s="47" t="s">
        <v>5331</v>
      </c>
      <c r="W1286" s="47" t="s">
        <v>5331</v>
      </c>
      <c r="X1286" s="47" t="s">
        <v>5331</v>
      </c>
      <c r="Y1286" s="47" t="s">
        <v>5331</v>
      </c>
      <c r="Z1286" s="28"/>
      <c r="AA1286" s="27"/>
      <c r="AB1286" s="27"/>
      <c r="AC1286" s="27"/>
      <c r="AD1286" s="30"/>
      <c r="AE1286" s="1"/>
      <c r="AF1286" s="23" t="s">
        <v>5331</v>
      </c>
      <c r="AG1286" s="26"/>
      <c r="AH1286" s="53"/>
    </row>
    <row r="1287" spans="1:34" ht="51.6" customHeight="1" x14ac:dyDescent="0.45">
      <c r="A1287" s="23">
        <v>1281</v>
      </c>
      <c r="B1287" s="25"/>
      <c r="C1287" s="25"/>
      <c r="D1287" s="29"/>
      <c r="E1287" s="1"/>
      <c r="F1287" s="1"/>
      <c r="G1287" s="25"/>
      <c r="H1287" s="71"/>
      <c r="I1287" s="83"/>
      <c r="J1287" s="50" t="str">
        <f t="shared" si="40"/>
        <v/>
      </c>
      <c r="K1287" s="23" t="s">
        <v>7120</v>
      </c>
      <c r="L1287" s="49" t="e">
        <f>VLOOKUP(E1287&amp;F1287,団体コード!$A$1:$C$1743,3,FALSE)</f>
        <v>#N/A</v>
      </c>
      <c r="M1287" s="49" t="e">
        <f>VLOOKUP(E1287&amp;F1287,団体コード!$A$1:$C$1743,2,FALSE)</f>
        <v>#N/A</v>
      </c>
      <c r="N1287" s="51" t="e">
        <f>VLOOKUP(E1287,団体コード!$E$1:$F$48,2,FALSE)</f>
        <v>#N/A</v>
      </c>
      <c r="O1287" s="51" t="e">
        <f t="shared" si="41"/>
        <v>#N/A</v>
      </c>
      <c r="P1287" s="51">
        <v>1</v>
      </c>
      <c r="Q1287" s="51" t="s">
        <v>5341</v>
      </c>
      <c r="R1287" s="54" t="b">
        <v>1</v>
      </c>
      <c r="S1287" s="52" t="s">
        <v>7126</v>
      </c>
      <c r="T1287" s="67" t="s">
        <v>7127</v>
      </c>
      <c r="U1287" s="75" t="s">
        <v>5331</v>
      </c>
      <c r="V1287" s="47" t="s">
        <v>5331</v>
      </c>
      <c r="W1287" s="47" t="s">
        <v>5331</v>
      </c>
      <c r="X1287" s="47" t="s">
        <v>5331</v>
      </c>
      <c r="Y1287" s="47" t="s">
        <v>5331</v>
      </c>
      <c r="Z1287" s="28"/>
      <c r="AA1287" s="27"/>
      <c r="AB1287" s="27"/>
      <c r="AC1287" s="27"/>
      <c r="AD1287" s="30"/>
      <c r="AE1287" s="1"/>
      <c r="AF1287" s="23" t="s">
        <v>5331</v>
      </c>
      <c r="AG1287" s="26"/>
      <c r="AH1287" s="53"/>
    </row>
    <row r="1288" spans="1:34" ht="51.6" customHeight="1" x14ac:dyDescent="0.45">
      <c r="A1288" s="23">
        <v>1282</v>
      </c>
      <c r="B1288" s="25"/>
      <c r="C1288" s="25"/>
      <c r="D1288" s="29"/>
      <c r="E1288" s="1"/>
      <c r="F1288" s="1"/>
      <c r="G1288" s="25"/>
      <c r="H1288" s="71"/>
      <c r="I1288" s="83"/>
      <c r="J1288" s="50" t="str">
        <f t="shared" ref="J1288:J1351" si="42">E1288&amp;F1288&amp;G1288</f>
        <v/>
      </c>
      <c r="K1288" s="23" t="s">
        <v>7120</v>
      </c>
      <c r="L1288" s="49" t="e">
        <f>VLOOKUP(E1288&amp;F1288,団体コード!$A$1:$C$1743,3,FALSE)</f>
        <v>#N/A</v>
      </c>
      <c r="M1288" s="49" t="e">
        <f>VLOOKUP(E1288&amp;F1288,団体コード!$A$1:$C$1743,2,FALSE)</f>
        <v>#N/A</v>
      </c>
      <c r="N1288" s="51" t="e">
        <f>VLOOKUP(E1288,団体コード!$E$1:$F$48,2,FALSE)</f>
        <v>#N/A</v>
      </c>
      <c r="O1288" s="51" t="e">
        <f t="shared" ref="O1288:O1351" si="43">N1288</f>
        <v>#N/A</v>
      </c>
      <c r="P1288" s="51">
        <v>1</v>
      </c>
      <c r="Q1288" s="51" t="s">
        <v>5341</v>
      </c>
      <c r="R1288" s="54" t="b">
        <v>1</v>
      </c>
      <c r="S1288" s="52" t="s">
        <v>7126</v>
      </c>
      <c r="T1288" s="67" t="s">
        <v>7127</v>
      </c>
      <c r="U1288" s="75" t="s">
        <v>5331</v>
      </c>
      <c r="V1288" s="47" t="s">
        <v>5331</v>
      </c>
      <c r="W1288" s="47" t="s">
        <v>5331</v>
      </c>
      <c r="X1288" s="47" t="s">
        <v>5331</v>
      </c>
      <c r="Y1288" s="47" t="s">
        <v>5331</v>
      </c>
      <c r="Z1288" s="28"/>
      <c r="AA1288" s="27"/>
      <c r="AB1288" s="27"/>
      <c r="AC1288" s="27"/>
      <c r="AD1288" s="30"/>
      <c r="AE1288" s="1"/>
      <c r="AF1288" s="23" t="s">
        <v>5331</v>
      </c>
      <c r="AG1288" s="26"/>
      <c r="AH1288" s="53"/>
    </row>
    <row r="1289" spans="1:34" ht="51.6" customHeight="1" x14ac:dyDescent="0.45">
      <c r="A1289" s="23">
        <v>1283</v>
      </c>
      <c r="B1289" s="25"/>
      <c r="C1289" s="25"/>
      <c r="D1289" s="29"/>
      <c r="E1289" s="1"/>
      <c r="F1289" s="1"/>
      <c r="G1289" s="25"/>
      <c r="H1289" s="71"/>
      <c r="I1289" s="83"/>
      <c r="J1289" s="50" t="str">
        <f t="shared" si="42"/>
        <v/>
      </c>
      <c r="K1289" s="23" t="s">
        <v>7120</v>
      </c>
      <c r="L1289" s="49" t="e">
        <f>VLOOKUP(E1289&amp;F1289,団体コード!$A$1:$C$1743,3,FALSE)</f>
        <v>#N/A</v>
      </c>
      <c r="M1289" s="49" t="e">
        <f>VLOOKUP(E1289&amp;F1289,団体コード!$A$1:$C$1743,2,FALSE)</f>
        <v>#N/A</v>
      </c>
      <c r="N1289" s="51" t="e">
        <f>VLOOKUP(E1289,団体コード!$E$1:$F$48,2,FALSE)</f>
        <v>#N/A</v>
      </c>
      <c r="O1289" s="51" t="e">
        <f t="shared" si="43"/>
        <v>#N/A</v>
      </c>
      <c r="P1289" s="51">
        <v>1</v>
      </c>
      <c r="Q1289" s="51" t="s">
        <v>5341</v>
      </c>
      <c r="R1289" s="54" t="b">
        <v>1</v>
      </c>
      <c r="S1289" s="52" t="s">
        <v>7126</v>
      </c>
      <c r="T1289" s="67" t="s">
        <v>7127</v>
      </c>
      <c r="U1289" s="75" t="s">
        <v>5331</v>
      </c>
      <c r="V1289" s="47" t="s">
        <v>5331</v>
      </c>
      <c r="W1289" s="47" t="s">
        <v>5331</v>
      </c>
      <c r="X1289" s="47" t="s">
        <v>5331</v>
      </c>
      <c r="Y1289" s="47" t="s">
        <v>5331</v>
      </c>
      <c r="Z1289" s="28"/>
      <c r="AA1289" s="27"/>
      <c r="AB1289" s="27"/>
      <c r="AC1289" s="27"/>
      <c r="AD1289" s="30"/>
      <c r="AE1289" s="1"/>
      <c r="AF1289" s="23" t="s">
        <v>5331</v>
      </c>
      <c r="AG1289" s="26"/>
      <c r="AH1289" s="53"/>
    </row>
    <row r="1290" spans="1:34" ht="51.6" customHeight="1" x14ac:dyDescent="0.45">
      <c r="A1290" s="23">
        <v>1284</v>
      </c>
      <c r="B1290" s="25"/>
      <c r="C1290" s="25"/>
      <c r="D1290" s="29"/>
      <c r="E1290" s="1"/>
      <c r="F1290" s="1"/>
      <c r="G1290" s="25"/>
      <c r="H1290" s="71"/>
      <c r="I1290" s="83"/>
      <c r="J1290" s="50" t="str">
        <f t="shared" si="42"/>
        <v/>
      </c>
      <c r="K1290" s="23" t="s">
        <v>7120</v>
      </c>
      <c r="L1290" s="49" t="e">
        <f>VLOOKUP(E1290&amp;F1290,団体コード!$A$1:$C$1743,3,FALSE)</f>
        <v>#N/A</v>
      </c>
      <c r="M1290" s="49" t="e">
        <f>VLOOKUP(E1290&amp;F1290,団体コード!$A$1:$C$1743,2,FALSE)</f>
        <v>#N/A</v>
      </c>
      <c r="N1290" s="51" t="e">
        <f>VLOOKUP(E1290,団体コード!$E$1:$F$48,2,FALSE)</f>
        <v>#N/A</v>
      </c>
      <c r="O1290" s="51" t="e">
        <f t="shared" si="43"/>
        <v>#N/A</v>
      </c>
      <c r="P1290" s="51">
        <v>1</v>
      </c>
      <c r="Q1290" s="51" t="s">
        <v>5341</v>
      </c>
      <c r="R1290" s="54" t="b">
        <v>1</v>
      </c>
      <c r="S1290" s="52" t="s">
        <v>7126</v>
      </c>
      <c r="T1290" s="67" t="s">
        <v>7127</v>
      </c>
      <c r="U1290" s="75" t="s">
        <v>5331</v>
      </c>
      <c r="V1290" s="47" t="s">
        <v>5331</v>
      </c>
      <c r="W1290" s="47" t="s">
        <v>5331</v>
      </c>
      <c r="X1290" s="47" t="s">
        <v>5331</v>
      </c>
      <c r="Y1290" s="47" t="s">
        <v>5331</v>
      </c>
      <c r="Z1290" s="28"/>
      <c r="AA1290" s="27"/>
      <c r="AB1290" s="27"/>
      <c r="AC1290" s="27"/>
      <c r="AD1290" s="30"/>
      <c r="AE1290" s="1"/>
      <c r="AF1290" s="23" t="s">
        <v>5331</v>
      </c>
      <c r="AG1290" s="26"/>
      <c r="AH1290" s="53"/>
    </row>
    <row r="1291" spans="1:34" ht="51.6" customHeight="1" x14ac:dyDescent="0.45">
      <c r="A1291" s="23">
        <v>1285</v>
      </c>
      <c r="B1291" s="25"/>
      <c r="C1291" s="25"/>
      <c r="D1291" s="29"/>
      <c r="E1291" s="1"/>
      <c r="F1291" s="1"/>
      <c r="G1291" s="25"/>
      <c r="H1291" s="71"/>
      <c r="I1291" s="83"/>
      <c r="J1291" s="50" t="str">
        <f t="shared" si="42"/>
        <v/>
      </c>
      <c r="K1291" s="23" t="s">
        <v>7120</v>
      </c>
      <c r="L1291" s="49" t="e">
        <f>VLOOKUP(E1291&amp;F1291,団体コード!$A$1:$C$1743,3,FALSE)</f>
        <v>#N/A</v>
      </c>
      <c r="M1291" s="49" t="e">
        <f>VLOOKUP(E1291&amp;F1291,団体コード!$A$1:$C$1743,2,FALSE)</f>
        <v>#N/A</v>
      </c>
      <c r="N1291" s="51" t="e">
        <f>VLOOKUP(E1291,団体コード!$E$1:$F$48,2,FALSE)</f>
        <v>#N/A</v>
      </c>
      <c r="O1291" s="51" t="e">
        <f t="shared" si="43"/>
        <v>#N/A</v>
      </c>
      <c r="P1291" s="51">
        <v>1</v>
      </c>
      <c r="Q1291" s="51" t="s">
        <v>5341</v>
      </c>
      <c r="R1291" s="54" t="b">
        <v>1</v>
      </c>
      <c r="S1291" s="52" t="s">
        <v>7126</v>
      </c>
      <c r="T1291" s="67" t="s">
        <v>7127</v>
      </c>
      <c r="U1291" s="75" t="s">
        <v>5331</v>
      </c>
      <c r="V1291" s="47" t="s">
        <v>5331</v>
      </c>
      <c r="W1291" s="47" t="s">
        <v>5331</v>
      </c>
      <c r="X1291" s="47" t="s">
        <v>5331</v>
      </c>
      <c r="Y1291" s="47" t="s">
        <v>5331</v>
      </c>
      <c r="Z1291" s="28"/>
      <c r="AA1291" s="27"/>
      <c r="AB1291" s="27"/>
      <c r="AC1291" s="27"/>
      <c r="AD1291" s="30"/>
      <c r="AE1291" s="1"/>
      <c r="AF1291" s="23" t="s">
        <v>5331</v>
      </c>
      <c r="AG1291" s="26"/>
      <c r="AH1291" s="53"/>
    </row>
    <row r="1292" spans="1:34" ht="51.6" customHeight="1" x14ac:dyDescent="0.45">
      <c r="A1292" s="23">
        <v>1286</v>
      </c>
      <c r="B1292" s="25"/>
      <c r="C1292" s="25"/>
      <c r="D1292" s="29"/>
      <c r="E1292" s="1"/>
      <c r="F1292" s="1"/>
      <c r="G1292" s="25"/>
      <c r="H1292" s="71"/>
      <c r="I1292" s="83"/>
      <c r="J1292" s="50" t="str">
        <f t="shared" si="42"/>
        <v/>
      </c>
      <c r="K1292" s="23" t="s">
        <v>7120</v>
      </c>
      <c r="L1292" s="49" t="e">
        <f>VLOOKUP(E1292&amp;F1292,団体コード!$A$1:$C$1743,3,FALSE)</f>
        <v>#N/A</v>
      </c>
      <c r="M1292" s="49" t="e">
        <f>VLOOKUP(E1292&amp;F1292,団体コード!$A$1:$C$1743,2,FALSE)</f>
        <v>#N/A</v>
      </c>
      <c r="N1292" s="51" t="e">
        <f>VLOOKUP(E1292,団体コード!$E$1:$F$48,2,FALSE)</f>
        <v>#N/A</v>
      </c>
      <c r="O1292" s="51" t="e">
        <f t="shared" si="43"/>
        <v>#N/A</v>
      </c>
      <c r="P1292" s="51">
        <v>1</v>
      </c>
      <c r="Q1292" s="51" t="s">
        <v>5341</v>
      </c>
      <c r="R1292" s="54" t="b">
        <v>1</v>
      </c>
      <c r="S1292" s="52" t="s">
        <v>7126</v>
      </c>
      <c r="T1292" s="67" t="s">
        <v>7127</v>
      </c>
      <c r="U1292" s="75" t="s">
        <v>5331</v>
      </c>
      <c r="V1292" s="47" t="s">
        <v>5331</v>
      </c>
      <c r="W1292" s="47" t="s">
        <v>5331</v>
      </c>
      <c r="X1292" s="47" t="s">
        <v>5331</v>
      </c>
      <c r="Y1292" s="47" t="s">
        <v>5331</v>
      </c>
      <c r="Z1292" s="28"/>
      <c r="AA1292" s="27"/>
      <c r="AB1292" s="27"/>
      <c r="AC1292" s="27"/>
      <c r="AD1292" s="30"/>
      <c r="AE1292" s="1"/>
      <c r="AF1292" s="23" t="s">
        <v>5331</v>
      </c>
      <c r="AG1292" s="26"/>
      <c r="AH1292" s="53"/>
    </row>
    <row r="1293" spans="1:34" ht="51.6" customHeight="1" x14ac:dyDescent="0.45">
      <c r="A1293" s="23">
        <v>1287</v>
      </c>
      <c r="B1293" s="25"/>
      <c r="C1293" s="25"/>
      <c r="D1293" s="29"/>
      <c r="E1293" s="1"/>
      <c r="F1293" s="1"/>
      <c r="G1293" s="25"/>
      <c r="H1293" s="71"/>
      <c r="I1293" s="83"/>
      <c r="J1293" s="50" t="str">
        <f t="shared" si="42"/>
        <v/>
      </c>
      <c r="K1293" s="23" t="s">
        <v>7120</v>
      </c>
      <c r="L1293" s="49" t="e">
        <f>VLOOKUP(E1293&amp;F1293,団体コード!$A$1:$C$1743,3,FALSE)</f>
        <v>#N/A</v>
      </c>
      <c r="M1293" s="49" t="e">
        <f>VLOOKUP(E1293&amp;F1293,団体コード!$A$1:$C$1743,2,FALSE)</f>
        <v>#N/A</v>
      </c>
      <c r="N1293" s="51" t="e">
        <f>VLOOKUP(E1293,団体コード!$E$1:$F$48,2,FALSE)</f>
        <v>#N/A</v>
      </c>
      <c r="O1293" s="51" t="e">
        <f t="shared" si="43"/>
        <v>#N/A</v>
      </c>
      <c r="P1293" s="51">
        <v>1</v>
      </c>
      <c r="Q1293" s="51" t="s">
        <v>5341</v>
      </c>
      <c r="R1293" s="54" t="b">
        <v>1</v>
      </c>
      <c r="S1293" s="52" t="s">
        <v>7126</v>
      </c>
      <c r="T1293" s="67" t="s">
        <v>7127</v>
      </c>
      <c r="U1293" s="75" t="s">
        <v>5331</v>
      </c>
      <c r="V1293" s="47" t="s">
        <v>5331</v>
      </c>
      <c r="W1293" s="47" t="s">
        <v>5331</v>
      </c>
      <c r="X1293" s="47" t="s">
        <v>5331</v>
      </c>
      <c r="Y1293" s="47" t="s">
        <v>5331</v>
      </c>
      <c r="Z1293" s="28"/>
      <c r="AA1293" s="27"/>
      <c r="AB1293" s="27"/>
      <c r="AC1293" s="27"/>
      <c r="AD1293" s="30"/>
      <c r="AE1293" s="1"/>
      <c r="AF1293" s="23" t="s">
        <v>5331</v>
      </c>
      <c r="AG1293" s="26"/>
      <c r="AH1293" s="53"/>
    </row>
    <row r="1294" spans="1:34" ht="51.6" customHeight="1" x14ac:dyDescent="0.45">
      <c r="A1294" s="23">
        <v>1288</v>
      </c>
      <c r="B1294" s="25"/>
      <c r="C1294" s="25"/>
      <c r="D1294" s="29"/>
      <c r="E1294" s="1"/>
      <c r="F1294" s="1"/>
      <c r="G1294" s="25"/>
      <c r="H1294" s="71"/>
      <c r="I1294" s="83"/>
      <c r="J1294" s="50" t="str">
        <f t="shared" si="42"/>
        <v/>
      </c>
      <c r="K1294" s="23" t="s">
        <v>7120</v>
      </c>
      <c r="L1294" s="49" t="e">
        <f>VLOOKUP(E1294&amp;F1294,団体コード!$A$1:$C$1743,3,FALSE)</f>
        <v>#N/A</v>
      </c>
      <c r="M1294" s="49" t="e">
        <f>VLOOKUP(E1294&amp;F1294,団体コード!$A$1:$C$1743,2,FALSE)</f>
        <v>#N/A</v>
      </c>
      <c r="N1294" s="51" t="e">
        <f>VLOOKUP(E1294,団体コード!$E$1:$F$48,2,FALSE)</f>
        <v>#N/A</v>
      </c>
      <c r="O1294" s="51" t="e">
        <f t="shared" si="43"/>
        <v>#N/A</v>
      </c>
      <c r="P1294" s="51">
        <v>1</v>
      </c>
      <c r="Q1294" s="51" t="s">
        <v>5341</v>
      </c>
      <c r="R1294" s="54" t="b">
        <v>1</v>
      </c>
      <c r="S1294" s="52" t="s">
        <v>7126</v>
      </c>
      <c r="T1294" s="67" t="s">
        <v>7127</v>
      </c>
      <c r="U1294" s="75" t="s">
        <v>5331</v>
      </c>
      <c r="V1294" s="47" t="s">
        <v>5331</v>
      </c>
      <c r="W1294" s="47" t="s">
        <v>5331</v>
      </c>
      <c r="X1294" s="47" t="s">
        <v>5331</v>
      </c>
      <c r="Y1294" s="47" t="s">
        <v>5331</v>
      </c>
      <c r="Z1294" s="28"/>
      <c r="AA1294" s="27"/>
      <c r="AB1294" s="27"/>
      <c r="AC1294" s="27"/>
      <c r="AD1294" s="30"/>
      <c r="AE1294" s="1"/>
      <c r="AF1294" s="23" t="s">
        <v>5331</v>
      </c>
      <c r="AG1294" s="26"/>
      <c r="AH1294" s="53"/>
    </row>
    <row r="1295" spans="1:34" ht="51.6" customHeight="1" x14ac:dyDescent="0.45">
      <c r="A1295" s="23">
        <v>1289</v>
      </c>
      <c r="B1295" s="25"/>
      <c r="C1295" s="25"/>
      <c r="D1295" s="29"/>
      <c r="E1295" s="1"/>
      <c r="F1295" s="1"/>
      <c r="G1295" s="25"/>
      <c r="H1295" s="71"/>
      <c r="I1295" s="83"/>
      <c r="J1295" s="50" t="str">
        <f t="shared" si="42"/>
        <v/>
      </c>
      <c r="K1295" s="23" t="s">
        <v>7120</v>
      </c>
      <c r="L1295" s="49" t="e">
        <f>VLOOKUP(E1295&amp;F1295,団体コード!$A$1:$C$1743,3,FALSE)</f>
        <v>#N/A</v>
      </c>
      <c r="M1295" s="49" t="e">
        <f>VLOOKUP(E1295&amp;F1295,団体コード!$A$1:$C$1743,2,FALSE)</f>
        <v>#N/A</v>
      </c>
      <c r="N1295" s="51" t="e">
        <f>VLOOKUP(E1295,団体コード!$E$1:$F$48,2,FALSE)</f>
        <v>#N/A</v>
      </c>
      <c r="O1295" s="51" t="e">
        <f t="shared" si="43"/>
        <v>#N/A</v>
      </c>
      <c r="P1295" s="51">
        <v>1</v>
      </c>
      <c r="Q1295" s="51" t="s">
        <v>5341</v>
      </c>
      <c r="R1295" s="54" t="b">
        <v>1</v>
      </c>
      <c r="S1295" s="52" t="s">
        <v>7126</v>
      </c>
      <c r="T1295" s="67" t="s">
        <v>7127</v>
      </c>
      <c r="U1295" s="75" t="s">
        <v>5331</v>
      </c>
      <c r="V1295" s="47" t="s">
        <v>5331</v>
      </c>
      <c r="W1295" s="47" t="s">
        <v>5331</v>
      </c>
      <c r="X1295" s="47" t="s">
        <v>5331</v>
      </c>
      <c r="Y1295" s="47" t="s">
        <v>5331</v>
      </c>
      <c r="Z1295" s="28"/>
      <c r="AA1295" s="27"/>
      <c r="AB1295" s="27"/>
      <c r="AC1295" s="27"/>
      <c r="AD1295" s="30"/>
      <c r="AE1295" s="1"/>
      <c r="AF1295" s="23" t="s">
        <v>5331</v>
      </c>
      <c r="AG1295" s="26"/>
      <c r="AH1295" s="53"/>
    </row>
    <row r="1296" spans="1:34" ht="51.6" customHeight="1" x14ac:dyDescent="0.45">
      <c r="A1296" s="23">
        <v>1290</v>
      </c>
      <c r="B1296" s="25"/>
      <c r="C1296" s="25"/>
      <c r="D1296" s="29"/>
      <c r="E1296" s="1"/>
      <c r="F1296" s="1"/>
      <c r="G1296" s="25"/>
      <c r="H1296" s="71"/>
      <c r="I1296" s="83"/>
      <c r="J1296" s="50" t="str">
        <f t="shared" si="42"/>
        <v/>
      </c>
      <c r="K1296" s="23" t="s">
        <v>7120</v>
      </c>
      <c r="L1296" s="49" t="e">
        <f>VLOOKUP(E1296&amp;F1296,団体コード!$A$1:$C$1743,3,FALSE)</f>
        <v>#N/A</v>
      </c>
      <c r="M1296" s="49" t="e">
        <f>VLOOKUP(E1296&amp;F1296,団体コード!$A$1:$C$1743,2,FALSE)</f>
        <v>#N/A</v>
      </c>
      <c r="N1296" s="51" t="e">
        <f>VLOOKUP(E1296,団体コード!$E$1:$F$48,2,FALSE)</f>
        <v>#N/A</v>
      </c>
      <c r="O1296" s="51" t="e">
        <f t="shared" si="43"/>
        <v>#N/A</v>
      </c>
      <c r="P1296" s="51">
        <v>1</v>
      </c>
      <c r="Q1296" s="51" t="s">
        <v>5341</v>
      </c>
      <c r="R1296" s="54" t="b">
        <v>1</v>
      </c>
      <c r="S1296" s="52" t="s">
        <v>7126</v>
      </c>
      <c r="T1296" s="67" t="s">
        <v>7127</v>
      </c>
      <c r="U1296" s="75" t="s">
        <v>5331</v>
      </c>
      <c r="V1296" s="47" t="s">
        <v>5331</v>
      </c>
      <c r="W1296" s="47" t="s">
        <v>5331</v>
      </c>
      <c r="X1296" s="47" t="s">
        <v>5331</v>
      </c>
      <c r="Y1296" s="47" t="s">
        <v>5331</v>
      </c>
      <c r="Z1296" s="28"/>
      <c r="AA1296" s="27"/>
      <c r="AB1296" s="27"/>
      <c r="AC1296" s="27"/>
      <c r="AD1296" s="30"/>
      <c r="AE1296" s="1"/>
      <c r="AF1296" s="23" t="s">
        <v>5331</v>
      </c>
      <c r="AG1296" s="26"/>
      <c r="AH1296" s="53"/>
    </row>
    <row r="1297" spans="1:34" ht="51.6" customHeight="1" x14ac:dyDescent="0.45">
      <c r="A1297" s="23">
        <v>1291</v>
      </c>
      <c r="B1297" s="25"/>
      <c r="C1297" s="25"/>
      <c r="D1297" s="29"/>
      <c r="E1297" s="1"/>
      <c r="F1297" s="1"/>
      <c r="G1297" s="25"/>
      <c r="H1297" s="71"/>
      <c r="I1297" s="83"/>
      <c r="J1297" s="50" t="str">
        <f t="shared" si="42"/>
        <v/>
      </c>
      <c r="K1297" s="23" t="s">
        <v>7120</v>
      </c>
      <c r="L1297" s="49" t="e">
        <f>VLOOKUP(E1297&amp;F1297,団体コード!$A$1:$C$1743,3,FALSE)</f>
        <v>#N/A</v>
      </c>
      <c r="M1297" s="49" t="e">
        <f>VLOOKUP(E1297&amp;F1297,団体コード!$A$1:$C$1743,2,FALSE)</f>
        <v>#N/A</v>
      </c>
      <c r="N1297" s="51" t="e">
        <f>VLOOKUP(E1297,団体コード!$E$1:$F$48,2,FALSE)</f>
        <v>#N/A</v>
      </c>
      <c r="O1297" s="51" t="e">
        <f t="shared" si="43"/>
        <v>#N/A</v>
      </c>
      <c r="P1297" s="51">
        <v>1</v>
      </c>
      <c r="Q1297" s="51" t="s">
        <v>5341</v>
      </c>
      <c r="R1297" s="54" t="b">
        <v>1</v>
      </c>
      <c r="S1297" s="52" t="s">
        <v>7126</v>
      </c>
      <c r="T1297" s="67" t="s">
        <v>7127</v>
      </c>
      <c r="U1297" s="75" t="s">
        <v>5331</v>
      </c>
      <c r="V1297" s="47" t="s">
        <v>5331</v>
      </c>
      <c r="W1297" s="47" t="s">
        <v>5331</v>
      </c>
      <c r="X1297" s="47" t="s">
        <v>5331</v>
      </c>
      <c r="Y1297" s="47" t="s">
        <v>5331</v>
      </c>
      <c r="Z1297" s="28"/>
      <c r="AA1297" s="27"/>
      <c r="AB1297" s="27"/>
      <c r="AC1297" s="27"/>
      <c r="AD1297" s="30"/>
      <c r="AE1297" s="1"/>
      <c r="AF1297" s="23" t="s">
        <v>5331</v>
      </c>
      <c r="AG1297" s="26"/>
      <c r="AH1297" s="53"/>
    </row>
    <row r="1298" spans="1:34" ht="51.6" customHeight="1" x14ac:dyDescent="0.45">
      <c r="A1298" s="23">
        <v>1292</v>
      </c>
      <c r="B1298" s="25"/>
      <c r="C1298" s="25"/>
      <c r="D1298" s="29"/>
      <c r="E1298" s="1"/>
      <c r="F1298" s="1"/>
      <c r="G1298" s="25"/>
      <c r="H1298" s="71"/>
      <c r="I1298" s="83"/>
      <c r="J1298" s="50" t="str">
        <f t="shared" si="42"/>
        <v/>
      </c>
      <c r="K1298" s="23" t="s">
        <v>7120</v>
      </c>
      <c r="L1298" s="49" t="e">
        <f>VLOOKUP(E1298&amp;F1298,団体コード!$A$1:$C$1743,3,FALSE)</f>
        <v>#N/A</v>
      </c>
      <c r="M1298" s="49" t="e">
        <f>VLOOKUP(E1298&amp;F1298,団体コード!$A$1:$C$1743,2,FALSE)</f>
        <v>#N/A</v>
      </c>
      <c r="N1298" s="51" t="e">
        <f>VLOOKUP(E1298,団体コード!$E$1:$F$48,2,FALSE)</f>
        <v>#N/A</v>
      </c>
      <c r="O1298" s="51" t="e">
        <f t="shared" si="43"/>
        <v>#N/A</v>
      </c>
      <c r="P1298" s="51">
        <v>1</v>
      </c>
      <c r="Q1298" s="51" t="s">
        <v>5341</v>
      </c>
      <c r="R1298" s="54" t="b">
        <v>1</v>
      </c>
      <c r="S1298" s="52" t="s">
        <v>7126</v>
      </c>
      <c r="T1298" s="67" t="s">
        <v>7127</v>
      </c>
      <c r="U1298" s="75" t="s">
        <v>5331</v>
      </c>
      <c r="V1298" s="47" t="s">
        <v>5331</v>
      </c>
      <c r="W1298" s="47" t="s">
        <v>5331</v>
      </c>
      <c r="X1298" s="47" t="s">
        <v>5331</v>
      </c>
      <c r="Y1298" s="47" t="s">
        <v>5331</v>
      </c>
      <c r="Z1298" s="28"/>
      <c r="AA1298" s="27"/>
      <c r="AB1298" s="27"/>
      <c r="AC1298" s="27"/>
      <c r="AD1298" s="30"/>
      <c r="AE1298" s="1"/>
      <c r="AF1298" s="23" t="s">
        <v>5331</v>
      </c>
      <c r="AG1298" s="26"/>
      <c r="AH1298" s="53"/>
    </row>
    <row r="1299" spans="1:34" ht="51.6" customHeight="1" x14ac:dyDescent="0.45">
      <c r="A1299" s="23">
        <v>1293</v>
      </c>
      <c r="B1299" s="25"/>
      <c r="C1299" s="25"/>
      <c r="D1299" s="29"/>
      <c r="E1299" s="1"/>
      <c r="F1299" s="1"/>
      <c r="G1299" s="25"/>
      <c r="H1299" s="71"/>
      <c r="I1299" s="83"/>
      <c r="J1299" s="50" t="str">
        <f t="shared" si="42"/>
        <v/>
      </c>
      <c r="K1299" s="23" t="s">
        <v>7120</v>
      </c>
      <c r="L1299" s="49" t="e">
        <f>VLOOKUP(E1299&amp;F1299,団体コード!$A$1:$C$1743,3,FALSE)</f>
        <v>#N/A</v>
      </c>
      <c r="M1299" s="49" t="e">
        <f>VLOOKUP(E1299&amp;F1299,団体コード!$A$1:$C$1743,2,FALSE)</f>
        <v>#N/A</v>
      </c>
      <c r="N1299" s="51" t="e">
        <f>VLOOKUP(E1299,団体コード!$E$1:$F$48,2,FALSE)</f>
        <v>#N/A</v>
      </c>
      <c r="O1299" s="51" t="e">
        <f t="shared" si="43"/>
        <v>#N/A</v>
      </c>
      <c r="P1299" s="51">
        <v>1</v>
      </c>
      <c r="Q1299" s="51" t="s">
        <v>5341</v>
      </c>
      <c r="R1299" s="54" t="b">
        <v>1</v>
      </c>
      <c r="S1299" s="52" t="s">
        <v>7126</v>
      </c>
      <c r="T1299" s="67" t="s">
        <v>7127</v>
      </c>
      <c r="U1299" s="75" t="s">
        <v>5331</v>
      </c>
      <c r="V1299" s="47" t="s">
        <v>5331</v>
      </c>
      <c r="W1299" s="47" t="s">
        <v>5331</v>
      </c>
      <c r="X1299" s="47" t="s">
        <v>5331</v>
      </c>
      <c r="Y1299" s="47" t="s">
        <v>5331</v>
      </c>
      <c r="Z1299" s="28"/>
      <c r="AA1299" s="27"/>
      <c r="AB1299" s="27"/>
      <c r="AC1299" s="27"/>
      <c r="AD1299" s="30"/>
      <c r="AE1299" s="1"/>
      <c r="AF1299" s="23" t="s">
        <v>5331</v>
      </c>
      <c r="AG1299" s="26"/>
      <c r="AH1299" s="53"/>
    </row>
    <row r="1300" spans="1:34" ht="51.6" customHeight="1" x14ac:dyDescent="0.45">
      <c r="A1300" s="23">
        <v>1294</v>
      </c>
      <c r="B1300" s="25"/>
      <c r="C1300" s="25"/>
      <c r="D1300" s="29"/>
      <c r="E1300" s="1"/>
      <c r="F1300" s="1"/>
      <c r="G1300" s="25"/>
      <c r="H1300" s="71"/>
      <c r="I1300" s="83"/>
      <c r="J1300" s="50" t="str">
        <f t="shared" si="42"/>
        <v/>
      </c>
      <c r="K1300" s="23" t="s">
        <v>7120</v>
      </c>
      <c r="L1300" s="49" t="e">
        <f>VLOOKUP(E1300&amp;F1300,団体コード!$A$1:$C$1743,3,FALSE)</f>
        <v>#N/A</v>
      </c>
      <c r="M1300" s="49" t="e">
        <f>VLOOKUP(E1300&amp;F1300,団体コード!$A$1:$C$1743,2,FALSE)</f>
        <v>#N/A</v>
      </c>
      <c r="N1300" s="51" t="e">
        <f>VLOOKUP(E1300,団体コード!$E$1:$F$48,2,FALSE)</f>
        <v>#N/A</v>
      </c>
      <c r="O1300" s="51" t="e">
        <f t="shared" si="43"/>
        <v>#N/A</v>
      </c>
      <c r="P1300" s="51">
        <v>1</v>
      </c>
      <c r="Q1300" s="51" t="s">
        <v>5341</v>
      </c>
      <c r="R1300" s="54" t="b">
        <v>1</v>
      </c>
      <c r="S1300" s="52" t="s">
        <v>7126</v>
      </c>
      <c r="T1300" s="67" t="s">
        <v>7127</v>
      </c>
      <c r="U1300" s="75" t="s">
        <v>5331</v>
      </c>
      <c r="V1300" s="47" t="s">
        <v>5331</v>
      </c>
      <c r="W1300" s="47" t="s">
        <v>5331</v>
      </c>
      <c r="X1300" s="47" t="s">
        <v>5331</v>
      </c>
      <c r="Y1300" s="47" t="s">
        <v>5331</v>
      </c>
      <c r="Z1300" s="28"/>
      <c r="AA1300" s="27"/>
      <c r="AB1300" s="27"/>
      <c r="AC1300" s="27"/>
      <c r="AD1300" s="30"/>
      <c r="AE1300" s="1"/>
      <c r="AF1300" s="23" t="s">
        <v>5331</v>
      </c>
      <c r="AG1300" s="26"/>
      <c r="AH1300" s="53"/>
    </row>
    <row r="1301" spans="1:34" ht="51.6" customHeight="1" x14ac:dyDescent="0.45">
      <c r="A1301" s="23">
        <v>1295</v>
      </c>
      <c r="B1301" s="25"/>
      <c r="C1301" s="25"/>
      <c r="D1301" s="29"/>
      <c r="E1301" s="1"/>
      <c r="F1301" s="1"/>
      <c r="G1301" s="25"/>
      <c r="H1301" s="71"/>
      <c r="I1301" s="83"/>
      <c r="J1301" s="50" t="str">
        <f t="shared" si="42"/>
        <v/>
      </c>
      <c r="K1301" s="23" t="s">
        <v>7120</v>
      </c>
      <c r="L1301" s="49" t="e">
        <f>VLOOKUP(E1301&amp;F1301,団体コード!$A$1:$C$1743,3,FALSE)</f>
        <v>#N/A</v>
      </c>
      <c r="M1301" s="49" t="e">
        <f>VLOOKUP(E1301&amp;F1301,団体コード!$A$1:$C$1743,2,FALSE)</f>
        <v>#N/A</v>
      </c>
      <c r="N1301" s="51" t="e">
        <f>VLOOKUP(E1301,団体コード!$E$1:$F$48,2,FALSE)</f>
        <v>#N/A</v>
      </c>
      <c r="O1301" s="51" t="e">
        <f t="shared" si="43"/>
        <v>#N/A</v>
      </c>
      <c r="P1301" s="51">
        <v>1</v>
      </c>
      <c r="Q1301" s="51" t="s">
        <v>5341</v>
      </c>
      <c r="R1301" s="54" t="b">
        <v>1</v>
      </c>
      <c r="S1301" s="52" t="s">
        <v>7126</v>
      </c>
      <c r="T1301" s="67" t="s">
        <v>7127</v>
      </c>
      <c r="U1301" s="75" t="s">
        <v>5331</v>
      </c>
      <c r="V1301" s="47" t="s">
        <v>5331</v>
      </c>
      <c r="W1301" s="47" t="s">
        <v>5331</v>
      </c>
      <c r="X1301" s="47" t="s">
        <v>5331</v>
      </c>
      <c r="Y1301" s="47" t="s">
        <v>5331</v>
      </c>
      <c r="Z1301" s="28"/>
      <c r="AA1301" s="27"/>
      <c r="AB1301" s="27"/>
      <c r="AC1301" s="27"/>
      <c r="AD1301" s="30"/>
      <c r="AE1301" s="1"/>
      <c r="AF1301" s="23" t="s">
        <v>5331</v>
      </c>
      <c r="AG1301" s="26"/>
      <c r="AH1301" s="53"/>
    </row>
    <row r="1302" spans="1:34" ht="51.6" customHeight="1" x14ac:dyDescent="0.45">
      <c r="A1302" s="23">
        <v>1296</v>
      </c>
      <c r="B1302" s="25"/>
      <c r="C1302" s="25"/>
      <c r="D1302" s="29"/>
      <c r="E1302" s="1"/>
      <c r="F1302" s="1"/>
      <c r="G1302" s="25"/>
      <c r="H1302" s="71"/>
      <c r="I1302" s="83"/>
      <c r="J1302" s="50" t="str">
        <f t="shared" si="42"/>
        <v/>
      </c>
      <c r="K1302" s="23" t="s">
        <v>7120</v>
      </c>
      <c r="L1302" s="49" t="e">
        <f>VLOOKUP(E1302&amp;F1302,団体コード!$A$1:$C$1743,3,FALSE)</f>
        <v>#N/A</v>
      </c>
      <c r="M1302" s="49" t="e">
        <f>VLOOKUP(E1302&amp;F1302,団体コード!$A$1:$C$1743,2,FALSE)</f>
        <v>#N/A</v>
      </c>
      <c r="N1302" s="51" t="e">
        <f>VLOOKUP(E1302,団体コード!$E$1:$F$48,2,FALSE)</f>
        <v>#N/A</v>
      </c>
      <c r="O1302" s="51" t="e">
        <f t="shared" si="43"/>
        <v>#N/A</v>
      </c>
      <c r="P1302" s="51">
        <v>1</v>
      </c>
      <c r="Q1302" s="51" t="s">
        <v>5341</v>
      </c>
      <c r="R1302" s="54" t="b">
        <v>1</v>
      </c>
      <c r="S1302" s="52" t="s">
        <v>7126</v>
      </c>
      <c r="T1302" s="67" t="s">
        <v>7127</v>
      </c>
      <c r="U1302" s="75" t="s">
        <v>5331</v>
      </c>
      <c r="V1302" s="47" t="s">
        <v>5331</v>
      </c>
      <c r="W1302" s="47" t="s">
        <v>5331</v>
      </c>
      <c r="X1302" s="47" t="s">
        <v>5331</v>
      </c>
      <c r="Y1302" s="47" t="s">
        <v>5331</v>
      </c>
      <c r="Z1302" s="28"/>
      <c r="AA1302" s="27"/>
      <c r="AB1302" s="27"/>
      <c r="AC1302" s="27"/>
      <c r="AD1302" s="30"/>
      <c r="AE1302" s="1"/>
      <c r="AF1302" s="23" t="s">
        <v>5331</v>
      </c>
      <c r="AG1302" s="26"/>
      <c r="AH1302" s="53"/>
    </row>
    <row r="1303" spans="1:34" ht="51.6" customHeight="1" x14ac:dyDescent="0.45">
      <c r="A1303" s="23">
        <v>1297</v>
      </c>
      <c r="B1303" s="25"/>
      <c r="C1303" s="25"/>
      <c r="D1303" s="29"/>
      <c r="E1303" s="1"/>
      <c r="F1303" s="1"/>
      <c r="G1303" s="25"/>
      <c r="H1303" s="71"/>
      <c r="I1303" s="83"/>
      <c r="J1303" s="50" t="str">
        <f t="shared" si="42"/>
        <v/>
      </c>
      <c r="K1303" s="23" t="s">
        <v>7120</v>
      </c>
      <c r="L1303" s="49" t="e">
        <f>VLOOKUP(E1303&amp;F1303,団体コード!$A$1:$C$1743,3,FALSE)</f>
        <v>#N/A</v>
      </c>
      <c r="M1303" s="49" t="e">
        <f>VLOOKUP(E1303&amp;F1303,団体コード!$A$1:$C$1743,2,FALSE)</f>
        <v>#N/A</v>
      </c>
      <c r="N1303" s="51" t="e">
        <f>VLOOKUP(E1303,団体コード!$E$1:$F$48,2,FALSE)</f>
        <v>#N/A</v>
      </c>
      <c r="O1303" s="51" t="e">
        <f t="shared" si="43"/>
        <v>#N/A</v>
      </c>
      <c r="P1303" s="51">
        <v>1</v>
      </c>
      <c r="Q1303" s="51" t="s">
        <v>5341</v>
      </c>
      <c r="R1303" s="54" t="b">
        <v>1</v>
      </c>
      <c r="S1303" s="52" t="s">
        <v>7126</v>
      </c>
      <c r="T1303" s="67" t="s">
        <v>7127</v>
      </c>
      <c r="U1303" s="75" t="s">
        <v>5331</v>
      </c>
      <c r="V1303" s="47" t="s">
        <v>5331</v>
      </c>
      <c r="W1303" s="47" t="s">
        <v>5331</v>
      </c>
      <c r="X1303" s="47" t="s">
        <v>5331</v>
      </c>
      <c r="Y1303" s="47" t="s">
        <v>5331</v>
      </c>
      <c r="Z1303" s="28"/>
      <c r="AA1303" s="27"/>
      <c r="AB1303" s="27"/>
      <c r="AC1303" s="27"/>
      <c r="AD1303" s="30"/>
      <c r="AE1303" s="1"/>
      <c r="AF1303" s="23" t="s">
        <v>5331</v>
      </c>
      <c r="AG1303" s="26"/>
      <c r="AH1303" s="53"/>
    </row>
    <row r="1304" spans="1:34" ht="51.6" customHeight="1" x14ac:dyDescent="0.45">
      <c r="A1304" s="23">
        <v>1298</v>
      </c>
      <c r="B1304" s="25"/>
      <c r="C1304" s="25"/>
      <c r="D1304" s="29"/>
      <c r="E1304" s="1"/>
      <c r="F1304" s="1"/>
      <c r="G1304" s="25"/>
      <c r="H1304" s="71"/>
      <c r="I1304" s="83"/>
      <c r="J1304" s="50" t="str">
        <f t="shared" si="42"/>
        <v/>
      </c>
      <c r="K1304" s="23" t="s">
        <v>7120</v>
      </c>
      <c r="L1304" s="49" t="e">
        <f>VLOOKUP(E1304&amp;F1304,団体コード!$A$1:$C$1743,3,FALSE)</f>
        <v>#N/A</v>
      </c>
      <c r="M1304" s="49" t="e">
        <f>VLOOKUP(E1304&amp;F1304,団体コード!$A$1:$C$1743,2,FALSE)</f>
        <v>#N/A</v>
      </c>
      <c r="N1304" s="51" t="e">
        <f>VLOOKUP(E1304,団体コード!$E$1:$F$48,2,FALSE)</f>
        <v>#N/A</v>
      </c>
      <c r="O1304" s="51" t="e">
        <f t="shared" si="43"/>
        <v>#N/A</v>
      </c>
      <c r="P1304" s="51">
        <v>1</v>
      </c>
      <c r="Q1304" s="51" t="s">
        <v>5341</v>
      </c>
      <c r="R1304" s="54" t="b">
        <v>1</v>
      </c>
      <c r="S1304" s="52" t="s">
        <v>7126</v>
      </c>
      <c r="T1304" s="67" t="s">
        <v>7127</v>
      </c>
      <c r="U1304" s="75" t="s">
        <v>5331</v>
      </c>
      <c r="V1304" s="47" t="s">
        <v>5331</v>
      </c>
      <c r="W1304" s="47" t="s">
        <v>5331</v>
      </c>
      <c r="X1304" s="47" t="s">
        <v>5331</v>
      </c>
      <c r="Y1304" s="47" t="s">
        <v>5331</v>
      </c>
      <c r="Z1304" s="28"/>
      <c r="AA1304" s="27"/>
      <c r="AB1304" s="27"/>
      <c r="AC1304" s="27"/>
      <c r="AD1304" s="30"/>
      <c r="AE1304" s="1"/>
      <c r="AF1304" s="23" t="s">
        <v>5331</v>
      </c>
      <c r="AG1304" s="26"/>
      <c r="AH1304" s="53"/>
    </row>
    <row r="1305" spans="1:34" ht="51.6" customHeight="1" x14ac:dyDescent="0.45">
      <c r="A1305" s="23">
        <v>1299</v>
      </c>
      <c r="B1305" s="25"/>
      <c r="C1305" s="25"/>
      <c r="D1305" s="29"/>
      <c r="E1305" s="1"/>
      <c r="F1305" s="1"/>
      <c r="G1305" s="25"/>
      <c r="H1305" s="71"/>
      <c r="I1305" s="83"/>
      <c r="J1305" s="50" t="str">
        <f t="shared" si="42"/>
        <v/>
      </c>
      <c r="K1305" s="23" t="s">
        <v>7120</v>
      </c>
      <c r="L1305" s="49" t="e">
        <f>VLOOKUP(E1305&amp;F1305,団体コード!$A$1:$C$1743,3,FALSE)</f>
        <v>#N/A</v>
      </c>
      <c r="M1305" s="49" t="e">
        <f>VLOOKUP(E1305&amp;F1305,団体コード!$A$1:$C$1743,2,FALSE)</f>
        <v>#N/A</v>
      </c>
      <c r="N1305" s="51" t="e">
        <f>VLOOKUP(E1305,団体コード!$E$1:$F$48,2,FALSE)</f>
        <v>#N/A</v>
      </c>
      <c r="O1305" s="51" t="e">
        <f t="shared" si="43"/>
        <v>#N/A</v>
      </c>
      <c r="P1305" s="51">
        <v>1</v>
      </c>
      <c r="Q1305" s="51" t="s">
        <v>5341</v>
      </c>
      <c r="R1305" s="54" t="b">
        <v>1</v>
      </c>
      <c r="S1305" s="52" t="s">
        <v>7126</v>
      </c>
      <c r="T1305" s="67" t="s">
        <v>7127</v>
      </c>
      <c r="U1305" s="75" t="s">
        <v>5331</v>
      </c>
      <c r="V1305" s="47" t="s">
        <v>5331</v>
      </c>
      <c r="W1305" s="47" t="s">
        <v>5331</v>
      </c>
      <c r="X1305" s="47" t="s">
        <v>5331</v>
      </c>
      <c r="Y1305" s="47" t="s">
        <v>5331</v>
      </c>
      <c r="Z1305" s="28"/>
      <c r="AA1305" s="27"/>
      <c r="AB1305" s="27"/>
      <c r="AC1305" s="27"/>
      <c r="AD1305" s="30"/>
      <c r="AE1305" s="1"/>
      <c r="AF1305" s="23" t="s">
        <v>5331</v>
      </c>
      <c r="AG1305" s="26"/>
      <c r="AH1305" s="53"/>
    </row>
    <row r="1306" spans="1:34" ht="51.6" customHeight="1" x14ac:dyDescent="0.45">
      <c r="A1306" s="23">
        <v>1300</v>
      </c>
      <c r="B1306" s="25"/>
      <c r="C1306" s="25"/>
      <c r="D1306" s="29"/>
      <c r="E1306" s="1"/>
      <c r="F1306" s="1"/>
      <c r="G1306" s="25"/>
      <c r="H1306" s="71"/>
      <c r="I1306" s="83"/>
      <c r="J1306" s="50" t="str">
        <f t="shared" si="42"/>
        <v/>
      </c>
      <c r="K1306" s="23" t="s">
        <v>7120</v>
      </c>
      <c r="L1306" s="49" t="e">
        <f>VLOOKUP(E1306&amp;F1306,団体コード!$A$1:$C$1743,3,FALSE)</f>
        <v>#N/A</v>
      </c>
      <c r="M1306" s="49" t="e">
        <f>VLOOKUP(E1306&amp;F1306,団体コード!$A$1:$C$1743,2,FALSE)</f>
        <v>#N/A</v>
      </c>
      <c r="N1306" s="51" t="e">
        <f>VLOOKUP(E1306,団体コード!$E$1:$F$48,2,FALSE)</f>
        <v>#N/A</v>
      </c>
      <c r="O1306" s="51" t="e">
        <f t="shared" si="43"/>
        <v>#N/A</v>
      </c>
      <c r="P1306" s="51">
        <v>1</v>
      </c>
      <c r="Q1306" s="51" t="s">
        <v>5341</v>
      </c>
      <c r="R1306" s="54" t="b">
        <v>1</v>
      </c>
      <c r="S1306" s="52" t="s">
        <v>7126</v>
      </c>
      <c r="T1306" s="67" t="s">
        <v>7127</v>
      </c>
      <c r="U1306" s="75" t="s">
        <v>5331</v>
      </c>
      <c r="V1306" s="47" t="s">
        <v>5331</v>
      </c>
      <c r="W1306" s="47" t="s">
        <v>5331</v>
      </c>
      <c r="X1306" s="47" t="s">
        <v>5331</v>
      </c>
      <c r="Y1306" s="47" t="s">
        <v>5331</v>
      </c>
      <c r="Z1306" s="28"/>
      <c r="AA1306" s="27"/>
      <c r="AB1306" s="27"/>
      <c r="AC1306" s="27"/>
      <c r="AD1306" s="30"/>
      <c r="AE1306" s="1"/>
      <c r="AF1306" s="23" t="s">
        <v>5331</v>
      </c>
      <c r="AG1306" s="26"/>
      <c r="AH1306" s="53"/>
    </row>
    <row r="1307" spans="1:34" ht="51.6" customHeight="1" x14ac:dyDescent="0.45">
      <c r="A1307" s="23">
        <v>1301</v>
      </c>
      <c r="B1307" s="25"/>
      <c r="C1307" s="25"/>
      <c r="D1307" s="29"/>
      <c r="E1307" s="1"/>
      <c r="F1307" s="1"/>
      <c r="G1307" s="25"/>
      <c r="H1307" s="71"/>
      <c r="I1307" s="83"/>
      <c r="J1307" s="50" t="str">
        <f t="shared" si="42"/>
        <v/>
      </c>
      <c r="K1307" s="23" t="s">
        <v>7120</v>
      </c>
      <c r="L1307" s="49" t="e">
        <f>VLOOKUP(E1307&amp;F1307,団体コード!$A$1:$C$1743,3,FALSE)</f>
        <v>#N/A</v>
      </c>
      <c r="M1307" s="49" t="e">
        <f>VLOOKUP(E1307&amp;F1307,団体コード!$A$1:$C$1743,2,FALSE)</f>
        <v>#N/A</v>
      </c>
      <c r="N1307" s="51" t="e">
        <f>VLOOKUP(E1307,団体コード!$E$1:$F$48,2,FALSE)</f>
        <v>#N/A</v>
      </c>
      <c r="O1307" s="51" t="e">
        <f t="shared" si="43"/>
        <v>#N/A</v>
      </c>
      <c r="P1307" s="51">
        <v>1</v>
      </c>
      <c r="Q1307" s="51" t="s">
        <v>5341</v>
      </c>
      <c r="R1307" s="54" t="b">
        <v>1</v>
      </c>
      <c r="S1307" s="52" t="s">
        <v>7126</v>
      </c>
      <c r="T1307" s="67" t="s">
        <v>7127</v>
      </c>
      <c r="U1307" s="75" t="s">
        <v>5331</v>
      </c>
      <c r="V1307" s="47" t="s">
        <v>5331</v>
      </c>
      <c r="W1307" s="47" t="s">
        <v>5331</v>
      </c>
      <c r="X1307" s="47" t="s">
        <v>5331</v>
      </c>
      <c r="Y1307" s="47" t="s">
        <v>5331</v>
      </c>
      <c r="Z1307" s="28"/>
      <c r="AA1307" s="27"/>
      <c r="AB1307" s="27"/>
      <c r="AC1307" s="27"/>
      <c r="AD1307" s="30"/>
      <c r="AE1307" s="1"/>
      <c r="AF1307" s="23" t="s">
        <v>5331</v>
      </c>
      <c r="AG1307" s="26"/>
      <c r="AH1307" s="53"/>
    </row>
    <row r="1308" spans="1:34" ht="51.6" customHeight="1" x14ac:dyDescent="0.45">
      <c r="A1308" s="23">
        <v>1302</v>
      </c>
      <c r="B1308" s="25"/>
      <c r="C1308" s="25"/>
      <c r="D1308" s="29"/>
      <c r="E1308" s="1"/>
      <c r="F1308" s="1"/>
      <c r="G1308" s="25"/>
      <c r="H1308" s="71"/>
      <c r="I1308" s="83"/>
      <c r="J1308" s="50" t="str">
        <f t="shared" si="42"/>
        <v/>
      </c>
      <c r="K1308" s="23" t="s">
        <v>7120</v>
      </c>
      <c r="L1308" s="49" t="e">
        <f>VLOOKUP(E1308&amp;F1308,団体コード!$A$1:$C$1743,3,FALSE)</f>
        <v>#N/A</v>
      </c>
      <c r="M1308" s="49" t="e">
        <f>VLOOKUP(E1308&amp;F1308,団体コード!$A$1:$C$1743,2,FALSE)</f>
        <v>#N/A</v>
      </c>
      <c r="N1308" s="51" t="e">
        <f>VLOOKUP(E1308,団体コード!$E$1:$F$48,2,FALSE)</f>
        <v>#N/A</v>
      </c>
      <c r="O1308" s="51" t="e">
        <f t="shared" si="43"/>
        <v>#N/A</v>
      </c>
      <c r="P1308" s="51">
        <v>1</v>
      </c>
      <c r="Q1308" s="51" t="s">
        <v>5341</v>
      </c>
      <c r="R1308" s="54" t="b">
        <v>1</v>
      </c>
      <c r="S1308" s="52" t="s">
        <v>7126</v>
      </c>
      <c r="T1308" s="67" t="s">
        <v>7127</v>
      </c>
      <c r="U1308" s="75" t="s">
        <v>5331</v>
      </c>
      <c r="V1308" s="47" t="s">
        <v>5331</v>
      </c>
      <c r="W1308" s="47" t="s">
        <v>5331</v>
      </c>
      <c r="X1308" s="47" t="s">
        <v>5331</v>
      </c>
      <c r="Y1308" s="47" t="s">
        <v>5331</v>
      </c>
      <c r="Z1308" s="28"/>
      <c r="AA1308" s="27"/>
      <c r="AB1308" s="27"/>
      <c r="AC1308" s="27"/>
      <c r="AD1308" s="30"/>
      <c r="AE1308" s="1"/>
      <c r="AF1308" s="23" t="s">
        <v>5331</v>
      </c>
      <c r="AG1308" s="26"/>
      <c r="AH1308" s="53"/>
    </row>
    <row r="1309" spans="1:34" ht="51.6" customHeight="1" x14ac:dyDescent="0.45">
      <c r="A1309" s="23">
        <v>1303</v>
      </c>
      <c r="B1309" s="25"/>
      <c r="C1309" s="25"/>
      <c r="D1309" s="29"/>
      <c r="E1309" s="1"/>
      <c r="F1309" s="1"/>
      <c r="G1309" s="25"/>
      <c r="H1309" s="71"/>
      <c r="I1309" s="83"/>
      <c r="J1309" s="50" t="str">
        <f t="shared" si="42"/>
        <v/>
      </c>
      <c r="K1309" s="23" t="s">
        <v>7120</v>
      </c>
      <c r="L1309" s="49" t="e">
        <f>VLOOKUP(E1309&amp;F1309,団体コード!$A$1:$C$1743,3,FALSE)</f>
        <v>#N/A</v>
      </c>
      <c r="M1309" s="49" t="e">
        <f>VLOOKUP(E1309&amp;F1309,団体コード!$A$1:$C$1743,2,FALSE)</f>
        <v>#N/A</v>
      </c>
      <c r="N1309" s="51" t="e">
        <f>VLOOKUP(E1309,団体コード!$E$1:$F$48,2,FALSE)</f>
        <v>#N/A</v>
      </c>
      <c r="O1309" s="51" t="e">
        <f t="shared" si="43"/>
        <v>#N/A</v>
      </c>
      <c r="P1309" s="51">
        <v>1</v>
      </c>
      <c r="Q1309" s="51" t="s">
        <v>5341</v>
      </c>
      <c r="R1309" s="54" t="b">
        <v>1</v>
      </c>
      <c r="S1309" s="52" t="s">
        <v>7126</v>
      </c>
      <c r="T1309" s="67" t="s">
        <v>7127</v>
      </c>
      <c r="U1309" s="75" t="s">
        <v>5331</v>
      </c>
      <c r="V1309" s="47" t="s">
        <v>5331</v>
      </c>
      <c r="W1309" s="47" t="s">
        <v>5331</v>
      </c>
      <c r="X1309" s="47" t="s">
        <v>5331</v>
      </c>
      <c r="Y1309" s="47" t="s">
        <v>5331</v>
      </c>
      <c r="Z1309" s="28"/>
      <c r="AA1309" s="27"/>
      <c r="AB1309" s="27"/>
      <c r="AC1309" s="27"/>
      <c r="AD1309" s="30"/>
      <c r="AE1309" s="1"/>
      <c r="AF1309" s="23" t="s">
        <v>5331</v>
      </c>
      <c r="AG1309" s="26"/>
      <c r="AH1309" s="53"/>
    </row>
    <row r="1310" spans="1:34" ht="51.6" customHeight="1" x14ac:dyDescent="0.45">
      <c r="A1310" s="23">
        <v>1304</v>
      </c>
      <c r="B1310" s="25"/>
      <c r="C1310" s="25"/>
      <c r="D1310" s="29"/>
      <c r="E1310" s="1"/>
      <c r="F1310" s="1"/>
      <c r="G1310" s="25"/>
      <c r="H1310" s="71"/>
      <c r="I1310" s="83"/>
      <c r="J1310" s="50" t="str">
        <f t="shared" si="42"/>
        <v/>
      </c>
      <c r="K1310" s="23" t="s">
        <v>7120</v>
      </c>
      <c r="L1310" s="49" t="e">
        <f>VLOOKUP(E1310&amp;F1310,団体コード!$A$1:$C$1743,3,FALSE)</f>
        <v>#N/A</v>
      </c>
      <c r="M1310" s="49" t="e">
        <f>VLOOKUP(E1310&amp;F1310,団体コード!$A$1:$C$1743,2,FALSE)</f>
        <v>#N/A</v>
      </c>
      <c r="N1310" s="51" t="e">
        <f>VLOOKUP(E1310,団体コード!$E$1:$F$48,2,FALSE)</f>
        <v>#N/A</v>
      </c>
      <c r="O1310" s="51" t="e">
        <f t="shared" si="43"/>
        <v>#N/A</v>
      </c>
      <c r="P1310" s="51">
        <v>1</v>
      </c>
      <c r="Q1310" s="51" t="s">
        <v>5341</v>
      </c>
      <c r="R1310" s="54" t="b">
        <v>1</v>
      </c>
      <c r="S1310" s="52" t="s">
        <v>7126</v>
      </c>
      <c r="T1310" s="67" t="s">
        <v>7127</v>
      </c>
      <c r="U1310" s="75" t="s">
        <v>5331</v>
      </c>
      <c r="V1310" s="47" t="s">
        <v>5331</v>
      </c>
      <c r="W1310" s="47" t="s">
        <v>5331</v>
      </c>
      <c r="X1310" s="47" t="s">
        <v>5331</v>
      </c>
      <c r="Y1310" s="47" t="s">
        <v>5331</v>
      </c>
      <c r="Z1310" s="28"/>
      <c r="AA1310" s="27"/>
      <c r="AB1310" s="27"/>
      <c r="AC1310" s="27"/>
      <c r="AD1310" s="30"/>
      <c r="AE1310" s="1"/>
      <c r="AF1310" s="23" t="s">
        <v>5331</v>
      </c>
      <c r="AG1310" s="26"/>
      <c r="AH1310" s="53"/>
    </row>
    <row r="1311" spans="1:34" ht="51.6" customHeight="1" x14ac:dyDescent="0.45">
      <c r="A1311" s="23">
        <v>1305</v>
      </c>
      <c r="B1311" s="25"/>
      <c r="C1311" s="25"/>
      <c r="D1311" s="29"/>
      <c r="E1311" s="1"/>
      <c r="F1311" s="1"/>
      <c r="G1311" s="25"/>
      <c r="H1311" s="71"/>
      <c r="I1311" s="83"/>
      <c r="J1311" s="50" t="str">
        <f t="shared" si="42"/>
        <v/>
      </c>
      <c r="K1311" s="23" t="s">
        <v>7120</v>
      </c>
      <c r="L1311" s="49" t="e">
        <f>VLOOKUP(E1311&amp;F1311,団体コード!$A$1:$C$1743,3,FALSE)</f>
        <v>#N/A</v>
      </c>
      <c r="M1311" s="49" t="e">
        <f>VLOOKUP(E1311&amp;F1311,団体コード!$A$1:$C$1743,2,FALSE)</f>
        <v>#N/A</v>
      </c>
      <c r="N1311" s="51" t="e">
        <f>VLOOKUP(E1311,団体コード!$E$1:$F$48,2,FALSE)</f>
        <v>#N/A</v>
      </c>
      <c r="O1311" s="51" t="e">
        <f t="shared" si="43"/>
        <v>#N/A</v>
      </c>
      <c r="P1311" s="51">
        <v>1</v>
      </c>
      <c r="Q1311" s="51" t="s">
        <v>5341</v>
      </c>
      <c r="R1311" s="54" t="b">
        <v>1</v>
      </c>
      <c r="S1311" s="52" t="s">
        <v>7126</v>
      </c>
      <c r="T1311" s="67" t="s">
        <v>7127</v>
      </c>
      <c r="U1311" s="75" t="s">
        <v>5331</v>
      </c>
      <c r="V1311" s="47" t="s">
        <v>5331</v>
      </c>
      <c r="W1311" s="47" t="s">
        <v>5331</v>
      </c>
      <c r="X1311" s="47" t="s">
        <v>5331</v>
      </c>
      <c r="Y1311" s="47" t="s">
        <v>5331</v>
      </c>
      <c r="Z1311" s="28"/>
      <c r="AA1311" s="27"/>
      <c r="AB1311" s="27"/>
      <c r="AC1311" s="27"/>
      <c r="AD1311" s="30"/>
      <c r="AE1311" s="1"/>
      <c r="AF1311" s="23" t="s">
        <v>5331</v>
      </c>
      <c r="AG1311" s="26"/>
      <c r="AH1311" s="53"/>
    </row>
    <row r="1312" spans="1:34" ht="51.6" customHeight="1" x14ac:dyDescent="0.45">
      <c r="A1312" s="23">
        <v>1306</v>
      </c>
      <c r="B1312" s="25"/>
      <c r="C1312" s="25"/>
      <c r="D1312" s="29"/>
      <c r="E1312" s="1"/>
      <c r="F1312" s="1"/>
      <c r="G1312" s="25"/>
      <c r="H1312" s="71"/>
      <c r="I1312" s="83"/>
      <c r="J1312" s="50" t="str">
        <f t="shared" si="42"/>
        <v/>
      </c>
      <c r="K1312" s="23" t="s">
        <v>7120</v>
      </c>
      <c r="L1312" s="49" t="e">
        <f>VLOOKUP(E1312&amp;F1312,団体コード!$A$1:$C$1743,3,FALSE)</f>
        <v>#N/A</v>
      </c>
      <c r="M1312" s="49" t="e">
        <f>VLOOKUP(E1312&amp;F1312,団体コード!$A$1:$C$1743,2,FALSE)</f>
        <v>#N/A</v>
      </c>
      <c r="N1312" s="51" t="e">
        <f>VLOOKUP(E1312,団体コード!$E$1:$F$48,2,FALSE)</f>
        <v>#N/A</v>
      </c>
      <c r="O1312" s="51" t="e">
        <f t="shared" si="43"/>
        <v>#N/A</v>
      </c>
      <c r="P1312" s="51">
        <v>1</v>
      </c>
      <c r="Q1312" s="51" t="s">
        <v>5341</v>
      </c>
      <c r="R1312" s="54" t="b">
        <v>1</v>
      </c>
      <c r="S1312" s="52" t="s">
        <v>7126</v>
      </c>
      <c r="T1312" s="67" t="s">
        <v>7127</v>
      </c>
      <c r="U1312" s="75" t="s">
        <v>5331</v>
      </c>
      <c r="V1312" s="47" t="s">
        <v>5331</v>
      </c>
      <c r="W1312" s="47" t="s">
        <v>5331</v>
      </c>
      <c r="X1312" s="47" t="s">
        <v>5331</v>
      </c>
      <c r="Y1312" s="47" t="s">
        <v>5331</v>
      </c>
      <c r="Z1312" s="28"/>
      <c r="AA1312" s="27"/>
      <c r="AB1312" s="27"/>
      <c r="AC1312" s="27"/>
      <c r="AD1312" s="30"/>
      <c r="AE1312" s="1"/>
      <c r="AF1312" s="23" t="s">
        <v>5331</v>
      </c>
      <c r="AG1312" s="26"/>
      <c r="AH1312" s="53"/>
    </row>
    <row r="1313" spans="1:34" ht="51.6" customHeight="1" x14ac:dyDescent="0.45">
      <c r="A1313" s="23">
        <v>1307</v>
      </c>
      <c r="B1313" s="25"/>
      <c r="C1313" s="25"/>
      <c r="D1313" s="29"/>
      <c r="E1313" s="1"/>
      <c r="F1313" s="1"/>
      <c r="G1313" s="25"/>
      <c r="H1313" s="71"/>
      <c r="I1313" s="83"/>
      <c r="J1313" s="50" t="str">
        <f t="shared" si="42"/>
        <v/>
      </c>
      <c r="K1313" s="23" t="s">
        <v>7120</v>
      </c>
      <c r="L1313" s="49" t="e">
        <f>VLOOKUP(E1313&amp;F1313,団体コード!$A$1:$C$1743,3,FALSE)</f>
        <v>#N/A</v>
      </c>
      <c r="M1313" s="49" t="e">
        <f>VLOOKUP(E1313&amp;F1313,団体コード!$A$1:$C$1743,2,FALSE)</f>
        <v>#N/A</v>
      </c>
      <c r="N1313" s="51" t="e">
        <f>VLOOKUP(E1313,団体コード!$E$1:$F$48,2,FALSE)</f>
        <v>#N/A</v>
      </c>
      <c r="O1313" s="51" t="e">
        <f t="shared" si="43"/>
        <v>#N/A</v>
      </c>
      <c r="P1313" s="51">
        <v>1</v>
      </c>
      <c r="Q1313" s="51" t="s">
        <v>5341</v>
      </c>
      <c r="R1313" s="54" t="b">
        <v>1</v>
      </c>
      <c r="S1313" s="52" t="s">
        <v>7126</v>
      </c>
      <c r="T1313" s="67" t="s">
        <v>7127</v>
      </c>
      <c r="U1313" s="75" t="s">
        <v>5331</v>
      </c>
      <c r="V1313" s="47" t="s">
        <v>5331</v>
      </c>
      <c r="W1313" s="47" t="s">
        <v>5331</v>
      </c>
      <c r="X1313" s="47" t="s">
        <v>5331</v>
      </c>
      <c r="Y1313" s="47" t="s">
        <v>5331</v>
      </c>
      <c r="Z1313" s="28"/>
      <c r="AA1313" s="27"/>
      <c r="AB1313" s="27"/>
      <c r="AC1313" s="27"/>
      <c r="AD1313" s="30"/>
      <c r="AE1313" s="1"/>
      <c r="AF1313" s="23" t="s">
        <v>5331</v>
      </c>
      <c r="AG1313" s="26"/>
      <c r="AH1313" s="53"/>
    </row>
    <row r="1314" spans="1:34" ht="51.6" customHeight="1" x14ac:dyDescent="0.45">
      <c r="A1314" s="23">
        <v>1308</v>
      </c>
      <c r="B1314" s="25"/>
      <c r="C1314" s="25"/>
      <c r="D1314" s="29"/>
      <c r="E1314" s="1"/>
      <c r="F1314" s="1"/>
      <c r="G1314" s="25"/>
      <c r="H1314" s="71"/>
      <c r="I1314" s="83"/>
      <c r="J1314" s="50" t="str">
        <f t="shared" si="42"/>
        <v/>
      </c>
      <c r="K1314" s="23" t="s">
        <v>7120</v>
      </c>
      <c r="L1314" s="49" t="e">
        <f>VLOOKUP(E1314&amp;F1314,団体コード!$A$1:$C$1743,3,FALSE)</f>
        <v>#N/A</v>
      </c>
      <c r="M1314" s="49" t="e">
        <f>VLOOKUP(E1314&amp;F1314,団体コード!$A$1:$C$1743,2,FALSE)</f>
        <v>#N/A</v>
      </c>
      <c r="N1314" s="51" t="e">
        <f>VLOOKUP(E1314,団体コード!$E$1:$F$48,2,FALSE)</f>
        <v>#N/A</v>
      </c>
      <c r="O1314" s="51" t="e">
        <f t="shared" si="43"/>
        <v>#N/A</v>
      </c>
      <c r="P1314" s="51">
        <v>1</v>
      </c>
      <c r="Q1314" s="51" t="s">
        <v>5341</v>
      </c>
      <c r="R1314" s="54" t="b">
        <v>1</v>
      </c>
      <c r="S1314" s="52" t="s">
        <v>7126</v>
      </c>
      <c r="T1314" s="67" t="s">
        <v>7127</v>
      </c>
      <c r="U1314" s="75" t="s">
        <v>5331</v>
      </c>
      <c r="V1314" s="47" t="s">
        <v>5331</v>
      </c>
      <c r="W1314" s="47" t="s">
        <v>5331</v>
      </c>
      <c r="X1314" s="47" t="s">
        <v>5331</v>
      </c>
      <c r="Y1314" s="47" t="s">
        <v>5331</v>
      </c>
      <c r="Z1314" s="28"/>
      <c r="AA1314" s="27"/>
      <c r="AB1314" s="27"/>
      <c r="AC1314" s="27"/>
      <c r="AD1314" s="30"/>
      <c r="AE1314" s="1"/>
      <c r="AF1314" s="23" t="s">
        <v>5331</v>
      </c>
      <c r="AG1314" s="26"/>
      <c r="AH1314" s="53"/>
    </row>
    <row r="1315" spans="1:34" ht="51.6" customHeight="1" x14ac:dyDescent="0.45">
      <c r="A1315" s="23">
        <v>1309</v>
      </c>
      <c r="B1315" s="25"/>
      <c r="C1315" s="25"/>
      <c r="D1315" s="29"/>
      <c r="E1315" s="1"/>
      <c r="F1315" s="1"/>
      <c r="G1315" s="25"/>
      <c r="H1315" s="71"/>
      <c r="I1315" s="83"/>
      <c r="J1315" s="50" t="str">
        <f t="shared" si="42"/>
        <v/>
      </c>
      <c r="K1315" s="23" t="s">
        <v>7120</v>
      </c>
      <c r="L1315" s="49" t="e">
        <f>VLOOKUP(E1315&amp;F1315,団体コード!$A$1:$C$1743,3,FALSE)</f>
        <v>#N/A</v>
      </c>
      <c r="M1315" s="49" t="e">
        <f>VLOOKUP(E1315&amp;F1315,団体コード!$A$1:$C$1743,2,FALSE)</f>
        <v>#N/A</v>
      </c>
      <c r="N1315" s="51" t="e">
        <f>VLOOKUP(E1315,団体コード!$E$1:$F$48,2,FALSE)</f>
        <v>#N/A</v>
      </c>
      <c r="O1315" s="51" t="e">
        <f t="shared" si="43"/>
        <v>#N/A</v>
      </c>
      <c r="P1315" s="51">
        <v>1</v>
      </c>
      <c r="Q1315" s="51" t="s">
        <v>5341</v>
      </c>
      <c r="R1315" s="54" t="b">
        <v>1</v>
      </c>
      <c r="S1315" s="52" t="s">
        <v>7126</v>
      </c>
      <c r="T1315" s="67" t="s">
        <v>7127</v>
      </c>
      <c r="U1315" s="75" t="s">
        <v>5331</v>
      </c>
      <c r="V1315" s="47" t="s">
        <v>5331</v>
      </c>
      <c r="W1315" s="47" t="s">
        <v>5331</v>
      </c>
      <c r="X1315" s="47" t="s">
        <v>5331</v>
      </c>
      <c r="Y1315" s="47" t="s">
        <v>5331</v>
      </c>
      <c r="Z1315" s="28"/>
      <c r="AA1315" s="27"/>
      <c r="AB1315" s="27"/>
      <c r="AC1315" s="27"/>
      <c r="AD1315" s="30"/>
      <c r="AE1315" s="1"/>
      <c r="AF1315" s="23" t="s">
        <v>5331</v>
      </c>
      <c r="AG1315" s="26"/>
      <c r="AH1315" s="53"/>
    </row>
    <row r="1316" spans="1:34" ht="51.6" customHeight="1" x14ac:dyDescent="0.45">
      <c r="A1316" s="23">
        <v>1310</v>
      </c>
      <c r="B1316" s="25"/>
      <c r="C1316" s="25"/>
      <c r="D1316" s="29"/>
      <c r="E1316" s="1"/>
      <c r="F1316" s="1"/>
      <c r="G1316" s="25"/>
      <c r="H1316" s="71"/>
      <c r="I1316" s="83"/>
      <c r="J1316" s="50" t="str">
        <f t="shared" si="42"/>
        <v/>
      </c>
      <c r="K1316" s="23" t="s">
        <v>7120</v>
      </c>
      <c r="L1316" s="49" t="e">
        <f>VLOOKUP(E1316&amp;F1316,団体コード!$A$1:$C$1743,3,FALSE)</f>
        <v>#N/A</v>
      </c>
      <c r="M1316" s="49" t="e">
        <f>VLOOKUP(E1316&amp;F1316,団体コード!$A$1:$C$1743,2,FALSE)</f>
        <v>#N/A</v>
      </c>
      <c r="N1316" s="51" t="e">
        <f>VLOOKUP(E1316,団体コード!$E$1:$F$48,2,FALSE)</f>
        <v>#N/A</v>
      </c>
      <c r="O1316" s="51" t="e">
        <f t="shared" si="43"/>
        <v>#N/A</v>
      </c>
      <c r="P1316" s="51">
        <v>1</v>
      </c>
      <c r="Q1316" s="51" t="s">
        <v>5341</v>
      </c>
      <c r="R1316" s="54" t="b">
        <v>1</v>
      </c>
      <c r="S1316" s="52" t="s">
        <v>7126</v>
      </c>
      <c r="T1316" s="67" t="s">
        <v>7127</v>
      </c>
      <c r="U1316" s="75" t="s">
        <v>5331</v>
      </c>
      <c r="V1316" s="47" t="s">
        <v>5331</v>
      </c>
      <c r="W1316" s="47" t="s">
        <v>5331</v>
      </c>
      <c r="X1316" s="47" t="s">
        <v>5331</v>
      </c>
      <c r="Y1316" s="47" t="s">
        <v>5331</v>
      </c>
      <c r="Z1316" s="28"/>
      <c r="AA1316" s="27"/>
      <c r="AB1316" s="27"/>
      <c r="AC1316" s="27"/>
      <c r="AD1316" s="30"/>
      <c r="AE1316" s="1"/>
      <c r="AF1316" s="23" t="s">
        <v>5331</v>
      </c>
      <c r="AG1316" s="26"/>
      <c r="AH1316" s="53"/>
    </row>
    <row r="1317" spans="1:34" ht="51.6" customHeight="1" x14ac:dyDescent="0.45">
      <c r="A1317" s="23">
        <v>1311</v>
      </c>
      <c r="B1317" s="25"/>
      <c r="C1317" s="25"/>
      <c r="D1317" s="29"/>
      <c r="E1317" s="1"/>
      <c r="F1317" s="1"/>
      <c r="G1317" s="25"/>
      <c r="H1317" s="71"/>
      <c r="I1317" s="83"/>
      <c r="J1317" s="50" t="str">
        <f t="shared" si="42"/>
        <v/>
      </c>
      <c r="K1317" s="23" t="s">
        <v>7120</v>
      </c>
      <c r="L1317" s="49" t="e">
        <f>VLOOKUP(E1317&amp;F1317,団体コード!$A$1:$C$1743,3,FALSE)</f>
        <v>#N/A</v>
      </c>
      <c r="M1317" s="49" t="e">
        <f>VLOOKUP(E1317&amp;F1317,団体コード!$A$1:$C$1743,2,FALSE)</f>
        <v>#N/A</v>
      </c>
      <c r="N1317" s="51" t="e">
        <f>VLOOKUP(E1317,団体コード!$E$1:$F$48,2,FALSE)</f>
        <v>#N/A</v>
      </c>
      <c r="O1317" s="51" t="e">
        <f t="shared" si="43"/>
        <v>#N/A</v>
      </c>
      <c r="P1317" s="51">
        <v>1</v>
      </c>
      <c r="Q1317" s="51" t="s">
        <v>5341</v>
      </c>
      <c r="R1317" s="54" t="b">
        <v>1</v>
      </c>
      <c r="S1317" s="52" t="s">
        <v>7126</v>
      </c>
      <c r="T1317" s="67" t="s">
        <v>7127</v>
      </c>
      <c r="U1317" s="75" t="s">
        <v>5331</v>
      </c>
      <c r="V1317" s="47" t="s">
        <v>5331</v>
      </c>
      <c r="W1317" s="47" t="s">
        <v>5331</v>
      </c>
      <c r="X1317" s="47" t="s">
        <v>5331</v>
      </c>
      <c r="Y1317" s="47" t="s">
        <v>5331</v>
      </c>
      <c r="Z1317" s="28"/>
      <c r="AA1317" s="27"/>
      <c r="AB1317" s="27"/>
      <c r="AC1317" s="27"/>
      <c r="AD1317" s="30"/>
      <c r="AE1317" s="1"/>
      <c r="AF1317" s="23" t="s">
        <v>5331</v>
      </c>
      <c r="AG1317" s="26"/>
      <c r="AH1317" s="53"/>
    </row>
    <row r="1318" spans="1:34" ht="51.6" customHeight="1" x14ac:dyDescent="0.45">
      <c r="A1318" s="23">
        <v>1312</v>
      </c>
      <c r="B1318" s="25"/>
      <c r="C1318" s="25"/>
      <c r="D1318" s="29"/>
      <c r="E1318" s="1"/>
      <c r="F1318" s="1"/>
      <c r="G1318" s="25"/>
      <c r="H1318" s="71"/>
      <c r="I1318" s="83"/>
      <c r="J1318" s="50" t="str">
        <f t="shared" si="42"/>
        <v/>
      </c>
      <c r="K1318" s="23" t="s">
        <v>7120</v>
      </c>
      <c r="L1318" s="49" t="e">
        <f>VLOOKUP(E1318&amp;F1318,団体コード!$A$1:$C$1743,3,FALSE)</f>
        <v>#N/A</v>
      </c>
      <c r="M1318" s="49" t="e">
        <f>VLOOKUP(E1318&amp;F1318,団体コード!$A$1:$C$1743,2,FALSE)</f>
        <v>#N/A</v>
      </c>
      <c r="N1318" s="51" t="e">
        <f>VLOOKUP(E1318,団体コード!$E$1:$F$48,2,FALSE)</f>
        <v>#N/A</v>
      </c>
      <c r="O1318" s="51" t="e">
        <f t="shared" si="43"/>
        <v>#N/A</v>
      </c>
      <c r="P1318" s="51">
        <v>1</v>
      </c>
      <c r="Q1318" s="51" t="s">
        <v>5341</v>
      </c>
      <c r="R1318" s="54" t="b">
        <v>1</v>
      </c>
      <c r="S1318" s="52" t="s">
        <v>7126</v>
      </c>
      <c r="T1318" s="67" t="s">
        <v>7127</v>
      </c>
      <c r="U1318" s="75" t="s">
        <v>5331</v>
      </c>
      <c r="V1318" s="47" t="s">
        <v>5331</v>
      </c>
      <c r="W1318" s="47" t="s">
        <v>5331</v>
      </c>
      <c r="X1318" s="47" t="s">
        <v>5331</v>
      </c>
      <c r="Y1318" s="47" t="s">
        <v>5331</v>
      </c>
      <c r="Z1318" s="28"/>
      <c r="AA1318" s="27"/>
      <c r="AB1318" s="27"/>
      <c r="AC1318" s="27"/>
      <c r="AD1318" s="30"/>
      <c r="AE1318" s="1"/>
      <c r="AF1318" s="23" t="s">
        <v>5331</v>
      </c>
      <c r="AG1318" s="26"/>
      <c r="AH1318" s="53"/>
    </row>
    <row r="1319" spans="1:34" ht="51.6" customHeight="1" x14ac:dyDescent="0.45">
      <c r="A1319" s="23">
        <v>1313</v>
      </c>
      <c r="B1319" s="25"/>
      <c r="C1319" s="25"/>
      <c r="D1319" s="29"/>
      <c r="E1319" s="1"/>
      <c r="F1319" s="1"/>
      <c r="G1319" s="25"/>
      <c r="H1319" s="71"/>
      <c r="I1319" s="83"/>
      <c r="J1319" s="50" t="str">
        <f t="shared" si="42"/>
        <v/>
      </c>
      <c r="K1319" s="23" t="s">
        <v>7120</v>
      </c>
      <c r="L1319" s="49" t="e">
        <f>VLOOKUP(E1319&amp;F1319,団体コード!$A$1:$C$1743,3,FALSE)</f>
        <v>#N/A</v>
      </c>
      <c r="M1319" s="49" t="e">
        <f>VLOOKUP(E1319&amp;F1319,団体コード!$A$1:$C$1743,2,FALSE)</f>
        <v>#N/A</v>
      </c>
      <c r="N1319" s="51" t="e">
        <f>VLOOKUP(E1319,団体コード!$E$1:$F$48,2,FALSE)</f>
        <v>#N/A</v>
      </c>
      <c r="O1319" s="51" t="e">
        <f t="shared" si="43"/>
        <v>#N/A</v>
      </c>
      <c r="P1319" s="51">
        <v>1</v>
      </c>
      <c r="Q1319" s="51" t="s">
        <v>5341</v>
      </c>
      <c r="R1319" s="54" t="b">
        <v>1</v>
      </c>
      <c r="S1319" s="52" t="s">
        <v>7126</v>
      </c>
      <c r="T1319" s="67" t="s">
        <v>7127</v>
      </c>
      <c r="U1319" s="75" t="s">
        <v>5331</v>
      </c>
      <c r="V1319" s="47" t="s">
        <v>5331</v>
      </c>
      <c r="W1319" s="47" t="s">
        <v>5331</v>
      </c>
      <c r="X1319" s="47" t="s">
        <v>5331</v>
      </c>
      <c r="Y1319" s="47" t="s">
        <v>5331</v>
      </c>
      <c r="Z1319" s="28"/>
      <c r="AA1319" s="27"/>
      <c r="AB1319" s="27"/>
      <c r="AC1319" s="27"/>
      <c r="AD1319" s="30"/>
      <c r="AE1319" s="1"/>
      <c r="AF1319" s="23" t="s">
        <v>5331</v>
      </c>
      <c r="AG1319" s="26"/>
      <c r="AH1319" s="53"/>
    </row>
    <row r="1320" spans="1:34" ht="51.6" customHeight="1" x14ac:dyDescent="0.45">
      <c r="A1320" s="23">
        <v>1314</v>
      </c>
      <c r="B1320" s="25"/>
      <c r="C1320" s="25"/>
      <c r="D1320" s="29"/>
      <c r="E1320" s="1"/>
      <c r="F1320" s="1"/>
      <c r="G1320" s="25"/>
      <c r="H1320" s="71"/>
      <c r="I1320" s="83"/>
      <c r="J1320" s="50" t="str">
        <f t="shared" si="42"/>
        <v/>
      </c>
      <c r="K1320" s="23" t="s">
        <v>7120</v>
      </c>
      <c r="L1320" s="49" t="e">
        <f>VLOOKUP(E1320&amp;F1320,団体コード!$A$1:$C$1743,3,FALSE)</f>
        <v>#N/A</v>
      </c>
      <c r="M1320" s="49" t="e">
        <f>VLOOKUP(E1320&amp;F1320,団体コード!$A$1:$C$1743,2,FALSE)</f>
        <v>#N/A</v>
      </c>
      <c r="N1320" s="51" t="e">
        <f>VLOOKUP(E1320,団体コード!$E$1:$F$48,2,FALSE)</f>
        <v>#N/A</v>
      </c>
      <c r="O1320" s="51" t="e">
        <f t="shared" si="43"/>
        <v>#N/A</v>
      </c>
      <c r="P1320" s="51">
        <v>1</v>
      </c>
      <c r="Q1320" s="51" t="s">
        <v>5341</v>
      </c>
      <c r="R1320" s="54" t="b">
        <v>1</v>
      </c>
      <c r="S1320" s="52" t="s">
        <v>7126</v>
      </c>
      <c r="T1320" s="67" t="s">
        <v>7127</v>
      </c>
      <c r="U1320" s="75" t="s">
        <v>5331</v>
      </c>
      <c r="V1320" s="47" t="s">
        <v>5331</v>
      </c>
      <c r="W1320" s="47" t="s">
        <v>5331</v>
      </c>
      <c r="X1320" s="47" t="s">
        <v>5331</v>
      </c>
      <c r="Y1320" s="47" t="s">
        <v>5331</v>
      </c>
      <c r="Z1320" s="28"/>
      <c r="AA1320" s="27"/>
      <c r="AB1320" s="27"/>
      <c r="AC1320" s="27"/>
      <c r="AD1320" s="30"/>
      <c r="AE1320" s="1"/>
      <c r="AF1320" s="23" t="s">
        <v>5331</v>
      </c>
      <c r="AG1320" s="26"/>
      <c r="AH1320" s="53"/>
    </row>
    <row r="1321" spans="1:34" ht="51.6" customHeight="1" x14ac:dyDescent="0.45">
      <c r="A1321" s="23">
        <v>1315</v>
      </c>
      <c r="B1321" s="25"/>
      <c r="C1321" s="25"/>
      <c r="D1321" s="29"/>
      <c r="E1321" s="1"/>
      <c r="F1321" s="1"/>
      <c r="G1321" s="25"/>
      <c r="H1321" s="71"/>
      <c r="I1321" s="83"/>
      <c r="J1321" s="50" t="str">
        <f t="shared" si="42"/>
        <v/>
      </c>
      <c r="K1321" s="23" t="s">
        <v>7120</v>
      </c>
      <c r="L1321" s="49" t="e">
        <f>VLOOKUP(E1321&amp;F1321,団体コード!$A$1:$C$1743,3,FALSE)</f>
        <v>#N/A</v>
      </c>
      <c r="M1321" s="49" t="e">
        <f>VLOOKUP(E1321&amp;F1321,団体コード!$A$1:$C$1743,2,FALSE)</f>
        <v>#N/A</v>
      </c>
      <c r="N1321" s="51" t="e">
        <f>VLOOKUP(E1321,団体コード!$E$1:$F$48,2,FALSE)</f>
        <v>#N/A</v>
      </c>
      <c r="O1321" s="51" t="e">
        <f t="shared" si="43"/>
        <v>#N/A</v>
      </c>
      <c r="P1321" s="51">
        <v>1</v>
      </c>
      <c r="Q1321" s="51" t="s">
        <v>5341</v>
      </c>
      <c r="R1321" s="54" t="b">
        <v>1</v>
      </c>
      <c r="S1321" s="52" t="s">
        <v>7126</v>
      </c>
      <c r="T1321" s="67" t="s">
        <v>7127</v>
      </c>
      <c r="U1321" s="75" t="s">
        <v>5331</v>
      </c>
      <c r="V1321" s="47" t="s">
        <v>5331</v>
      </c>
      <c r="W1321" s="47" t="s">
        <v>5331</v>
      </c>
      <c r="X1321" s="47" t="s">
        <v>5331</v>
      </c>
      <c r="Y1321" s="47" t="s">
        <v>5331</v>
      </c>
      <c r="Z1321" s="28"/>
      <c r="AA1321" s="27"/>
      <c r="AB1321" s="27"/>
      <c r="AC1321" s="27"/>
      <c r="AD1321" s="30"/>
      <c r="AE1321" s="1"/>
      <c r="AF1321" s="23" t="s">
        <v>5331</v>
      </c>
      <c r="AG1321" s="26"/>
      <c r="AH1321" s="53"/>
    </row>
    <row r="1322" spans="1:34" ht="51.6" customHeight="1" x14ac:dyDescent="0.45">
      <c r="A1322" s="23">
        <v>1316</v>
      </c>
      <c r="B1322" s="25"/>
      <c r="C1322" s="25"/>
      <c r="D1322" s="29"/>
      <c r="E1322" s="1"/>
      <c r="F1322" s="1"/>
      <c r="G1322" s="25"/>
      <c r="H1322" s="71"/>
      <c r="I1322" s="83"/>
      <c r="J1322" s="50" t="str">
        <f t="shared" si="42"/>
        <v/>
      </c>
      <c r="K1322" s="23" t="s">
        <v>7120</v>
      </c>
      <c r="L1322" s="49" t="e">
        <f>VLOOKUP(E1322&amp;F1322,団体コード!$A$1:$C$1743,3,FALSE)</f>
        <v>#N/A</v>
      </c>
      <c r="M1322" s="49" t="e">
        <f>VLOOKUP(E1322&amp;F1322,団体コード!$A$1:$C$1743,2,FALSE)</f>
        <v>#N/A</v>
      </c>
      <c r="N1322" s="51" t="e">
        <f>VLOOKUP(E1322,団体コード!$E$1:$F$48,2,FALSE)</f>
        <v>#N/A</v>
      </c>
      <c r="O1322" s="51" t="e">
        <f t="shared" si="43"/>
        <v>#N/A</v>
      </c>
      <c r="P1322" s="51">
        <v>1</v>
      </c>
      <c r="Q1322" s="51" t="s">
        <v>5341</v>
      </c>
      <c r="R1322" s="54" t="b">
        <v>1</v>
      </c>
      <c r="S1322" s="52" t="s">
        <v>7126</v>
      </c>
      <c r="T1322" s="67" t="s">
        <v>7127</v>
      </c>
      <c r="U1322" s="75" t="s">
        <v>5331</v>
      </c>
      <c r="V1322" s="47" t="s">
        <v>5331</v>
      </c>
      <c r="W1322" s="47" t="s">
        <v>5331</v>
      </c>
      <c r="X1322" s="47" t="s">
        <v>5331</v>
      </c>
      <c r="Y1322" s="47" t="s">
        <v>5331</v>
      </c>
      <c r="Z1322" s="28"/>
      <c r="AA1322" s="27"/>
      <c r="AB1322" s="27"/>
      <c r="AC1322" s="27"/>
      <c r="AD1322" s="30"/>
      <c r="AE1322" s="1"/>
      <c r="AF1322" s="23" t="s">
        <v>5331</v>
      </c>
      <c r="AG1322" s="26"/>
      <c r="AH1322" s="53"/>
    </row>
    <row r="1323" spans="1:34" ht="51.6" customHeight="1" x14ac:dyDescent="0.45">
      <c r="A1323" s="23">
        <v>1317</v>
      </c>
      <c r="B1323" s="25"/>
      <c r="C1323" s="25"/>
      <c r="D1323" s="29"/>
      <c r="E1323" s="1"/>
      <c r="F1323" s="1"/>
      <c r="G1323" s="25"/>
      <c r="H1323" s="71"/>
      <c r="I1323" s="83"/>
      <c r="J1323" s="50" t="str">
        <f t="shared" si="42"/>
        <v/>
      </c>
      <c r="K1323" s="23" t="s">
        <v>7120</v>
      </c>
      <c r="L1323" s="49" t="e">
        <f>VLOOKUP(E1323&amp;F1323,団体コード!$A$1:$C$1743,3,FALSE)</f>
        <v>#N/A</v>
      </c>
      <c r="M1323" s="49" t="e">
        <f>VLOOKUP(E1323&amp;F1323,団体コード!$A$1:$C$1743,2,FALSE)</f>
        <v>#N/A</v>
      </c>
      <c r="N1323" s="51" t="e">
        <f>VLOOKUP(E1323,団体コード!$E$1:$F$48,2,FALSE)</f>
        <v>#N/A</v>
      </c>
      <c r="O1323" s="51" t="e">
        <f t="shared" si="43"/>
        <v>#N/A</v>
      </c>
      <c r="P1323" s="51">
        <v>1</v>
      </c>
      <c r="Q1323" s="51" t="s">
        <v>5341</v>
      </c>
      <c r="R1323" s="54" t="b">
        <v>1</v>
      </c>
      <c r="S1323" s="52" t="s">
        <v>7126</v>
      </c>
      <c r="T1323" s="67" t="s">
        <v>7127</v>
      </c>
      <c r="U1323" s="75" t="s">
        <v>5331</v>
      </c>
      <c r="V1323" s="47" t="s">
        <v>5331</v>
      </c>
      <c r="W1323" s="47" t="s">
        <v>5331</v>
      </c>
      <c r="X1323" s="47" t="s">
        <v>5331</v>
      </c>
      <c r="Y1323" s="47" t="s">
        <v>5331</v>
      </c>
      <c r="Z1323" s="28"/>
      <c r="AA1323" s="27"/>
      <c r="AB1323" s="27"/>
      <c r="AC1323" s="27"/>
      <c r="AD1323" s="30"/>
      <c r="AE1323" s="1"/>
      <c r="AF1323" s="23" t="s">
        <v>5331</v>
      </c>
      <c r="AG1323" s="26"/>
      <c r="AH1323" s="53"/>
    </row>
    <row r="1324" spans="1:34" ht="51.6" customHeight="1" x14ac:dyDescent="0.45">
      <c r="A1324" s="23">
        <v>1318</v>
      </c>
      <c r="B1324" s="25"/>
      <c r="C1324" s="25"/>
      <c r="D1324" s="29"/>
      <c r="E1324" s="1"/>
      <c r="F1324" s="1"/>
      <c r="G1324" s="25"/>
      <c r="H1324" s="71"/>
      <c r="I1324" s="83"/>
      <c r="J1324" s="50" t="str">
        <f t="shared" si="42"/>
        <v/>
      </c>
      <c r="K1324" s="23" t="s">
        <v>7120</v>
      </c>
      <c r="L1324" s="49" t="e">
        <f>VLOOKUP(E1324&amp;F1324,団体コード!$A$1:$C$1743,3,FALSE)</f>
        <v>#N/A</v>
      </c>
      <c r="M1324" s="49" t="e">
        <f>VLOOKUP(E1324&amp;F1324,団体コード!$A$1:$C$1743,2,FALSE)</f>
        <v>#N/A</v>
      </c>
      <c r="N1324" s="51" t="e">
        <f>VLOOKUP(E1324,団体コード!$E$1:$F$48,2,FALSE)</f>
        <v>#N/A</v>
      </c>
      <c r="O1324" s="51" t="e">
        <f t="shared" si="43"/>
        <v>#N/A</v>
      </c>
      <c r="P1324" s="51">
        <v>1</v>
      </c>
      <c r="Q1324" s="51" t="s">
        <v>5341</v>
      </c>
      <c r="R1324" s="54" t="b">
        <v>1</v>
      </c>
      <c r="S1324" s="52" t="s">
        <v>7126</v>
      </c>
      <c r="T1324" s="67" t="s">
        <v>7127</v>
      </c>
      <c r="U1324" s="75" t="s">
        <v>5331</v>
      </c>
      <c r="V1324" s="47" t="s">
        <v>5331</v>
      </c>
      <c r="W1324" s="47" t="s">
        <v>5331</v>
      </c>
      <c r="X1324" s="47" t="s">
        <v>5331</v>
      </c>
      <c r="Y1324" s="47" t="s">
        <v>5331</v>
      </c>
      <c r="Z1324" s="28"/>
      <c r="AA1324" s="27"/>
      <c r="AB1324" s="27"/>
      <c r="AC1324" s="27"/>
      <c r="AD1324" s="30"/>
      <c r="AE1324" s="1"/>
      <c r="AF1324" s="23" t="s">
        <v>5331</v>
      </c>
      <c r="AG1324" s="26"/>
      <c r="AH1324" s="53"/>
    </row>
    <row r="1325" spans="1:34" ht="51.6" customHeight="1" x14ac:dyDescent="0.45">
      <c r="A1325" s="23">
        <v>1319</v>
      </c>
      <c r="B1325" s="25"/>
      <c r="C1325" s="25"/>
      <c r="D1325" s="29"/>
      <c r="E1325" s="1"/>
      <c r="F1325" s="1"/>
      <c r="G1325" s="25"/>
      <c r="H1325" s="71"/>
      <c r="I1325" s="83"/>
      <c r="J1325" s="50" t="str">
        <f t="shared" si="42"/>
        <v/>
      </c>
      <c r="K1325" s="23" t="s">
        <v>7120</v>
      </c>
      <c r="L1325" s="49" t="e">
        <f>VLOOKUP(E1325&amp;F1325,団体コード!$A$1:$C$1743,3,FALSE)</f>
        <v>#N/A</v>
      </c>
      <c r="M1325" s="49" t="e">
        <f>VLOOKUP(E1325&amp;F1325,団体コード!$A$1:$C$1743,2,FALSE)</f>
        <v>#N/A</v>
      </c>
      <c r="N1325" s="51" t="e">
        <f>VLOOKUP(E1325,団体コード!$E$1:$F$48,2,FALSE)</f>
        <v>#N/A</v>
      </c>
      <c r="O1325" s="51" t="e">
        <f t="shared" si="43"/>
        <v>#N/A</v>
      </c>
      <c r="P1325" s="51">
        <v>1</v>
      </c>
      <c r="Q1325" s="51" t="s">
        <v>5341</v>
      </c>
      <c r="R1325" s="54" t="b">
        <v>1</v>
      </c>
      <c r="S1325" s="52" t="s">
        <v>7126</v>
      </c>
      <c r="T1325" s="67" t="s">
        <v>7127</v>
      </c>
      <c r="U1325" s="75" t="s">
        <v>5331</v>
      </c>
      <c r="V1325" s="47" t="s">
        <v>5331</v>
      </c>
      <c r="W1325" s="47" t="s">
        <v>5331</v>
      </c>
      <c r="X1325" s="47" t="s">
        <v>5331</v>
      </c>
      <c r="Y1325" s="47" t="s">
        <v>5331</v>
      </c>
      <c r="Z1325" s="28"/>
      <c r="AA1325" s="27"/>
      <c r="AB1325" s="27"/>
      <c r="AC1325" s="27"/>
      <c r="AD1325" s="30"/>
      <c r="AE1325" s="1"/>
      <c r="AF1325" s="23" t="s">
        <v>5331</v>
      </c>
      <c r="AG1325" s="26"/>
      <c r="AH1325" s="53"/>
    </row>
    <row r="1326" spans="1:34" ht="51.6" customHeight="1" x14ac:dyDescent="0.45">
      <c r="A1326" s="23">
        <v>1320</v>
      </c>
      <c r="B1326" s="25"/>
      <c r="C1326" s="25"/>
      <c r="D1326" s="29"/>
      <c r="E1326" s="1"/>
      <c r="F1326" s="1"/>
      <c r="G1326" s="25"/>
      <c r="H1326" s="71"/>
      <c r="I1326" s="83"/>
      <c r="J1326" s="50" t="str">
        <f t="shared" si="42"/>
        <v/>
      </c>
      <c r="K1326" s="23" t="s">
        <v>7120</v>
      </c>
      <c r="L1326" s="49" t="e">
        <f>VLOOKUP(E1326&amp;F1326,団体コード!$A$1:$C$1743,3,FALSE)</f>
        <v>#N/A</v>
      </c>
      <c r="M1326" s="49" t="e">
        <f>VLOOKUP(E1326&amp;F1326,団体コード!$A$1:$C$1743,2,FALSE)</f>
        <v>#N/A</v>
      </c>
      <c r="N1326" s="51" t="e">
        <f>VLOOKUP(E1326,団体コード!$E$1:$F$48,2,FALSE)</f>
        <v>#N/A</v>
      </c>
      <c r="O1326" s="51" t="e">
        <f t="shared" si="43"/>
        <v>#N/A</v>
      </c>
      <c r="P1326" s="51">
        <v>1</v>
      </c>
      <c r="Q1326" s="51" t="s">
        <v>5341</v>
      </c>
      <c r="R1326" s="54" t="b">
        <v>1</v>
      </c>
      <c r="S1326" s="52" t="s">
        <v>7126</v>
      </c>
      <c r="T1326" s="67" t="s">
        <v>7127</v>
      </c>
      <c r="U1326" s="75" t="s">
        <v>5331</v>
      </c>
      <c r="V1326" s="47" t="s">
        <v>5331</v>
      </c>
      <c r="W1326" s="47" t="s">
        <v>5331</v>
      </c>
      <c r="X1326" s="47" t="s">
        <v>5331</v>
      </c>
      <c r="Y1326" s="47" t="s">
        <v>5331</v>
      </c>
      <c r="Z1326" s="28"/>
      <c r="AA1326" s="27"/>
      <c r="AB1326" s="27"/>
      <c r="AC1326" s="27"/>
      <c r="AD1326" s="30"/>
      <c r="AE1326" s="1"/>
      <c r="AF1326" s="23" t="s">
        <v>5331</v>
      </c>
      <c r="AG1326" s="26"/>
      <c r="AH1326" s="53"/>
    </row>
    <row r="1327" spans="1:34" ht="51.6" customHeight="1" x14ac:dyDescent="0.45">
      <c r="A1327" s="23">
        <v>1321</v>
      </c>
      <c r="B1327" s="25"/>
      <c r="C1327" s="25"/>
      <c r="D1327" s="29"/>
      <c r="E1327" s="1"/>
      <c r="F1327" s="1"/>
      <c r="G1327" s="25"/>
      <c r="H1327" s="71"/>
      <c r="I1327" s="83"/>
      <c r="J1327" s="50" t="str">
        <f t="shared" si="42"/>
        <v/>
      </c>
      <c r="K1327" s="23" t="s">
        <v>7120</v>
      </c>
      <c r="L1327" s="49" t="e">
        <f>VLOOKUP(E1327&amp;F1327,団体コード!$A$1:$C$1743,3,FALSE)</f>
        <v>#N/A</v>
      </c>
      <c r="M1327" s="49" t="e">
        <f>VLOOKUP(E1327&amp;F1327,団体コード!$A$1:$C$1743,2,FALSE)</f>
        <v>#N/A</v>
      </c>
      <c r="N1327" s="51" t="e">
        <f>VLOOKUP(E1327,団体コード!$E$1:$F$48,2,FALSE)</f>
        <v>#N/A</v>
      </c>
      <c r="O1327" s="51" t="e">
        <f t="shared" si="43"/>
        <v>#N/A</v>
      </c>
      <c r="P1327" s="51">
        <v>1</v>
      </c>
      <c r="Q1327" s="51" t="s">
        <v>5341</v>
      </c>
      <c r="R1327" s="54" t="b">
        <v>1</v>
      </c>
      <c r="S1327" s="52" t="s">
        <v>7126</v>
      </c>
      <c r="T1327" s="67" t="s">
        <v>7127</v>
      </c>
      <c r="U1327" s="75" t="s">
        <v>5331</v>
      </c>
      <c r="V1327" s="47" t="s">
        <v>5331</v>
      </c>
      <c r="W1327" s="47" t="s">
        <v>5331</v>
      </c>
      <c r="X1327" s="47" t="s">
        <v>5331</v>
      </c>
      <c r="Y1327" s="47" t="s">
        <v>5331</v>
      </c>
      <c r="Z1327" s="28"/>
      <c r="AA1327" s="27"/>
      <c r="AB1327" s="27"/>
      <c r="AC1327" s="27"/>
      <c r="AD1327" s="30"/>
      <c r="AE1327" s="1"/>
      <c r="AF1327" s="23" t="s">
        <v>5331</v>
      </c>
      <c r="AG1327" s="26"/>
      <c r="AH1327" s="53"/>
    </row>
    <row r="1328" spans="1:34" ht="51.6" customHeight="1" x14ac:dyDescent="0.45">
      <c r="A1328" s="23">
        <v>1322</v>
      </c>
      <c r="B1328" s="25"/>
      <c r="C1328" s="25"/>
      <c r="D1328" s="29"/>
      <c r="E1328" s="1"/>
      <c r="F1328" s="1"/>
      <c r="G1328" s="25"/>
      <c r="H1328" s="71"/>
      <c r="I1328" s="83"/>
      <c r="J1328" s="50" t="str">
        <f t="shared" si="42"/>
        <v/>
      </c>
      <c r="K1328" s="23" t="s">
        <v>7120</v>
      </c>
      <c r="L1328" s="49" t="e">
        <f>VLOOKUP(E1328&amp;F1328,団体コード!$A$1:$C$1743,3,FALSE)</f>
        <v>#N/A</v>
      </c>
      <c r="M1328" s="49" t="e">
        <f>VLOOKUP(E1328&amp;F1328,団体コード!$A$1:$C$1743,2,FALSE)</f>
        <v>#N/A</v>
      </c>
      <c r="N1328" s="51" t="e">
        <f>VLOOKUP(E1328,団体コード!$E$1:$F$48,2,FALSE)</f>
        <v>#N/A</v>
      </c>
      <c r="O1328" s="51" t="e">
        <f t="shared" si="43"/>
        <v>#N/A</v>
      </c>
      <c r="P1328" s="51">
        <v>1</v>
      </c>
      <c r="Q1328" s="51" t="s">
        <v>5341</v>
      </c>
      <c r="R1328" s="54" t="b">
        <v>1</v>
      </c>
      <c r="S1328" s="52" t="s">
        <v>7126</v>
      </c>
      <c r="T1328" s="67" t="s">
        <v>7127</v>
      </c>
      <c r="U1328" s="75" t="s">
        <v>5331</v>
      </c>
      <c r="V1328" s="47" t="s">
        <v>5331</v>
      </c>
      <c r="W1328" s="47" t="s">
        <v>5331</v>
      </c>
      <c r="X1328" s="47" t="s">
        <v>5331</v>
      </c>
      <c r="Y1328" s="47" t="s">
        <v>5331</v>
      </c>
      <c r="Z1328" s="28"/>
      <c r="AA1328" s="27"/>
      <c r="AB1328" s="27"/>
      <c r="AC1328" s="27"/>
      <c r="AD1328" s="30"/>
      <c r="AE1328" s="1"/>
      <c r="AF1328" s="23" t="s">
        <v>5331</v>
      </c>
      <c r="AG1328" s="26"/>
      <c r="AH1328" s="53"/>
    </row>
    <row r="1329" spans="1:34" ht="51.6" customHeight="1" x14ac:dyDescent="0.45">
      <c r="A1329" s="23">
        <v>1323</v>
      </c>
      <c r="B1329" s="25"/>
      <c r="C1329" s="25"/>
      <c r="D1329" s="29"/>
      <c r="E1329" s="1"/>
      <c r="F1329" s="1"/>
      <c r="G1329" s="25"/>
      <c r="H1329" s="71"/>
      <c r="I1329" s="83"/>
      <c r="J1329" s="50" t="str">
        <f t="shared" si="42"/>
        <v/>
      </c>
      <c r="K1329" s="23" t="s">
        <v>7120</v>
      </c>
      <c r="L1329" s="49" t="e">
        <f>VLOOKUP(E1329&amp;F1329,団体コード!$A$1:$C$1743,3,FALSE)</f>
        <v>#N/A</v>
      </c>
      <c r="M1329" s="49" t="e">
        <f>VLOOKUP(E1329&amp;F1329,団体コード!$A$1:$C$1743,2,FALSE)</f>
        <v>#N/A</v>
      </c>
      <c r="N1329" s="51" t="e">
        <f>VLOOKUP(E1329,団体コード!$E$1:$F$48,2,FALSE)</f>
        <v>#N/A</v>
      </c>
      <c r="O1329" s="51" t="e">
        <f t="shared" si="43"/>
        <v>#N/A</v>
      </c>
      <c r="P1329" s="51">
        <v>1</v>
      </c>
      <c r="Q1329" s="51" t="s">
        <v>5341</v>
      </c>
      <c r="R1329" s="54" t="b">
        <v>1</v>
      </c>
      <c r="S1329" s="52" t="s">
        <v>7126</v>
      </c>
      <c r="T1329" s="67" t="s">
        <v>7127</v>
      </c>
      <c r="U1329" s="75" t="s">
        <v>5331</v>
      </c>
      <c r="V1329" s="47" t="s">
        <v>5331</v>
      </c>
      <c r="W1329" s="47" t="s">
        <v>5331</v>
      </c>
      <c r="X1329" s="47" t="s">
        <v>5331</v>
      </c>
      <c r="Y1329" s="47" t="s">
        <v>5331</v>
      </c>
      <c r="Z1329" s="28"/>
      <c r="AA1329" s="27"/>
      <c r="AB1329" s="27"/>
      <c r="AC1329" s="27"/>
      <c r="AD1329" s="30"/>
      <c r="AE1329" s="1"/>
      <c r="AF1329" s="23" t="s">
        <v>5331</v>
      </c>
      <c r="AG1329" s="26"/>
      <c r="AH1329" s="53"/>
    </row>
    <row r="1330" spans="1:34" ht="51.6" customHeight="1" x14ac:dyDescent="0.45">
      <c r="A1330" s="23">
        <v>1324</v>
      </c>
      <c r="B1330" s="25"/>
      <c r="C1330" s="25"/>
      <c r="D1330" s="29"/>
      <c r="E1330" s="1"/>
      <c r="F1330" s="1"/>
      <c r="G1330" s="25"/>
      <c r="H1330" s="71"/>
      <c r="I1330" s="83"/>
      <c r="J1330" s="50" t="str">
        <f t="shared" si="42"/>
        <v/>
      </c>
      <c r="K1330" s="23" t="s">
        <v>7120</v>
      </c>
      <c r="L1330" s="49" t="e">
        <f>VLOOKUP(E1330&amp;F1330,団体コード!$A$1:$C$1743,3,FALSE)</f>
        <v>#N/A</v>
      </c>
      <c r="M1330" s="49" t="e">
        <f>VLOOKUP(E1330&amp;F1330,団体コード!$A$1:$C$1743,2,FALSE)</f>
        <v>#N/A</v>
      </c>
      <c r="N1330" s="51" t="e">
        <f>VLOOKUP(E1330,団体コード!$E$1:$F$48,2,FALSE)</f>
        <v>#N/A</v>
      </c>
      <c r="O1330" s="51" t="e">
        <f t="shared" si="43"/>
        <v>#N/A</v>
      </c>
      <c r="P1330" s="51">
        <v>1</v>
      </c>
      <c r="Q1330" s="51" t="s">
        <v>5341</v>
      </c>
      <c r="R1330" s="54" t="b">
        <v>1</v>
      </c>
      <c r="S1330" s="52" t="s">
        <v>7126</v>
      </c>
      <c r="T1330" s="67" t="s">
        <v>7127</v>
      </c>
      <c r="U1330" s="75" t="s">
        <v>5331</v>
      </c>
      <c r="V1330" s="47" t="s">
        <v>5331</v>
      </c>
      <c r="W1330" s="47" t="s">
        <v>5331</v>
      </c>
      <c r="X1330" s="47" t="s">
        <v>5331</v>
      </c>
      <c r="Y1330" s="47" t="s">
        <v>5331</v>
      </c>
      <c r="Z1330" s="28"/>
      <c r="AA1330" s="27"/>
      <c r="AB1330" s="27"/>
      <c r="AC1330" s="27"/>
      <c r="AD1330" s="30"/>
      <c r="AE1330" s="1"/>
      <c r="AF1330" s="23" t="s">
        <v>5331</v>
      </c>
      <c r="AG1330" s="26"/>
      <c r="AH1330" s="53"/>
    </row>
    <row r="1331" spans="1:34" ht="51.6" customHeight="1" x14ac:dyDescent="0.45">
      <c r="A1331" s="23">
        <v>1325</v>
      </c>
      <c r="B1331" s="25"/>
      <c r="C1331" s="25"/>
      <c r="D1331" s="29"/>
      <c r="E1331" s="1"/>
      <c r="F1331" s="1"/>
      <c r="G1331" s="25"/>
      <c r="H1331" s="71"/>
      <c r="I1331" s="83"/>
      <c r="J1331" s="50" t="str">
        <f t="shared" si="42"/>
        <v/>
      </c>
      <c r="K1331" s="23" t="s">
        <v>7120</v>
      </c>
      <c r="L1331" s="49" t="e">
        <f>VLOOKUP(E1331&amp;F1331,団体コード!$A$1:$C$1743,3,FALSE)</f>
        <v>#N/A</v>
      </c>
      <c r="M1331" s="49" t="e">
        <f>VLOOKUP(E1331&amp;F1331,団体コード!$A$1:$C$1743,2,FALSE)</f>
        <v>#N/A</v>
      </c>
      <c r="N1331" s="51" t="e">
        <f>VLOOKUP(E1331,団体コード!$E$1:$F$48,2,FALSE)</f>
        <v>#N/A</v>
      </c>
      <c r="O1331" s="51" t="e">
        <f t="shared" si="43"/>
        <v>#N/A</v>
      </c>
      <c r="P1331" s="51">
        <v>1</v>
      </c>
      <c r="Q1331" s="51" t="s">
        <v>5341</v>
      </c>
      <c r="R1331" s="54" t="b">
        <v>1</v>
      </c>
      <c r="S1331" s="52" t="s">
        <v>7126</v>
      </c>
      <c r="T1331" s="67" t="s">
        <v>7127</v>
      </c>
      <c r="U1331" s="75" t="s">
        <v>5331</v>
      </c>
      <c r="V1331" s="47" t="s">
        <v>5331</v>
      </c>
      <c r="W1331" s="47" t="s">
        <v>5331</v>
      </c>
      <c r="X1331" s="47" t="s">
        <v>5331</v>
      </c>
      <c r="Y1331" s="47" t="s">
        <v>5331</v>
      </c>
      <c r="Z1331" s="28"/>
      <c r="AA1331" s="27"/>
      <c r="AB1331" s="27"/>
      <c r="AC1331" s="27"/>
      <c r="AD1331" s="30"/>
      <c r="AE1331" s="1"/>
      <c r="AF1331" s="23" t="s">
        <v>5331</v>
      </c>
      <c r="AG1331" s="26"/>
      <c r="AH1331" s="53"/>
    </row>
    <row r="1332" spans="1:34" ht="51.6" customHeight="1" x14ac:dyDescent="0.45">
      <c r="A1332" s="23">
        <v>1326</v>
      </c>
      <c r="B1332" s="25"/>
      <c r="C1332" s="25"/>
      <c r="D1332" s="29"/>
      <c r="E1332" s="1"/>
      <c r="F1332" s="1"/>
      <c r="G1332" s="25"/>
      <c r="H1332" s="71"/>
      <c r="I1332" s="83"/>
      <c r="J1332" s="50" t="str">
        <f t="shared" si="42"/>
        <v/>
      </c>
      <c r="K1332" s="23" t="s">
        <v>7120</v>
      </c>
      <c r="L1332" s="49" t="e">
        <f>VLOOKUP(E1332&amp;F1332,団体コード!$A$1:$C$1743,3,FALSE)</f>
        <v>#N/A</v>
      </c>
      <c r="M1332" s="49" t="e">
        <f>VLOOKUP(E1332&amp;F1332,団体コード!$A$1:$C$1743,2,FALSE)</f>
        <v>#N/A</v>
      </c>
      <c r="N1332" s="51" t="e">
        <f>VLOOKUP(E1332,団体コード!$E$1:$F$48,2,FALSE)</f>
        <v>#N/A</v>
      </c>
      <c r="O1332" s="51" t="e">
        <f t="shared" si="43"/>
        <v>#N/A</v>
      </c>
      <c r="P1332" s="51">
        <v>1</v>
      </c>
      <c r="Q1332" s="51" t="s">
        <v>5341</v>
      </c>
      <c r="R1332" s="54" t="b">
        <v>1</v>
      </c>
      <c r="S1332" s="52" t="s">
        <v>7126</v>
      </c>
      <c r="T1332" s="67" t="s">
        <v>7127</v>
      </c>
      <c r="U1332" s="75" t="s">
        <v>5331</v>
      </c>
      <c r="V1332" s="47" t="s">
        <v>5331</v>
      </c>
      <c r="W1332" s="47" t="s">
        <v>5331</v>
      </c>
      <c r="X1332" s="47" t="s">
        <v>5331</v>
      </c>
      <c r="Y1332" s="47" t="s">
        <v>5331</v>
      </c>
      <c r="Z1332" s="28"/>
      <c r="AA1332" s="27"/>
      <c r="AB1332" s="27"/>
      <c r="AC1332" s="27"/>
      <c r="AD1332" s="30"/>
      <c r="AE1332" s="1"/>
      <c r="AF1332" s="23" t="s">
        <v>5331</v>
      </c>
      <c r="AG1332" s="26"/>
      <c r="AH1332" s="53"/>
    </row>
    <row r="1333" spans="1:34" ht="51.6" customHeight="1" x14ac:dyDescent="0.45">
      <c r="A1333" s="23">
        <v>1327</v>
      </c>
      <c r="B1333" s="25"/>
      <c r="C1333" s="25"/>
      <c r="D1333" s="29"/>
      <c r="E1333" s="1"/>
      <c r="F1333" s="1"/>
      <c r="G1333" s="25"/>
      <c r="H1333" s="71"/>
      <c r="I1333" s="83"/>
      <c r="J1333" s="50" t="str">
        <f t="shared" si="42"/>
        <v/>
      </c>
      <c r="K1333" s="23" t="s">
        <v>7120</v>
      </c>
      <c r="L1333" s="49" t="e">
        <f>VLOOKUP(E1333&amp;F1333,団体コード!$A$1:$C$1743,3,FALSE)</f>
        <v>#N/A</v>
      </c>
      <c r="M1333" s="49" t="e">
        <f>VLOOKUP(E1333&amp;F1333,団体コード!$A$1:$C$1743,2,FALSE)</f>
        <v>#N/A</v>
      </c>
      <c r="N1333" s="51" t="e">
        <f>VLOOKUP(E1333,団体コード!$E$1:$F$48,2,FALSE)</f>
        <v>#N/A</v>
      </c>
      <c r="O1333" s="51" t="e">
        <f t="shared" si="43"/>
        <v>#N/A</v>
      </c>
      <c r="P1333" s="51">
        <v>1</v>
      </c>
      <c r="Q1333" s="51" t="s">
        <v>5341</v>
      </c>
      <c r="R1333" s="54" t="b">
        <v>1</v>
      </c>
      <c r="S1333" s="52" t="s">
        <v>7126</v>
      </c>
      <c r="T1333" s="67" t="s">
        <v>7127</v>
      </c>
      <c r="U1333" s="75" t="s">
        <v>5331</v>
      </c>
      <c r="V1333" s="47" t="s">
        <v>5331</v>
      </c>
      <c r="W1333" s="47" t="s">
        <v>5331</v>
      </c>
      <c r="X1333" s="47" t="s">
        <v>5331</v>
      </c>
      <c r="Y1333" s="47" t="s">
        <v>5331</v>
      </c>
      <c r="Z1333" s="28"/>
      <c r="AA1333" s="27"/>
      <c r="AB1333" s="27"/>
      <c r="AC1333" s="27"/>
      <c r="AD1333" s="30"/>
      <c r="AE1333" s="1"/>
      <c r="AF1333" s="23" t="s">
        <v>5331</v>
      </c>
      <c r="AG1333" s="26"/>
      <c r="AH1333" s="53"/>
    </row>
    <row r="1334" spans="1:34" ht="51.6" customHeight="1" x14ac:dyDescent="0.45">
      <c r="A1334" s="23">
        <v>1328</v>
      </c>
      <c r="B1334" s="25"/>
      <c r="C1334" s="25"/>
      <c r="D1334" s="29"/>
      <c r="E1334" s="1"/>
      <c r="F1334" s="1"/>
      <c r="G1334" s="25"/>
      <c r="H1334" s="71"/>
      <c r="I1334" s="83"/>
      <c r="J1334" s="50" t="str">
        <f t="shared" si="42"/>
        <v/>
      </c>
      <c r="K1334" s="23" t="s">
        <v>7120</v>
      </c>
      <c r="L1334" s="49" t="e">
        <f>VLOOKUP(E1334&amp;F1334,団体コード!$A$1:$C$1743,3,FALSE)</f>
        <v>#N/A</v>
      </c>
      <c r="M1334" s="49" t="e">
        <f>VLOOKUP(E1334&amp;F1334,団体コード!$A$1:$C$1743,2,FALSE)</f>
        <v>#N/A</v>
      </c>
      <c r="N1334" s="51" t="e">
        <f>VLOOKUP(E1334,団体コード!$E$1:$F$48,2,FALSE)</f>
        <v>#N/A</v>
      </c>
      <c r="O1334" s="51" t="e">
        <f t="shared" si="43"/>
        <v>#N/A</v>
      </c>
      <c r="P1334" s="51">
        <v>1</v>
      </c>
      <c r="Q1334" s="51" t="s">
        <v>5341</v>
      </c>
      <c r="R1334" s="54" t="b">
        <v>1</v>
      </c>
      <c r="S1334" s="52" t="s">
        <v>7126</v>
      </c>
      <c r="T1334" s="67" t="s">
        <v>7127</v>
      </c>
      <c r="U1334" s="75" t="s">
        <v>5331</v>
      </c>
      <c r="V1334" s="47" t="s">
        <v>5331</v>
      </c>
      <c r="W1334" s="47" t="s">
        <v>5331</v>
      </c>
      <c r="X1334" s="47" t="s">
        <v>5331</v>
      </c>
      <c r="Y1334" s="47" t="s">
        <v>5331</v>
      </c>
      <c r="Z1334" s="28"/>
      <c r="AA1334" s="27"/>
      <c r="AB1334" s="27"/>
      <c r="AC1334" s="27"/>
      <c r="AD1334" s="30"/>
      <c r="AE1334" s="1"/>
      <c r="AF1334" s="23" t="s">
        <v>5331</v>
      </c>
      <c r="AG1334" s="26"/>
      <c r="AH1334" s="53"/>
    </row>
    <row r="1335" spans="1:34" ht="51.6" customHeight="1" x14ac:dyDescent="0.45">
      <c r="A1335" s="23">
        <v>1329</v>
      </c>
      <c r="B1335" s="25"/>
      <c r="C1335" s="25"/>
      <c r="D1335" s="29"/>
      <c r="E1335" s="1"/>
      <c r="F1335" s="1"/>
      <c r="G1335" s="25"/>
      <c r="H1335" s="71"/>
      <c r="I1335" s="83"/>
      <c r="J1335" s="50" t="str">
        <f t="shared" si="42"/>
        <v/>
      </c>
      <c r="K1335" s="23" t="s">
        <v>7120</v>
      </c>
      <c r="L1335" s="49" t="e">
        <f>VLOOKUP(E1335&amp;F1335,団体コード!$A$1:$C$1743,3,FALSE)</f>
        <v>#N/A</v>
      </c>
      <c r="M1335" s="49" t="e">
        <f>VLOOKUP(E1335&amp;F1335,団体コード!$A$1:$C$1743,2,FALSE)</f>
        <v>#N/A</v>
      </c>
      <c r="N1335" s="51" t="e">
        <f>VLOOKUP(E1335,団体コード!$E$1:$F$48,2,FALSE)</f>
        <v>#N/A</v>
      </c>
      <c r="O1335" s="51" t="e">
        <f t="shared" si="43"/>
        <v>#N/A</v>
      </c>
      <c r="P1335" s="51">
        <v>1</v>
      </c>
      <c r="Q1335" s="51" t="s">
        <v>5341</v>
      </c>
      <c r="R1335" s="54" t="b">
        <v>1</v>
      </c>
      <c r="S1335" s="52" t="s">
        <v>7126</v>
      </c>
      <c r="T1335" s="67" t="s">
        <v>7127</v>
      </c>
      <c r="U1335" s="75" t="s">
        <v>5331</v>
      </c>
      <c r="V1335" s="47" t="s">
        <v>5331</v>
      </c>
      <c r="W1335" s="47" t="s">
        <v>5331</v>
      </c>
      <c r="X1335" s="47" t="s">
        <v>5331</v>
      </c>
      <c r="Y1335" s="47" t="s">
        <v>5331</v>
      </c>
      <c r="Z1335" s="28"/>
      <c r="AA1335" s="27"/>
      <c r="AB1335" s="27"/>
      <c r="AC1335" s="27"/>
      <c r="AD1335" s="30"/>
      <c r="AE1335" s="1"/>
      <c r="AF1335" s="23" t="s">
        <v>5331</v>
      </c>
      <c r="AG1335" s="26"/>
      <c r="AH1335" s="53"/>
    </row>
    <row r="1336" spans="1:34" ht="51.6" customHeight="1" x14ac:dyDescent="0.45">
      <c r="A1336" s="23">
        <v>1330</v>
      </c>
      <c r="B1336" s="25"/>
      <c r="C1336" s="25"/>
      <c r="D1336" s="29"/>
      <c r="E1336" s="1"/>
      <c r="F1336" s="1"/>
      <c r="G1336" s="25"/>
      <c r="H1336" s="71"/>
      <c r="I1336" s="83"/>
      <c r="J1336" s="50" t="str">
        <f t="shared" si="42"/>
        <v/>
      </c>
      <c r="K1336" s="23" t="s">
        <v>7120</v>
      </c>
      <c r="L1336" s="49" t="e">
        <f>VLOOKUP(E1336&amp;F1336,団体コード!$A$1:$C$1743,3,FALSE)</f>
        <v>#N/A</v>
      </c>
      <c r="M1336" s="49" t="e">
        <f>VLOOKUP(E1336&amp;F1336,団体コード!$A$1:$C$1743,2,FALSE)</f>
        <v>#N/A</v>
      </c>
      <c r="N1336" s="51" t="e">
        <f>VLOOKUP(E1336,団体コード!$E$1:$F$48,2,FALSE)</f>
        <v>#N/A</v>
      </c>
      <c r="O1336" s="51" t="e">
        <f t="shared" si="43"/>
        <v>#N/A</v>
      </c>
      <c r="P1336" s="51">
        <v>1</v>
      </c>
      <c r="Q1336" s="51" t="s">
        <v>5341</v>
      </c>
      <c r="R1336" s="54" t="b">
        <v>1</v>
      </c>
      <c r="S1336" s="52" t="s">
        <v>7126</v>
      </c>
      <c r="T1336" s="67" t="s">
        <v>7127</v>
      </c>
      <c r="U1336" s="75" t="s">
        <v>5331</v>
      </c>
      <c r="V1336" s="47" t="s">
        <v>5331</v>
      </c>
      <c r="W1336" s="47" t="s">
        <v>5331</v>
      </c>
      <c r="X1336" s="47" t="s">
        <v>5331</v>
      </c>
      <c r="Y1336" s="47" t="s">
        <v>5331</v>
      </c>
      <c r="Z1336" s="28"/>
      <c r="AA1336" s="27"/>
      <c r="AB1336" s="27"/>
      <c r="AC1336" s="27"/>
      <c r="AD1336" s="30"/>
      <c r="AE1336" s="1"/>
      <c r="AF1336" s="23" t="s">
        <v>5331</v>
      </c>
      <c r="AG1336" s="26"/>
      <c r="AH1336" s="53"/>
    </row>
    <row r="1337" spans="1:34" ht="51.6" customHeight="1" x14ac:dyDescent="0.45">
      <c r="A1337" s="23">
        <v>1331</v>
      </c>
      <c r="B1337" s="25"/>
      <c r="C1337" s="25"/>
      <c r="D1337" s="29"/>
      <c r="E1337" s="1"/>
      <c r="F1337" s="1"/>
      <c r="G1337" s="25"/>
      <c r="H1337" s="71"/>
      <c r="I1337" s="83"/>
      <c r="J1337" s="50" t="str">
        <f t="shared" si="42"/>
        <v/>
      </c>
      <c r="K1337" s="23" t="s">
        <v>7120</v>
      </c>
      <c r="L1337" s="49" t="e">
        <f>VLOOKUP(E1337&amp;F1337,団体コード!$A$1:$C$1743,3,FALSE)</f>
        <v>#N/A</v>
      </c>
      <c r="M1337" s="49" t="e">
        <f>VLOOKUP(E1337&amp;F1337,団体コード!$A$1:$C$1743,2,FALSE)</f>
        <v>#N/A</v>
      </c>
      <c r="N1337" s="51" t="e">
        <f>VLOOKUP(E1337,団体コード!$E$1:$F$48,2,FALSE)</f>
        <v>#N/A</v>
      </c>
      <c r="O1337" s="51" t="e">
        <f t="shared" si="43"/>
        <v>#N/A</v>
      </c>
      <c r="P1337" s="51">
        <v>1</v>
      </c>
      <c r="Q1337" s="51" t="s">
        <v>5341</v>
      </c>
      <c r="R1337" s="54" t="b">
        <v>1</v>
      </c>
      <c r="S1337" s="52" t="s">
        <v>7126</v>
      </c>
      <c r="T1337" s="67" t="s">
        <v>7127</v>
      </c>
      <c r="U1337" s="75" t="s">
        <v>5331</v>
      </c>
      <c r="V1337" s="47" t="s">
        <v>5331</v>
      </c>
      <c r="W1337" s="47" t="s">
        <v>5331</v>
      </c>
      <c r="X1337" s="47" t="s">
        <v>5331</v>
      </c>
      <c r="Y1337" s="47" t="s">
        <v>5331</v>
      </c>
      <c r="Z1337" s="28"/>
      <c r="AA1337" s="27"/>
      <c r="AB1337" s="27"/>
      <c r="AC1337" s="27"/>
      <c r="AD1337" s="30"/>
      <c r="AE1337" s="1"/>
      <c r="AF1337" s="23" t="s">
        <v>5331</v>
      </c>
      <c r="AG1337" s="26"/>
      <c r="AH1337" s="53"/>
    </row>
    <row r="1338" spans="1:34" ht="51.6" customHeight="1" x14ac:dyDescent="0.45">
      <c r="A1338" s="23">
        <v>1332</v>
      </c>
      <c r="B1338" s="25"/>
      <c r="C1338" s="25"/>
      <c r="D1338" s="29"/>
      <c r="E1338" s="1"/>
      <c r="F1338" s="1"/>
      <c r="G1338" s="25"/>
      <c r="H1338" s="71"/>
      <c r="I1338" s="83"/>
      <c r="J1338" s="50" t="str">
        <f t="shared" si="42"/>
        <v/>
      </c>
      <c r="K1338" s="23" t="s">
        <v>7120</v>
      </c>
      <c r="L1338" s="49" t="e">
        <f>VLOOKUP(E1338&amp;F1338,団体コード!$A$1:$C$1743,3,FALSE)</f>
        <v>#N/A</v>
      </c>
      <c r="M1338" s="49" t="e">
        <f>VLOOKUP(E1338&amp;F1338,団体コード!$A$1:$C$1743,2,FALSE)</f>
        <v>#N/A</v>
      </c>
      <c r="N1338" s="51" t="e">
        <f>VLOOKUP(E1338,団体コード!$E$1:$F$48,2,FALSE)</f>
        <v>#N/A</v>
      </c>
      <c r="O1338" s="51" t="e">
        <f t="shared" si="43"/>
        <v>#N/A</v>
      </c>
      <c r="P1338" s="51">
        <v>1</v>
      </c>
      <c r="Q1338" s="51" t="s">
        <v>5341</v>
      </c>
      <c r="R1338" s="54" t="b">
        <v>1</v>
      </c>
      <c r="S1338" s="52" t="s">
        <v>7126</v>
      </c>
      <c r="T1338" s="67" t="s">
        <v>7127</v>
      </c>
      <c r="U1338" s="75" t="s">
        <v>5331</v>
      </c>
      <c r="V1338" s="47" t="s">
        <v>5331</v>
      </c>
      <c r="W1338" s="47" t="s">
        <v>5331</v>
      </c>
      <c r="X1338" s="47" t="s">
        <v>5331</v>
      </c>
      <c r="Y1338" s="47" t="s">
        <v>5331</v>
      </c>
      <c r="Z1338" s="28"/>
      <c r="AA1338" s="27"/>
      <c r="AB1338" s="27"/>
      <c r="AC1338" s="27"/>
      <c r="AD1338" s="30"/>
      <c r="AE1338" s="1"/>
      <c r="AF1338" s="23" t="s">
        <v>5331</v>
      </c>
      <c r="AG1338" s="26"/>
      <c r="AH1338" s="53"/>
    </row>
    <row r="1339" spans="1:34" ht="51.6" customHeight="1" x14ac:dyDescent="0.45">
      <c r="A1339" s="23">
        <v>1333</v>
      </c>
      <c r="B1339" s="25"/>
      <c r="C1339" s="25"/>
      <c r="D1339" s="29"/>
      <c r="E1339" s="1"/>
      <c r="F1339" s="1"/>
      <c r="G1339" s="25"/>
      <c r="H1339" s="71"/>
      <c r="I1339" s="83"/>
      <c r="J1339" s="50" t="str">
        <f t="shared" si="42"/>
        <v/>
      </c>
      <c r="K1339" s="23" t="s">
        <v>7120</v>
      </c>
      <c r="L1339" s="49" t="e">
        <f>VLOOKUP(E1339&amp;F1339,団体コード!$A$1:$C$1743,3,FALSE)</f>
        <v>#N/A</v>
      </c>
      <c r="M1339" s="49" t="e">
        <f>VLOOKUP(E1339&amp;F1339,団体コード!$A$1:$C$1743,2,FALSE)</f>
        <v>#N/A</v>
      </c>
      <c r="N1339" s="51" t="e">
        <f>VLOOKUP(E1339,団体コード!$E$1:$F$48,2,FALSE)</f>
        <v>#N/A</v>
      </c>
      <c r="O1339" s="51" t="e">
        <f t="shared" si="43"/>
        <v>#N/A</v>
      </c>
      <c r="P1339" s="51">
        <v>1</v>
      </c>
      <c r="Q1339" s="51" t="s">
        <v>5341</v>
      </c>
      <c r="R1339" s="54" t="b">
        <v>1</v>
      </c>
      <c r="S1339" s="52" t="s">
        <v>7126</v>
      </c>
      <c r="T1339" s="67" t="s">
        <v>7127</v>
      </c>
      <c r="U1339" s="75" t="s">
        <v>5331</v>
      </c>
      <c r="V1339" s="47" t="s">
        <v>5331</v>
      </c>
      <c r="W1339" s="47" t="s">
        <v>5331</v>
      </c>
      <c r="X1339" s="47" t="s">
        <v>5331</v>
      </c>
      <c r="Y1339" s="47" t="s">
        <v>5331</v>
      </c>
      <c r="Z1339" s="28"/>
      <c r="AA1339" s="27"/>
      <c r="AB1339" s="27"/>
      <c r="AC1339" s="27"/>
      <c r="AD1339" s="30"/>
      <c r="AE1339" s="1"/>
      <c r="AF1339" s="23" t="s">
        <v>5331</v>
      </c>
      <c r="AG1339" s="26"/>
      <c r="AH1339" s="53"/>
    </row>
    <row r="1340" spans="1:34" ht="51.6" customHeight="1" x14ac:dyDescent="0.45">
      <c r="A1340" s="23">
        <v>1334</v>
      </c>
      <c r="B1340" s="25"/>
      <c r="C1340" s="25"/>
      <c r="D1340" s="29"/>
      <c r="E1340" s="1"/>
      <c r="F1340" s="1"/>
      <c r="G1340" s="25"/>
      <c r="H1340" s="71"/>
      <c r="I1340" s="83"/>
      <c r="J1340" s="50" t="str">
        <f t="shared" si="42"/>
        <v/>
      </c>
      <c r="K1340" s="23" t="s">
        <v>7120</v>
      </c>
      <c r="L1340" s="49" t="e">
        <f>VLOOKUP(E1340&amp;F1340,団体コード!$A$1:$C$1743,3,FALSE)</f>
        <v>#N/A</v>
      </c>
      <c r="M1340" s="49" t="e">
        <f>VLOOKUP(E1340&amp;F1340,団体コード!$A$1:$C$1743,2,FALSE)</f>
        <v>#N/A</v>
      </c>
      <c r="N1340" s="51" t="e">
        <f>VLOOKUP(E1340,団体コード!$E$1:$F$48,2,FALSE)</f>
        <v>#N/A</v>
      </c>
      <c r="O1340" s="51" t="e">
        <f t="shared" si="43"/>
        <v>#N/A</v>
      </c>
      <c r="P1340" s="51">
        <v>1</v>
      </c>
      <c r="Q1340" s="51" t="s">
        <v>5341</v>
      </c>
      <c r="R1340" s="54" t="b">
        <v>1</v>
      </c>
      <c r="S1340" s="52" t="s">
        <v>7126</v>
      </c>
      <c r="T1340" s="67" t="s">
        <v>7127</v>
      </c>
      <c r="U1340" s="75" t="s">
        <v>5331</v>
      </c>
      <c r="V1340" s="47" t="s">
        <v>5331</v>
      </c>
      <c r="W1340" s="47" t="s">
        <v>5331</v>
      </c>
      <c r="X1340" s="47" t="s">
        <v>5331</v>
      </c>
      <c r="Y1340" s="47" t="s">
        <v>5331</v>
      </c>
      <c r="Z1340" s="28"/>
      <c r="AA1340" s="27"/>
      <c r="AB1340" s="27"/>
      <c r="AC1340" s="27"/>
      <c r="AD1340" s="30"/>
      <c r="AE1340" s="1"/>
      <c r="AF1340" s="23" t="s">
        <v>5331</v>
      </c>
      <c r="AG1340" s="26"/>
      <c r="AH1340" s="53"/>
    </row>
    <row r="1341" spans="1:34" ht="51.6" customHeight="1" x14ac:dyDescent="0.45">
      <c r="A1341" s="23">
        <v>1335</v>
      </c>
      <c r="B1341" s="25"/>
      <c r="C1341" s="25"/>
      <c r="D1341" s="29"/>
      <c r="E1341" s="1"/>
      <c r="F1341" s="1"/>
      <c r="G1341" s="25"/>
      <c r="H1341" s="71"/>
      <c r="I1341" s="83"/>
      <c r="J1341" s="50" t="str">
        <f t="shared" si="42"/>
        <v/>
      </c>
      <c r="K1341" s="23" t="s">
        <v>7120</v>
      </c>
      <c r="L1341" s="49" t="e">
        <f>VLOOKUP(E1341&amp;F1341,団体コード!$A$1:$C$1743,3,FALSE)</f>
        <v>#N/A</v>
      </c>
      <c r="M1341" s="49" t="e">
        <f>VLOOKUP(E1341&amp;F1341,団体コード!$A$1:$C$1743,2,FALSE)</f>
        <v>#N/A</v>
      </c>
      <c r="N1341" s="51" t="e">
        <f>VLOOKUP(E1341,団体コード!$E$1:$F$48,2,FALSE)</f>
        <v>#N/A</v>
      </c>
      <c r="O1341" s="51" t="e">
        <f t="shared" si="43"/>
        <v>#N/A</v>
      </c>
      <c r="P1341" s="51">
        <v>1</v>
      </c>
      <c r="Q1341" s="51" t="s">
        <v>5341</v>
      </c>
      <c r="R1341" s="54" t="b">
        <v>1</v>
      </c>
      <c r="S1341" s="52" t="s">
        <v>7126</v>
      </c>
      <c r="T1341" s="67" t="s">
        <v>7127</v>
      </c>
      <c r="U1341" s="75" t="s">
        <v>5331</v>
      </c>
      <c r="V1341" s="47" t="s">
        <v>5331</v>
      </c>
      <c r="W1341" s="47" t="s">
        <v>5331</v>
      </c>
      <c r="X1341" s="47" t="s">
        <v>5331</v>
      </c>
      <c r="Y1341" s="47" t="s">
        <v>5331</v>
      </c>
      <c r="Z1341" s="28"/>
      <c r="AA1341" s="27"/>
      <c r="AB1341" s="27"/>
      <c r="AC1341" s="27"/>
      <c r="AD1341" s="30"/>
      <c r="AE1341" s="1"/>
      <c r="AF1341" s="23" t="s">
        <v>5331</v>
      </c>
      <c r="AG1341" s="26"/>
      <c r="AH1341" s="53"/>
    </row>
    <row r="1342" spans="1:34" ht="51.6" customHeight="1" x14ac:dyDescent="0.45">
      <c r="A1342" s="23">
        <v>1336</v>
      </c>
      <c r="B1342" s="25"/>
      <c r="C1342" s="25"/>
      <c r="D1342" s="29"/>
      <c r="E1342" s="1"/>
      <c r="F1342" s="1"/>
      <c r="G1342" s="25"/>
      <c r="H1342" s="71"/>
      <c r="I1342" s="83"/>
      <c r="J1342" s="50" t="str">
        <f t="shared" si="42"/>
        <v/>
      </c>
      <c r="K1342" s="23" t="s">
        <v>7120</v>
      </c>
      <c r="L1342" s="49" t="e">
        <f>VLOOKUP(E1342&amp;F1342,団体コード!$A$1:$C$1743,3,FALSE)</f>
        <v>#N/A</v>
      </c>
      <c r="M1342" s="49" t="e">
        <f>VLOOKUP(E1342&amp;F1342,団体コード!$A$1:$C$1743,2,FALSE)</f>
        <v>#N/A</v>
      </c>
      <c r="N1342" s="51" t="e">
        <f>VLOOKUP(E1342,団体コード!$E$1:$F$48,2,FALSE)</f>
        <v>#N/A</v>
      </c>
      <c r="O1342" s="51" t="e">
        <f t="shared" si="43"/>
        <v>#N/A</v>
      </c>
      <c r="P1342" s="51">
        <v>1</v>
      </c>
      <c r="Q1342" s="51" t="s">
        <v>5341</v>
      </c>
      <c r="R1342" s="54" t="b">
        <v>1</v>
      </c>
      <c r="S1342" s="52" t="s">
        <v>7126</v>
      </c>
      <c r="T1342" s="67" t="s">
        <v>7127</v>
      </c>
      <c r="U1342" s="75" t="s">
        <v>5331</v>
      </c>
      <c r="V1342" s="47" t="s">
        <v>5331</v>
      </c>
      <c r="W1342" s="47" t="s">
        <v>5331</v>
      </c>
      <c r="X1342" s="47" t="s">
        <v>5331</v>
      </c>
      <c r="Y1342" s="47" t="s">
        <v>5331</v>
      </c>
      <c r="Z1342" s="28"/>
      <c r="AA1342" s="27"/>
      <c r="AB1342" s="27"/>
      <c r="AC1342" s="27"/>
      <c r="AD1342" s="30"/>
      <c r="AE1342" s="1"/>
      <c r="AF1342" s="23" t="s">
        <v>5331</v>
      </c>
      <c r="AG1342" s="26"/>
      <c r="AH1342" s="53"/>
    </row>
    <row r="1343" spans="1:34" ht="51.6" customHeight="1" x14ac:dyDescent="0.45">
      <c r="A1343" s="23">
        <v>1337</v>
      </c>
      <c r="B1343" s="25"/>
      <c r="C1343" s="25"/>
      <c r="D1343" s="29"/>
      <c r="E1343" s="1"/>
      <c r="F1343" s="1"/>
      <c r="G1343" s="25"/>
      <c r="H1343" s="71"/>
      <c r="I1343" s="83"/>
      <c r="J1343" s="50" t="str">
        <f t="shared" si="42"/>
        <v/>
      </c>
      <c r="K1343" s="23" t="s">
        <v>7120</v>
      </c>
      <c r="L1343" s="49" t="e">
        <f>VLOOKUP(E1343&amp;F1343,団体コード!$A$1:$C$1743,3,FALSE)</f>
        <v>#N/A</v>
      </c>
      <c r="M1343" s="49" t="e">
        <f>VLOOKUP(E1343&amp;F1343,団体コード!$A$1:$C$1743,2,FALSE)</f>
        <v>#N/A</v>
      </c>
      <c r="N1343" s="51" t="e">
        <f>VLOOKUP(E1343,団体コード!$E$1:$F$48,2,FALSE)</f>
        <v>#N/A</v>
      </c>
      <c r="O1343" s="51" t="e">
        <f t="shared" si="43"/>
        <v>#N/A</v>
      </c>
      <c r="P1343" s="51">
        <v>1</v>
      </c>
      <c r="Q1343" s="51" t="s">
        <v>5341</v>
      </c>
      <c r="R1343" s="54" t="b">
        <v>1</v>
      </c>
      <c r="S1343" s="52" t="s">
        <v>7126</v>
      </c>
      <c r="T1343" s="67" t="s">
        <v>7127</v>
      </c>
      <c r="U1343" s="75" t="s">
        <v>5331</v>
      </c>
      <c r="V1343" s="47" t="s">
        <v>5331</v>
      </c>
      <c r="W1343" s="47" t="s">
        <v>5331</v>
      </c>
      <c r="X1343" s="47" t="s">
        <v>5331</v>
      </c>
      <c r="Y1343" s="47" t="s">
        <v>5331</v>
      </c>
      <c r="Z1343" s="28"/>
      <c r="AA1343" s="27"/>
      <c r="AB1343" s="27"/>
      <c r="AC1343" s="27"/>
      <c r="AD1343" s="30"/>
      <c r="AE1343" s="1"/>
      <c r="AF1343" s="23" t="s">
        <v>5331</v>
      </c>
      <c r="AG1343" s="26"/>
      <c r="AH1343" s="53"/>
    </row>
    <row r="1344" spans="1:34" ht="51.6" customHeight="1" x14ac:dyDescent="0.45">
      <c r="A1344" s="23">
        <v>1338</v>
      </c>
      <c r="B1344" s="25"/>
      <c r="C1344" s="25"/>
      <c r="D1344" s="29"/>
      <c r="E1344" s="1"/>
      <c r="F1344" s="1"/>
      <c r="G1344" s="25"/>
      <c r="H1344" s="71"/>
      <c r="I1344" s="83"/>
      <c r="J1344" s="50" t="str">
        <f t="shared" si="42"/>
        <v/>
      </c>
      <c r="K1344" s="23" t="s">
        <v>7120</v>
      </c>
      <c r="L1344" s="49" t="e">
        <f>VLOOKUP(E1344&amp;F1344,団体コード!$A$1:$C$1743,3,FALSE)</f>
        <v>#N/A</v>
      </c>
      <c r="M1344" s="49" t="e">
        <f>VLOOKUP(E1344&amp;F1344,団体コード!$A$1:$C$1743,2,FALSE)</f>
        <v>#N/A</v>
      </c>
      <c r="N1344" s="51" t="e">
        <f>VLOOKUP(E1344,団体コード!$E$1:$F$48,2,FALSE)</f>
        <v>#N/A</v>
      </c>
      <c r="O1344" s="51" t="e">
        <f t="shared" si="43"/>
        <v>#N/A</v>
      </c>
      <c r="P1344" s="51">
        <v>1</v>
      </c>
      <c r="Q1344" s="51" t="s">
        <v>5341</v>
      </c>
      <c r="R1344" s="54" t="b">
        <v>1</v>
      </c>
      <c r="S1344" s="52" t="s">
        <v>7126</v>
      </c>
      <c r="T1344" s="67" t="s">
        <v>7127</v>
      </c>
      <c r="U1344" s="75" t="s">
        <v>5331</v>
      </c>
      <c r="V1344" s="47" t="s">
        <v>5331</v>
      </c>
      <c r="W1344" s="47" t="s">
        <v>5331</v>
      </c>
      <c r="X1344" s="47" t="s">
        <v>5331</v>
      </c>
      <c r="Y1344" s="47" t="s">
        <v>5331</v>
      </c>
      <c r="Z1344" s="28"/>
      <c r="AA1344" s="27"/>
      <c r="AB1344" s="27"/>
      <c r="AC1344" s="27"/>
      <c r="AD1344" s="30"/>
      <c r="AE1344" s="1"/>
      <c r="AF1344" s="23" t="s">
        <v>5331</v>
      </c>
      <c r="AG1344" s="26"/>
      <c r="AH1344" s="53"/>
    </row>
    <row r="1345" spans="1:34" ht="51.6" customHeight="1" x14ac:dyDescent="0.45">
      <c r="A1345" s="23">
        <v>1339</v>
      </c>
      <c r="B1345" s="25"/>
      <c r="C1345" s="25"/>
      <c r="D1345" s="29"/>
      <c r="E1345" s="1"/>
      <c r="F1345" s="1"/>
      <c r="G1345" s="25"/>
      <c r="H1345" s="71"/>
      <c r="I1345" s="83"/>
      <c r="J1345" s="50" t="str">
        <f t="shared" si="42"/>
        <v/>
      </c>
      <c r="K1345" s="23" t="s">
        <v>7120</v>
      </c>
      <c r="L1345" s="49" t="e">
        <f>VLOOKUP(E1345&amp;F1345,団体コード!$A$1:$C$1743,3,FALSE)</f>
        <v>#N/A</v>
      </c>
      <c r="M1345" s="49" t="e">
        <f>VLOOKUP(E1345&amp;F1345,団体コード!$A$1:$C$1743,2,FALSE)</f>
        <v>#N/A</v>
      </c>
      <c r="N1345" s="51" t="e">
        <f>VLOOKUP(E1345,団体コード!$E$1:$F$48,2,FALSE)</f>
        <v>#N/A</v>
      </c>
      <c r="O1345" s="51" t="e">
        <f t="shared" si="43"/>
        <v>#N/A</v>
      </c>
      <c r="P1345" s="51">
        <v>1</v>
      </c>
      <c r="Q1345" s="51" t="s">
        <v>5341</v>
      </c>
      <c r="R1345" s="54" t="b">
        <v>1</v>
      </c>
      <c r="S1345" s="52" t="s">
        <v>7126</v>
      </c>
      <c r="T1345" s="67" t="s">
        <v>7127</v>
      </c>
      <c r="U1345" s="75" t="s">
        <v>5331</v>
      </c>
      <c r="V1345" s="47" t="s">
        <v>5331</v>
      </c>
      <c r="W1345" s="47" t="s">
        <v>5331</v>
      </c>
      <c r="X1345" s="47" t="s">
        <v>5331</v>
      </c>
      <c r="Y1345" s="47" t="s">
        <v>5331</v>
      </c>
      <c r="Z1345" s="28"/>
      <c r="AA1345" s="27"/>
      <c r="AB1345" s="27"/>
      <c r="AC1345" s="27"/>
      <c r="AD1345" s="30"/>
      <c r="AE1345" s="1"/>
      <c r="AF1345" s="23" t="s">
        <v>5331</v>
      </c>
      <c r="AG1345" s="26"/>
      <c r="AH1345" s="53"/>
    </row>
    <row r="1346" spans="1:34" ht="51.6" customHeight="1" x14ac:dyDescent="0.45">
      <c r="A1346" s="23">
        <v>1340</v>
      </c>
      <c r="B1346" s="25"/>
      <c r="C1346" s="25"/>
      <c r="D1346" s="29"/>
      <c r="E1346" s="1"/>
      <c r="F1346" s="1"/>
      <c r="G1346" s="25"/>
      <c r="H1346" s="71"/>
      <c r="I1346" s="83"/>
      <c r="J1346" s="50" t="str">
        <f t="shared" si="42"/>
        <v/>
      </c>
      <c r="K1346" s="23" t="s">
        <v>7120</v>
      </c>
      <c r="L1346" s="49" t="e">
        <f>VLOOKUP(E1346&amp;F1346,団体コード!$A$1:$C$1743,3,FALSE)</f>
        <v>#N/A</v>
      </c>
      <c r="M1346" s="49" t="e">
        <f>VLOOKUP(E1346&amp;F1346,団体コード!$A$1:$C$1743,2,FALSE)</f>
        <v>#N/A</v>
      </c>
      <c r="N1346" s="51" t="e">
        <f>VLOOKUP(E1346,団体コード!$E$1:$F$48,2,FALSE)</f>
        <v>#N/A</v>
      </c>
      <c r="O1346" s="51" t="e">
        <f t="shared" si="43"/>
        <v>#N/A</v>
      </c>
      <c r="P1346" s="51">
        <v>1</v>
      </c>
      <c r="Q1346" s="51" t="s">
        <v>5341</v>
      </c>
      <c r="R1346" s="54" t="b">
        <v>1</v>
      </c>
      <c r="S1346" s="52" t="s">
        <v>7126</v>
      </c>
      <c r="T1346" s="67" t="s">
        <v>7127</v>
      </c>
      <c r="U1346" s="75" t="s">
        <v>5331</v>
      </c>
      <c r="V1346" s="47" t="s">
        <v>5331</v>
      </c>
      <c r="W1346" s="47" t="s">
        <v>5331</v>
      </c>
      <c r="X1346" s="47" t="s">
        <v>5331</v>
      </c>
      <c r="Y1346" s="47" t="s">
        <v>5331</v>
      </c>
      <c r="Z1346" s="28"/>
      <c r="AA1346" s="27"/>
      <c r="AB1346" s="27"/>
      <c r="AC1346" s="27"/>
      <c r="AD1346" s="30"/>
      <c r="AE1346" s="1"/>
      <c r="AF1346" s="23" t="s">
        <v>5331</v>
      </c>
      <c r="AG1346" s="26"/>
      <c r="AH1346" s="53"/>
    </row>
    <row r="1347" spans="1:34" ht="51.6" customHeight="1" x14ac:dyDescent="0.45">
      <c r="A1347" s="23">
        <v>1341</v>
      </c>
      <c r="B1347" s="25"/>
      <c r="C1347" s="25"/>
      <c r="D1347" s="29"/>
      <c r="E1347" s="1"/>
      <c r="F1347" s="1"/>
      <c r="G1347" s="25"/>
      <c r="H1347" s="71"/>
      <c r="I1347" s="83"/>
      <c r="J1347" s="50" t="str">
        <f t="shared" si="42"/>
        <v/>
      </c>
      <c r="K1347" s="23" t="s">
        <v>7120</v>
      </c>
      <c r="L1347" s="49" t="e">
        <f>VLOOKUP(E1347&amp;F1347,団体コード!$A$1:$C$1743,3,FALSE)</f>
        <v>#N/A</v>
      </c>
      <c r="M1347" s="49" t="e">
        <f>VLOOKUP(E1347&amp;F1347,団体コード!$A$1:$C$1743,2,FALSE)</f>
        <v>#N/A</v>
      </c>
      <c r="N1347" s="51" t="e">
        <f>VLOOKUP(E1347,団体コード!$E$1:$F$48,2,FALSE)</f>
        <v>#N/A</v>
      </c>
      <c r="O1347" s="51" t="e">
        <f t="shared" si="43"/>
        <v>#N/A</v>
      </c>
      <c r="P1347" s="51">
        <v>1</v>
      </c>
      <c r="Q1347" s="51" t="s">
        <v>5341</v>
      </c>
      <c r="R1347" s="54" t="b">
        <v>1</v>
      </c>
      <c r="S1347" s="52" t="s">
        <v>7126</v>
      </c>
      <c r="T1347" s="67" t="s">
        <v>7127</v>
      </c>
      <c r="U1347" s="75" t="s">
        <v>5331</v>
      </c>
      <c r="V1347" s="47" t="s">
        <v>5331</v>
      </c>
      <c r="W1347" s="47" t="s">
        <v>5331</v>
      </c>
      <c r="X1347" s="47" t="s">
        <v>5331</v>
      </c>
      <c r="Y1347" s="47" t="s">
        <v>5331</v>
      </c>
      <c r="Z1347" s="28"/>
      <c r="AA1347" s="27"/>
      <c r="AB1347" s="27"/>
      <c r="AC1347" s="27"/>
      <c r="AD1347" s="30"/>
      <c r="AE1347" s="1"/>
      <c r="AF1347" s="23" t="s">
        <v>5331</v>
      </c>
      <c r="AG1347" s="26"/>
      <c r="AH1347" s="53"/>
    </row>
    <row r="1348" spans="1:34" ht="51.6" customHeight="1" x14ac:dyDescent="0.45">
      <c r="A1348" s="23">
        <v>1342</v>
      </c>
      <c r="B1348" s="25"/>
      <c r="C1348" s="25"/>
      <c r="D1348" s="29"/>
      <c r="E1348" s="1"/>
      <c r="F1348" s="1"/>
      <c r="G1348" s="25"/>
      <c r="H1348" s="71"/>
      <c r="I1348" s="83"/>
      <c r="J1348" s="50" t="str">
        <f t="shared" si="42"/>
        <v/>
      </c>
      <c r="K1348" s="23" t="s">
        <v>7120</v>
      </c>
      <c r="L1348" s="49" t="e">
        <f>VLOOKUP(E1348&amp;F1348,団体コード!$A$1:$C$1743,3,FALSE)</f>
        <v>#N/A</v>
      </c>
      <c r="M1348" s="49" t="e">
        <f>VLOOKUP(E1348&amp;F1348,団体コード!$A$1:$C$1743,2,FALSE)</f>
        <v>#N/A</v>
      </c>
      <c r="N1348" s="51" t="e">
        <f>VLOOKUP(E1348,団体コード!$E$1:$F$48,2,FALSE)</f>
        <v>#N/A</v>
      </c>
      <c r="O1348" s="51" t="e">
        <f t="shared" si="43"/>
        <v>#N/A</v>
      </c>
      <c r="P1348" s="51">
        <v>1</v>
      </c>
      <c r="Q1348" s="51" t="s">
        <v>5341</v>
      </c>
      <c r="R1348" s="54" t="b">
        <v>1</v>
      </c>
      <c r="S1348" s="52" t="s">
        <v>7126</v>
      </c>
      <c r="T1348" s="67" t="s">
        <v>7127</v>
      </c>
      <c r="U1348" s="75" t="s">
        <v>5331</v>
      </c>
      <c r="V1348" s="47" t="s">
        <v>5331</v>
      </c>
      <c r="W1348" s="47" t="s">
        <v>5331</v>
      </c>
      <c r="X1348" s="47" t="s">
        <v>5331</v>
      </c>
      <c r="Y1348" s="47" t="s">
        <v>5331</v>
      </c>
      <c r="Z1348" s="28"/>
      <c r="AA1348" s="27"/>
      <c r="AB1348" s="27"/>
      <c r="AC1348" s="27"/>
      <c r="AD1348" s="30"/>
      <c r="AE1348" s="1"/>
      <c r="AF1348" s="23" t="s">
        <v>5331</v>
      </c>
      <c r="AG1348" s="26"/>
      <c r="AH1348" s="53"/>
    </row>
    <row r="1349" spans="1:34" ht="51.6" customHeight="1" x14ac:dyDescent="0.45">
      <c r="A1349" s="23">
        <v>1343</v>
      </c>
      <c r="B1349" s="25"/>
      <c r="C1349" s="25"/>
      <c r="D1349" s="29"/>
      <c r="E1349" s="1"/>
      <c r="F1349" s="1"/>
      <c r="G1349" s="25"/>
      <c r="H1349" s="71"/>
      <c r="I1349" s="83"/>
      <c r="J1349" s="50" t="str">
        <f t="shared" si="42"/>
        <v/>
      </c>
      <c r="K1349" s="23" t="s">
        <v>7120</v>
      </c>
      <c r="L1349" s="49" t="e">
        <f>VLOOKUP(E1349&amp;F1349,団体コード!$A$1:$C$1743,3,FALSE)</f>
        <v>#N/A</v>
      </c>
      <c r="M1349" s="49" t="e">
        <f>VLOOKUP(E1349&amp;F1349,団体コード!$A$1:$C$1743,2,FALSE)</f>
        <v>#N/A</v>
      </c>
      <c r="N1349" s="51" t="e">
        <f>VLOOKUP(E1349,団体コード!$E$1:$F$48,2,FALSE)</f>
        <v>#N/A</v>
      </c>
      <c r="O1349" s="51" t="e">
        <f t="shared" si="43"/>
        <v>#N/A</v>
      </c>
      <c r="P1349" s="51">
        <v>1</v>
      </c>
      <c r="Q1349" s="51" t="s">
        <v>5341</v>
      </c>
      <c r="R1349" s="54" t="b">
        <v>1</v>
      </c>
      <c r="S1349" s="52" t="s">
        <v>7126</v>
      </c>
      <c r="T1349" s="67" t="s">
        <v>7127</v>
      </c>
      <c r="U1349" s="75" t="s">
        <v>5331</v>
      </c>
      <c r="V1349" s="47" t="s">
        <v>5331</v>
      </c>
      <c r="W1349" s="47" t="s">
        <v>5331</v>
      </c>
      <c r="X1349" s="47" t="s">
        <v>5331</v>
      </c>
      <c r="Y1349" s="47" t="s">
        <v>5331</v>
      </c>
      <c r="Z1349" s="28"/>
      <c r="AA1349" s="27"/>
      <c r="AB1349" s="27"/>
      <c r="AC1349" s="27"/>
      <c r="AD1349" s="30"/>
      <c r="AE1349" s="1"/>
      <c r="AF1349" s="23" t="s">
        <v>5331</v>
      </c>
      <c r="AG1349" s="26"/>
      <c r="AH1349" s="53"/>
    </row>
    <row r="1350" spans="1:34" ht="51.6" customHeight="1" x14ac:dyDescent="0.45">
      <c r="A1350" s="23">
        <v>1344</v>
      </c>
      <c r="B1350" s="25"/>
      <c r="C1350" s="25"/>
      <c r="D1350" s="29"/>
      <c r="E1350" s="1"/>
      <c r="F1350" s="1"/>
      <c r="G1350" s="25"/>
      <c r="H1350" s="71"/>
      <c r="I1350" s="83"/>
      <c r="J1350" s="50" t="str">
        <f t="shared" si="42"/>
        <v/>
      </c>
      <c r="K1350" s="23" t="s">
        <v>7120</v>
      </c>
      <c r="L1350" s="49" t="e">
        <f>VLOOKUP(E1350&amp;F1350,団体コード!$A$1:$C$1743,3,FALSE)</f>
        <v>#N/A</v>
      </c>
      <c r="M1350" s="49" t="e">
        <f>VLOOKUP(E1350&amp;F1350,団体コード!$A$1:$C$1743,2,FALSE)</f>
        <v>#N/A</v>
      </c>
      <c r="N1350" s="51" t="e">
        <f>VLOOKUP(E1350,団体コード!$E$1:$F$48,2,FALSE)</f>
        <v>#N/A</v>
      </c>
      <c r="O1350" s="51" t="e">
        <f t="shared" si="43"/>
        <v>#N/A</v>
      </c>
      <c r="P1350" s="51">
        <v>1</v>
      </c>
      <c r="Q1350" s="51" t="s">
        <v>5341</v>
      </c>
      <c r="R1350" s="54" t="b">
        <v>1</v>
      </c>
      <c r="S1350" s="52" t="s">
        <v>7126</v>
      </c>
      <c r="T1350" s="67" t="s">
        <v>7127</v>
      </c>
      <c r="U1350" s="75" t="s">
        <v>5331</v>
      </c>
      <c r="V1350" s="47" t="s">
        <v>5331</v>
      </c>
      <c r="W1350" s="47" t="s">
        <v>5331</v>
      </c>
      <c r="X1350" s="47" t="s">
        <v>5331</v>
      </c>
      <c r="Y1350" s="47" t="s">
        <v>5331</v>
      </c>
      <c r="Z1350" s="28"/>
      <c r="AA1350" s="27"/>
      <c r="AB1350" s="27"/>
      <c r="AC1350" s="27"/>
      <c r="AD1350" s="30"/>
      <c r="AE1350" s="1"/>
      <c r="AF1350" s="23" t="s">
        <v>5331</v>
      </c>
      <c r="AG1350" s="26"/>
      <c r="AH1350" s="53"/>
    </row>
    <row r="1351" spans="1:34" ht="51.6" customHeight="1" x14ac:dyDescent="0.45">
      <c r="A1351" s="23">
        <v>1345</v>
      </c>
      <c r="B1351" s="25"/>
      <c r="C1351" s="25"/>
      <c r="D1351" s="29"/>
      <c r="E1351" s="1"/>
      <c r="F1351" s="1"/>
      <c r="G1351" s="25"/>
      <c r="H1351" s="71"/>
      <c r="I1351" s="83"/>
      <c r="J1351" s="50" t="str">
        <f t="shared" si="42"/>
        <v/>
      </c>
      <c r="K1351" s="23" t="s">
        <v>7120</v>
      </c>
      <c r="L1351" s="49" t="e">
        <f>VLOOKUP(E1351&amp;F1351,団体コード!$A$1:$C$1743,3,FALSE)</f>
        <v>#N/A</v>
      </c>
      <c r="M1351" s="49" t="e">
        <f>VLOOKUP(E1351&amp;F1351,団体コード!$A$1:$C$1743,2,FALSE)</f>
        <v>#N/A</v>
      </c>
      <c r="N1351" s="51" t="e">
        <f>VLOOKUP(E1351,団体コード!$E$1:$F$48,2,FALSE)</f>
        <v>#N/A</v>
      </c>
      <c r="O1351" s="51" t="e">
        <f t="shared" si="43"/>
        <v>#N/A</v>
      </c>
      <c r="P1351" s="51">
        <v>1</v>
      </c>
      <c r="Q1351" s="51" t="s">
        <v>5341</v>
      </c>
      <c r="R1351" s="54" t="b">
        <v>1</v>
      </c>
      <c r="S1351" s="52" t="s">
        <v>7126</v>
      </c>
      <c r="T1351" s="67" t="s">
        <v>7127</v>
      </c>
      <c r="U1351" s="75" t="s">
        <v>5331</v>
      </c>
      <c r="V1351" s="47" t="s">
        <v>5331</v>
      </c>
      <c r="W1351" s="47" t="s">
        <v>5331</v>
      </c>
      <c r="X1351" s="47" t="s">
        <v>5331</v>
      </c>
      <c r="Y1351" s="47" t="s">
        <v>5331</v>
      </c>
      <c r="Z1351" s="28"/>
      <c r="AA1351" s="27"/>
      <c r="AB1351" s="27"/>
      <c r="AC1351" s="27"/>
      <c r="AD1351" s="30"/>
      <c r="AE1351" s="1"/>
      <c r="AF1351" s="23" t="s">
        <v>5331</v>
      </c>
      <c r="AG1351" s="26"/>
      <c r="AH1351" s="53"/>
    </row>
    <row r="1352" spans="1:34" ht="51.6" customHeight="1" x14ac:dyDescent="0.45">
      <c r="A1352" s="23">
        <v>1346</v>
      </c>
      <c r="B1352" s="25"/>
      <c r="C1352" s="25"/>
      <c r="D1352" s="29"/>
      <c r="E1352" s="1"/>
      <c r="F1352" s="1"/>
      <c r="G1352" s="25"/>
      <c r="H1352" s="71"/>
      <c r="I1352" s="83"/>
      <c r="J1352" s="50" t="str">
        <f t="shared" ref="J1352:J1415" si="44">E1352&amp;F1352&amp;G1352</f>
        <v/>
      </c>
      <c r="K1352" s="23" t="s">
        <v>7120</v>
      </c>
      <c r="L1352" s="49" t="e">
        <f>VLOOKUP(E1352&amp;F1352,団体コード!$A$1:$C$1743,3,FALSE)</f>
        <v>#N/A</v>
      </c>
      <c r="M1352" s="49" t="e">
        <f>VLOOKUP(E1352&amp;F1352,団体コード!$A$1:$C$1743,2,FALSE)</f>
        <v>#N/A</v>
      </c>
      <c r="N1352" s="51" t="e">
        <f>VLOOKUP(E1352,団体コード!$E$1:$F$48,2,FALSE)</f>
        <v>#N/A</v>
      </c>
      <c r="O1352" s="51" t="e">
        <f t="shared" ref="O1352:O1415" si="45">N1352</f>
        <v>#N/A</v>
      </c>
      <c r="P1352" s="51">
        <v>1</v>
      </c>
      <c r="Q1352" s="51" t="s">
        <v>5341</v>
      </c>
      <c r="R1352" s="54" t="b">
        <v>1</v>
      </c>
      <c r="S1352" s="52" t="s">
        <v>7126</v>
      </c>
      <c r="T1352" s="67" t="s">
        <v>7127</v>
      </c>
      <c r="U1352" s="75" t="s">
        <v>5331</v>
      </c>
      <c r="V1352" s="47" t="s">
        <v>5331</v>
      </c>
      <c r="W1352" s="47" t="s">
        <v>5331</v>
      </c>
      <c r="X1352" s="47" t="s">
        <v>5331</v>
      </c>
      <c r="Y1352" s="47" t="s">
        <v>5331</v>
      </c>
      <c r="Z1352" s="28"/>
      <c r="AA1352" s="27"/>
      <c r="AB1352" s="27"/>
      <c r="AC1352" s="27"/>
      <c r="AD1352" s="30"/>
      <c r="AE1352" s="1"/>
      <c r="AF1352" s="23" t="s">
        <v>5331</v>
      </c>
      <c r="AG1352" s="26"/>
      <c r="AH1352" s="53"/>
    </row>
    <row r="1353" spans="1:34" ht="51.6" customHeight="1" x14ac:dyDescent="0.45">
      <c r="A1353" s="23">
        <v>1347</v>
      </c>
      <c r="B1353" s="25"/>
      <c r="C1353" s="25"/>
      <c r="D1353" s="29"/>
      <c r="E1353" s="1"/>
      <c r="F1353" s="1"/>
      <c r="G1353" s="25"/>
      <c r="H1353" s="71"/>
      <c r="I1353" s="83"/>
      <c r="J1353" s="50" t="str">
        <f t="shared" si="44"/>
        <v/>
      </c>
      <c r="K1353" s="23" t="s">
        <v>7120</v>
      </c>
      <c r="L1353" s="49" t="e">
        <f>VLOOKUP(E1353&amp;F1353,団体コード!$A$1:$C$1743,3,FALSE)</f>
        <v>#N/A</v>
      </c>
      <c r="M1353" s="49" t="e">
        <f>VLOOKUP(E1353&amp;F1353,団体コード!$A$1:$C$1743,2,FALSE)</f>
        <v>#N/A</v>
      </c>
      <c r="N1353" s="51" t="e">
        <f>VLOOKUP(E1353,団体コード!$E$1:$F$48,2,FALSE)</f>
        <v>#N/A</v>
      </c>
      <c r="O1353" s="51" t="e">
        <f t="shared" si="45"/>
        <v>#N/A</v>
      </c>
      <c r="P1353" s="51">
        <v>1</v>
      </c>
      <c r="Q1353" s="51" t="s">
        <v>5341</v>
      </c>
      <c r="R1353" s="54" t="b">
        <v>1</v>
      </c>
      <c r="S1353" s="52" t="s">
        <v>7126</v>
      </c>
      <c r="T1353" s="67" t="s">
        <v>7127</v>
      </c>
      <c r="U1353" s="75" t="s">
        <v>5331</v>
      </c>
      <c r="V1353" s="47" t="s">
        <v>5331</v>
      </c>
      <c r="W1353" s="47" t="s">
        <v>5331</v>
      </c>
      <c r="X1353" s="47" t="s">
        <v>5331</v>
      </c>
      <c r="Y1353" s="47" t="s">
        <v>5331</v>
      </c>
      <c r="Z1353" s="28"/>
      <c r="AA1353" s="27"/>
      <c r="AB1353" s="27"/>
      <c r="AC1353" s="27"/>
      <c r="AD1353" s="30"/>
      <c r="AE1353" s="1"/>
      <c r="AF1353" s="23" t="s">
        <v>5331</v>
      </c>
      <c r="AG1353" s="26"/>
      <c r="AH1353" s="53"/>
    </row>
    <row r="1354" spans="1:34" ht="51.6" customHeight="1" x14ac:dyDescent="0.45">
      <c r="A1354" s="23">
        <v>1348</v>
      </c>
      <c r="B1354" s="25"/>
      <c r="C1354" s="25"/>
      <c r="D1354" s="29"/>
      <c r="E1354" s="1"/>
      <c r="F1354" s="1"/>
      <c r="G1354" s="25"/>
      <c r="H1354" s="71"/>
      <c r="I1354" s="83"/>
      <c r="J1354" s="50" t="str">
        <f t="shared" si="44"/>
        <v/>
      </c>
      <c r="K1354" s="23" t="s">
        <v>7120</v>
      </c>
      <c r="L1354" s="49" t="e">
        <f>VLOOKUP(E1354&amp;F1354,団体コード!$A$1:$C$1743,3,FALSE)</f>
        <v>#N/A</v>
      </c>
      <c r="M1354" s="49" t="e">
        <f>VLOOKUP(E1354&amp;F1354,団体コード!$A$1:$C$1743,2,FALSE)</f>
        <v>#N/A</v>
      </c>
      <c r="N1354" s="51" t="e">
        <f>VLOOKUP(E1354,団体コード!$E$1:$F$48,2,FALSE)</f>
        <v>#N/A</v>
      </c>
      <c r="O1354" s="51" t="e">
        <f t="shared" si="45"/>
        <v>#N/A</v>
      </c>
      <c r="P1354" s="51">
        <v>1</v>
      </c>
      <c r="Q1354" s="51" t="s">
        <v>5341</v>
      </c>
      <c r="R1354" s="54" t="b">
        <v>1</v>
      </c>
      <c r="S1354" s="52" t="s">
        <v>7126</v>
      </c>
      <c r="T1354" s="67" t="s">
        <v>7127</v>
      </c>
      <c r="U1354" s="75" t="s">
        <v>5331</v>
      </c>
      <c r="V1354" s="47" t="s">
        <v>5331</v>
      </c>
      <c r="W1354" s="47" t="s">
        <v>5331</v>
      </c>
      <c r="X1354" s="47" t="s">
        <v>5331</v>
      </c>
      <c r="Y1354" s="47" t="s">
        <v>5331</v>
      </c>
      <c r="Z1354" s="28"/>
      <c r="AA1354" s="27"/>
      <c r="AB1354" s="27"/>
      <c r="AC1354" s="27"/>
      <c r="AD1354" s="30"/>
      <c r="AE1354" s="1"/>
      <c r="AF1354" s="23" t="s">
        <v>5331</v>
      </c>
      <c r="AG1354" s="26"/>
      <c r="AH1354" s="53"/>
    </row>
    <row r="1355" spans="1:34" ht="51.6" customHeight="1" x14ac:dyDescent="0.45">
      <c r="A1355" s="23">
        <v>1349</v>
      </c>
      <c r="B1355" s="25"/>
      <c r="C1355" s="25"/>
      <c r="D1355" s="29"/>
      <c r="E1355" s="1"/>
      <c r="F1355" s="1"/>
      <c r="G1355" s="25"/>
      <c r="H1355" s="71"/>
      <c r="I1355" s="83"/>
      <c r="J1355" s="50" t="str">
        <f t="shared" si="44"/>
        <v/>
      </c>
      <c r="K1355" s="23" t="s">
        <v>7120</v>
      </c>
      <c r="L1355" s="49" t="e">
        <f>VLOOKUP(E1355&amp;F1355,団体コード!$A$1:$C$1743,3,FALSE)</f>
        <v>#N/A</v>
      </c>
      <c r="M1355" s="49" t="e">
        <f>VLOOKUP(E1355&amp;F1355,団体コード!$A$1:$C$1743,2,FALSE)</f>
        <v>#N/A</v>
      </c>
      <c r="N1355" s="51" t="e">
        <f>VLOOKUP(E1355,団体コード!$E$1:$F$48,2,FALSE)</f>
        <v>#N/A</v>
      </c>
      <c r="O1355" s="51" t="e">
        <f t="shared" si="45"/>
        <v>#N/A</v>
      </c>
      <c r="P1355" s="51">
        <v>1</v>
      </c>
      <c r="Q1355" s="51" t="s">
        <v>5341</v>
      </c>
      <c r="R1355" s="54" t="b">
        <v>1</v>
      </c>
      <c r="S1355" s="52" t="s">
        <v>7126</v>
      </c>
      <c r="T1355" s="67" t="s">
        <v>7127</v>
      </c>
      <c r="U1355" s="75" t="s">
        <v>5331</v>
      </c>
      <c r="V1355" s="47" t="s">
        <v>5331</v>
      </c>
      <c r="W1355" s="47" t="s">
        <v>5331</v>
      </c>
      <c r="X1355" s="47" t="s">
        <v>5331</v>
      </c>
      <c r="Y1355" s="47" t="s">
        <v>5331</v>
      </c>
      <c r="Z1355" s="28"/>
      <c r="AA1355" s="27"/>
      <c r="AB1355" s="27"/>
      <c r="AC1355" s="27"/>
      <c r="AD1355" s="30"/>
      <c r="AE1355" s="1"/>
      <c r="AF1355" s="23" t="s">
        <v>5331</v>
      </c>
      <c r="AG1355" s="26"/>
      <c r="AH1355" s="53"/>
    </row>
    <row r="1356" spans="1:34" ht="51.6" customHeight="1" x14ac:dyDescent="0.45">
      <c r="A1356" s="23">
        <v>1350</v>
      </c>
      <c r="B1356" s="25"/>
      <c r="C1356" s="25"/>
      <c r="D1356" s="29"/>
      <c r="E1356" s="1"/>
      <c r="F1356" s="1"/>
      <c r="G1356" s="25"/>
      <c r="H1356" s="71"/>
      <c r="I1356" s="83"/>
      <c r="J1356" s="50" t="str">
        <f t="shared" si="44"/>
        <v/>
      </c>
      <c r="K1356" s="23" t="s">
        <v>7120</v>
      </c>
      <c r="L1356" s="49" t="e">
        <f>VLOOKUP(E1356&amp;F1356,団体コード!$A$1:$C$1743,3,FALSE)</f>
        <v>#N/A</v>
      </c>
      <c r="M1356" s="49" t="e">
        <f>VLOOKUP(E1356&amp;F1356,団体コード!$A$1:$C$1743,2,FALSE)</f>
        <v>#N/A</v>
      </c>
      <c r="N1356" s="51" t="e">
        <f>VLOOKUP(E1356,団体コード!$E$1:$F$48,2,FALSE)</f>
        <v>#N/A</v>
      </c>
      <c r="O1356" s="51" t="e">
        <f t="shared" si="45"/>
        <v>#N/A</v>
      </c>
      <c r="P1356" s="51">
        <v>1</v>
      </c>
      <c r="Q1356" s="51" t="s">
        <v>5341</v>
      </c>
      <c r="R1356" s="54" t="b">
        <v>1</v>
      </c>
      <c r="S1356" s="52" t="s">
        <v>7126</v>
      </c>
      <c r="T1356" s="67" t="s">
        <v>7127</v>
      </c>
      <c r="U1356" s="75" t="s">
        <v>5331</v>
      </c>
      <c r="V1356" s="47" t="s">
        <v>5331</v>
      </c>
      <c r="W1356" s="47" t="s">
        <v>5331</v>
      </c>
      <c r="X1356" s="47" t="s">
        <v>5331</v>
      </c>
      <c r="Y1356" s="47" t="s">
        <v>5331</v>
      </c>
      <c r="Z1356" s="28"/>
      <c r="AA1356" s="27"/>
      <c r="AB1356" s="27"/>
      <c r="AC1356" s="27"/>
      <c r="AD1356" s="30"/>
      <c r="AE1356" s="1"/>
      <c r="AF1356" s="23" t="s">
        <v>5331</v>
      </c>
      <c r="AG1356" s="26"/>
      <c r="AH1356" s="53"/>
    </row>
    <row r="1357" spans="1:34" ht="51.6" customHeight="1" x14ac:dyDescent="0.45">
      <c r="A1357" s="23">
        <v>1351</v>
      </c>
      <c r="B1357" s="25"/>
      <c r="C1357" s="25"/>
      <c r="D1357" s="29"/>
      <c r="E1357" s="1"/>
      <c r="F1357" s="1"/>
      <c r="G1357" s="25"/>
      <c r="H1357" s="71"/>
      <c r="I1357" s="83"/>
      <c r="J1357" s="50" t="str">
        <f t="shared" si="44"/>
        <v/>
      </c>
      <c r="K1357" s="23" t="s">
        <v>7120</v>
      </c>
      <c r="L1357" s="49" t="e">
        <f>VLOOKUP(E1357&amp;F1357,団体コード!$A$1:$C$1743,3,FALSE)</f>
        <v>#N/A</v>
      </c>
      <c r="M1357" s="49" t="e">
        <f>VLOOKUP(E1357&amp;F1357,団体コード!$A$1:$C$1743,2,FALSE)</f>
        <v>#N/A</v>
      </c>
      <c r="N1357" s="51" t="e">
        <f>VLOOKUP(E1357,団体コード!$E$1:$F$48,2,FALSE)</f>
        <v>#N/A</v>
      </c>
      <c r="O1357" s="51" t="e">
        <f t="shared" si="45"/>
        <v>#N/A</v>
      </c>
      <c r="P1357" s="51">
        <v>1</v>
      </c>
      <c r="Q1357" s="51" t="s">
        <v>5341</v>
      </c>
      <c r="R1357" s="54" t="b">
        <v>1</v>
      </c>
      <c r="S1357" s="52" t="s">
        <v>7126</v>
      </c>
      <c r="T1357" s="67" t="s">
        <v>7127</v>
      </c>
      <c r="U1357" s="75" t="s">
        <v>5331</v>
      </c>
      <c r="V1357" s="47" t="s">
        <v>5331</v>
      </c>
      <c r="W1357" s="47" t="s">
        <v>5331</v>
      </c>
      <c r="X1357" s="47" t="s">
        <v>5331</v>
      </c>
      <c r="Y1357" s="47" t="s">
        <v>5331</v>
      </c>
      <c r="Z1357" s="28"/>
      <c r="AA1357" s="27"/>
      <c r="AB1357" s="27"/>
      <c r="AC1357" s="27"/>
      <c r="AD1357" s="30"/>
      <c r="AE1357" s="1"/>
      <c r="AF1357" s="23" t="s">
        <v>5331</v>
      </c>
      <c r="AG1357" s="26"/>
      <c r="AH1357" s="53"/>
    </row>
    <row r="1358" spans="1:34" ht="51.6" customHeight="1" x14ac:dyDescent="0.45">
      <c r="A1358" s="23">
        <v>1352</v>
      </c>
      <c r="B1358" s="25"/>
      <c r="C1358" s="25"/>
      <c r="D1358" s="29"/>
      <c r="E1358" s="1"/>
      <c r="F1358" s="1"/>
      <c r="G1358" s="25"/>
      <c r="H1358" s="71"/>
      <c r="I1358" s="83"/>
      <c r="J1358" s="50" t="str">
        <f t="shared" si="44"/>
        <v/>
      </c>
      <c r="K1358" s="23" t="s">
        <v>7120</v>
      </c>
      <c r="L1358" s="49" t="e">
        <f>VLOOKUP(E1358&amp;F1358,団体コード!$A$1:$C$1743,3,FALSE)</f>
        <v>#N/A</v>
      </c>
      <c r="M1358" s="49" t="e">
        <f>VLOOKUP(E1358&amp;F1358,団体コード!$A$1:$C$1743,2,FALSE)</f>
        <v>#N/A</v>
      </c>
      <c r="N1358" s="51" t="e">
        <f>VLOOKUP(E1358,団体コード!$E$1:$F$48,2,FALSE)</f>
        <v>#N/A</v>
      </c>
      <c r="O1358" s="51" t="e">
        <f t="shared" si="45"/>
        <v>#N/A</v>
      </c>
      <c r="P1358" s="51">
        <v>1</v>
      </c>
      <c r="Q1358" s="51" t="s">
        <v>5341</v>
      </c>
      <c r="R1358" s="54" t="b">
        <v>1</v>
      </c>
      <c r="S1358" s="52" t="s">
        <v>7126</v>
      </c>
      <c r="T1358" s="67" t="s">
        <v>7127</v>
      </c>
      <c r="U1358" s="75" t="s">
        <v>5331</v>
      </c>
      <c r="V1358" s="47" t="s">
        <v>5331</v>
      </c>
      <c r="W1358" s="47" t="s">
        <v>5331</v>
      </c>
      <c r="X1358" s="47" t="s">
        <v>5331</v>
      </c>
      <c r="Y1358" s="47" t="s">
        <v>5331</v>
      </c>
      <c r="Z1358" s="28"/>
      <c r="AA1358" s="27"/>
      <c r="AB1358" s="27"/>
      <c r="AC1358" s="27"/>
      <c r="AD1358" s="30"/>
      <c r="AE1358" s="1"/>
      <c r="AF1358" s="23" t="s">
        <v>5331</v>
      </c>
      <c r="AG1358" s="26"/>
      <c r="AH1358" s="53"/>
    </row>
    <row r="1359" spans="1:34" ht="51.6" customHeight="1" x14ac:dyDescent="0.45">
      <c r="A1359" s="23">
        <v>1353</v>
      </c>
      <c r="B1359" s="25"/>
      <c r="C1359" s="25"/>
      <c r="D1359" s="29"/>
      <c r="E1359" s="1"/>
      <c r="F1359" s="1"/>
      <c r="G1359" s="25"/>
      <c r="H1359" s="71"/>
      <c r="I1359" s="83"/>
      <c r="J1359" s="50" t="str">
        <f t="shared" si="44"/>
        <v/>
      </c>
      <c r="K1359" s="23" t="s">
        <v>7120</v>
      </c>
      <c r="L1359" s="49" t="e">
        <f>VLOOKUP(E1359&amp;F1359,団体コード!$A$1:$C$1743,3,FALSE)</f>
        <v>#N/A</v>
      </c>
      <c r="M1359" s="49" t="e">
        <f>VLOOKUP(E1359&amp;F1359,団体コード!$A$1:$C$1743,2,FALSE)</f>
        <v>#N/A</v>
      </c>
      <c r="N1359" s="51" t="e">
        <f>VLOOKUP(E1359,団体コード!$E$1:$F$48,2,FALSE)</f>
        <v>#N/A</v>
      </c>
      <c r="O1359" s="51" t="e">
        <f t="shared" si="45"/>
        <v>#N/A</v>
      </c>
      <c r="P1359" s="51">
        <v>1</v>
      </c>
      <c r="Q1359" s="51" t="s">
        <v>5341</v>
      </c>
      <c r="R1359" s="54" t="b">
        <v>1</v>
      </c>
      <c r="S1359" s="52" t="s">
        <v>7126</v>
      </c>
      <c r="T1359" s="67" t="s">
        <v>7127</v>
      </c>
      <c r="U1359" s="75" t="s">
        <v>5331</v>
      </c>
      <c r="V1359" s="47" t="s">
        <v>5331</v>
      </c>
      <c r="W1359" s="47" t="s">
        <v>5331</v>
      </c>
      <c r="X1359" s="47" t="s">
        <v>5331</v>
      </c>
      <c r="Y1359" s="47" t="s">
        <v>5331</v>
      </c>
      <c r="Z1359" s="28"/>
      <c r="AA1359" s="27"/>
      <c r="AB1359" s="27"/>
      <c r="AC1359" s="27"/>
      <c r="AD1359" s="30"/>
      <c r="AE1359" s="1"/>
      <c r="AF1359" s="23" t="s">
        <v>5331</v>
      </c>
      <c r="AG1359" s="26"/>
      <c r="AH1359" s="53"/>
    </row>
    <row r="1360" spans="1:34" ht="51.6" customHeight="1" x14ac:dyDescent="0.45">
      <c r="A1360" s="23">
        <v>1354</v>
      </c>
      <c r="B1360" s="25"/>
      <c r="C1360" s="25"/>
      <c r="D1360" s="29"/>
      <c r="E1360" s="1"/>
      <c r="F1360" s="1"/>
      <c r="G1360" s="25"/>
      <c r="H1360" s="71"/>
      <c r="I1360" s="83"/>
      <c r="J1360" s="50" t="str">
        <f t="shared" si="44"/>
        <v/>
      </c>
      <c r="K1360" s="23" t="s">
        <v>7120</v>
      </c>
      <c r="L1360" s="49" t="e">
        <f>VLOOKUP(E1360&amp;F1360,団体コード!$A$1:$C$1743,3,FALSE)</f>
        <v>#N/A</v>
      </c>
      <c r="M1360" s="49" t="e">
        <f>VLOOKUP(E1360&amp;F1360,団体コード!$A$1:$C$1743,2,FALSE)</f>
        <v>#N/A</v>
      </c>
      <c r="N1360" s="51" t="e">
        <f>VLOOKUP(E1360,団体コード!$E$1:$F$48,2,FALSE)</f>
        <v>#N/A</v>
      </c>
      <c r="O1360" s="51" t="e">
        <f t="shared" si="45"/>
        <v>#N/A</v>
      </c>
      <c r="P1360" s="51">
        <v>1</v>
      </c>
      <c r="Q1360" s="51" t="s">
        <v>5341</v>
      </c>
      <c r="R1360" s="54" t="b">
        <v>1</v>
      </c>
      <c r="S1360" s="52" t="s">
        <v>7126</v>
      </c>
      <c r="T1360" s="67" t="s">
        <v>7127</v>
      </c>
      <c r="U1360" s="75" t="s">
        <v>5331</v>
      </c>
      <c r="V1360" s="47" t="s">
        <v>5331</v>
      </c>
      <c r="W1360" s="47" t="s">
        <v>5331</v>
      </c>
      <c r="X1360" s="47" t="s">
        <v>5331</v>
      </c>
      <c r="Y1360" s="47" t="s">
        <v>5331</v>
      </c>
      <c r="Z1360" s="28"/>
      <c r="AA1360" s="27"/>
      <c r="AB1360" s="27"/>
      <c r="AC1360" s="27"/>
      <c r="AD1360" s="30"/>
      <c r="AE1360" s="1"/>
      <c r="AF1360" s="23" t="s">
        <v>5331</v>
      </c>
      <c r="AG1360" s="26"/>
      <c r="AH1360" s="53"/>
    </row>
    <row r="1361" spans="1:34" ht="51.6" customHeight="1" x14ac:dyDescent="0.45">
      <c r="A1361" s="23">
        <v>1355</v>
      </c>
      <c r="B1361" s="25"/>
      <c r="C1361" s="25"/>
      <c r="D1361" s="29"/>
      <c r="E1361" s="1"/>
      <c r="F1361" s="1"/>
      <c r="G1361" s="25"/>
      <c r="H1361" s="71"/>
      <c r="I1361" s="83"/>
      <c r="J1361" s="50" t="str">
        <f t="shared" si="44"/>
        <v/>
      </c>
      <c r="K1361" s="23" t="s">
        <v>7120</v>
      </c>
      <c r="L1361" s="49" t="e">
        <f>VLOOKUP(E1361&amp;F1361,団体コード!$A$1:$C$1743,3,FALSE)</f>
        <v>#N/A</v>
      </c>
      <c r="M1361" s="49" t="e">
        <f>VLOOKUP(E1361&amp;F1361,団体コード!$A$1:$C$1743,2,FALSE)</f>
        <v>#N/A</v>
      </c>
      <c r="N1361" s="51" t="e">
        <f>VLOOKUP(E1361,団体コード!$E$1:$F$48,2,FALSE)</f>
        <v>#N/A</v>
      </c>
      <c r="O1361" s="51" t="e">
        <f t="shared" si="45"/>
        <v>#N/A</v>
      </c>
      <c r="P1361" s="51">
        <v>1</v>
      </c>
      <c r="Q1361" s="51" t="s">
        <v>5341</v>
      </c>
      <c r="R1361" s="54" t="b">
        <v>1</v>
      </c>
      <c r="S1361" s="52" t="s">
        <v>7126</v>
      </c>
      <c r="T1361" s="67" t="s">
        <v>7127</v>
      </c>
      <c r="U1361" s="75" t="s">
        <v>5331</v>
      </c>
      <c r="V1361" s="47" t="s">
        <v>5331</v>
      </c>
      <c r="W1361" s="47" t="s">
        <v>5331</v>
      </c>
      <c r="X1361" s="47" t="s">
        <v>5331</v>
      </c>
      <c r="Y1361" s="47" t="s">
        <v>5331</v>
      </c>
      <c r="Z1361" s="28"/>
      <c r="AA1361" s="27"/>
      <c r="AB1361" s="27"/>
      <c r="AC1361" s="27"/>
      <c r="AD1361" s="30"/>
      <c r="AE1361" s="1"/>
      <c r="AF1361" s="23" t="s">
        <v>5331</v>
      </c>
      <c r="AG1361" s="26"/>
      <c r="AH1361" s="53"/>
    </row>
    <row r="1362" spans="1:34" ht="51.6" customHeight="1" x14ac:dyDescent="0.45">
      <c r="A1362" s="23">
        <v>1356</v>
      </c>
      <c r="B1362" s="25"/>
      <c r="C1362" s="25"/>
      <c r="D1362" s="29"/>
      <c r="E1362" s="1"/>
      <c r="F1362" s="1"/>
      <c r="G1362" s="25"/>
      <c r="H1362" s="71"/>
      <c r="I1362" s="83"/>
      <c r="J1362" s="50" t="str">
        <f t="shared" si="44"/>
        <v/>
      </c>
      <c r="K1362" s="23" t="s">
        <v>7120</v>
      </c>
      <c r="L1362" s="49" t="e">
        <f>VLOOKUP(E1362&amp;F1362,団体コード!$A$1:$C$1743,3,FALSE)</f>
        <v>#N/A</v>
      </c>
      <c r="M1362" s="49" t="e">
        <f>VLOOKUP(E1362&amp;F1362,団体コード!$A$1:$C$1743,2,FALSE)</f>
        <v>#N/A</v>
      </c>
      <c r="N1362" s="51" t="e">
        <f>VLOOKUP(E1362,団体コード!$E$1:$F$48,2,FALSE)</f>
        <v>#N/A</v>
      </c>
      <c r="O1362" s="51" t="e">
        <f t="shared" si="45"/>
        <v>#N/A</v>
      </c>
      <c r="P1362" s="51">
        <v>1</v>
      </c>
      <c r="Q1362" s="51" t="s">
        <v>5341</v>
      </c>
      <c r="R1362" s="54" t="b">
        <v>1</v>
      </c>
      <c r="S1362" s="52" t="s">
        <v>7126</v>
      </c>
      <c r="T1362" s="67" t="s">
        <v>7127</v>
      </c>
      <c r="U1362" s="75" t="s">
        <v>5331</v>
      </c>
      <c r="V1362" s="47" t="s">
        <v>5331</v>
      </c>
      <c r="W1362" s="47" t="s">
        <v>5331</v>
      </c>
      <c r="X1362" s="47" t="s">
        <v>5331</v>
      </c>
      <c r="Y1362" s="47" t="s">
        <v>5331</v>
      </c>
      <c r="Z1362" s="28"/>
      <c r="AA1362" s="27"/>
      <c r="AB1362" s="27"/>
      <c r="AC1362" s="27"/>
      <c r="AD1362" s="30"/>
      <c r="AE1362" s="1"/>
      <c r="AF1362" s="23" t="s">
        <v>5331</v>
      </c>
      <c r="AG1362" s="26"/>
      <c r="AH1362" s="53"/>
    </row>
    <row r="1363" spans="1:34" ht="51.6" customHeight="1" x14ac:dyDescent="0.45">
      <c r="A1363" s="23">
        <v>1357</v>
      </c>
      <c r="B1363" s="25"/>
      <c r="C1363" s="25"/>
      <c r="D1363" s="29"/>
      <c r="E1363" s="1"/>
      <c r="F1363" s="1"/>
      <c r="G1363" s="25"/>
      <c r="H1363" s="71"/>
      <c r="I1363" s="83"/>
      <c r="J1363" s="50" t="str">
        <f t="shared" si="44"/>
        <v/>
      </c>
      <c r="K1363" s="23" t="s">
        <v>7120</v>
      </c>
      <c r="L1363" s="49" t="e">
        <f>VLOOKUP(E1363&amp;F1363,団体コード!$A$1:$C$1743,3,FALSE)</f>
        <v>#N/A</v>
      </c>
      <c r="M1363" s="49" t="e">
        <f>VLOOKUP(E1363&amp;F1363,団体コード!$A$1:$C$1743,2,FALSE)</f>
        <v>#N/A</v>
      </c>
      <c r="N1363" s="51" t="e">
        <f>VLOOKUP(E1363,団体コード!$E$1:$F$48,2,FALSE)</f>
        <v>#N/A</v>
      </c>
      <c r="O1363" s="51" t="e">
        <f t="shared" si="45"/>
        <v>#N/A</v>
      </c>
      <c r="P1363" s="51">
        <v>1</v>
      </c>
      <c r="Q1363" s="51" t="s">
        <v>5341</v>
      </c>
      <c r="R1363" s="54" t="b">
        <v>1</v>
      </c>
      <c r="S1363" s="52" t="s">
        <v>7126</v>
      </c>
      <c r="T1363" s="67" t="s">
        <v>7127</v>
      </c>
      <c r="U1363" s="75" t="s">
        <v>5331</v>
      </c>
      <c r="V1363" s="47" t="s">
        <v>5331</v>
      </c>
      <c r="W1363" s="47" t="s">
        <v>5331</v>
      </c>
      <c r="X1363" s="47" t="s">
        <v>5331</v>
      </c>
      <c r="Y1363" s="47" t="s">
        <v>5331</v>
      </c>
      <c r="Z1363" s="28"/>
      <c r="AA1363" s="27"/>
      <c r="AB1363" s="27"/>
      <c r="AC1363" s="27"/>
      <c r="AD1363" s="30"/>
      <c r="AE1363" s="1"/>
      <c r="AF1363" s="23" t="s">
        <v>5331</v>
      </c>
      <c r="AG1363" s="26"/>
      <c r="AH1363" s="53"/>
    </row>
    <row r="1364" spans="1:34" ht="51.6" customHeight="1" x14ac:dyDescent="0.45">
      <c r="A1364" s="23">
        <v>1358</v>
      </c>
      <c r="B1364" s="25"/>
      <c r="C1364" s="25"/>
      <c r="D1364" s="29"/>
      <c r="E1364" s="1"/>
      <c r="F1364" s="1"/>
      <c r="G1364" s="25"/>
      <c r="H1364" s="71"/>
      <c r="I1364" s="83"/>
      <c r="J1364" s="50" t="str">
        <f t="shared" si="44"/>
        <v/>
      </c>
      <c r="K1364" s="23" t="s">
        <v>7120</v>
      </c>
      <c r="L1364" s="49" t="e">
        <f>VLOOKUP(E1364&amp;F1364,団体コード!$A$1:$C$1743,3,FALSE)</f>
        <v>#N/A</v>
      </c>
      <c r="M1364" s="49" t="e">
        <f>VLOOKUP(E1364&amp;F1364,団体コード!$A$1:$C$1743,2,FALSE)</f>
        <v>#N/A</v>
      </c>
      <c r="N1364" s="51" t="e">
        <f>VLOOKUP(E1364,団体コード!$E$1:$F$48,2,FALSE)</f>
        <v>#N/A</v>
      </c>
      <c r="O1364" s="51" t="e">
        <f t="shared" si="45"/>
        <v>#N/A</v>
      </c>
      <c r="P1364" s="51">
        <v>1</v>
      </c>
      <c r="Q1364" s="51" t="s">
        <v>5341</v>
      </c>
      <c r="R1364" s="54" t="b">
        <v>1</v>
      </c>
      <c r="S1364" s="52" t="s">
        <v>7126</v>
      </c>
      <c r="T1364" s="67" t="s">
        <v>7127</v>
      </c>
      <c r="U1364" s="75" t="s">
        <v>5331</v>
      </c>
      <c r="V1364" s="47" t="s">
        <v>5331</v>
      </c>
      <c r="W1364" s="47" t="s">
        <v>5331</v>
      </c>
      <c r="X1364" s="47" t="s">
        <v>5331</v>
      </c>
      <c r="Y1364" s="47" t="s">
        <v>5331</v>
      </c>
      <c r="Z1364" s="28"/>
      <c r="AA1364" s="27"/>
      <c r="AB1364" s="27"/>
      <c r="AC1364" s="27"/>
      <c r="AD1364" s="30"/>
      <c r="AE1364" s="1"/>
      <c r="AF1364" s="23" t="s">
        <v>5331</v>
      </c>
      <c r="AG1364" s="26"/>
      <c r="AH1364" s="53"/>
    </row>
    <row r="1365" spans="1:34" ht="51.6" customHeight="1" x14ac:dyDescent="0.45">
      <c r="A1365" s="23">
        <v>1359</v>
      </c>
      <c r="B1365" s="25"/>
      <c r="C1365" s="25"/>
      <c r="D1365" s="29"/>
      <c r="E1365" s="1"/>
      <c r="F1365" s="1"/>
      <c r="G1365" s="25"/>
      <c r="H1365" s="71"/>
      <c r="I1365" s="83"/>
      <c r="J1365" s="50" t="str">
        <f t="shared" si="44"/>
        <v/>
      </c>
      <c r="K1365" s="23" t="s">
        <v>7120</v>
      </c>
      <c r="L1365" s="49" t="e">
        <f>VLOOKUP(E1365&amp;F1365,団体コード!$A$1:$C$1743,3,FALSE)</f>
        <v>#N/A</v>
      </c>
      <c r="M1365" s="49" t="e">
        <f>VLOOKUP(E1365&amp;F1365,団体コード!$A$1:$C$1743,2,FALSE)</f>
        <v>#N/A</v>
      </c>
      <c r="N1365" s="51" t="e">
        <f>VLOOKUP(E1365,団体コード!$E$1:$F$48,2,FALSE)</f>
        <v>#N/A</v>
      </c>
      <c r="O1365" s="51" t="e">
        <f t="shared" si="45"/>
        <v>#N/A</v>
      </c>
      <c r="P1365" s="51">
        <v>1</v>
      </c>
      <c r="Q1365" s="51" t="s">
        <v>5341</v>
      </c>
      <c r="R1365" s="54" t="b">
        <v>1</v>
      </c>
      <c r="S1365" s="52" t="s">
        <v>7126</v>
      </c>
      <c r="T1365" s="67" t="s">
        <v>7127</v>
      </c>
      <c r="U1365" s="75" t="s">
        <v>5331</v>
      </c>
      <c r="V1365" s="47" t="s">
        <v>5331</v>
      </c>
      <c r="W1365" s="47" t="s">
        <v>5331</v>
      </c>
      <c r="X1365" s="47" t="s">
        <v>5331</v>
      </c>
      <c r="Y1365" s="47" t="s">
        <v>5331</v>
      </c>
      <c r="Z1365" s="28"/>
      <c r="AA1365" s="27"/>
      <c r="AB1365" s="27"/>
      <c r="AC1365" s="27"/>
      <c r="AD1365" s="30"/>
      <c r="AE1365" s="1"/>
      <c r="AF1365" s="23" t="s">
        <v>5331</v>
      </c>
      <c r="AG1365" s="26"/>
      <c r="AH1365" s="53"/>
    </row>
    <row r="1366" spans="1:34" ht="51.6" customHeight="1" x14ac:dyDescent="0.45">
      <c r="A1366" s="23">
        <v>1360</v>
      </c>
      <c r="B1366" s="25"/>
      <c r="C1366" s="25"/>
      <c r="D1366" s="29"/>
      <c r="E1366" s="1"/>
      <c r="F1366" s="1"/>
      <c r="G1366" s="25"/>
      <c r="H1366" s="71"/>
      <c r="I1366" s="83"/>
      <c r="J1366" s="50" t="str">
        <f t="shared" si="44"/>
        <v/>
      </c>
      <c r="K1366" s="23" t="s">
        <v>7120</v>
      </c>
      <c r="L1366" s="49" t="e">
        <f>VLOOKUP(E1366&amp;F1366,団体コード!$A$1:$C$1743,3,FALSE)</f>
        <v>#N/A</v>
      </c>
      <c r="M1366" s="49" t="e">
        <f>VLOOKUP(E1366&amp;F1366,団体コード!$A$1:$C$1743,2,FALSE)</f>
        <v>#N/A</v>
      </c>
      <c r="N1366" s="51" t="e">
        <f>VLOOKUP(E1366,団体コード!$E$1:$F$48,2,FALSE)</f>
        <v>#N/A</v>
      </c>
      <c r="O1366" s="51" t="e">
        <f t="shared" si="45"/>
        <v>#N/A</v>
      </c>
      <c r="P1366" s="51">
        <v>1</v>
      </c>
      <c r="Q1366" s="51" t="s">
        <v>5341</v>
      </c>
      <c r="R1366" s="54" t="b">
        <v>1</v>
      </c>
      <c r="S1366" s="52" t="s">
        <v>7126</v>
      </c>
      <c r="T1366" s="67" t="s">
        <v>7127</v>
      </c>
      <c r="U1366" s="75" t="s">
        <v>5331</v>
      </c>
      <c r="V1366" s="47" t="s">
        <v>5331</v>
      </c>
      <c r="W1366" s="47" t="s">
        <v>5331</v>
      </c>
      <c r="X1366" s="47" t="s">
        <v>5331</v>
      </c>
      <c r="Y1366" s="47" t="s">
        <v>5331</v>
      </c>
      <c r="Z1366" s="28"/>
      <c r="AA1366" s="27"/>
      <c r="AB1366" s="27"/>
      <c r="AC1366" s="27"/>
      <c r="AD1366" s="30"/>
      <c r="AE1366" s="1"/>
      <c r="AF1366" s="23" t="s">
        <v>5331</v>
      </c>
      <c r="AG1366" s="26"/>
      <c r="AH1366" s="53"/>
    </row>
    <row r="1367" spans="1:34" ht="51.6" customHeight="1" x14ac:dyDescent="0.45">
      <c r="A1367" s="23">
        <v>1361</v>
      </c>
      <c r="B1367" s="25"/>
      <c r="C1367" s="25"/>
      <c r="D1367" s="29"/>
      <c r="E1367" s="1"/>
      <c r="F1367" s="1"/>
      <c r="G1367" s="25"/>
      <c r="H1367" s="71"/>
      <c r="I1367" s="83"/>
      <c r="J1367" s="50" t="str">
        <f t="shared" si="44"/>
        <v/>
      </c>
      <c r="K1367" s="23" t="s">
        <v>7120</v>
      </c>
      <c r="L1367" s="49" t="e">
        <f>VLOOKUP(E1367&amp;F1367,団体コード!$A$1:$C$1743,3,FALSE)</f>
        <v>#N/A</v>
      </c>
      <c r="M1367" s="49" t="e">
        <f>VLOOKUP(E1367&amp;F1367,団体コード!$A$1:$C$1743,2,FALSE)</f>
        <v>#N/A</v>
      </c>
      <c r="N1367" s="51" t="e">
        <f>VLOOKUP(E1367,団体コード!$E$1:$F$48,2,FALSE)</f>
        <v>#N/A</v>
      </c>
      <c r="O1367" s="51" t="e">
        <f t="shared" si="45"/>
        <v>#N/A</v>
      </c>
      <c r="P1367" s="51">
        <v>1</v>
      </c>
      <c r="Q1367" s="51" t="s">
        <v>5341</v>
      </c>
      <c r="R1367" s="54" t="b">
        <v>1</v>
      </c>
      <c r="S1367" s="52" t="s">
        <v>7126</v>
      </c>
      <c r="T1367" s="67" t="s">
        <v>7127</v>
      </c>
      <c r="U1367" s="75" t="s">
        <v>5331</v>
      </c>
      <c r="V1367" s="47" t="s">
        <v>5331</v>
      </c>
      <c r="W1367" s="47" t="s">
        <v>5331</v>
      </c>
      <c r="X1367" s="47" t="s">
        <v>5331</v>
      </c>
      <c r="Y1367" s="47" t="s">
        <v>5331</v>
      </c>
      <c r="Z1367" s="28"/>
      <c r="AA1367" s="27"/>
      <c r="AB1367" s="27"/>
      <c r="AC1367" s="27"/>
      <c r="AD1367" s="30"/>
      <c r="AE1367" s="1"/>
      <c r="AF1367" s="23" t="s">
        <v>5331</v>
      </c>
      <c r="AG1367" s="26"/>
      <c r="AH1367" s="53"/>
    </row>
    <row r="1368" spans="1:34" ht="51.6" customHeight="1" x14ac:dyDescent="0.45">
      <c r="A1368" s="23">
        <v>1362</v>
      </c>
      <c r="B1368" s="25"/>
      <c r="C1368" s="25"/>
      <c r="D1368" s="29"/>
      <c r="E1368" s="1"/>
      <c r="F1368" s="1"/>
      <c r="G1368" s="25"/>
      <c r="H1368" s="71"/>
      <c r="I1368" s="83"/>
      <c r="J1368" s="50" t="str">
        <f t="shared" si="44"/>
        <v/>
      </c>
      <c r="K1368" s="23" t="s">
        <v>7120</v>
      </c>
      <c r="L1368" s="49" t="e">
        <f>VLOOKUP(E1368&amp;F1368,団体コード!$A$1:$C$1743,3,FALSE)</f>
        <v>#N/A</v>
      </c>
      <c r="M1368" s="49" t="e">
        <f>VLOOKUP(E1368&amp;F1368,団体コード!$A$1:$C$1743,2,FALSE)</f>
        <v>#N/A</v>
      </c>
      <c r="N1368" s="51" t="e">
        <f>VLOOKUP(E1368,団体コード!$E$1:$F$48,2,FALSE)</f>
        <v>#N/A</v>
      </c>
      <c r="O1368" s="51" t="e">
        <f t="shared" si="45"/>
        <v>#N/A</v>
      </c>
      <c r="P1368" s="51">
        <v>1</v>
      </c>
      <c r="Q1368" s="51" t="s">
        <v>5341</v>
      </c>
      <c r="R1368" s="54" t="b">
        <v>1</v>
      </c>
      <c r="S1368" s="52" t="s">
        <v>7126</v>
      </c>
      <c r="T1368" s="67" t="s">
        <v>7127</v>
      </c>
      <c r="U1368" s="75" t="s">
        <v>5331</v>
      </c>
      <c r="V1368" s="47" t="s">
        <v>5331</v>
      </c>
      <c r="W1368" s="47" t="s">
        <v>5331</v>
      </c>
      <c r="X1368" s="47" t="s">
        <v>5331</v>
      </c>
      <c r="Y1368" s="47" t="s">
        <v>5331</v>
      </c>
      <c r="Z1368" s="28"/>
      <c r="AA1368" s="27"/>
      <c r="AB1368" s="27"/>
      <c r="AC1368" s="27"/>
      <c r="AD1368" s="30"/>
      <c r="AE1368" s="1"/>
      <c r="AF1368" s="23" t="s">
        <v>5331</v>
      </c>
      <c r="AG1368" s="26"/>
      <c r="AH1368" s="53"/>
    </row>
    <row r="1369" spans="1:34" ht="51.6" customHeight="1" x14ac:dyDescent="0.45">
      <c r="A1369" s="23">
        <v>1363</v>
      </c>
      <c r="B1369" s="25"/>
      <c r="C1369" s="25"/>
      <c r="D1369" s="29"/>
      <c r="E1369" s="1"/>
      <c r="F1369" s="1"/>
      <c r="G1369" s="25"/>
      <c r="H1369" s="71"/>
      <c r="I1369" s="83"/>
      <c r="J1369" s="50" t="str">
        <f t="shared" si="44"/>
        <v/>
      </c>
      <c r="K1369" s="23" t="s">
        <v>7120</v>
      </c>
      <c r="L1369" s="49" t="e">
        <f>VLOOKUP(E1369&amp;F1369,団体コード!$A$1:$C$1743,3,FALSE)</f>
        <v>#N/A</v>
      </c>
      <c r="M1369" s="49" t="e">
        <f>VLOOKUP(E1369&amp;F1369,団体コード!$A$1:$C$1743,2,FALSE)</f>
        <v>#N/A</v>
      </c>
      <c r="N1369" s="51" t="e">
        <f>VLOOKUP(E1369,団体コード!$E$1:$F$48,2,FALSE)</f>
        <v>#N/A</v>
      </c>
      <c r="O1369" s="51" t="e">
        <f t="shared" si="45"/>
        <v>#N/A</v>
      </c>
      <c r="P1369" s="51">
        <v>1</v>
      </c>
      <c r="Q1369" s="51" t="s">
        <v>5341</v>
      </c>
      <c r="R1369" s="54" t="b">
        <v>1</v>
      </c>
      <c r="S1369" s="52" t="s">
        <v>7126</v>
      </c>
      <c r="T1369" s="67" t="s">
        <v>7127</v>
      </c>
      <c r="U1369" s="75" t="s">
        <v>5331</v>
      </c>
      <c r="V1369" s="47" t="s">
        <v>5331</v>
      </c>
      <c r="W1369" s="47" t="s">
        <v>5331</v>
      </c>
      <c r="X1369" s="47" t="s">
        <v>5331</v>
      </c>
      <c r="Y1369" s="47" t="s">
        <v>5331</v>
      </c>
      <c r="Z1369" s="28"/>
      <c r="AA1369" s="27"/>
      <c r="AB1369" s="27"/>
      <c r="AC1369" s="27"/>
      <c r="AD1369" s="30"/>
      <c r="AE1369" s="1"/>
      <c r="AF1369" s="23" t="s">
        <v>5331</v>
      </c>
      <c r="AG1369" s="26"/>
      <c r="AH1369" s="53"/>
    </row>
    <row r="1370" spans="1:34" ht="51.6" customHeight="1" x14ac:dyDescent="0.45">
      <c r="A1370" s="23">
        <v>1364</v>
      </c>
      <c r="B1370" s="25"/>
      <c r="C1370" s="25"/>
      <c r="D1370" s="29"/>
      <c r="E1370" s="1"/>
      <c r="F1370" s="1"/>
      <c r="G1370" s="25"/>
      <c r="H1370" s="71"/>
      <c r="I1370" s="83"/>
      <c r="J1370" s="50" t="str">
        <f t="shared" si="44"/>
        <v/>
      </c>
      <c r="K1370" s="23" t="s">
        <v>7120</v>
      </c>
      <c r="L1370" s="49" t="e">
        <f>VLOOKUP(E1370&amp;F1370,団体コード!$A$1:$C$1743,3,FALSE)</f>
        <v>#N/A</v>
      </c>
      <c r="M1370" s="49" t="e">
        <f>VLOOKUP(E1370&amp;F1370,団体コード!$A$1:$C$1743,2,FALSE)</f>
        <v>#N/A</v>
      </c>
      <c r="N1370" s="51" t="e">
        <f>VLOOKUP(E1370,団体コード!$E$1:$F$48,2,FALSE)</f>
        <v>#N/A</v>
      </c>
      <c r="O1370" s="51" t="e">
        <f t="shared" si="45"/>
        <v>#N/A</v>
      </c>
      <c r="P1370" s="51">
        <v>1</v>
      </c>
      <c r="Q1370" s="51" t="s">
        <v>5341</v>
      </c>
      <c r="R1370" s="54" t="b">
        <v>1</v>
      </c>
      <c r="S1370" s="52" t="s">
        <v>7126</v>
      </c>
      <c r="T1370" s="67" t="s">
        <v>7127</v>
      </c>
      <c r="U1370" s="75" t="s">
        <v>5331</v>
      </c>
      <c r="V1370" s="47" t="s">
        <v>5331</v>
      </c>
      <c r="W1370" s="47" t="s">
        <v>5331</v>
      </c>
      <c r="X1370" s="47" t="s">
        <v>5331</v>
      </c>
      <c r="Y1370" s="47" t="s">
        <v>5331</v>
      </c>
      <c r="Z1370" s="28"/>
      <c r="AA1370" s="27"/>
      <c r="AB1370" s="27"/>
      <c r="AC1370" s="27"/>
      <c r="AD1370" s="30"/>
      <c r="AE1370" s="1"/>
      <c r="AF1370" s="23" t="s">
        <v>5331</v>
      </c>
      <c r="AG1370" s="26"/>
      <c r="AH1370" s="53"/>
    </row>
    <row r="1371" spans="1:34" ht="51.6" customHeight="1" x14ac:dyDescent="0.45">
      <c r="A1371" s="23">
        <v>1365</v>
      </c>
      <c r="B1371" s="25"/>
      <c r="C1371" s="25"/>
      <c r="D1371" s="29"/>
      <c r="E1371" s="1"/>
      <c r="F1371" s="1"/>
      <c r="G1371" s="25"/>
      <c r="H1371" s="71"/>
      <c r="I1371" s="83"/>
      <c r="J1371" s="50" t="str">
        <f t="shared" si="44"/>
        <v/>
      </c>
      <c r="K1371" s="23" t="s">
        <v>7120</v>
      </c>
      <c r="L1371" s="49" t="e">
        <f>VLOOKUP(E1371&amp;F1371,団体コード!$A$1:$C$1743,3,FALSE)</f>
        <v>#N/A</v>
      </c>
      <c r="M1371" s="49" t="e">
        <f>VLOOKUP(E1371&amp;F1371,団体コード!$A$1:$C$1743,2,FALSE)</f>
        <v>#N/A</v>
      </c>
      <c r="N1371" s="51" t="e">
        <f>VLOOKUP(E1371,団体コード!$E$1:$F$48,2,FALSE)</f>
        <v>#N/A</v>
      </c>
      <c r="O1371" s="51" t="e">
        <f t="shared" si="45"/>
        <v>#N/A</v>
      </c>
      <c r="P1371" s="51">
        <v>1</v>
      </c>
      <c r="Q1371" s="51" t="s">
        <v>5341</v>
      </c>
      <c r="R1371" s="54" t="b">
        <v>1</v>
      </c>
      <c r="S1371" s="52" t="s">
        <v>7126</v>
      </c>
      <c r="T1371" s="67" t="s">
        <v>7127</v>
      </c>
      <c r="U1371" s="75" t="s">
        <v>5331</v>
      </c>
      <c r="V1371" s="47" t="s">
        <v>5331</v>
      </c>
      <c r="W1371" s="47" t="s">
        <v>5331</v>
      </c>
      <c r="X1371" s="47" t="s">
        <v>5331</v>
      </c>
      <c r="Y1371" s="47" t="s">
        <v>5331</v>
      </c>
      <c r="Z1371" s="28"/>
      <c r="AA1371" s="27"/>
      <c r="AB1371" s="27"/>
      <c r="AC1371" s="27"/>
      <c r="AD1371" s="30"/>
      <c r="AE1371" s="1"/>
      <c r="AF1371" s="23" t="s">
        <v>5331</v>
      </c>
      <c r="AG1371" s="26"/>
      <c r="AH1371" s="53"/>
    </row>
    <row r="1372" spans="1:34" ht="51.6" customHeight="1" x14ac:dyDescent="0.45">
      <c r="A1372" s="23">
        <v>1366</v>
      </c>
      <c r="B1372" s="25"/>
      <c r="C1372" s="25"/>
      <c r="D1372" s="29"/>
      <c r="E1372" s="1"/>
      <c r="F1372" s="1"/>
      <c r="G1372" s="25"/>
      <c r="H1372" s="71"/>
      <c r="I1372" s="83"/>
      <c r="J1372" s="50" t="str">
        <f t="shared" si="44"/>
        <v/>
      </c>
      <c r="K1372" s="23" t="s">
        <v>7120</v>
      </c>
      <c r="L1372" s="49" t="e">
        <f>VLOOKUP(E1372&amp;F1372,団体コード!$A$1:$C$1743,3,FALSE)</f>
        <v>#N/A</v>
      </c>
      <c r="M1372" s="49" t="e">
        <f>VLOOKUP(E1372&amp;F1372,団体コード!$A$1:$C$1743,2,FALSE)</f>
        <v>#N/A</v>
      </c>
      <c r="N1372" s="51" t="e">
        <f>VLOOKUP(E1372,団体コード!$E$1:$F$48,2,FALSE)</f>
        <v>#N/A</v>
      </c>
      <c r="O1372" s="51" t="e">
        <f t="shared" si="45"/>
        <v>#N/A</v>
      </c>
      <c r="P1372" s="51">
        <v>1</v>
      </c>
      <c r="Q1372" s="51" t="s">
        <v>5341</v>
      </c>
      <c r="R1372" s="54" t="b">
        <v>1</v>
      </c>
      <c r="S1372" s="52" t="s">
        <v>7126</v>
      </c>
      <c r="T1372" s="67" t="s">
        <v>7127</v>
      </c>
      <c r="U1372" s="75" t="s">
        <v>5331</v>
      </c>
      <c r="V1372" s="47" t="s">
        <v>5331</v>
      </c>
      <c r="W1372" s="47" t="s">
        <v>5331</v>
      </c>
      <c r="X1372" s="47" t="s">
        <v>5331</v>
      </c>
      <c r="Y1372" s="47" t="s">
        <v>5331</v>
      </c>
      <c r="Z1372" s="28"/>
      <c r="AA1372" s="27"/>
      <c r="AB1372" s="27"/>
      <c r="AC1372" s="27"/>
      <c r="AD1372" s="30"/>
      <c r="AE1372" s="1"/>
      <c r="AF1372" s="23" t="s">
        <v>5331</v>
      </c>
      <c r="AG1372" s="26"/>
      <c r="AH1372" s="53"/>
    </row>
    <row r="1373" spans="1:34" ht="51.6" customHeight="1" x14ac:dyDescent="0.45">
      <c r="A1373" s="23">
        <v>1367</v>
      </c>
      <c r="B1373" s="25"/>
      <c r="C1373" s="25"/>
      <c r="D1373" s="29"/>
      <c r="E1373" s="1"/>
      <c r="F1373" s="1"/>
      <c r="G1373" s="25"/>
      <c r="H1373" s="71"/>
      <c r="I1373" s="83"/>
      <c r="J1373" s="50" t="str">
        <f t="shared" si="44"/>
        <v/>
      </c>
      <c r="K1373" s="23" t="s">
        <v>7120</v>
      </c>
      <c r="L1373" s="49" t="e">
        <f>VLOOKUP(E1373&amp;F1373,団体コード!$A$1:$C$1743,3,FALSE)</f>
        <v>#N/A</v>
      </c>
      <c r="M1373" s="49" t="e">
        <f>VLOOKUP(E1373&amp;F1373,団体コード!$A$1:$C$1743,2,FALSE)</f>
        <v>#N/A</v>
      </c>
      <c r="N1373" s="51" t="e">
        <f>VLOOKUP(E1373,団体コード!$E$1:$F$48,2,FALSE)</f>
        <v>#N/A</v>
      </c>
      <c r="O1373" s="51" t="e">
        <f t="shared" si="45"/>
        <v>#N/A</v>
      </c>
      <c r="P1373" s="51">
        <v>1</v>
      </c>
      <c r="Q1373" s="51" t="s">
        <v>5341</v>
      </c>
      <c r="R1373" s="54" t="b">
        <v>1</v>
      </c>
      <c r="S1373" s="52" t="s">
        <v>7126</v>
      </c>
      <c r="T1373" s="67" t="s">
        <v>7127</v>
      </c>
      <c r="U1373" s="75" t="s">
        <v>5331</v>
      </c>
      <c r="V1373" s="47" t="s">
        <v>5331</v>
      </c>
      <c r="W1373" s="47" t="s">
        <v>5331</v>
      </c>
      <c r="X1373" s="47" t="s">
        <v>5331</v>
      </c>
      <c r="Y1373" s="47" t="s">
        <v>5331</v>
      </c>
      <c r="Z1373" s="28"/>
      <c r="AA1373" s="27"/>
      <c r="AB1373" s="27"/>
      <c r="AC1373" s="27"/>
      <c r="AD1373" s="30"/>
      <c r="AE1373" s="1"/>
      <c r="AF1373" s="23" t="s">
        <v>5331</v>
      </c>
      <c r="AG1373" s="26"/>
      <c r="AH1373" s="53"/>
    </row>
    <row r="1374" spans="1:34" ht="51.6" customHeight="1" x14ac:dyDescent="0.45">
      <c r="A1374" s="23">
        <v>1368</v>
      </c>
      <c r="B1374" s="25"/>
      <c r="C1374" s="25"/>
      <c r="D1374" s="29"/>
      <c r="E1374" s="1"/>
      <c r="F1374" s="1"/>
      <c r="G1374" s="25"/>
      <c r="H1374" s="71"/>
      <c r="I1374" s="83"/>
      <c r="J1374" s="50" t="str">
        <f t="shared" si="44"/>
        <v/>
      </c>
      <c r="K1374" s="23" t="s">
        <v>7120</v>
      </c>
      <c r="L1374" s="49" t="e">
        <f>VLOOKUP(E1374&amp;F1374,団体コード!$A$1:$C$1743,3,FALSE)</f>
        <v>#N/A</v>
      </c>
      <c r="M1374" s="49" t="e">
        <f>VLOOKUP(E1374&amp;F1374,団体コード!$A$1:$C$1743,2,FALSE)</f>
        <v>#N/A</v>
      </c>
      <c r="N1374" s="51" t="e">
        <f>VLOOKUP(E1374,団体コード!$E$1:$F$48,2,FALSE)</f>
        <v>#N/A</v>
      </c>
      <c r="O1374" s="51" t="e">
        <f t="shared" si="45"/>
        <v>#N/A</v>
      </c>
      <c r="P1374" s="51">
        <v>1</v>
      </c>
      <c r="Q1374" s="51" t="s">
        <v>5341</v>
      </c>
      <c r="R1374" s="54" t="b">
        <v>1</v>
      </c>
      <c r="S1374" s="52" t="s">
        <v>7126</v>
      </c>
      <c r="T1374" s="67" t="s">
        <v>7127</v>
      </c>
      <c r="U1374" s="75" t="s">
        <v>5331</v>
      </c>
      <c r="V1374" s="47" t="s">
        <v>5331</v>
      </c>
      <c r="W1374" s="47" t="s">
        <v>5331</v>
      </c>
      <c r="X1374" s="47" t="s">
        <v>5331</v>
      </c>
      <c r="Y1374" s="47" t="s">
        <v>5331</v>
      </c>
      <c r="Z1374" s="28"/>
      <c r="AA1374" s="27"/>
      <c r="AB1374" s="27"/>
      <c r="AC1374" s="27"/>
      <c r="AD1374" s="30"/>
      <c r="AE1374" s="1"/>
      <c r="AF1374" s="23" t="s">
        <v>5331</v>
      </c>
      <c r="AG1374" s="26"/>
      <c r="AH1374" s="53"/>
    </row>
    <row r="1375" spans="1:34" ht="51.6" customHeight="1" x14ac:dyDescent="0.45">
      <c r="A1375" s="23">
        <v>1369</v>
      </c>
      <c r="B1375" s="25"/>
      <c r="C1375" s="25"/>
      <c r="D1375" s="29"/>
      <c r="E1375" s="1"/>
      <c r="F1375" s="1"/>
      <c r="G1375" s="25"/>
      <c r="H1375" s="71"/>
      <c r="I1375" s="83"/>
      <c r="J1375" s="50" t="str">
        <f t="shared" si="44"/>
        <v/>
      </c>
      <c r="K1375" s="23" t="s">
        <v>7120</v>
      </c>
      <c r="L1375" s="49" t="e">
        <f>VLOOKUP(E1375&amp;F1375,団体コード!$A$1:$C$1743,3,FALSE)</f>
        <v>#N/A</v>
      </c>
      <c r="M1375" s="49" t="e">
        <f>VLOOKUP(E1375&amp;F1375,団体コード!$A$1:$C$1743,2,FALSE)</f>
        <v>#N/A</v>
      </c>
      <c r="N1375" s="51" t="e">
        <f>VLOOKUP(E1375,団体コード!$E$1:$F$48,2,FALSE)</f>
        <v>#N/A</v>
      </c>
      <c r="O1375" s="51" t="e">
        <f t="shared" si="45"/>
        <v>#N/A</v>
      </c>
      <c r="P1375" s="51">
        <v>1</v>
      </c>
      <c r="Q1375" s="51" t="s">
        <v>5341</v>
      </c>
      <c r="R1375" s="54" t="b">
        <v>1</v>
      </c>
      <c r="S1375" s="52" t="s">
        <v>7126</v>
      </c>
      <c r="T1375" s="67" t="s">
        <v>7127</v>
      </c>
      <c r="U1375" s="75" t="s">
        <v>5331</v>
      </c>
      <c r="V1375" s="47" t="s">
        <v>5331</v>
      </c>
      <c r="W1375" s="47" t="s">
        <v>5331</v>
      </c>
      <c r="X1375" s="47" t="s">
        <v>5331</v>
      </c>
      <c r="Y1375" s="47" t="s">
        <v>5331</v>
      </c>
      <c r="Z1375" s="28"/>
      <c r="AA1375" s="27"/>
      <c r="AB1375" s="27"/>
      <c r="AC1375" s="27"/>
      <c r="AD1375" s="30"/>
      <c r="AE1375" s="1"/>
      <c r="AF1375" s="23" t="s">
        <v>5331</v>
      </c>
      <c r="AG1375" s="26"/>
      <c r="AH1375" s="53"/>
    </row>
    <row r="1376" spans="1:34" ht="51.6" customHeight="1" x14ac:dyDescent="0.45">
      <c r="A1376" s="23">
        <v>1370</v>
      </c>
      <c r="B1376" s="25"/>
      <c r="C1376" s="25"/>
      <c r="D1376" s="29"/>
      <c r="E1376" s="1"/>
      <c r="F1376" s="1"/>
      <c r="G1376" s="25"/>
      <c r="H1376" s="71"/>
      <c r="I1376" s="83"/>
      <c r="J1376" s="50" t="str">
        <f t="shared" si="44"/>
        <v/>
      </c>
      <c r="K1376" s="23" t="s">
        <v>7120</v>
      </c>
      <c r="L1376" s="49" t="e">
        <f>VLOOKUP(E1376&amp;F1376,団体コード!$A$1:$C$1743,3,FALSE)</f>
        <v>#N/A</v>
      </c>
      <c r="M1376" s="49" t="e">
        <f>VLOOKUP(E1376&amp;F1376,団体コード!$A$1:$C$1743,2,FALSE)</f>
        <v>#N/A</v>
      </c>
      <c r="N1376" s="51" t="e">
        <f>VLOOKUP(E1376,団体コード!$E$1:$F$48,2,FALSE)</f>
        <v>#N/A</v>
      </c>
      <c r="O1376" s="51" t="e">
        <f t="shared" si="45"/>
        <v>#N/A</v>
      </c>
      <c r="P1376" s="51">
        <v>1</v>
      </c>
      <c r="Q1376" s="51" t="s">
        <v>5341</v>
      </c>
      <c r="R1376" s="54" t="b">
        <v>1</v>
      </c>
      <c r="S1376" s="52" t="s">
        <v>7126</v>
      </c>
      <c r="T1376" s="67" t="s">
        <v>7127</v>
      </c>
      <c r="U1376" s="75" t="s">
        <v>5331</v>
      </c>
      <c r="V1376" s="47" t="s">
        <v>5331</v>
      </c>
      <c r="W1376" s="47" t="s">
        <v>5331</v>
      </c>
      <c r="X1376" s="47" t="s">
        <v>5331</v>
      </c>
      <c r="Y1376" s="47" t="s">
        <v>5331</v>
      </c>
      <c r="Z1376" s="28"/>
      <c r="AA1376" s="27"/>
      <c r="AB1376" s="27"/>
      <c r="AC1376" s="27"/>
      <c r="AD1376" s="30"/>
      <c r="AE1376" s="1"/>
      <c r="AF1376" s="23" t="s">
        <v>5331</v>
      </c>
      <c r="AG1376" s="26"/>
      <c r="AH1376" s="53"/>
    </row>
    <row r="1377" spans="1:34" ht="51.6" customHeight="1" x14ac:dyDescent="0.45">
      <c r="A1377" s="23">
        <v>1371</v>
      </c>
      <c r="B1377" s="25"/>
      <c r="C1377" s="25"/>
      <c r="D1377" s="29"/>
      <c r="E1377" s="1"/>
      <c r="F1377" s="1"/>
      <c r="G1377" s="25"/>
      <c r="H1377" s="71"/>
      <c r="I1377" s="83"/>
      <c r="J1377" s="50" t="str">
        <f t="shared" si="44"/>
        <v/>
      </c>
      <c r="K1377" s="23" t="s">
        <v>7120</v>
      </c>
      <c r="L1377" s="49" t="e">
        <f>VLOOKUP(E1377&amp;F1377,団体コード!$A$1:$C$1743,3,FALSE)</f>
        <v>#N/A</v>
      </c>
      <c r="M1377" s="49" t="e">
        <f>VLOOKUP(E1377&amp;F1377,団体コード!$A$1:$C$1743,2,FALSE)</f>
        <v>#N/A</v>
      </c>
      <c r="N1377" s="51" t="e">
        <f>VLOOKUP(E1377,団体コード!$E$1:$F$48,2,FALSE)</f>
        <v>#N/A</v>
      </c>
      <c r="O1377" s="51" t="e">
        <f t="shared" si="45"/>
        <v>#N/A</v>
      </c>
      <c r="P1377" s="51">
        <v>1</v>
      </c>
      <c r="Q1377" s="51" t="s">
        <v>5341</v>
      </c>
      <c r="R1377" s="54" t="b">
        <v>1</v>
      </c>
      <c r="S1377" s="52" t="s">
        <v>7126</v>
      </c>
      <c r="T1377" s="67" t="s">
        <v>7127</v>
      </c>
      <c r="U1377" s="75" t="s">
        <v>5331</v>
      </c>
      <c r="V1377" s="47" t="s">
        <v>5331</v>
      </c>
      <c r="W1377" s="47" t="s">
        <v>5331</v>
      </c>
      <c r="X1377" s="47" t="s">
        <v>5331</v>
      </c>
      <c r="Y1377" s="47" t="s">
        <v>5331</v>
      </c>
      <c r="Z1377" s="28"/>
      <c r="AA1377" s="27"/>
      <c r="AB1377" s="27"/>
      <c r="AC1377" s="27"/>
      <c r="AD1377" s="30"/>
      <c r="AE1377" s="1"/>
      <c r="AF1377" s="23" t="s">
        <v>5331</v>
      </c>
      <c r="AG1377" s="26"/>
      <c r="AH1377" s="53"/>
    </row>
    <row r="1378" spans="1:34" ht="51.6" customHeight="1" x14ac:dyDescent="0.45">
      <c r="A1378" s="23">
        <v>1372</v>
      </c>
      <c r="B1378" s="25"/>
      <c r="C1378" s="25"/>
      <c r="D1378" s="29"/>
      <c r="E1378" s="1"/>
      <c r="F1378" s="1"/>
      <c r="G1378" s="25"/>
      <c r="H1378" s="71"/>
      <c r="I1378" s="83"/>
      <c r="J1378" s="50" t="str">
        <f t="shared" si="44"/>
        <v/>
      </c>
      <c r="K1378" s="23" t="s">
        <v>7120</v>
      </c>
      <c r="L1378" s="49" t="e">
        <f>VLOOKUP(E1378&amp;F1378,団体コード!$A$1:$C$1743,3,FALSE)</f>
        <v>#N/A</v>
      </c>
      <c r="M1378" s="49" t="e">
        <f>VLOOKUP(E1378&amp;F1378,団体コード!$A$1:$C$1743,2,FALSE)</f>
        <v>#N/A</v>
      </c>
      <c r="N1378" s="51" t="e">
        <f>VLOOKUP(E1378,団体コード!$E$1:$F$48,2,FALSE)</f>
        <v>#N/A</v>
      </c>
      <c r="O1378" s="51" t="e">
        <f t="shared" si="45"/>
        <v>#N/A</v>
      </c>
      <c r="P1378" s="51">
        <v>1</v>
      </c>
      <c r="Q1378" s="51" t="s">
        <v>5341</v>
      </c>
      <c r="R1378" s="54" t="b">
        <v>1</v>
      </c>
      <c r="S1378" s="52" t="s">
        <v>7126</v>
      </c>
      <c r="T1378" s="67" t="s">
        <v>7127</v>
      </c>
      <c r="U1378" s="75" t="s">
        <v>5331</v>
      </c>
      <c r="V1378" s="47" t="s">
        <v>5331</v>
      </c>
      <c r="W1378" s="47" t="s">
        <v>5331</v>
      </c>
      <c r="X1378" s="47" t="s">
        <v>5331</v>
      </c>
      <c r="Y1378" s="47" t="s">
        <v>5331</v>
      </c>
      <c r="Z1378" s="28"/>
      <c r="AA1378" s="27"/>
      <c r="AB1378" s="27"/>
      <c r="AC1378" s="27"/>
      <c r="AD1378" s="30"/>
      <c r="AE1378" s="1"/>
      <c r="AF1378" s="23" t="s">
        <v>5331</v>
      </c>
      <c r="AG1378" s="26"/>
      <c r="AH1378" s="53"/>
    </row>
    <row r="1379" spans="1:34" ht="51.6" customHeight="1" x14ac:dyDescent="0.45">
      <c r="A1379" s="23">
        <v>1373</v>
      </c>
      <c r="B1379" s="25"/>
      <c r="C1379" s="25"/>
      <c r="D1379" s="29"/>
      <c r="E1379" s="1"/>
      <c r="F1379" s="1"/>
      <c r="G1379" s="25"/>
      <c r="H1379" s="71"/>
      <c r="I1379" s="83"/>
      <c r="J1379" s="50" t="str">
        <f t="shared" si="44"/>
        <v/>
      </c>
      <c r="K1379" s="23" t="s">
        <v>7120</v>
      </c>
      <c r="L1379" s="49" t="e">
        <f>VLOOKUP(E1379&amp;F1379,団体コード!$A$1:$C$1743,3,FALSE)</f>
        <v>#N/A</v>
      </c>
      <c r="M1379" s="49" t="e">
        <f>VLOOKUP(E1379&amp;F1379,団体コード!$A$1:$C$1743,2,FALSE)</f>
        <v>#N/A</v>
      </c>
      <c r="N1379" s="51" t="e">
        <f>VLOOKUP(E1379,団体コード!$E$1:$F$48,2,FALSE)</f>
        <v>#N/A</v>
      </c>
      <c r="O1379" s="51" t="e">
        <f t="shared" si="45"/>
        <v>#N/A</v>
      </c>
      <c r="P1379" s="51">
        <v>1</v>
      </c>
      <c r="Q1379" s="51" t="s">
        <v>5341</v>
      </c>
      <c r="R1379" s="54" t="b">
        <v>1</v>
      </c>
      <c r="S1379" s="52" t="s">
        <v>7126</v>
      </c>
      <c r="T1379" s="67" t="s">
        <v>7127</v>
      </c>
      <c r="U1379" s="75" t="s">
        <v>5331</v>
      </c>
      <c r="V1379" s="47" t="s">
        <v>5331</v>
      </c>
      <c r="W1379" s="47" t="s">
        <v>5331</v>
      </c>
      <c r="X1379" s="47" t="s">
        <v>5331</v>
      </c>
      <c r="Y1379" s="47" t="s">
        <v>5331</v>
      </c>
      <c r="Z1379" s="28"/>
      <c r="AA1379" s="27"/>
      <c r="AB1379" s="27"/>
      <c r="AC1379" s="27"/>
      <c r="AD1379" s="30"/>
      <c r="AE1379" s="1"/>
      <c r="AF1379" s="23" t="s">
        <v>5331</v>
      </c>
      <c r="AG1379" s="26"/>
      <c r="AH1379" s="53"/>
    </row>
    <row r="1380" spans="1:34" ht="51.6" customHeight="1" x14ac:dyDescent="0.45">
      <c r="A1380" s="23">
        <v>1374</v>
      </c>
      <c r="B1380" s="25"/>
      <c r="C1380" s="25"/>
      <c r="D1380" s="29"/>
      <c r="E1380" s="1"/>
      <c r="F1380" s="1"/>
      <c r="G1380" s="25"/>
      <c r="H1380" s="71"/>
      <c r="I1380" s="83"/>
      <c r="J1380" s="50" t="str">
        <f t="shared" si="44"/>
        <v/>
      </c>
      <c r="K1380" s="23" t="s">
        <v>7120</v>
      </c>
      <c r="L1380" s="49" t="e">
        <f>VLOOKUP(E1380&amp;F1380,団体コード!$A$1:$C$1743,3,FALSE)</f>
        <v>#N/A</v>
      </c>
      <c r="M1380" s="49" t="e">
        <f>VLOOKUP(E1380&amp;F1380,団体コード!$A$1:$C$1743,2,FALSE)</f>
        <v>#N/A</v>
      </c>
      <c r="N1380" s="51" t="e">
        <f>VLOOKUP(E1380,団体コード!$E$1:$F$48,2,FALSE)</f>
        <v>#N/A</v>
      </c>
      <c r="O1380" s="51" t="e">
        <f t="shared" si="45"/>
        <v>#N/A</v>
      </c>
      <c r="P1380" s="51">
        <v>1</v>
      </c>
      <c r="Q1380" s="51" t="s">
        <v>5341</v>
      </c>
      <c r="R1380" s="54" t="b">
        <v>1</v>
      </c>
      <c r="S1380" s="52" t="s">
        <v>7126</v>
      </c>
      <c r="T1380" s="67" t="s">
        <v>7127</v>
      </c>
      <c r="U1380" s="75" t="s">
        <v>5331</v>
      </c>
      <c r="V1380" s="47" t="s">
        <v>5331</v>
      </c>
      <c r="W1380" s="47" t="s">
        <v>5331</v>
      </c>
      <c r="X1380" s="47" t="s">
        <v>5331</v>
      </c>
      <c r="Y1380" s="47" t="s">
        <v>5331</v>
      </c>
      <c r="Z1380" s="28"/>
      <c r="AA1380" s="27"/>
      <c r="AB1380" s="27"/>
      <c r="AC1380" s="27"/>
      <c r="AD1380" s="30"/>
      <c r="AE1380" s="1"/>
      <c r="AF1380" s="23" t="s">
        <v>5331</v>
      </c>
      <c r="AG1380" s="26"/>
      <c r="AH1380" s="53"/>
    </row>
    <row r="1381" spans="1:34" ht="51.6" customHeight="1" x14ac:dyDescent="0.45">
      <c r="A1381" s="23">
        <v>1375</v>
      </c>
      <c r="B1381" s="25"/>
      <c r="C1381" s="25"/>
      <c r="D1381" s="29"/>
      <c r="E1381" s="1"/>
      <c r="F1381" s="1"/>
      <c r="G1381" s="25"/>
      <c r="H1381" s="71"/>
      <c r="I1381" s="83"/>
      <c r="J1381" s="50" t="str">
        <f t="shared" si="44"/>
        <v/>
      </c>
      <c r="K1381" s="23" t="s">
        <v>7120</v>
      </c>
      <c r="L1381" s="49" t="e">
        <f>VLOOKUP(E1381&amp;F1381,団体コード!$A$1:$C$1743,3,FALSE)</f>
        <v>#N/A</v>
      </c>
      <c r="M1381" s="49" t="e">
        <f>VLOOKUP(E1381&amp;F1381,団体コード!$A$1:$C$1743,2,FALSE)</f>
        <v>#N/A</v>
      </c>
      <c r="N1381" s="51" t="e">
        <f>VLOOKUP(E1381,団体コード!$E$1:$F$48,2,FALSE)</f>
        <v>#N/A</v>
      </c>
      <c r="O1381" s="51" t="e">
        <f t="shared" si="45"/>
        <v>#N/A</v>
      </c>
      <c r="P1381" s="51">
        <v>1</v>
      </c>
      <c r="Q1381" s="51" t="s">
        <v>5341</v>
      </c>
      <c r="R1381" s="54" t="b">
        <v>1</v>
      </c>
      <c r="S1381" s="52" t="s">
        <v>7126</v>
      </c>
      <c r="T1381" s="67" t="s">
        <v>7127</v>
      </c>
      <c r="U1381" s="75" t="s">
        <v>5331</v>
      </c>
      <c r="V1381" s="47" t="s">
        <v>5331</v>
      </c>
      <c r="W1381" s="47" t="s">
        <v>5331</v>
      </c>
      <c r="X1381" s="47" t="s">
        <v>5331</v>
      </c>
      <c r="Y1381" s="47" t="s">
        <v>5331</v>
      </c>
      <c r="Z1381" s="28"/>
      <c r="AA1381" s="27"/>
      <c r="AB1381" s="27"/>
      <c r="AC1381" s="27"/>
      <c r="AD1381" s="30"/>
      <c r="AE1381" s="1"/>
      <c r="AF1381" s="23" t="s">
        <v>5331</v>
      </c>
      <c r="AG1381" s="26"/>
      <c r="AH1381" s="53"/>
    </row>
    <row r="1382" spans="1:34" ht="51.6" customHeight="1" x14ac:dyDescent="0.45">
      <c r="A1382" s="23">
        <v>1376</v>
      </c>
      <c r="B1382" s="25"/>
      <c r="C1382" s="25"/>
      <c r="D1382" s="29"/>
      <c r="E1382" s="1"/>
      <c r="F1382" s="1"/>
      <c r="G1382" s="25"/>
      <c r="H1382" s="71"/>
      <c r="I1382" s="83"/>
      <c r="J1382" s="50" t="str">
        <f t="shared" si="44"/>
        <v/>
      </c>
      <c r="K1382" s="23" t="s">
        <v>7120</v>
      </c>
      <c r="L1382" s="49" t="e">
        <f>VLOOKUP(E1382&amp;F1382,団体コード!$A$1:$C$1743,3,FALSE)</f>
        <v>#N/A</v>
      </c>
      <c r="M1382" s="49" t="e">
        <f>VLOOKUP(E1382&amp;F1382,団体コード!$A$1:$C$1743,2,FALSE)</f>
        <v>#N/A</v>
      </c>
      <c r="N1382" s="51" t="e">
        <f>VLOOKUP(E1382,団体コード!$E$1:$F$48,2,FALSE)</f>
        <v>#N/A</v>
      </c>
      <c r="O1382" s="51" t="e">
        <f t="shared" si="45"/>
        <v>#N/A</v>
      </c>
      <c r="P1382" s="51">
        <v>1</v>
      </c>
      <c r="Q1382" s="51" t="s">
        <v>5341</v>
      </c>
      <c r="R1382" s="54" t="b">
        <v>1</v>
      </c>
      <c r="S1382" s="52" t="s">
        <v>7126</v>
      </c>
      <c r="T1382" s="67" t="s">
        <v>7127</v>
      </c>
      <c r="U1382" s="75" t="s">
        <v>5331</v>
      </c>
      <c r="V1382" s="47" t="s">
        <v>5331</v>
      </c>
      <c r="W1382" s="47" t="s">
        <v>5331</v>
      </c>
      <c r="X1382" s="47" t="s">
        <v>5331</v>
      </c>
      <c r="Y1382" s="47" t="s">
        <v>5331</v>
      </c>
      <c r="Z1382" s="28"/>
      <c r="AA1382" s="27"/>
      <c r="AB1382" s="27"/>
      <c r="AC1382" s="27"/>
      <c r="AD1382" s="30"/>
      <c r="AE1382" s="1"/>
      <c r="AF1382" s="23" t="s">
        <v>5331</v>
      </c>
      <c r="AG1382" s="26"/>
      <c r="AH1382" s="53"/>
    </row>
    <row r="1383" spans="1:34" ht="51.6" customHeight="1" x14ac:dyDescent="0.45">
      <c r="A1383" s="23">
        <v>1377</v>
      </c>
      <c r="B1383" s="25"/>
      <c r="C1383" s="25"/>
      <c r="D1383" s="29"/>
      <c r="E1383" s="1"/>
      <c r="F1383" s="1"/>
      <c r="G1383" s="25"/>
      <c r="H1383" s="71"/>
      <c r="I1383" s="83"/>
      <c r="J1383" s="50" t="str">
        <f t="shared" si="44"/>
        <v/>
      </c>
      <c r="K1383" s="23" t="s">
        <v>7120</v>
      </c>
      <c r="L1383" s="49" t="e">
        <f>VLOOKUP(E1383&amp;F1383,団体コード!$A$1:$C$1743,3,FALSE)</f>
        <v>#N/A</v>
      </c>
      <c r="M1383" s="49" t="e">
        <f>VLOOKUP(E1383&amp;F1383,団体コード!$A$1:$C$1743,2,FALSE)</f>
        <v>#N/A</v>
      </c>
      <c r="N1383" s="51" t="e">
        <f>VLOOKUP(E1383,団体コード!$E$1:$F$48,2,FALSE)</f>
        <v>#N/A</v>
      </c>
      <c r="O1383" s="51" t="e">
        <f t="shared" si="45"/>
        <v>#N/A</v>
      </c>
      <c r="P1383" s="51">
        <v>1</v>
      </c>
      <c r="Q1383" s="51" t="s">
        <v>5341</v>
      </c>
      <c r="R1383" s="54" t="b">
        <v>1</v>
      </c>
      <c r="S1383" s="52" t="s">
        <v>7126</v>
      </c>
      <c r="T1383" s="67" t="s">
        <v>7127</v>
      </c>
      <c r="U1383" s="75" t="s">
        <v>5331</v>
      </c>
      <c r="V1383" s="47" t="s">
        <v>5331</v>
      </c>
      <c r="W1383" s="47" t="s">
        <v>5331</v>
      </c>
      <c r="X1383" s="47" t="s">
        <v>5331</v>
      </c>
      <c r="Y1383" s="47" t="s">
        <v>5331</v>
      </c>
      <c r="Z1383" s="28"/>
      <c r="AA1383" s="27"/>
      <c r="AB1383" s="27"/>
      <c r="AC1383" s="27"/>
      <c r="AD1383" s="30"/>
      <c r="AE1383" s="1"/>
      <c r="AF1383" s="23" t="s">
        <v>5331</v>
      </c>
      <c r="AG1383" s="26"/>
      <c r="AH1383" s="53"/>
    </row>
    <row r="1384" spans="1:34" ht="51.6" customHeight="1" x14ac:dyDescent="0.45">
      <c r="A1384" s="23">
        <v>1378</v>
      </c>
      <c r="B1384" s="25"/>
      <c r="C1384" s="25"/>
      <c r="D1384" s="29"/>
      <c r="E1384" s="1"/>
      <c r="F1384" s="1"/>
      <c r="G1384" s="25"/>
      <c r="H1384" s="71"/>
      <c r="I1384" s="83"/>
      <c r="J1384" s="50" t="str">
        <f t="shared" si="44"/>
        <v/>
      </c>
      <c r="K1384" s="23" t="s">
        <v>7120</v>
      </c>
      <c r="L1384" s="49" t="e">
        <f>VLOOKUP(E1384&amp;F1384,団体コード!$A$1:$C$1743,3,FALSE)</f>
        <v>#N/A</v>
      </c>
      <c r="M1384" s="49" t="e">
        <f>VLOOKUP(E1384&amp;F1384,団体コード!$A$1:$C$1743,2,FALSE)</f>
        <v>#N/A</v>
      </c>
      <c r="N1384" s="51" t="e">
        <f>VLOOKUP(E1384,団体コード!$E$1:$F$48,2,FALSE)</f>
        <v>#N/A</v>
      </c>
      <c r="O1384" s="51" t="e">
        <f t="shared" si="45"/>
        <v>#N/A</v>
      </c>
      <c r="P1384" s="51">
        <v>1</v>
      </c>
      <c r="Q1384" s="51" t="s">
        <v>5341</v>
      </c>
      <c r="R1384" s="54" t="b">
        <v>1</v>
      </c>
      <c r="S1384" s="52" t="s">
        <v>7126</v>
      </c>
      <c r="T1384" s="67" t="s">
        <v>7127</v>
      </c>
      <c r="U1384" s="75" t="s">
        <v>5331</v>
      </c>
      <c r="V1384" s="47" t="s">
        <v>5331</v>
      </c>
      <c r="W1384" s="47" t="s">
        <v>5331</v>
      </c>
      <c r="X1384" s="47" t="s">
        <v>5331</v>
      </c>
      <c r="Y1384" s="47" t="s">
        <v>5331</v>
      </c>
      <c r="Z1384" s="28"/>
      <c r="AA1384" s="27"/>
      <c r="AB1384" s="27"/>
      <c r="AC1384" s="27"/>
      <c r="AD1384" s="30"/>
      <c r="AE1384" s="1"/>
      <c r="AF1384" s="23" t="s">
        <v>5331</v>
      </c>
      <c r="AG1384" s="26"/>
      <c r="AH1384" s="53"/>
    </row>
    <row r="1385" spans="1:34" ht="51.6" customHeight="1" x14ac:dyDescent="0.45">
      <c r="A1385" s="23">
        <v>1379</v>
      </c>
      <c r="B1385" s="25"/>
      <c r="C1385" s="25"/>
      <c r="D1385" s="29"/>
      <c r="E1385" s="1"/>
      <c r="F1385" s="1"/>
      <c r="G1385" s="25"/>
      <c r="H1385" s="71"/>
      <c r="I1385" s="83"/>
      <c r="J1385" s="50" t="str">
        <f t="shared" si="44"/>
        <v/>
      </c>
      <c r="K1385" s="23" t="s">
        <v>7120</v>
      </c>
      <c r="L1385" s="49" t="e">
        <f>VLOOKUP(E1385&amp;F1385,団体コード!$A$1:$C$1743,3,FALSE)</f>
        <v>#N/A</v>
      </c>
      <c r="M1385" s="49" t="e">
        <f>VLOOKUP(E1385&amp;F1385,団体コード!$A$1:$C$1743,2,FALSE)</f>
        <v>#N/A</v>
      </c>
      <c r="N1385" s="51" t="e">
        <f>VLOOKUP(E1385,団体コード!$E$1:$F$48,2,FALSE)</f>
        <v>#N/A</v>
      </c>
      <c r="O1385" s="51" t="e">
        <f t="shared" si="45"/>
        <v>#N/A</v>
      </c>
      <c r="P1385" s="51">
        <v>1</v>
      </c>
      <c r="Q1385" s="51" t="s">
        <v>5341</v>
      </c>
      <c r="R1385" s="54" t="b">
        <v>1</v>
      </c>
      <c r="S1385" s="52" t="s">
        <v>7126</v>
      </c>
      <c r="T1385" s="67" t="s">
        <v>7127</v>
      </c>
      <c r="U1385" s="75" t="s">
        <v>5331</v>
      </c>
      <c r="V1385" s="47" t="s">
        <v>5331</v>
      </c>
      <c r="W1385" s="47" t="s">
        <v>5331</v>
      </c>
      <c r="X1385" s="47" t="s">
        <v>5331</v>
      </c>
      <c r="Y1385" s="47" t="s">
        <v>5331</v>
      </c>
      <c r="Z1385" s="28"/>
      <c r="AA1385" s="27"/>
      <c r="AB1385" s="27"/>
      <c r="AC1385" s="27"/>
      <c r="AD1385" s="30"/>
      <c r="AE1385" s="1"/>
      <c r="AF1385" s="23" t="s">
        <v>5331</v>
      </c>
      <c r="AG1385" s="26"/>
      <c r="AH1385" s="53"/>
    </row>
    <row r="1386" spans="1:34" ht="51.6" customHeight="1" x14ac:dyDescent="0.45">
      <c r="A1386" s="23">
        <v>1380</v>
      </c>
      <c r="B1386" s="25"/>
      <c r="C1386" s="25"/>
      <c r="D1386" s="29"/>
      <c r="E1386" s="1"/>
      <c r="F1386" s="1"/>
      <c r="G1386" s="25"/>
      <c r="H1386" s="71"/>
      <c r="I1386" s="83"/>
      <c r="J1386" s="50" t="str">
        <f t="shared" si="44"/>
        <v/>
      </c>
      <c r="K1386" s="23" t="s">
        <v>7120</v>
      </c>
      <c r="L1386" s="49" t="e">
        <f>VLOOKUP(E1386&amp;F1386,団体コード!$A$1:$C$1743,3,FALSE)</f>
        <v>#N/A</v>
      </c>
      <c r="M1386" s="49" t="e">
        <f>VLOOKUP(E1386&amp;F1386,団体コード!$A$1:$C$1743,2,FALSE)</f>
        <v>#N/A</v>
      </c>
      <c r="N1386" s="51" t="e">
        <f>VLOOKUP(E1386,団体コード!$E$1:$F$48,2,FALSE)</f>
        <v>#N/A</v>
      </c>
      <c r="O1386" s="51" t="e">
        <f t="shared" si="45"/>
        <v>#N/A</v>
      </c>
      <c r="P1386" s="51">
        <v>1</v>
      </c>
      <c r="Q1386" s="51" t="s">
        <v>5341</v>
      </c>
      <c r="R1386" s="54" t="b">
        <v>1</v>
      </c>
      <c r="S1386" s="52" t="s">
        <v>7126</v>
      </c>
      <c r="T1386" s="67" t="s">
        <v>7127</v>
      </c>
      <c r="U1386" s="75" t="s">
        <v>5331</v>
      </c>
      <c r="V1386" s="47" t="s">
        <v>5331</v>
      </c>
      <c r="W1386" s="47" t="s">
        <v>5331</v>
      </c>
      <c r="X1386" s="47" t="s">
        <v>5331</v>
      </c>
      <c r="Y1386" s="47" t="s">
        <v>5331</v>
      </c>
      <c r="Z1386" s="28"/>
      <c r="AA1386" s="27"/>
      <c r="AB1386" s="27"/>
      <c r="AC1386" s="27"/>
      <c r="AD1386" s="30"/>
      <c r="AE1386" s="1"/>
      <c r="AF1386" s="23" t="s">
        <v>5331</v>
      </c>
      <c r="AG1386" s="26"/>
      <c r="AH1386" s="53"/>
    </row>
    <row r="1387" spans="1:34" ht="51.6" customHeight="1" x14ac:dyDescent="0.45">
      <c r="A1387" s="23">
        <v>1381</v>
      </c>
      <c r="B1387" s="25"/>
      <c r="C1387" s="25"/>
      <c r="D1387" s="29"/>
      <c r="E1387" s="1"/>
      <c r="F1387" s="1"/>
      <c r="G1387" s="25"/>
      <c r="H1387" s="71"/>
      <c r="I1387" s="83"/>
      <c r="J1387" s="50" t="str">
        <f t="shared" si="44"/>
        <v/>
      </c>
      <c r="K1387" s="23" t="s">
        <v>7120</v>
      </c>
      <c r="L1387" s="49" t="e">
        <f>VLOOKUP(E1387&amp;F1387,団体コード!$A$1:$C$1743,3,FALSE)</f>
        <v>#N/A</v>
      </c>
      <c r="M1387" s="49" t="e">
        <f>VLOOKUP(E1387&amp;F1387,団体コード!$A$1:$C$1743,2,FALSE)</f>
        <v>#N/A</v>
      </c>
      <c r="N1387" s="51" t="e">
        <f>VLOOKUP(E1387,団体コード!$E$1:$F$48,2,FALSE)</f>
        <v>#N/A</v>
      </c>
      <c r="O1387" s="51" t="e">
        <f t="shared" si="45"/>
        <v>#N/A</v>
      </c>
      <c r="P1387" s="51">
        <v>1</v>
      </c>
      <c r="Q1387" s="51" t="s">
        <v>5341</v>
      </c>
      <c r="R1387" s="54" t="b">
        <v>1</v>
      </c>
      <c r="S1387" s="52" t="s">
        <v>7126</v>
      </c>
      <c r="T1387" s="67" t="s">
        <v>7127</v>
      </c>
      <c r="U1387" s="75" t="s">
        <v>5331</v>
      </c>
      <c r="V1387" s="47" t="s">
        <v>5331</v>
      </c>
      <c r="W1387" s="47" t="s">
        <v>5331</v>
      </c>
      <c r="X1387" s="47" t="s">
        <v>5331</v>
      </c>
      <c r="Y1387" s="47" t="s">
        <v>5331</v>
      </c>
      <c r="Z1387" s="28"/>
      <c r="AA1387" s="27"/>
      <c r="AB1387" s="27"/>
      <c r="AC1387" s="27"/>
      <c r="AD1387" s="30"/>
      <c r="AE1387" s="1"/>
      <c r="AF1387" s="23" t="s">
        <v>5331</v>
      </c>
      <c r="AG1387" s="26"/>
      <c r="AH1387" s="53"/>
    </row>
    <row r="1388" spans="1:34" ht="51.6" customHeight="1" x14ac:dyDescent="0.45">
      <c r="A1388" s="23">
        <v>1382</v>
      </c>
      <c r="B1388" s="25"/>
      <c r="C1388" s="25"/>
      <c r="D1388" s="29"/>
      <c r="E1388" s="1"/>
      <c r="F1388" s="1"/>
      <c r="G1388" s="25"/>
      <c r="H1388" s="71"/>
      <c r="I1388" s="83"/>
      <c r="J1388" s="50" t="str">
        <f t="shared" si="44"/>
        <v/>
      </c>
      <c r="K1388" s="23" t="s">
        <v>7120</v>
      </c>
      <c r="L1388" s="49" t="e">
        <f>VLOOKUP(E1388&amp;F1388,団体コード!$A$1:$C$1743,3,FALSE)</f>
        <v>#N/A</v>
      </c>
      <c r="M1388" s="49" t="e">
        <f>VLOOKUP(E1388&amp;F1388,団体コード!$A$1:$C$1743,2,FALSE)</f>
        <v>#N/A</v>
      </c>
      <c r="N1388" s="51" t="e">
        <f>VLOOKUP(E1388,団体コード!$E$1:$F$48,2,FALSE)</f>
        <v>#N/A</v>
      </c>
      <c r="O1388" s="51" t="e">
        <f t="shared" si="45"/>
        <v>#N/A</v>
      </c>
      <c r="P1388" s="51">
        <v>1</v>
      </c>
      <c r="Q1388" s="51" t="s">
        <v>5341</v>
      </c>
      <c r="R1388" s="54" t="b">
        <v>1</v>
      </c>
      <c r="S1388" s="52" t="s">
        <v>7126</v>
      </c>
      <c r="T1388" s="67" t="s">
        <v>7127</v>
      </c>
      <c r="U1388" s="75" t="s">
        <v>5331</v>
      </c>
      <c r="V1388" s="47" t="s">
        <v>5331</v>
      </c>
      <c r="W1388" s="47" t="s">
        <v>5331</v>
      </c>
      <c r="X1388" s="47" t="s">
        <v>5331</v>
      </c>
      <c r="Y1388" s="47" t="s">
        <v>5331</v>
      </c>
      <c r="Z1388" s="28"/>
      <c r="AA1388" s="27"/>
      <c r="AB1388" s="27"/>
      <c r="AC1388" s="27"/>
      <c r="AD1388" s="30"/>
      <c r="AE1388" s="1"/>
      <c r="AF1388" s="23" t="s">
        <v>5331</v>
      </c>
      <c r="AG1388" s="26"/>
      <c r="AH1388" s="53"/>
    </row>
    <row r="1389" spans="1:34" ht="51.6" customHeight="1" x14ac:dyDescent="0.45">
      <c r="A1389" s="23">
        <v>1383</v>
      </c>
      <c r="B1389" s="25"/>
      <c r="C1389" s="25"/>
      <c r="D1389" s="29"/>
      <c r="E1389" s="1"/>
      <c r="F1389" s="1"/>
      <c r="G1389" s="25"/>
      <c r="H1389" s="71"/>
      <c r="I1389" s="83"/>
      <c r="J1389" s="50" t="str">
        <f t="shared" si="44"/>
        <v/>
      </c>
      <c r="K1389" s="23" t="s">
        <v>7120</v>
      </c>
      <c r="L1389" s="49" t="e">
        <f>VLOOKUP(E1389&amp;F1389,団体コード!$A$1:$C$1743,3,FALSE)</f>
        <v>#N/A</v>
      </c>
      <c r="M1389" s="49" t="e">
        <f>VLOOKUP(E1389&amp;F1389,団体コード!$A$1:$C$1743,2,FALSE)</f>
        <v>#N/A</v>
      </c>
      <c r="N1389" s="51" t="e">
        <f>VLOOKUP(E1389,団体コード!$E$1:$F$48,2,FALSE)</f>
        <v>#N/A</v>
      </c>
      <c r="O1389" s="51" t="e">
        <f t="shared" si="45"/>
        <v>#N/A</v>
      </c>
      <c r="P1389" s="51">
        <v>1</v>
      </c>
      <c r="Q1389" s="51" t="s">
        <v>5341</v>
      </c>
      <c r="R1389" s="54" t="b">
        <v>1</v>
      </c>
      <c r="S1389" s="52" t="s">
        <v>7126</v>
      </c>
      <c r="T1389" s="67" t="s">
        <v>7127</v>
      </c>
      <c r="U1389" s="75" t="s">
        <v>5331</v>
      </c>
      <c r="V1389" s="47" t="s">
        <v>5331</v>
      </c>
      <c r="W1389" s="47" t="s">
        <v>5331</v>
      </c>
      <c r="X1389" s="47" t="s">
        <v>5331</v>
      </c>
      <c r="Y1389" s="47" t="s">
        <v>5331</v>
      </c>
      <c r="Z1389" s="28"/>
      <c r="AA1389" s="27"/>
      <c r="AB1389" s="27"/>
      <c r="AC1389" s="27"/>
      <c r="AD1389" s="30"/>
      <c r="AE1389" s="1"/>
      <c r="AF1389" s="23" t="s">
        <v>5331</v>
      </c>
      <c r="AG1389" s="26"/>
      <c r="AH1389" s="53"/>
    </row>
    <row r="1390" spans="1:34" ht="51.6" customHeight="1" x14ac:dyDescent="0.45">
      <c r="A1390" s="23">
        <v>1384</v>
      </c>
      <c r="B1390" s="25"/>
      <c r="C1390" s="25"/>
      <c r="D1390" s="29"/>
      <c r="E1390" s="1"/>
      <c r="F1390" s="1"/>
      <c r="G1390" s="25"/>
      <c r="H1390" s="71"/>
      <c r="I1390" s="83"/>
      <c r="J1390" s="50" t="str">
        <f t="shared" si="44"/>
        <v/>
      </c>
      <c r="K1390" s="23" t="s">
        <v>7120</v>
      </c>
      <c r="L1390" s="49" t="e">
        <f>VLOOKUP(E1390&amp;F1390,団体コード!$A$1:$C$1743,3,FALSE)</f>
        <v>#N/A</v>
      </c>
      <c r="M1390" s="49" t="e">
        <f>VLOOKUP(E1390&amp;F1390,団体コード!$A$1:$C$1743,2,FALSE)</f>
        <v>#N/A</v>
      </c>
      <c r="N1390" s="51" t="e">
        <f>VLOOKUP(E1390,団体コード!$E$1:$F$48,2,FALSE)</f>
        <v>#N/A</v>
      </c>
      <c r="O1390" s="51" t="e">
        <f t="shared" si="45"/>
        <v>#N/A</v>
      </c>
      <c r="P1390" s="51">
        <v>1</v>
      </c>
      <c r="Q1390" s="51" t="s">
        <v>5341</v>
      </c>
      <c r="R1390" s="54" t="b">
        <v>1</v>
      </c>
      <c r="S1390" s="52" t="s">
        <v>7126</v>
      </c>
      <c r="T1390" s="67" t="s">
        <v>7127</v>
      </c>
      <c r="U1390" s="75" t="s">
        <v>5331</v>
      </c>
      <c r="V1390" s="47" t="s">
        <v>5331</v>
      </c>
      <c r="W1390" s="47" t="s">
        <v>5331</v>
      </c>
      <c r="X1390" s="47" t="s">
        <v>5331</v>
      </c>
      <c r="Y1390" s="47" t="s">
        <v>5331</v>
      </c>
      <c r="Z1390" s="28"/>
      <c r="AA1390" s="27"/>
      <c r="AB1390" s="27"/>
      <c r="AC1390" s="27"/>
      <c r="AD1390" s="30"/>
      <c r="AE1390" s="1"/>
      <c r="AF1390" s="23" t="s">
        <v>5331</v>
      </c>
      <c r="AG1390" s="26"/>
      <c r="AH1390" s="53"/>
    </row>
    <row r="1391" spans="1:34" ht="51.6" customHeight="1" x14ac:dyDescent="0.45">
      <c r="A1391" s="23">
        <v>1385</v>
      </c>
      <c r="B1391" s="25"/>
      <c r="C1391" s="25"/>
      <c r="D1391" s="29"/>
      <c r="E1391" s="1"/>
      <c r="F1391" s="1"/>
      <c r="G1391" s="25"/>
      <c r="H1391" s="71"/>
      <c r="I1391" s="83"/>
      <c r="J1391" s="50" t="str">
        <f t="shared" si="44"/>
        <v/>
      </c>
      <c r="K1391" s="23" t="s">
        <v>7120</v>
      </c>
      <c r="L1391" s="49" t="e">
        <f>VLOOKUP(E1391&amp;F1391,団体コード!$A$1:$C$1743,3,FALSE)</f>
        <v>#N/A</v>
      </c>
      <c r="M1391" s="49" t="e">
        <f>VLOOKUP(E1391&amp;F1391,団体コード!$A$1:$C$1743,2,FALSE)</f>
        <v>#N/A</v>
      </c>
      <c r="N1391" s="51" t="e">
        <f>VLOOKUP(E1391,団体コード!$E$1:$F$48,2,FALSE)</f>
        <v>#N/A</v>
      </c>
      <c r="O1391" s="51" t="e">
        <f t="shared" si="45"/>
        <v>#N/A</v>
      </c>
      <c r="P1391" s="51">
        <v>1</v>
      </c>
      <c r="Q1391" s="51" t="s">
        <v>5341</v>
      </c>
      <c r="R1391" s="54" t="b">
        <v>1</v>
      </c>
      <c r="S1391" s="52" t="s">
        <v>7126</v>
      </c>
      <c r="T1391" s="67" t="s">
        <v>7127</v>
      </c>
      <c r="U1391" s="75" t="s">
        <v>5331</v>
      </c>
      <c r="V1391" s="47" t="s">
        <v>5331</v>
      </c>
      <c r="W1391" s="47" t="s">
        <v>5331</v>
      </c>
      <c r="X1391" s="47" t="s">
        <v>5331</v>
      </c>
      <c r="Y1391" s="47" t="s">
        <v>5331</v>
      </c>
      <c r="Z1391" s="28"/>
      <c r="AA1391" s="27"/>
      <c r="AB1391" s="27"/>
      <c r="AC1391" s="27"/>
      <c r="AD1391" s="30"/>
      <c r="AE1391" s="1"/>
      <c r="AF1391" s="23" t="s">
        <v>5331</v>
      </c>
      <c r="AG1391" s="26"/>
      <c r="AH1391" s="53"/>
    </row>
    <row r="1392" spans="1:34" ht="51.6" customHeight="1" x14ac:dyDescent="0.45">
      <c r="A1392" s="23">
        <v>1386</v>
      </c>
      <c r="B1392" s="25"/>
      <c r="C1392" s="25"/>
      <c r="D1392" s="29"/>
      <c r="E1392" s="1"/>
      <c r="F1392" s="1"/>
      <c r="G1392" s="25"/>
      <c r="H1392" s="71"/>
      <c r="I1392" s="83"/>
      <c r="J1392" s="50" t="str">
        <f t="shared" si="44"/>
        <v/>
      </c>
      <c r="K1392" s="23" t="s">
        <v>7120</v>
      </c>
      <c r="L1392" s="49" t="e">
        <f>VLOOKUP(E1392&amp;F1392,団体コード!$A$1:$C$1743,3,FALSE)</f>
        <v>#N/A</v>
      </c>
      <c r="M1392" s="49" t="e">
        <f>VLOOKUP(E1392&amp;F1392,団体コード!$A$1:$C$1743,2,FALSE)</f>
        <v>#N/A</v>
      </c>
      <c r="N1392" s="51" t="e">
        <f>VLOOKUP(E1392,団体コード!$E$1:$F$48,2,FALSE)</f>
        <v>#N/A</v>
      </c>
      <c r="O1392" s="51" t="e">
        <f t="shared" si="45"/>
        <v>#N/A</v>
      </c>
      <c r="P1392" s="51">
        <v>1</v>
      </c>
      <c r="Q1392" s="51" t="s">
        <v>5341</v>
      </c>
      <c r="R1392" s="54" t="b">
        <v>1</v>
      </c>
      <c r="S1392" s="52" t="s">
        <v>7126</v>
      </c>
      <c r="T1392" s="67" t="s">
        <v>7127</v>
      </c>
      <c r="U1392" s="75" t="s">
        <v>5331</v>
      </c>
      <c r="V1392" s="47" t="s">
        <v>5331</v>
      </c>
      <c r="W1392" s="47" t="s">
        <v>5331</v>
      </c>
      <c r="X1392" s="47" t="s">
        <v>5331</v>
      </c>
      <c r="Y1392" s="47" t="s">
        <v>5331</v>
      </c>
      <c r="Z1392" s="28"/>
      <c r="AA1392" s="27"/>
      <c r="AB1392" s="27"/>
      <c r="AC1392" s="27"/>
      <c r="AD1392" s="30"/>
      <c r="AE1392" s="1"/>
      <c r="AF1392" s="23" t="s">
        <v>5331</v>
      </c>
      <c r="AG1392" s="26"/>
      <c r="AH1392" s="53"/>
    </row>
    <row r="1393" spans="1:34" ht="51.6" customHeight="1" x14ac:dyDescent="0.45">
      <c r="A1393" s="23">
        <v>1387</v>
      </c>
      <c r="B1393" s="25"/>
      <c r="C1393" s="25"/>
      <c r="D1393" s="29"/>
      <c r="E1393" s="1"/>
      <c r="F1393" s="1"/>
      <c r="G1393" s="25"/>
      <c r="H1393" s="71"/>
      <c r="I1393" s="83"/>
      <c r="J1393" s="50" t="str">
        <f t="shared" si="44"/>
        <v/>
      </c>
      <c r="K1393" s="23" t="s">
        <v>7120</v>
      </c>
      <c r="L1393" s="49" t="e">
        <f>VLOOKUP(E1393&amp;F1393,団体コード!$A$1:$C$1743,3,FALSE)</f>
        <v>#N/A</v>
      </c>
      <c r="M1393" s="49" t="e">
        <f>VLOOKUP(E1393&amp;F1393,団体コード!$A$1:$C$1743,2,FALSE)</f>
        <v>#N/A</v>
      </c>
      <c r="N1393" s="51" t="e">
        <f>VLOOKUP(E1393,団体コード!$E$1:$F$48,2,FALSE)</f>
        <v>#N/A</v>
      </c>
      <c r="O1393" s="51" t="e">
        <f t="shared" si="45"/>
        <v>#N/A</v>
      </c>
      <c r="P1393" s="51">
        <v>1</v>
      </c>
      <c r="Q1393" s="51" t="s">
        <v>5341</v>
      </c>
      <c r="R1393" s="54" t="b">
        <v>1</v>
      </c>
      <c r="S1393" s="52" t="s">
        <v>7126</v>
      </c>
      <c r="T1393" s="67" t="s">
        <v>7127</v>
      </c>
      <c r="U1393" s="75" t="s">
        <v>5331</v>
      </c>
      <c r="V1393" s="47" t="s">
        <v>5331</v>
      </c>
      <c r="W1393" s="47" t="s">
        <v>5331</v>
      </c>
      <c r="X1393" s="47" t="s">
        <v>5331</v>
      </c>
      <c r="Y1393" s="47" t="s">
        <v>5331</v>
      </c>
      <c r="Z1393" s="28"/>
      <c r="AA1393" s="27"/>
      <c r="AB1393" s="27"/>
      <c r="AC1393" s="27"/>
      <c r="AD1393" s="30"/>
      <c r="AE1393" s="1"/>
      <c r="AF1393" s="23" t="s">
        <v>5331</v>
      </c>
      <c r="AG1393" s="26"/>
      <c r="AH1393" s="53"/>
    </row>
    <row r="1394" spans="1:34" ht="51.6" customHeight="1" x14ac:dyDescent="0.45">
      <c r="A1394" s="23">
        <v>1388</v>
      </c>
      <c r="B1394" s="25"/>
      <c r="C1394" s="25"/>
      <c r="D1394" s="29"/>
      <c r="E1394" s="1"/>
      <c r="F1394" s="1"/>
      <c r="G1394" s="25"/>
      <c r="H1394" s="71"/>
      <c r="I1394" s="83"/>
      <c r="J1394" s="50" t="str">
        <f t="shared" si="44"/>
        <v/>
      </c>
      <c r="K1394" s="23" t="s">
        <v>7120</v>
      </c>
      <c r="L1394" s="49" t="e">
        <f>VLOOKUP(E1394&amp;F1394,団体コード!$A$1:$C$1743,3,FALSE)</f>
        <v>#N/A</v>
      </c>
      <c r="M1394" s="49" t="e">
        <f>VLOOKUP(E1394&amp;F1394,団体コード!$A$1:$C$1743,2,FALSE)</f>
        <v>#N/A</v>
      </c>
      <c r="N1394" s="51" t="e">
        <f>VLOOKUP(E1394,団体コード!$E$1:$F$48,2,FALSE)</f>
        <v>#N/A</v>
      </c>
      <c r="O1394" s="51" t="e">
        <f t="shared" si="45"/>
        <v>#N/A</v>
      </c>
      <c r="P1394" s="51">
        <v>1</v>
      </c>
      <c r="Q1394" s="51" t="s">
        <v>5341</v>
      </c>
      <c r="R1394" s="54" t="b">
        <v>1</v>
      </c>
      <c r="S1394" s="52" t="s">
        <v>7126</v>
      </c>
      <c r="T1394" s="67" t="s">
        <v>7127</v>
      </c>
      <c r="U1394" s="75" t="s">
        <v>5331</v>
      </c>
      <c r="V1394" s="47" t="s">
        <v>5331</v>
      </c>
      <c r="W1394" s="47" t="s">
        <v>5331</v>
      </c>
      <c r="X1394" s="47" t="s">
        <v>5331</v>
      </c>
      <c r="Y1394" s="47" t="s">
        <v>5331</v>
      </c>
      <c r="Z1394" s="28"/>
      <c r="AA1394" s="27"/>
      <c r="AB1394" s="27"/>
      <c r="AC1394" s="27"/>
      <c r="AD1394" s="30"/>
      <c r="AE1394" s="1"/>
      <c r="AF1394" s="23" t="s">
        <v>5331</v>
      </c>
      <c r="AG1394" s="26"/>
      <c r="AH1394" s="53"/>
    </row>
    <row r="1395" spans="1:34" ht="51.6" customHeight="1" x14ac:dyDescent="0.45">
      <c r="A1395" s="23">
        <v>1389</v>
      </c>
      <c r="B1395" s="25"/>
      <c r="C1395" s="25"/>
      <c r="D1395" s="29"/>
      <c r="E1395" s="1"/>
      <c r="F1395" s="1"/>
      <c r="G1395" s="25"/>
      <c r="H1395" s="71"/>
      <c r="I1395" s="83"/>
      <c r="J1395" s="50" t="str">
        <f t="shared" si="44"/>
        <v/>
      </c>
      <c r="K1395" s="23" t="s">
        <v>7120</v>
      </c>
      <c r="L1395" s="49" t="e">
        <f>VLOOKUP(E1395&amp;F1395,団体コード!$A$1:$C$1743,3,FALSE)</f>
        <v>#N/A</v>
      </c>
      <c r="M1395" s="49" t="e">
        <f>VLOOKUP(E1395&amp;F1395,団体コード!$A$1:$C$1743,2,FALSE)</f>
        <v>#N/A</v>
      </c>
      <c r="N1395" s="51" t="e">
        <f>VLOOKUP(E1395,団体コード!$E$1:$F$48,2,FALSE)</f>
        <v>#N/A</v>
      </c>
      <c r="O1395" s="51" t="e">
        <f t="shared" si="45"/>
        <v>#N/A</v>
      </c>
      <c r="P1395" s="51">
        <v>1</v>
      </c>
      <c r="Q1395" s="51" t="s">
        <v>5341</v>
      </c>
      <c r="R1395" s="54" t="b">
        <v>1</v>
      </c>
      <c r="S1395" s="52" t="s">
        <v>7126</v>
      </c>
      <c r="T1395" s="67" t="s">
        <v>7127</v>
      </c>
      <c r="U1395" s="75" t="s">
        <v>5331</v>
      </c>
      <c r="V1395" s="47" t="s">
        <v>5331</v>
      </c>
      <c r="W1395" s="47" t="s">
        <v>5331</v>
      </c>
      <c r="X1395" s="47" t="s">
        <v>5331</v>
      </c>
      <c r="Y1395" s="47" t="s">
        <v>5331</v>
      </c>
      <c r="Z1395" s="28"/>
      <c r="AA1395" s="27"/>
      <c r="AB1395" s="27"/>
      <c r="AC1395" s="27"/>
      <c r="AD1395" s="30"/>
      <c r="AE1395" s="1"/>
      <c r="AF1395" s="23" t="s">
        <v>5331</v>
      </c>
      <c r="AG1395" s="26"/>
      <c r="AH1395" s="53"/>
    </row>
    <row r="1396" spans="1:34" ht="51.6" customHeight="1" x14ac:dyDescent="0.45">
      <c r="A1396" s="23">
        <v>1390</v>
      </c>
      <c r="B1396" s="25"/>
      <c r="C1396" s="25"/>
      <c r="D1396" s="29"/>
      <c r="E1396" s="1"/>
      <c r="F1396" s="1"/>
      <c r="G1396" s="25"/>
      <c r="H1396" s="71"/>
      <c r="I1396" s="83"/>
      <c r="J1396" s="50" t="str">
        <f t="shared" si="44"/>
        <v/>
      </c>
      <c r="K1396" s="23" t="s">
        <v>7120</v>
      </c>
      <c r="L1396" s="49" t="e">
        <f>VLOOKUP(E1396&amp;F1396,団体コード!$A$1:$C$1743,3,FALSE)</f>
        <v>#N/A</v>
      </c>
      <c r="M1396" s="49" t="e">
        <f>VLOOKUP(E1396&amp;F1396,団体コード!$A$1:$C$1743,2,FALSE)</f>
        <v>#N/A</v>
      </c>
      <c r="N1396" s="51" t="e">
        <f>VLOOKUP(E1396,団体コード!$E$1:$F$48,2,FALSE)</f>
        <v>#N/A</v>
      </c>
      <c r="O1396" s="51" t="e">
        <f t="shared" si="45"/>
        <v>#N/A</v>
      </c>
      <c r="P1396" s="51">
        <v>1</v>
      </c>
      <c r="Q1396" s="51" t="s">
        <v>5341</v>
      </c>
      <c r="R1396" s="54" t="b">
        <v>1</v>
      </c>
      <c r="S1396" s="52" t="s">
        <v>7126</v>
      </c>
      <c r="T1396" s="67" t="s">
        <v>7127</v>
      </c>
      <c r="U1396" s="75" t="s">
        <v>5331</v>
      </c>
      <c r="V1396" s="47" t="s">
        <v>5331</v>
      </c>
      <c r="W1396" s="47" t="s">
        <v>5331</v>
      </c>
      <c r="X1396" s="47" t="s">
        <v>5331</v>
      </c>
      <c r="Y1396" s="47" t="s">
        <v>5331</v>
      </c>
      <c r="Z1396" s="28"/>
      <c r="AA1396" s="27"/>
      <c r="AB1396" s="27"/>
      <c r="AC1396" s="27"/>
      <c r="AD1396" s="30"/>
      <c r="AE1396" s="1"/>
      <c r="AF1396" s="23" t="s">
        <v>5331</v>
      </c>
      <c r="AG1396" s="26"/>
      <c r="AH1396" s="53"/>
    </row>
    <row r="1397" spans="1:34" ht="51.6" customHeight="1" x14ac:dyDescent="0.45">
      <c r="A1397" s="23">
        <v>1391</v>
      </c>
      <c r="B1397" s="25"/>
      <c r="C1397" s="25"/>
      <c r="D1397" s="29"/>
      <c r="E1397" s="1"/>
      <c r="F1397" s="1"/>
      <c r="G1397" s="25"/>
      <c r="H1397" s="71"/>
      <c r="I1397" s="83"/>
      <c r="J1397" s="50" t="str">
        <f t="shared" si="44"/>
        <v/>
      </c>
      <c r="K1397" s="23" t="s">
        <v>7120</v>
      </c>
      <c r="L1397" s="49" t="e">
        <f>VLOOKUP(E1397&amp;F1397,団体コード!$A$1:$C$1743,3,FALSE)</f>
        <v>#N/A</v>
      </c>
      <c r="M1397" s="49" t="e">
        <f>VLOOKUP(E1397&amp;F1397,団体コード!$A$1:$C$1743,2,FALSE)</f>
        <v>#N/A</v>
      </c>
      <c r="N1397" s="51" t="e">
        <f>VLOOKUP(E1397,団体コード!$E$1:$F$48,2,FALSE)</f>
        <v>#N/A</v>
      </c>
      <c r="O1397" s="51" t="e">
        <f t="shared" si="45"/>
        <v>#N/A</v>
      </c>
      <c r="P1397" s="51">
        <v>1</v>
      </c>
      <c r="Q1397" s="51" t="s">
        <v>5341</v>
      </c>
      <c r="R1397" s="54" t="b">
        <v>1</v>
      </c>
      <c r="S1397" s="52" t="s">
        <v>7126</v>
      </c>
      <c r="T1397" s="67" t="s">
        <v>7127</v>
      </c>
      <c r="U1397" s="75" t="s">
        <v>5331</v>
      </c>
      <c r="V1397" s="47" t="s">
        <v>5331</v>
      </c>
      <c r="W1397" s="47" t="s">
        <v>5331</v>
      </c>
      <c r="X1397" s="47" t="s">
        <v>5331</v>
      </c>
      <c r="Y1397" s="47" t="s">
        <v>5331</v>
      </c>
      <c r="Z1397" s="28"/>
      <c r="AA1397" s="27"/>
      <c r="AB1397" s="27"/>
      <c r="AC1397" s="27"/>
      <c r="AD1397" s="30"/>
      <c r="AE1397" s="1"/>
      <c r="AF1397" s="23" t="s">
        <v>5331</v>
      </c>
      <c r="AG1397" s="26"/>
      <c r="AH1397" s="53"/>
    </row>
    <row r="1398" spans="1:34" ht="51.6" customHeight="1" x14ac:dyDescent="0.45">
      <c r="A1398" s="23">
        <v>1392</v>
      </c>
      <c r="B1398" s="25"/>
      <c r="C1398" s="25"/>
      <c r="D1398" s="29"/>
      <c r="E1398" s="1"/>
      <c r="F1398" s="1"/>
      <c r="G1398" s="25"/>
      <c r="H1398" s="71"/>
      <c r="I1398" s="83"/>
      <c r="J1398" s="50" t="str">
        <f t="shared" si="44"/>
        <v/>
      </c>
      <c r="K1398" s="23" t="s">
        <v>7120</v>
      </c>
      <c r="L1398" s="49" t="e">
        <f>VLOOKUP(E1398&amp;F1398,団体コード!$A$1:$C$1743,3,FALSE)</f>
        <v>#N/A</v>
      </c>
      <c r="M1398" s="49" t="e">
        <f>VLOOKUP(E1398&amp;F1398,団体コード!$A$1:$C$1743,2,FALSE)</f>
        <v>#N/A</v>
      </c>
      <c r="N1398" s="51" t="e">
        <f>VLOOKUP(E1398,団体コード!$E$1:$F$48,2,FALSE)</f>
        <v>#N/A</v>
      </c>
      <c r="O1398" s="51" t="e">
        <f t="shared" si="45"/>
        <v>#N/A</v>
      </c>
      <c r="P1398" s="51">
        <v>1</v>
      </c>
      <c r="Q1398" s="51" t="s">
        <v>5341</v>
      </c>
      <c r="R1398" s="54" t="b">
        <v>1</v>
      </c>
      <c r="S1398" s="52" t="s">
        <v>7126</v>
      </c>
      <c r="T1398" s="67" t="s">
        <v>7127</v>
      </c>
      <c r="U1398" s="75" t="s">
        <v>5331</v>
      </c>
      <c r="V1398" s="47" t="s">
        <v>5331</v>
      </c>
      <c r="W1398" s="47" t="s">
        <v>5331</v>
      </c>
      <c r="X1398" s="47" t="s">
        <v>5331</v>
      </c>
      <c r="Y1398" s="47" t="s">
        <v>5331</v>
      </c>
      <c r="Z1398" s="28"/>
      <c r="AA1398" s="27"/>
      <c r="AB1398" s="27"/>
      <c r="AC1398" s="27"/>
      <c r="AD1398" s="30"/>
      <c r="AE1398" s="1"/>
      <c r="AF1398" s="23" t="s">
        <v>5331</v>
      </c>
      <c r="AG1398" s="26"/>
      <c r="AH1398" s="53"/>
    </row>
    <row r="1399" spans="1:34" ht="51.6" customHeight="1" x14ac:dyDescent="0.45">
      <c r="A1399" s="23">
        <v>1393</v>
      </c>
      <c r="B1399" s="25"/>
      <c r="C1399" s="25"/>
      <c r="D1399" s="29"/>
      <c r="E1399" s="1"/>
      <c r="F1399" s="1"/>
      <c r="G1399" s="25"/>
      <c r="H1399" s="71"/>
      <c r="I1399" s="83"/>
      <c r="J1399" s="50" t="str">
        <f t="shared" si="44"/>
        <v/>
      </c>
      <c r="K1399" s="23" t="s">
        <v>7120</v>
      </c>
      <c r="L1399" s="49" t="e">
        <f>VLOOKUP(E1399&amp;F1399,団体コード!$A$1:$C$1743,3,FALSE)</f>
        <v>#N/A</v>
      </c>
      <c r="M1399" s="49" t="e">
        <f>VLOOKUP(E1399&amp;F1399,団体コード!$A$1:$C$1743,2,FALSE)</f>
        <v>#N/A</v>
      </c>
      <c r="N1399" s="51" t="e">
        <f>VLOOKUP(E1399,団体コード!$E$1:$F$48,2,FALSE)</f>
        <v>#N/A</v>
      </c>
      <c r="O1399" s="51" t="e">
        <f t="shared" si="45"/>
        <v>#N/A</v>
      </c>
      <c r="P1399" s="51">
        <v>1</v>
      </c>
      <c r="Q1399" s="51" t="s">
        <v>5341</v>
      </c>
      <c r="R1399" s="54" t="b">
        <v>1</v>
      </c>
      <c r="S1399" s="52" t="s">
        <v>7126</v>
      </c>
      <c r="T1399" s="67" t="s">
        <v>7127</v>
      </c>
      <c r="U1399" s="75" t="s">
        <v>5331</v>
      </c>
      <c r="V1399" s="47" t="s">
        <v>5331</v>
      </c>
      <c r="W1399" s="47" t="s">
        <v>5331</v>
      </c>
      <c r="X1399" s="47" t="s">
        <v>5331</v>
      </c>
      <c r="Y1399" s="47" t="s">
        <v>5331</v>
      </c>
      <c r="Z1399" s="28"/>
      <c r="AA1399" s="27"/>
      <c r="AB1399" s="27"/>
      <c r="AC1399" s="27"/>
      <c r="AD1399" s="30"/>
      <c r="AE1399" s="1"/>
      <c r="AF1399" s="23" t="s">
        <v>5331</v>
      </c>
      <c r="AG1399" s="26"/>
      <c r="AH1399" s="53"/>
    </row>
    <row r="1400" spans="1:34" ht="51.6" customHeight="1" x14ac:dyDescent="0.45">
      <c r="A1400" s="23">
        <v>1394</v>
      </c>
      <c r="B1400" s="25"/>
      <c r="C1400" s="25"/>
      <c r="D1400" s="29"/>
      <c r="E1400" s="1"/>
      <c r="F1400" s="1"/>
      <c r="G1400" s="25"/>
      <c r="H1400" s="71"/>
      <c r="I1400" s="83"/>
      <c r="J1400" s="50" t="str">
        <f t="shared" si="44"/>
        <v/>
      </c>
      <c r="K1400" s="23" t="s">
        <v>7120</v>
      </c>
      <c r="L1400" s="49" t="e">
        <f>VLOOKUP(E1400&amp;F1400,団体コード!$A$1:$C$1743,3,FALSE)</f>
        <v>#N/A</v>
      </c>
      <c r="M1400" s="49" t="e">
        <f>VLOOKUP(E1400&amp;F1400,団体コード!$A$1:$C$1743,2,FALSE)</f>
        <v>#N/A</v>
      </c>
      <c r="N1400" s="51" t="e">
        <f>VLOOKUP(E1400,団体コード!$E$1:$F$48,2,FALSE)</f>
        <v>#N/A</v>
      </c>
      <c r="O1400" s="51" t="e">
        <f t="shared" si="45"/>
        <v>#N/A</v>
      </c>
      <c r="P1400" s="51">
        <v>1</v>
      </c>
      <c r="Q1400" s="51" t="s">
        <v>5341</v>
      </c>
      <c r="R1400" s="54" t="b">
        <v>1</v>
      </c>
      <c r="S1400" s="52" t="s">
        <v>7126</v>
      </c>
      <c r="T1400" s="67" t="s">
        <v>7127</v>
      </c>
      <c r="U1400" s="75" t="s">
        <v>5331</v>
      </c>
      <c r="V1400" s="47" t="s">
        <v>5331</v>
      </c>
      <c r="W1400" s="47" t="s">
        <v>5331</v>
      </c>
      <c r="X1400" s="47" t="s">
        <v>5331</v>
      </c>
      <c r="Y1400" s="47" t="s">
        <v>5331</v>
      </c>
      <c r="Z1400" s="28"/>
      <c r="AA1400" s="27"/>
      <c r="AB1400" s="27"/>
      <c r="AC1400" s="27"/>
      <c r="AD1400" s="30"/>
      <c r="AE1400" s="1"/>
      <c r="AF1400" s="23" t="s">
        <v>5331</v>
      </c>
      <c r="AG1400" s="26"/>
      <c r="AH1400" s="53"/>
    </row>
    <row r="1401" spans="1:34" ht="51.6" customHeight="1" x14ac:dyDescent="0.45">
      <c r="A1401" s="23">
        <v>1395</v>
      </c>
      <c r="B1401" s="25"/>
      <c r="C1401" s="25"/>
      <c r="D1401" s="29"/>
      <c r="E1401" s="1"/>
      <c r="F1401" s="1"/>
      <c r="G1401" s="25"/>
      <c r="H1401" s="71"/>
      <c r="I1401" s="83"/>
      <c r="J1401" s="50" t="str">
        <f t="shared" si="44"/>
        <v/>
      </c>
      <c r="K1401" s="23" t="s">
        <v>7120</v>
      </c>
      <c r="L1401" s="49" t="e">
        <f>VLOOKUP(E1401&amp;F1401,団体コード!$A$1:$C$1743,3,FALSE)</f>
        <v>#N/A</v>
      </c>
      <c r="M1401" s="49" t="e">
        <f>VLOOKUP(E1401&amp;F1401,団体コード!$A$1:$C$1743,2,FALSE)</f>
        <v>#N/A</v>
      </c>
      <c r="N1401" s="51" t="e">
        <f>VLOOKUP(E1401,団体コード!$E$1:$F$48,2,FALSE)</f>
        <v>#N/A</v>
      </c>
      <c r="O1401" s="51" t="e">
        <f t="shared" si="45"/>
        <v>#N/A</v>
      </c>
      <c r="P1401" s="51">
        <v>1</v>
      </c>
      <c r="Q1401" s="51" t="s">
        <v>5341</v>
      </c>
      <c r="R1401" s="54" t="b">
        <v>1</v>
      </c>
      <c r="S1401" s="52" t="s">
        <v>7126</v>
      </c>
      <c r="T1401" s="67" t="s">
        <v>7127</v>
      </c>
      <c r="U1401" s="75" t="s">
        <v>5331</v>
      </c>
      <c r="V1401" s="47" t="s">
        <v>5331</v>
      </c>
      <c r="W1401" s="47" t="s">
        <v>5331</v>
      </c>
      <c r="X1401" s="47" t="s">
        <v>5331</v>
      </c>
      <c r="Y1401" s="47" t="s">
        <v>5331</v>
      </c>
      <c r="Z1401" s="28"/>
      <c r="AA1401" s="27"/>
      <c r="AB1401" s="27"/>
      <c r="AC1401" s="27"/>
      <c r="AD1401" s="30"/>
      <c r="AE1401" s="1"/>
      <c r="AF1401" s="23" t="s">
        <v>5331</v>
      </c>
      <c r="AG1401" s="26"/>
      <c r="AH1401" s="53"/>
    </row>
    <row r="1402" spans="1:34" ht="51.6" customHeight="1" x14ac:dyDescent="0.45">
      <c r="A1402" s="23">
        <v>1396</v>
      </c>
      <c r="B1402" s="25"/>
      <c r="C1402" s="25"/>
      <c r="D1402" s="29"/>
      <c r="E1402" s="1"/>
      <c r="F1402" s="1"/>
      <c r="G1402" s="25"/>
      <c r="H1402" s="71"/>
      <c r="I1402" s="83"/>
      <c r="J1402" s="50" t="str">
        <f t="shared" si="44"/>
        <v/>
      </c>
      <c r="K1402" s="23" t="s">
        <v>7120</v>
      </c>
      <c r="L1402" s="49" t="e">
        <f>VLOOKUP(E1402&amp;F1402,団体コード!$A$1:$C$1743,3,FALSE)</f>
        <v>#N/A</v>
      </c>
      <c r="M1402" s="49" t="e">
        <f>VLOOKUP(E1402&amp;F1402,団体コード!$A$1:$C$1743,2,FALSE)</f>
        <v>#N/A</v>
      </c>
      <c r="N1402" s="51" t="e">
        <f>VLOOKUP(E1402,団体コード!$E$1:$F$48,2,FALSE)</f>
        <v>#N/A</v>
      </c>
      <c r="O1402" s="51" t="e">
        <f t="shared" si="45"/>
        <v>#N/A</v>
      </c>
      <c r="P1402" s="51">
        <v>1</v>
      </c>
      <c r="Q1402" s="51" t="s">
        <v>5341</v>
      </c>
      <c r="R1402" s="54" t="b">
        <v>1</v>
      </c>
      <c r="S1402" s="52" t="s">
        <v>7126</v>
      </c>
      <c r="T1402" s="67" t="s">
        <v>7127</v>
      </c>
      <c r="U1402" s="75" t="s">
        <v>5331</v>
      </c>
      <c r="V1402" s="47" t="s">
        <v>5331</v>
      </c>
      <c r="W1402" s="47" t="s">
        <v>5331</v>
      </c>
      <c r="X1402" s="47" t="s">
        <v>5331</v>
      </c>
      <c r="Y1402" s="47" t="s">
        <v>5331</v>
      </c>
      <c r="Z1402" s="28"/>
      <c r="AA1402" s="27"/>
      <c r="AB1402" s="27"/>
      <c r="AC1402" s="27"/>
      <c r="AD1402" s="30"/>
      <c r="AE1402" s="1"/>
      <c r="AF1402" s="23" t="s">
        <v>5331</v>
      </c>
      <c r="AG1402" s="26"/>
      <c r="AH1402" s="53"/>
    </row>
    <row r="1403" spans="1:34" ht="51.6" customHeight="1" x14ac:dyDescent="0.45">
      <c r="A1403" s="23">
        <v>1397</v>
      </c>
      <c r="B1403" s="25"/>
      <c r="C1403" s="25"/>
      <c r="D1403" s="29"/>
      <c r="E1403" s="1"/>
      <c r="F1403" s="1"/>
      <c r="G1403" s="25"/>
      <c r="H1403" s="71"/>
      <c r="I1403" s="83"/>
      <c r="J1403" s="50" t="str">
        <f t="shared" si="44"/>
        <v/>
      </c>
      <c r="K1403" s="23" t="s">
        <v>7120</v>
      </c>
      <c r="L1403" s="49" t="e">
        <f>VLOOKUP(E1403&amp;F1403,団体コード!$A$1:$C$1743,3,FALSE)</f>
        <v>#N/A</v>
      </c>
      <c r="M1403" s="49" t="e">
        <f>VLOOKUP(E1403&amp;F1403,団体コード!$A$1:$C$1743,2,FALSE)</f>
        <v>#N/A</v>
      </c>
      <c r="N1403" s="51" t="e">
        <f>VLOOKUP(E1403,団体コード!$E$1:$F$48,2,FALSE)</f>
        <v>#N/A</v>
      </c>
      <c r="O1403" s="51" t="e">
        <f t="shared" si="45"/>
        <v>#N/A</v>
      </c>
      <c r="P1403" s="51">
        <v>1</v>
      </c>
      <c r="Q1403" s="51" t="s">
        <v>5341</v>
      </c>
      <c r="R1403" s="54" t="b">
        <v>1</v>
      </c>
      <c r="S1403" s="52" t="s">
        <v>7126</v>
      </c>
      <c r="T1403" s="67" t="s">
        <v>7127</v>
      </c>
      <c r="U1403" s="75" t="s">
        <v>5331</v>
      </c>
      <c r="V1403" s="47" t="s">
        <v>5331</v>
      </c>
      <c r="W1403" s="47" t="s">
        <v>5331</v>
      </c>
      <c r="X1403" s="47" t="s">
        <v>5331</v>
      </c>
      <c r="Y1403" s="47" t="s">
        <v>5331</v>
      </c>
      <c r="Z1403" s="28"/>
      <c r="AA1403" s="27"/>
      <c r="AB1403" s="27"/>
      <c r="AC1403" s="27"/>
      <c r="AD1403" s="30"/>
      <c r="AE1403" s="1"/>
      <c r="AF1403" s="23" t="s">
        <v>5331</v>
      </c>
      <c r="AG1403" s="26"/>
      <c r="AH1403" s="53"/>
    </row>
    <row r="1404" spans="1:34" ht="51.6" customHeight="1" x14ac:dyDescent="0.45">
      <c r="A1404" s="23">
        <v>1398</v>
      </c>
      <c r="B1404" s="25"/>
      <c r="C1404" s="25"/>
      <c r="D1404" s="29"/>
      <c r="E1404" s="1"/>
      <c r="F1404" s="1"/>
      <c r="G1404" s="25"/>
      <c r="H1404" s="71"/>
      <c r="I1404" s="83"/>
      <c r="J1404" s="50" t="str">
        <f t="shared" si="44"/>
        <v/>
      </c>
      <c r="K1404" s="23" t="s">
        <v>7120</v>
      </c>
      <c r="L1404" s="49" t="e">
        <f>VLOOKUP(E1404&amp;F1404,団体コード!$A$1:$C$1743,3,FALSE)</f>
        <v>#N/A</v>
      </c>
      <c r="M1404" s="49" t="e">
        <f>VLOOKUP(E1404&amp;F1404,団体コード!$A$1:$C$1743,2,FALSE)</f>
        <v>#N/A</v>
      </c>
      <c r="N1404" s="51" t="e">
        <f>VLOOKUP(E1404,団体コード!$E$1:$F$48,2,FALSE)</f>
        <v>#N/A</v>
      </c>
      <c r="O1404" s="51" t="e">
        <f t="shared" si="45"/>
        <v>#N/A</v>
      </c>
      <c r="P1404" s="51">
        <v>1</v>
      </c>
      <c r="Q1404" s="51" t="s">
        <v>5341</v>
      </c>
      <c r="R1404" s="54" t="b">
        <v>1</v>
      </c>
      <c r="S1404" s="52" t="s">
        <v>7126</v>
      </c>
      <c r="T1404" s="67" t="s">
        <v>7127</v>
      </c>
      <c r="U1404" s="75" t="s">
        <v>5331</v>
      </c>
      <c r="V1404" s="47" t="s">
        <v>5331</v>
      </c>
      <c r="W1404" s="47" t="s">
        <v>5331</v>
      </c>
      <c r="X1404" s="47" t="s">
        <v>5331</v>
      </c>
      <c r="Y1404" s="47" t="s">
        <v>5331</v>
      </c>
      <c r="Z1404" s="28"/>
      <c r="AA1404" s="27"/>
      <c r="AB1404" s="27"/>
      <c r="AC1404" s="27"/>
      <c r="AD1404" s="30"/>
      <c r="AE1404" s="1"/>
      <c r="AF1404" s="23" t="s">
        <v>5331</v>
      </c>
      <c r="AG1404" s="26"/>
      <c r="AH1404" s="53"/>
    </row>
    <row r="1405" spans="1:34" ht="51.6" customHeight="1" x14ac:dyDescent="0.45">
      <c r="A1405" s="23">
        <v>1399</v>
      </c>
      <c r="B1405" s="25"/>
      <c r="C1405" s="25"/>
      <c r="D1405" s="29"/>
      <c r="E1405" s="1"/>
      <c r="F1405" s="1"/>
      <c r="G1405" s="25"/>
      <c r="H1405" s="71"/>
      <c r="I1405" s="83"/>
      <c r="J1405" s="50" t="str">
        <f t="shared" si="44"/>
        <v/>
      </c>
      <c r="K1405" s="23" t="s">
        <v>7120</v>
      </c>
      <c r="L1405" s="49" t="e">
        <f>VLOOKUP(E1405&amp;F1405,団体コード!$A$1:$C$1743,3,FALSE)</f>
        <v>#N/A</v>
      </c>
      <c r="M1405" s="49" t="e">
        <f>VLOOKUP(E1405&amp;F1405,団体コード!$A$1:$C$1743,2,FALSE)</f>
        <v>#N/A</v>
      </c>
      <c r="N1405" s="51" t="e">
        <f>VLOOKUP(E1405,団体コード!$E$1:$F$48,2,FALSE)</f>
        <v>#N/A</v>
      </c>
      <c r="O1405" s="51" t="e">
        <f t="shared" si="45"/>
        <v>#N/A</v>
      </c>
      <c r="P1405" s="51">
        <v>1</v>
      </c>
      <c r="Q1405" s="51" t="s">
        <v>5341</v>
      </c>
      <c r="R1405" s="54" t="b">
        <v>1</v>
      </c>
      <c r="S1405" s="52" t="s">
        <v>7126</v>
      </c>
      <c r="T1405" s="67" t="s">
        <v>7127</v>
      </c>
      <c r="U1405" s="75" t="s">
        <v>5331</v>
      </c>
      <c r="V1405" s="47" t="s">
        <v>5331</v>
      </c>
      <c r="W1405" s="47" t="s">
        <v>5331</v>
      </c>
      <c r="X1405" s="47" t="s">
        <v>5331</v>
      </c>
      <c r="Y1405" s="47" t="s">
        <v>5331</v>
      </c>
      <c r="Z1405" s="28"/>
      <c r="AA1405" s="27"/>
      <c r="AB1405" s="27"/>
      <c r="AC1405" s="27"/>
      <c r="AD1405" s="30"/>
      <c r="AE1405" s="1"/>
      <c r="AF1405" s="23" t="s">
        <v>5331</v>
      </c>
      <c r="AG1405" s="26"/>
      <c r="AH1405" s="53"/>
    </row>
    <row r="1406" spans="1:34" ht="51.6" customHeight="1" x14ac:dyDescent="0.45">
      <c r="A1406" s="23">
        <v>1400</v>
      </c>
      <c r="B1406" s="25"/>
      <c r="C1406" s="25"/>
      <c r="D1406" s="29"/>
      <c r="E1406" s="1"/>
      <c r="F1406" s="1"/>
      <c r="G1406" s="25"/>
      <c r="H1406" s="71"/>
      <c r="I1406" s="83"/>
      <c r="J1406" s="50" t="str">
        <f t="shared" si="44"/>
        <v/>
      </c>
      <c r="K1406" s="23" t="s">
        <v>7120</v>
      </c>
      <c r="L1406" s="49" t="e">
        <f>VLOOKUP(E1406&amp;F1406,団体コード!$A$1:$C$1743,3,FALSE)</f>
        <v>#N/A</v>
      </c>
      <c r="M1406" s="49" t="e">
        <f>VLOOKUP(E1406&amp;F1406,団体コード!$A$1:$C$1743,2,FALSE)</f>
        <v>#N/A</v>
      </c>
      <c r="N1406" s="51" t="e">
        <f>VLOOKUP(E1406,団体コード!$E$1:$F$48,2,FALSE)</f>
        <v>#N/A</v>
      </c>
      <c r="O1406" s="51" t="e">
        <f t="shared" si="45"/>
        <v>#N/A</v>
      </c>
      <c r="P1406" s="51">
        <v>1</v>
      </c>
      <c r="Q1406" s="51" t="s">
        <v>5341</v>
      </c>
      <c r="R1406" s="54" t="b">
        <v>1</v>
      </c>
      <c r="S1406" s="52" t="s">
        <v>7126</v>
      </c>
      <c r="T1406" s="67" t="s">
        <v>7127</v>
      </c>
      <c r="U1406" s="75" t="s">
        <v>5331</v>
      </c>
      <c r="V1406" s="47" t="s">
        <v>5331</v>
      </c>
      <c r="W1406" s="47" t="s">
        <v>5331</v>
      </c>
      <c r="X1406" s="47" t="s">
        <v>5331</v>
      </c>
      <c r="Y1406" s="47" t="s">
        <v>5331</v>
      </c>
      <c r="Z1406" s="28"/>
      <c r="AA1406" s="27"/>
      <c r="AB1406" s="27"/>
      <c r="AC1406" s="27"/>
      <c r="AD1406" s="30"/>
      <c r="AE1406" s="1"/>
      <c r="AF1406" s="23" t="s">
        <v>5331</v>
      </c>
      <c r="AG1406" s="26"/>
      <c r="AH1406" s="53"/>
    </row>
    <row r="1407" spans="1:34" ht="51.6" customHeight="1" x14ac:dyDescent="0.45">
      <c r="A1407" s="23">
        <v>1401</v>
      </c>
      <c r="B1407" s="25"/>
      <c r="C1407" s="25"/>
      <c r="D1407" s="29"/>
      <c r="E1407" s="1"/>
      <c r="F1407" s="1"/>
      <c r="G1407" s="25"/>
      <c r="H1407" s="71"/>
      <c r="I1407" s="83"/>
      <c r="J1407" s="50" t="str">
        <f t="shared" si="44"/>
        <v/>
      </c>
      <c r="K1407" s="23" t="s">
        <v>7120</v>
      </c>
      <c r="L1407" s="49" t="e">
        <f>VLOOKUP(E1407&amp;F1407,団体コード!$A$1:$C$1743,3,FALSE)</f>
        <v>#N/A</v>
      </c>
      <c r="M1407" s="49" t="e">
        <f>VLOOKUP(E1407&amp;F1407,団体コード!$A$1:$C$1743,2,FALSE)</f>
        <v>#N/A</v>
      </c>
      <c r="N1407" s="51" t="e">
        <f>VLOOKUP(E1407,団体コード!$E$1:$F$48,2,FALSE)</f>
        <v>#N/A</v>
      </c>
      <c r="O1407" s="51" t="e">
        <f t="shared" si="45"/>
        <v>#N/A</v>
      </c>
      <c r="P1407" s="51">
        <v>1</v>
      </c>
      <c r="Q1407" s="51" t="s">
        <v>5341</v>
      </c>
      <c r="R1407" s="54" t="b">
        <v>1</v>
      </c>
      <c r="S1407" s="52" t="s">
        <v>7126</v>
      </c>
      <c r="T1407" s="67" t="s">
        <v>7127</v>
      </c>
      <c r="U1407" s="75" t="s">
        <v>5331</v>
      </c>
      <c r="V1407" s="47" t="s">
        <v>5331</v>
      </c>
      <c r="W1407" s="47" t="s">
        <v>5331</v>
      </c>
      <c r="X1407" s="47" t="s">
        <v>5331</v>
      </c>
      <c r="Y1407" s="47" t="s">
        <v>5331</v>
      </c>
      <c r="Z1407" s="28"/>
      <c r="AA1407" s="27"/>
      <c r="AB1407" s="27"/>
      <c r="AC1407" s="27"/>
      <c r="AD1407" s="30"/>
      <c r="AE1407" s="1"/>
      <c r="AF1407" s="23" t="s">
        <v>5331</v>
      </c>
      <c r="AG1407" s="26"/>
      <c r="AH1407" s="53"/>
    </row>
    <row r="1408" spans="1:34" ht="51.6" customHeight="1" x14ac:dyDescent="0.45">
      <c r="A1408" s="23">
        <v>1402</v>
      </c>
      <c r="B1408" s="25"/>
      <c r="C1408" s="25"/>
      <c r="D1408" s="29"/>
      <c r="E1408" s="1"/>
      <c r="F1408" s="1"/>
      <c r="G1408" s="25"/>
      <c r="H1408" s="71"/>
      <c r="I1408" s="83"/>
      <c r="J1408" s="50" t="str">
        <f t="shared" si="44"/>
        <v/>
      </c>
      <c r="K1408" s="23" t="s">
        <v>7120</v>
      </c>
      <c r="L1408" s="49" t="e">
        <f>VLOOKUP(E1408&amp;F1408,団体コード!$A$1:$C$1743,3,FALSE)</f>
        <v>#N/A</v>
      </c>
      <c r="M1408" s="49" t="e">
        <f>VLOOKUP(E1408&amp;F1408,団体コード!$A$1:$C$1743,2,FALSE)</f>
        <v>#N/A</v>
      </c>
      <c r="N1408" s="51" t="e">
        <f>VLOOKUP(E1408,団体コード!$E$1:$F$48,2,FALSE)</f>
        <v>#N/A</v>
      </c>
      <c r="O1408" s="51" t="e">
        <f t="shared" si="45"/>
        <v>#N/A</v>
      </c>
      <c r="P1408" s="51">
        <v>1</v>
      </c>
      <c r="Q1408" s="51" t="s">
        <v>5341</v>
      </c>
      <c r="R1408" s="54" t="b">
        <v>1</v>
      </c>
      <c r="S1408" s="52" t="s">
        <v>7126</v>
      </c>
      <c r="T1408" s="67" t="s">
        <v>7127</v>
      </c>
      <c r="U1408" s="75" t="s">
        <v>5331</v>
      </c>
      <c r="V1408" s="47" t="s">
        <v>5331</v>
      </c>
      <c r="W1408" s="47" t="s">
        <v>5331</v>
      </c>
      <c r="X1408" s="47" t="s">
        <v>5331</v>
      </c>
      <c r="Y1408" s="47" t="s">
        <v>5331</v>
      </c>
      <c r="Z1408" s="28"/>
      <c r="AA1408" s="27"/>
      <c r="AB1408" s="27"/>
      <c r="AC1408" s="27"/>
      <c r="AD1408" s="30"/>
      <c r="AE1408" s="1"/>
      <c r="AF1408" s="23" t="s">
        <v>5331</v>
      </c>
      <c r="AG1408" s="26"/>
      <c r="AH1408" s="53"/>
    </row>
    <row r="1409" spans="1:34" ht="51.6" customHeight="1" x14ac:dyDescent="0.45">
      <c r="A1409" s="23">
        <v>1403</v>
      </c>
      <c r="B1409" s="25"/>
      <c r="C1409" s="25"/>
      <c r="D1409" s="29"/>
      <c r="E1409" s="1"/>
      <c r="F1409" s="1"/>
      <c r="G1409" s="25"/>
      <c r="H1409" s="71"/>
      <c r="I1409" s="83"/>
      <c r="J1409" s="50" t="str">
        <f t="shared" si="44"/>
        <v/>
      </c>
      <c r="K1409" s="23" t="s">
        <v>7120</v>
      </c>
      <c r="L1409" s="49" t="e">
        <f>VLOOKUP(E1409&amp;F1409,団体コード!$A$1:$C$1743,3,FALSE)</f>
        <v>#N/A</v>
      </c>
      <c r="M1409" s="49" t="e">
        <f>VLOOKUP(E1409&amp;F1409,団体コード!$A$1:$C$1743,2,FALSE)</f>
        <v>#N/A</v>
      </c>
      <c r="N1409" s="51" t="e">
        <f>VLOOKUP(E1409,団体コード!$E$1:$F$48,2,FALSE)</f>
        <v>#N/A</v>
      </c>
      <c r="O1409" s="51" t="e">
        <f t="shared" si="45"/>
        <v>#N/A</v>
      </c>
      <c r="P1409" s="51">
        <v>1</v>
      </c>
      <c r="Q1409" s="51" t="s">
        <v>5341</v>
      </c>
      <c r="R1409" s="54" t="b">
        <v>1</v>
      </c>
      <c r="S1409" s="52" t="s">
        <v>7126</v>
      </c>
      <c r="T1409" s="67" t="s">
        <v>7127</v>
      </c>
      <c r="U1409" s="75" t="s">
        <v>5331</v>
      </c>
      <c r="V1409" s="47" t="s">
        <v>5331</v>
      </c>
      <c r="W1409" s="47" t="s">
        <v>5331</v>
      </c>
      <c r="X1409" s="47" t="s">
        <v>5331</v>
      </c>
      <c r="Y1409" s="47" t="s">
        <v>5331</v>
      </c>
      <c r="Z1409" s="28"/>
      <c r="AA1409" s="27"/>
      <c r="AB1409" s="27"/>
      <c r="AC1409" s="27"/>
      <c r="AD1409" s="30"/>
      <c r="AE1409" s="1"/>
      <c r="AF1409" s="23" t="s">
        <v>5331</v>
      </c>
      <c r="AG1409" s="26"/>
      <c r="AH1409" s="53"/>
    </row>
    <row r="1410" spans="1:34" ht="51.6" customHeight="1" x14ac:dyDescent="0.45">
      <c r="A1410" s="23">
        <v>1404</v>
      </c>
      <c r="B1410" s="25"/>
      <c r="C1410" s="25"/>
      <c r="D1410" s="29"/>
      <c r="E1410" s="1"/>
      <c r="F1410" s="1"/>
      <c r="G1410" s="25"/>
      <c r="H1410" s="71"/>
      <c r="I1410" s="83"/>
      <c r="J1410" s="50" t="str">
        <f t="shared" si="44"/>
        <v/>
      </c>
      <c r="K1410" s="23" t="s">
        <v>7120</v>
      </c>
      <c r="L1410" s="49" t="e">
        <f>VLOOKUP(E1410&amp;F1410,団体コード!$A$1:$C$1743,3,FALSE)</f>
        <v>#N/A</v>
      </c>
      <c r="M1410" s="49" t="e">
        <f>VLOOKUP(E1410&amp;F1410,団体コード!$A$1:$C$1743,2,FALSE)</f>
        <v>#N/A</v>
      </c>
      <c r="N1410" s="51" t="e">
        <f>VLOOKUP(E1410,団体コード!$E$1:$F$48,2,FALSE)</f>
        <v>#N/A</v>
      </c>
      <c r="O1410" s="51" t="e">
        <f t="shared" si="45"/>
        <v>#N/A</v>
      </c>
      <c r="P1410" s="51">
        <v>1</v>
      </c>
      <c r="Q1410" s="51" t="s">
        <v>5341</v>
      </c>
      <c r="R1410" s="54" t="b">
        <v>1</v>
      </c>
      <c r="S1410" s="52" t="s">
        <v>7126</v>
      </c>
      <c r="T1410" s="67" t="s">
        <v>7127</v>
      </c>
      <c r="U1410" s="75" t="s">
        <v>5331</v>
      </c>
      <c r="V1410" s="47" t="s">
        <v>5331</v>
      </c>
      <c r="W1410" s="47" t="s">
        <v>5331</v>
      </c>
      <c r="X1410" s="47" t="s">
        <v>5331</v>
      </c>
      <c r="Y1410" s="47" t="s">
        <v>5331</v>
      </c>
      <c r="Z1410" s="28"/>
      <c r="AA1410" s="27"/>
      <c r="AB1410" s="27"/>
      <c r="AC1410" s="27"/>
      <c r="AD1410" s="30"/>
      <c r="AE1410" s="1"/>
      <c r="AF1410" s="23" t="s">
        <v>5331</v>
      </c>
      <c r="AG1410" s="26"/>
      <c r="AH1410" s="53"/>
    </row>
    <row r="1411" spans="1:34" ht="51.6" customHeight="1" x14ac:dyDescent="0.45">
      <c r="A1411" s="23">
        <v>1405</v>
      </c>
      <c r="B1411" s="25"/>
      <c r="C1411" s="25"/>
      <c r="D1411" s="29"/>
      <c r="E1411" s="1"/>
      <c r="F1411" s="1"/>
      <c r="G1411" s="25"/>
      <c r="H1411" s="71"/>
      <c r="I1411" s="83"/>
      <c r="J1411" s="50" t="str">
        <f t="shared" si="44"/>
        <v/>
      </c>
      <c r="K1411" s="23" t="s">
        <v>7120</v>
      </c>
      <c r="L1411" s="49" t="e">
        <f>VLOOKUP(E1411&amp;F1411,団体コード!$A$1:$C$1743,3,FALSE)</f>
        <v>#N/A</v>
      </c>
      <c r="M1411" s="49" t="e">
        <f>VLOOKUP(E1411&amp;F1411,団体コード!$A$1:$C$1743,2,FALSE)</f>
        <v>#N/A</v>
      </c>
      <c r="N1411" s="51" t="e">
        <f>VLOOKUP(E1411,団体コード!$E$1:$F$48,2,FALSE)</f>
        <v>#N/A</v>
      </c>
      <c r="O1411" s="51" t="e">
        <f t="shared" si="45"/>
        <v>#N/A</v>
      </c>
      <c r="P1411" s="51">
        <v>1</v>
      </c>
      <c r="Q1411" s="51" t="s">
        <v>5341</v>
      </c>
      <c r="R1411" s="54" t="b">
        <v>1</v>
      </c>
      <c r="S1411" s="52" t="s">
        <v>7126</v>
      </c>
      <c r="T1411" s="67" t="s">
        <v>7127</v>
      </c>
      <c r="U1411" s="75" t="s">
        <v>5331</v>
      </c>
      <c r="V1411" s="47" t="s">
        <v>5331</v>
      </c>
      <c r="W1411" s="47" t="s">
        <v>5331</v>
      </c>
      <c r="X1411" s="47" t="s">
        <v>5331</v>
      </c>
      <c r="Y1411" s="47" t="s">
        <v>5331</v>
      </c>
      <c r="Z1411" s="28"/>
      <c r="AA1411" s="27"/>
      <c r="AB1411" s="27"/>
      <c r="AC1411" s="27"/>
      <c r="AD1411" s="30"/>
      <c r="AE1411" s="1"/>
      <c r="AF1411" s="23" t="s">
        <v>5331</v>
      </c>
      <c r="AG1411" s="26"/>
      <c r="AH1411" s="53"/>
    </row>
    <row r="1412" spans="1:34" ht="51.6" customHeight="1" x14ac:dyDescent="0.45">
      <c r="A1412" s="23">
        <v>1406</v>
      </c>
      <c r="B1412" s="25"/>
      <c r="C1412" s="25"/>
      <c r="D1412" s="29"/>
      <c r="E1412" s="1"/>
      <c r="F1412" s="1"/>
      <c r="G1412" s="25"/>
      <c r="H1412" s="71"/>
      <c r="I1412" s="83"/>
      <c r="J1412" s="50" t="str">
        <f t="shared" si="44"/>
        <v/>
      </c>
      <c r="K1412" s="23" t="s">
        <v>7120</v>
      </c>
      <c r="L1412" s="49" t="e">
        <f>VLOOKUP(E1412&amp;F1412,団体コード!$A$1:$C$1743,3,FALSE)</f>
        <v>#N/A</v>
      </c>
      <c r="M1412" s="49" t="e">
        <f>VLOOKUP(E1412&amp;F1412,団体コード!$A$1:$C$1743,2,FALSE)</f>
        <v>#N/A</v>
      </c>
      <c r="N1412" s="51" t="e">
        <f>VLOOKUP(E1412,団体コード!$E$1:$F$48,2,FALSE)</f>
        <v>#N/A</v>
      </c>
      <c r="O1412" s="51" t="e">
        <f t="shared" si="45"/>
        <v>#N/A</v>
      </c>
      <c r="P1412" s="51">
        <v>1</v>
      </c>
      <c r="Q1412" s="51" t="s">
        <v>5341</v>
      </c>
      <c r="R1412" s="54" t="b">
        <v>1</v>
      </c>
      <c r="S1412" s="52" t="s">
        <v>7126</v>
      </c>
      <c r="T1412" s="67" t="s">
        <v>7127</v>
      </c>
      <c r="U1412" s="75" t="s">
        <v>5331</v>
      </c>
      <c r="V1412" s="47" t="s">
        <v>5331</v>
      </c>
      <c r="W1412" s="47" t="s">
        <v>5331</v>
      </c>
      <c r="X1412" s="47" t="s">
        <v>5331</v>
      </c>
      <c r="Y1412" s="47" t="s">
        <v>5331</v>
      </c>
      <c r="Z1412" s="28"/>
      <c r="AA1412" s="27"/>
      <c r="AB1412" s="27"/>
      <c r="AC1412" s="27"/>
      <c r="AD1412" s="30"/>
      <c r="AE1412" s="1"/>
      <c r="AF1412" s="23" t="s">
        <v>5331</v>
      </c>
      <c r="AG1412" s="26"/>
      <c r="AH1412" s="53"/>
    </row>
    <row r="1413" spans="1:34" ht="51.6" customHeight="1" x14ac:dyDescent="0.45">
      <c r="A1413" s="23">
        <v>1407</v>
      </c>
      <c r="B1413" s="25"/>
      <c r="C1413" s="25"/>
      <c r="D1413" s="29"/>
      <c r="E1413" s="1"/>
      <c r="F1413" s="1"/>
      <c r="G1413" s="25"/>
      <c r="H1413" s="71"/>
      <c r="I1413" s="83"/>
      <c r="J1413" s="50" t="str">
        <f t="shared" si="44"/>
        <v/>
      </c>
      <c r="K1413" s="23" t="s">
        <v>7120</v>
      </c>
      <c r="L1413" s="49" t="e">
        <f>VLOOKUP(E1413&amp;F1413,団体コード!$A$1:$C$1743,3,FALSE)</f>
        <v>#N/A</v>
      </c>
      <c r="M1413" s="49" t="e">
        <f>VLOOKUP(E1413&amp;F1413,団体コード!$A$1:$C$1743,2,FALSE)</f>
        <v>#N/A</v>
      </c>
      <c r="N1413" s="51" t="e">
        <f>VLOOKUP(E1413,団体コード!$E$1:$F$48,2,FALSE)</f>
        <v>#N/A</v>
      </c>
      <c r="O1413" s="51" t="e">
        <f t="shared" si="45"/>
        <v>#N/A</v>
      </c>
      <c r="P1413" s="51">
        <v>1</v>
      </c>
      <c r="Q1413" s="51" t="s">
        <v>5341</v>
      </c>
      <c r="R1413" s="54" t="b">
        <v>1</v>
      </c>
      <c r="S1413" s="52" t="s">
        <v>7126</v>
      </c>
      <c r="T1413" s="67" t="s">
        <v>7127</v>
      </c>
      <c r="U1413" s="75" t="s">
        <v>5331</v>
      </c>
      <c r="V1413" s="47" t="s">
        <v>5331</v>
      </c>
      <c r="W1413" s="47" t="s">
        <v>5331</v>
      </c>
      <c r="X1413" s="47" t="s">
        <v>5331</v>
      </c>
      <c r="Y1413" s="47" t="s">
        <v>5331</v>
      </c>
      <c r="Z1413" s="28"/>
      <c r="AA1413" s="27"/>
      <c r="AB1413" s="27"/>
      <c r="AC1413" s="27"/>
      <c r="AD1413" s="30"/>
      <c r="AE1413" s="1"/>
      <c r="AF1413" s="23" t="s">
        <v>5331</v>
      </c>
      <c r="AG1413" s="26"/>
      <c r="AH1413" s="53"/>
    </row>
    <row r="1414" spans="1:34" ht="51.6" customHeight="1" x14ac:dyDescent="0.45">
      <c r="A1414" s="23">
        <v>1408</v>
      </c>
      <c r="B1414" s="25"/>
      <c r="C1414" s="25"/>
      <c r="D1414" s="29"/>
      <c r="E1414" s="1"/>
      <c r="F1414" s="1"/>
      <c r="G1414" s="25"/>
      <c r="H1414" s="71"/>
      <c r="I1414" s="83"/>
      <c r="J1414" s="50" t="str">
        <f t="shared" si="44"/>
        <v/>
      </c>
      <c r="K1414" s="23" t="s">
        <v>7120</v>
      </c>
      <c r="L1414" s="49" t="e">
        <f>VLOOKUP(E1414&amp;F1414,団体コード!$A$1:$C$1743,3,FALSE)</f>
        <v>#N/A</v>
      </c>
      <c r="M1414" s="49" t="e">
        <f>VLOOKUP(E1414&amp;F1414,団体コード!$A$1:$C$1743,2,FALSE)</f>
        <v>#N/A</v>
      </c>
      <c r="N1414" s="51" t="e">
        <f>VLOOKUP(E1414,団体コード!$E$1:$F$48,2,FALSE)</f>
        <v>#N/A</v>
      </c>
      <c r="O1414" s="51" t="e">
        <f t="shared" si="45"/>
        <v>#N/A</v>
      </c>
      <c r="P1414" s="51">
        <v>1</v>
      </c>
      <c r="Q1414" s="51" t="s">
        <v>5341</v>
      </c>
      <c r="R1414" s="54" t="b">
        <v>1</v>
      </c>
      <c r="S1414" s="52" t="s">
        <v>7126</v>
      </c>
      <c r="T1414" s="67" t="s">
        <v>7127</v>
      </c>
      <c r="U1414" s="75" t="s">
        <v>5331</v>
      </c>
      <c r="V1414" s="47" t="s">
        <v>5331</v>
      </c>
      <c r="W1414" s="47" t="s">
        <v>5331</v>
      </c>
      <c r="X1414" s="47" t="s">
        <v>5331</v>
      </c>
      <c r="Y1414" s="47" t="s">
        <v>5331</v>
      </c>
      <c r="Z1414" s="28"/>
      <c r="AA1414" s="27"/>
      <c r="AB1414" s="27"/>
      <c r="AC1414" s="27"/>
      <c r="AD1414" s="30"/>
      <c r="AE1414" s="1"/>
      <c r="AF1414" s="23" t="s">
        <v>5331</v>
      </c>
      <c r="AG1414" s="26"/>
      <c r="AH1414" s="53"/>
    </row>
    <row r="1415" spans="1:34" ht="51.6" customHeight="1" x14ac:dyDescent="0.45">
      <c r="A1415" s="23">
        <v>1409</v>
      </c>
      <c r="B1415" s="25"/>
      <c r="C1415" s="25"/>
      <c r="D1415" s="29"/>
      <c r="E1415" s="1"/>
      <c r="F1415" s="1"/>
      <c r="G1415" s="25"/>
      <c r="H1415" s="71"/>
      <c r="I1415" s="83"/>
      <c r="J1415" s="50" t="str">
        <f t="shared" si="44"/>
        <v/>
      </c>
      <c r="K1415" s="23" t="s">
        <v>7120</v>
      </c>
      <c r="L1415" s="49" t="e">
        <f>VLOOKUP(E1415&amp;F1415,団体コード!$A$1:$C$1743,3,FALSE)</f>
        <v>#N/A</v>
      </c>
      <c r="M1415" s="49" t="e">
        <f>VLOOKUP(E1415&amp;F1415,団体コード!$A$1:$C$1743,2,FALSE)</f>
        <v>#N/A</v>
      </c>
      <c r="N1415" s="51" t="e">
        <f>VLOOKUP(E1415,団体コード!$E$1:$F$48,2,FALSE)</f>
        <v>#N/A</v>
      </c>
      <c r="O1415" s="51" t="e">
        <f t="shared" si="45"/>
        <v>#N/A</v>
      </c>
      <c r="P1415" s="51">
        <v>1</v>
      </c>
      <c r="Q1415" s="51" t="s">
        <v>5341</v>
      </c>
      <c r="R1415" s="54" t="b">
        <v>1</v>
      </c>
      <c r="S1415" s="52" t="s">
        <v>7126</v>
      </c>
      <c r="T1415" s="67" t="s">
        <v>7127</v>
      </c>
      <c r="U1415" s="75" t="s">
        <v>5331</v>
      </c>
      <c r="V1415" s="47" t="s">
        <v>5331</v>
      </c>
      <c r="W1415" s="47" t="s">
        <v>5331</v>
      </c>
      <c r="X1415" s="47" t="s">
        <v>5331</v>
      </c>
      <c r="Y1415" s="47" t="s">
        <v>5331</v>
      </c>
      <c r="Z1415" s="28"/>
      <c r="AA1415" s="27"/>
      <c r="AB1415" s="27"/>
      <c r="AC1415" s="27"/>
      <c r="AD1415" s="30"/>
      <c r="AE1415" s="1"/>
      <c r="AF1415" s="23" t="s">
        <v>5331</v>
      </c>
      <c r="AG1415" s="26"/>
      <c r="AH1415" s="53"/>
    </row>
    <row r="1416" spans="1:34" ht="51.6" customHeight="1" x14ac:dyDescent="0.45">
      <c r="A1416" s="23">
        <v>1410</v>
      </c>
      <c r="B1416" s="25"/>
      <c r="C1416" s="25"/>
      <c r="D1416" s="29"/>
      <c r="E1416" s="1"/>
      <c r="F1416" s="1"/>
      <c r="G1416" s="25"/>
      <c r="H1416" s="71"/>
      <c r="I1416" s="83"/>
      <c r="J1416" s="50" t="str">
        <f t="shared" ref="J1416:J1479" si="46">E1416&amp;F1416&amp;G1416</f>
        <v/>
      </c>
      <c r="K1416" s="23" t="s">
        <v>7120</v>
      </c>
      <c r="L1416" s="49" t="e">
        <f>VLOOKUP(E1416&amp;F1416,団体コード!$A$1:$C$1743,3,FALSE)</f>
        <v>#N/A</v>
      </c>
      <c r="M1416" s="49" t="e">
        <f>VLOOKUP(E1416&amp;F1416,団体コード!$A$1:$C$1743,2,FALSE)</f>
        <v>#N/A</v>
      </c>
      <c r="N1416" s="51" t="e">
        <f>VLOOKUP(E1416,団体コード!$E$1:$F$48,2,FALSE)</f>
        <v>#N/A</v>
      </c>
      <c r="O1416" s="51" t="e">
        <f t="shared" ref="O1416:O1479" si="47">N1416</f>
        <v>#N/A</v>
      </c>
      <c r="P1416" s="51">
        <v>1</v>
      </c>
      <c r="Q1416" s="51" t="s">
        <v>5341</v>
      </c>
      <c r="R1416" s="54" t="b">
        <v>1</v>
      </c>
      <c r="S1416" s="52" t="s">
        <v>7126</v>
      </c>
      <c r="T1416" s="67" t="s">
        <v>7127</v>
      </c>
      <c r="U1416" s="75" t="s">
        <v>5331</v>
      </c>
      <c r="V1416" s="47" t="s">
        <v>5331</v>
      </c>
      <c r="W1416" s="47" t="s">
        <v>5331</v>
      </c>
      <c r="X1416" s="47" t="s">
        <v>5331</v>
      </c>
      <c r="Y1416" s="47" t="s">
        <v>5331</v>
      </c>
      <c r="Z1416" s="28"/>
      <c r="AA1416" s="27"/>
      <c r="AB1416" s="27"/>
      <c r="AC1416" s="27"/>
      <c r="AD1416" s="30"/>
      <c r="AE1416" s="1"/>
      <c r="AF1416" s="23" t="s">
        <v>5331</v>
      </c>
      <c r="AG1416" s="26"/>
      <c r="AH1416" s="53"/>
    </row>
    <row r="1417" spans="1:34" ht="51.6" customHeight="1" x14ac:dyDescent="0.45">
      <c r="A1417" s="23">
        <v>1411</v>
      </c>
      <c r="B1417" s="25"/>
      <c r="C1417" s="25"/>
      <c r="D1417" s="29"/>
      <c r="E1417" s="1"/>
      <c r="F1417" s="1"/>
      <c r="G1417" s="25"/>
      <c r="H1417" s="71"/>
      <c r="I1417" s="83"/>
      <c r="J1417" s="50" t="str">
        <f t="shared" si="46"/>
        <v/>
      </c>
      <c r="K1417" s="23" t="s">
        <v>7120</v>
      </c>
      <c r="L1417" s="49" t="e">
        <f>VLOOKUP(E1417&amp;F1417,団体コード!$A$1:$C$1743,3,FALSE)</f>
        <v>#N/A</v>
      </c>
      <c r="M1417" s="49" t="e">
        <f>VLOOKUP(E1417&amp;F1417,団体コード!$A$1:$C$1743,2,FALSE)</f>
        <v>#N/A</v>
      </c>
      <c r="N1417" s="51" t="e">
        <f>VLOOKUP(E1417,団体コード!$E$1:$F$48,2,FALSE)</f>
        <v>#N/A</v>
      </c>
      <c r="O1417" s="51" t="e">
        <f t="shared" si="47"/>
        <v>#N/A</v>
      </c>
      <c r="P1417" s="51">
        <v>1</v>
      </c>
      <c r="Q1417" s="51" t="s">
        <v>5341</v>
      </c>
      <c r="R1417" s="54" t="b">
        <v>1</v>
      </c>
      <c r="S1417" s="52" t="s">
        <v>7126</v>
      </c>
      <c r="T1417" s="67" t="s">
        <v>7127</v>
      </c>
      <c r="U1417" s="75" t="s">
        <v>5331</v>
      </c>
      <c r="V1417" s="47" t="s">
        <v>5331</v>
      </c>
      <c r="W1417" s="47" t="s">
        <v>5331</v>
      </c>
      <c r="X1417" s="47" t="s">
        <v>5331</v>
      </c>
      <c r="Y1417" s="47" t="s">
        <v>5331</v>
      </c>
      <c r="Z1417" s="28"/>
      <c r="AA1417" s="27"/>
      <c r="AB1417" s="27"/>
      <c r="AC1417" s="27"/>
      <c r="AD1417" s="30"/>
      <c r="AE1417" s="1"/>
      <c r="AF1417" s="23" t="s">
        <v>5331</v>
      </c>
      <c r="AG1417" s="26"/>
      <c r="AH1417" s="53"/>
    </row>
    <row r="1418" spans="1:34" ht="51.6" customHeight="1" x14ac:dyDescent="0.45">
      <c r="A1418" s="23">
        <v>1412</v>
      </c>
      <c r="B1418" s="25"/>
      <c r="C1418" s="25"/>
      <c r="D1418" s="29"/>
      <c r="E1418" s="1"/>
      <c r="F1418" s="1"/>
      <c r="G1418" s="25"/>
      <c r="H1418" s="71"/>
      <c r="I1418" s="83"/>
      <c r="J1418" s="50" t="str">
        <f t="shared" si="46"/>
        <v/>
      </c>
      <c r="K1418" s="23" t="s">
        <v>7120</v>
      </c>
      <c r="L1418" s="49" t="e">
        <f>VLOOKUP(E1418&amp;F1418,団体コード!$A$1:$C$1743,3,FALSE)</f>
        <v>#N/A</v>
      </c>
      <c r="M1418" s="49" t="e">
        <f>VLOOKUP(E1418&amp;F1418,団体コード!$A$1:$C$1743,2,FALSE)</f>
        <v>#N/A</v>
      </c>
      <c r="N1418" s="51" t="e">
        <f>VLOOKUP(E1418,団体コード!$E$1:$F$48,2,FALSE)</f>
        <v>#N/A</v>
      </c>
      <c r="O1418" s="51" t="e">
        <f t="shared" si="47"/>
        <v>#N/A</v>
      </c>
      <c r="P1418" s="51">
        <v>1</v>
      </c>
      <c r="Q1418" s="51" t="s">
        <v>5341</v>
      </c>
      <c r="R1418" s="54" t="b">
        <v>1</v>
      </c>
      <c r="S1418" s="52" t="s">
        <v>7126</v>
      </c>
      <c r="T1418" s="67" t="s">
        <v>7127</v>
      </c>
      <c r="U1418" s="75" t="s">
        <v>5331</v>
      </c>
      <c r="V1418" s="47" t="s">
        <v>5331</v>
      </c>
      <c r="W1418" s="47" t="s">
        <v>5331</v>
      </c>
      <c r="X1418" s="47" t="s">
        <v>5331</v>
      </c>
      <c r="Y1418" s="47" t="s">
        <v>5331</v>
      </c>
      <c r="Z1418" s="28"/>
      <c r="AA1418" s="27"/>
      <c r="AB1418" s="27"/>
      <c r="AC1418" s="27"/>
      <c r="AD1418" s="30"/>
      <c r="AE1418" s="1"/>
      <c r="AF1418" s="23" t="s">
        <v>5331</v>
      </c>
      <c r="AG1418" s="26"/>
      <c r="AH1418" s="53"/>
    </row>
    <row r="1419" spans="1:34" ht="51.6" customHeight="1" x14ac:dyDescent="0.45">
      <c r="A1419" s="23">
        <v>1413</v>
      </c>
      <c r="B1419" s="25"/>
      <c r="C1419" s="25"/>
      <c r="D1419" s="29"/>
      <c r="E1419" s="1"/>
      <c r="F1419" s="1"/>
      <c r="G1419" s="25"/>
      <c r="H1419" s="71"/>
      <c r="I1419" s="83"/>
      <c r="J1419" s="50" t="str">
        <f t="shared" si="46"/>
        <v/>
      </c>
      <c r="K1419" s="23" t="s">
        <v>7120</v>
      </c>
      <c r="L1419" s="49" t="e">
        <f>VLOOKUP(E1419&amp;F1419,団体コード!$A$1:$C$1743,3,FALSE)</f>
        <v>#N/A</v>
      </c>
      <c r="M1419" s="49" t="e">
        <f>VLOOKUP(E1419&amp;F1419,団体コード!$A$1:$C$1743,2,FALSE)</f>
        <v>#N/A</v>
      </c>
      <c r="N1419" s="51" t="e">
        <f>VLOOKUP(E1419,団体コード!$E$1:$F$48,2,FALSE)</f>
        <v>#N/A</v>
      </c>
      <c r="O1419" s="51" t="e">
        <f t="shared" si="47"/>
        <v>#N/A</v>
      </c>
      <c r="P1419" s="51">
        <v>1</v>
      </c>
      <c r="Q1419" s="51" t="s">
        <v>5341</v>
      </c>
      <c r="R1419" s="54" t="b">
        <v>1</v>
      </c>
      <c r="S1419" s="52" t="s">
        <v>7126</v>
      </c>
      <c r="T1419" s="67" t="s">
        <v>7127</v>
      </c>
      <c r="U1419" s="75" t="s">
        <v>5331</v>
      </c>
      <c r="V1419" s="47" t="s">
        <v>5331</v>
      </c>
      <c r="W1419" s="47" t="s">
        <v>5331</v>
      </c>
      <c r="X1419" s="47" t="s">
        <v>5331</v>
      </c>
      <c r="Y1419" s="47" t="s">
        <v>5331</v>
      </c>
      <c r="Z1419" s="28"/>
      <c r="AA1419" s="27"/>
      <c r="AB1419" s="27"/>
      <c r="AC1419" s="27"/>
      <c r="AD1419" s="30"/>
      <c r="AE1419" s="1"/>
      <c r="AF1419" s="23" t="s">
        <v>5331</v>
      </c>
      <c r="AG1419" s="26"/>
      <c r="AH1419" s="53"/>
    </row>
    <row r="1420" spans="1:34" ht="51.6" customHeight="1" x14ac:dyDescent="0.45">
      <c r="A1420" s="23">
        <v>1414</v>
      </c>
      <c r="B1420" s="25"/>
      <c r="C1420" s="25"/>
      <c r="D1420" s="29"/>
      <c r="E1420" s="1"/>
      <c r="F1420" s="1"/>
      <c r="G1420" s="25"/>
      <c r="H1420" s="71"/>
      <c r="I1420" s="83"/>
      <c r="J1420" s="50" t="str">
        <f t="shared" si="46"/>
        <v/>
      </c>
      <c r="K1420" s="23" t="s">
        <v>7120</v>
      </c>
      <c r="L1420" s="49" t="e">
        <f>VLOOKUP(E1420&amp;F1420,団体コード!$A$1:$C$1743,3,FALSE)</f>
        <v>#N/A</v>
      </c>
      <c r="M1420" s="49" t="e">
        <f>VLOOKUP(E1420&amp;F1420,団体コード!$A$1:$C$1743,2,FALSE)</f>
        <v>#N/A</v>
      </c>
      <c r="N1420" s="51" t="e">
        <f>VLOOKUP(E1420,団体コード!$E$1:$F$48,2,FALSE)</f>
        <v>#N/A</v>
      </c>
      <c r="O1420" s="51" t="e">
        <f t="shared" si="47"/>
        <v>#N/A</v>
      </c>
      <c r="P1420" s="51">
        <v>1</v>
      </c>
      <c r="Q1420" s="51" t="s">
        <v>5341</v>
      </c>
      <c r="R1420" s="54" t="b">
        <v>1</v>
      </c>
      <c r="S1420" s="52" t="s">
        <v>7126</v>
      </c>
      <c r="T1420" s="67" t="s">
        <v>7127</v>
      </c>
      <c r="U1420" s="75" t="s">
        <v>5331</v>
      </c>
      <c r="V1420" s="47" t="s">
        <v>5331</v>
      </c>
      <c r="W1420" s="47" t="s">
        <v>5331</v>
      </c>
      <c r="X1420" s="47" t="s">
        <v>5331</v>
      </c>
      <c r="Y1420" s="47" t="s">
        <v>5331</v>
      </c>
      <c r="Z1420" s="28"/>
      <c r="AA1420" s="27"/>
      <c r="AB1420" s="27"/>
      <c r="AC1420" s="27"/>
      <c r="AD1420" s="30"/>
      <c r="AE1420" s="1"/>
      <c r="AF1420" s="23" t="s">
        <v>5331</v>
      </c>
      <c r="AG1420" s="26"/>
      <c r="AH1420" s="53"/>
    </row>
    <row r="1421" spans="1:34" ht="51.6" customHeight="1" x14ac:dyDescent="0.45">
      <c r="A1421" s="23">
        <v>1415</v>
      </c>
      <c r="B1421" s="25"/>
      <c r="C1421" s="25"/>
      <c r="D1421" s="29"/>
      <c r="E1421" s="1"/>
      <c r="F1421" s="1"/>
      <c r="G1421" s="25"/>
      <c r="H1421" s="71"/>
      <c r="I1421" s="83"/>
      <c r="J1421" s="50" t="str">
        <f t="shared" si="46"/>
        <v/>
      </c>
      <c r="K1421" s="23" t="s">
        <v>7120</v>
      </c>
      <c r="L1421" s="49" t="e">
        <f>VLOOKUP(E1421&amp;F1421,団体コード!$A$1:$C$1743,3,FALSE)</f>
        <v>#N/A</v>
      </c>
      <c r="M1421" s="49" t="e">
        <f>VLOOKUP(E1421&amp;F1421,団体コード!$A$1:$C$1743,2,FALSE)</f>
        <v>#N/A</v>
      </c>
      <c r="N1421" s="51" t="e">
        <f>VLOOKUP(E1421,団体コード!$E$1:$F$48,2,FALSE)</f>
        <v>#N/A</v>
      </c>
      <c r="O1421" s="51" t="e">
        <f t="shared" si="47"/>
        <v>#N/A</v>
      </c>
      <c r="P1421" s="51">
        <v>1</v>
      </c>
      <c r="Q1421" s="51" t="s">
        <v>5341</v>
      </c>
      <c r="R1421" s="54" t="b">
        <v>1</v>
      </c>
      <c r="S1421" s="52" t="s">
        <v>7126</v>
      </c>
      <c r="T1421" s="67" t="s">
        <v>7127</v>
      </c>
      <c r="U1421" s="75" t="s">
        <v>5331</v>
      </c>
      <c r="V1421" s="47" t="s">
        <v>5331</v>
      </c>
      <c r="W1421" s="47" t="s">
        <v>5331</v>
      </c>
      <c r="X1421" s="47" t="s">
        <v>5331</v>
      </c>
      <c r="Y1421" s="47" t="s">
        <v>5331</v>
      </c>
      <c r="Z1421" s="28"/>
      <c r="AA1421" s="27"/>
      <c r="AB1421" s="27"/>
      <c r="AC1421" s="27"/>
      <c r="AD1421" s="30"/>
      <c r="AE1421" s="1"/>
      <c r="AF1421" s="23" t="s">
        <v>5331</v>
      </c>
      <c r="AG1421" s="26"/>
      <c r="AH1421" s="53"/>
    </row>
    <row r="1422" spans="1:34" ht="51.6" customHeight="1" x14ac:dyDescent="0.45">
      <c r="A1422" s="23">
        <v>1416</v>
      </c>
      <c r="B1422" s="25"/>
      <c r="C1422" s="25"/>
      <c r="D1422" s="29"/>
      <c r="E1422" s="1"/>
      <c r="F1422" s="1"/>
      <c r="G1422" s="25"/>
      <c r="H1422" s="71"/>
      <c r="I1422" s="83"/>
      <c r="J1422" s="50" t="str">
        <f t="shared" si="46"/>
        <v/>
      </c>
      <c r="K1422" s="23" t="s">
        <v>7120</v>
      </c>
      <c r="L1422" s="49" t="e">
        <f>VLOOKUP(E1422&amp;F1422,団体コード!$A$1:$C$1743,3,FALSE)</f>
        <v>#N/A</v>
      </c>
      <c r="M1422" s="49" t="e">
        <f>VLOOKUP(E1422&amp;F1422,団体コード!$A$1:$C$1743,2,FALSE)</f>
        <v>#N/A</v>
      </c>
      <c r="N1422" s="51" t="e">
        <f>VLOOKUP(E1422,団体コード!$E$1:$F$48,2,FALSE)</f>
        <v>#N/A</v>
      </c>
      <c r="O1422" s="51" t="e">
        <f t="shared" si="47"/>
        <v>#N/A</v>
      </c>
      <c r="P1422" s="51">
        <v>1</v>
      </c>
      <c r="Q1422" s="51" t="s">
        <v>5341</v>
      </c>
      <c r="R1422" s="54" t="b">
        <v>1</v>
      </c>
      <c r="S1422" s="52" t="s">
        <v>7126</v>
      </c>
      <c r="T1422" s="67" t="s">
        <v>7127</v>
      </c>
      <c r="U1422" s="75" t="s">
        <v>5331</v>
      </c>
      <c r="V1422" s="47" t="s">
        <v>5331</v>
      </c>
      <c r="W1422" s="47" t="s">
        <v>5331</v>
      </c>
      <c r="X1422" s="47" t="s">
        <v>5331</v>
      </c>
      <c r="Y1422" s="47" t="s">
        <v>5331</v>
      </c>
      <c r="Z1422" s="28"/>
      <c r="AA1422" s="27"/>
      <c r="AB1422" s="27"/>
      <c r="AC1422" s="27"/>
      <c r="AD1422" s="30"/>
      <c r="AE1422" s="1"/>
      <c r="AF1422" s="23" t="s">
        <v>5331</v>
      </c>
      <c r="AG1422" s="26"/>
      <c r="AH1422" s="53"/>
    </row>
    <row r="1423" spans="1:34" ht="51.6" customHeight="1" x14ac:dyDescent="0.45">
      <c r="A1423" s="23">
        <v>1417</v>
      </c>
      <c r="B1423" s="25"/>
      <c r="C1423" s="25"/>
      <c r="D1423" s="29"/>
      <c r="E1423" s="1"/>
      <c r="F1423" s="1"/>
      <c r="G1423" s="25"/>
      <c r="H1423" s="71"/>
      <c r="I1423" s="83"/>
      <c r="J1423" s="50" t="str">
        <f t="shared" si="46"/>
        <v/>
      </c>
      <c r="K1423" s="23" t="s">
        <v>7120</v>
      </c>
      <c r="L1423" s="49" t="e">
        <f>VLOOKUP(E1423&amp;F1423,団体コード!$A$1:$C$1743,3,FALSE)</f>
        <v>#N/A</v>
      </c>
      <c r="M1423" s="49" t="e">
        <f>VLOOKUP(E1423&amp;F1423,団体コード!$A$1:$C$1743,2,FALSE)</f>
        <v>#N/A</v>
      </c>
      <c r="N1423" s="51" t="e">
        <f>VLOOKUP(E1423,団体コード!$E$1:$F$48,2,FALSE)</f>
        <v>#N/A</v>
      </c>
      <c r="O1423" s="51" t="e">
        <f t="shared" si="47"/>
        <v>#N/A</v>
      </c>
      <c r="P1423" s="51">
        <v>1</v>
      </c>
      <c r="Q1423" s="51" t="s">
        <v>5341</v>
      </c>
      <c r="R1423" s="54" t="b">
        <v>1</v>
      </c>
      <c r="S1423" s="52" t="s">
        <v>7126</v>
      </c>
      <c r="T1423" s="67" t="s">
        <v>7127</v>
      </c>
      <c r="U1423" s="75" t="s">
        <v>5331</v>
      </c>
      <c r="V1423" s="47" t="s">
        <v>5331</v>
      </c>
      <c r="W1423" s="47" t="s">
        <v>5331</v>
      </c>
      <c r="X1423" s="47" t="s">
        <v>5331</v>
      </c>
      <c r="Y1423" s="47" t="s">
        <v>5331</v>
      </c>
      <c r="Z1423" s="28"/>
      <c r="AA1423" s="27"/>
      <c r="AB1423" s="27"/>
      <c r="AC1423" s="27"/>
      <c r="AD1423" s="30"/>
      <c r="AE1423" s="1"/>
      <c r="AF1423" s="23" t="s">
        <v>5331</v>
      </c>
      <c r="AG1423" s="26"/>
      <c r="AH1423" s="53"/>
    </row>
    <row r="1424" spans="1:34" ht="51.6" customHeight="1" x14ac:dyDescent="0.45">
      <c r="A1424" s="23">
        <v>1418</v>
      </c>
      <c r="B1424" s="25"/>
      <c r="C1424" s="25"/>
      <c r="D1424" s="29"/>
      <c r="E1424" s="1"/>
      <c r="F1424" s="1"/>
      <c r="G1424" s="25"/>
      <c r="H1424" s="71"/>
      <c r="I1424" s="83"/>
      <c r="J1424" s="50" t="str">
        <f t="shared" si="46"/>
        <v/>
      </c>
      <c r="K1424" s="23" t="s">
        <v>7120</v>
      </c>
      <c r="L1424" s="49" t="e">
        <f>VLOOKUP(E1424&amp;F1424,団体コード!$A$1:$C$1743,3,FALSE)</f>
        <v>#N/A</v>
      </c>
      <c r="M1424" s="49" t="e">
        <f>VLOOKUP(E1424&amp;F1424,団体コード!$A$1:$C$1743,2,FALSE)</f>
        <v>#N/A</v>
      </c>
      <c r="N1424" s="51" t="e">
        <f>VLOOKUP(E1424,団体コード!$E$1:$F$48,2,FALSE)</f>
        <v>#N/A</v>
      </c>
      <c r="O1424" s="51" t="e">
        <f t="shared" si="47"/>
        <v>#N/A</v>
      </c>
      <c r="P1424" s="51">
        <v>1</v>
      </c>
      <c r="Q1424" s="51" t="s">
        <v>5341</v>
      </c>
      <c r="R1424" s="54" t="b">
        <v>1</v>
      </c>
      <c r="S1424" s="52" t="s">
        <v>7126</v>
      </c>
      <c r="T1424" s="67" t="s">
        <v>7127</v>
      </c>
      <c r="U1424" s="75" t="s">
        <v>5331</v>
      </c>
      <c r="V1424" s="47" t="s">
        <v>5331</v>
      </c>
      <c r="W1424" s="47" t="s">
        <v>5331</v>
      </c>
      <c r="X1424" s="47" t="s">
        <v>5331</v>
      </c>
      <c r="Y1424" s="47" t="s">
        <v>5331</v>
      </c>
      <c r="Z1424" s="28"/>
      <c r="AA1424" s="27"/>
      <c r="AB1424" s="27"/>
      <c r="AC1424" s="27"/>
      <c r="AD1424" s="30"/>
      <c r="AE1424" s="1"/>
      <c r="AF1424" s="23" t="s">
        <v>5331</v>
      </c>
      <c r="AG1424" s="26"/>
      <c r="AH1424" s="53"/>
    </row>
    <row r="1425" spans="1:34" ht="51.6" customHeight="1" x14ac:dyDescent="0.45">
      <c r="A1425" s="23">
        <v>1419</v>
      </c>
      <c r="B1425" s="25"/>
      <c r="C1425" s="25"/>
      <c r="D1425" s="29"/>
      <c r="E1425" s="1"/>
      <c r="F1425" s="1"/>
      <c r="G1425" s="25"/>
      <c r="H1425" s="71"/>
      <c r="I1425" s="83"/>
      <c r="J1425" s="50" t="str">
        <f t="shared" si="46"/>
        <v/>
      </c>
      <c r="K1425" s="23" t="s">
        <v>7120</v>
      </c>
      <c r="L1425" s="49" t="e">
        <f>VLOOKUP(E1425&amp;F1425,団体コード!$A$1:$C$1743,3,FALSE)</f>
        <v>#N/A</v>
      </c>
      <c r="M1425" s="49" t="e">
        <f>VLOOKUP(E1425&amp;F1425,団体コード!$A$1:$C$1743,2,FALSE)</f>
        <v>#N/A</v>
      </c>
      <c r="N1425" s="51" t="e">
        <f>VLOOKUP(E1425,団体コード!$E$1:$F$48,2,FALSE)</f>
        <v>#N/A</v>
      </c>
      <c r="O1425" s="51" t="e">
        <f t="shared" si="47"/>
        <v>#N/A</v>
      </c>
      <c r="P1425" s="51">
        <v>1</v>
      </c>
      <c r="Q1425" s="51" t="s">
        <v>5341</v>
      </c>
      <c r="R1425" s="54" t="b">
        <v>1</v>
      </c>
      <c r="S1425" s="52" t="s">
        <v>7126</v>
      </c>
      <c r="T1425" s="67" t="s">
        <v>7127</v>
      </c>
      <c r="U1425" s="75" t="s">
        <v>5331</v>
      </c>
      <c r="V1425" s="47" t="s">
        <v>5331</v>
      </c>
      <c r="W1425" s="47" t="s">
        <v>5331</v>
      </c>
      <c r="X1425" s="47" t="s">
        <v>5331</v>
      </c>
      <c r="Y1425" s="47" t="s">
        <v>5331</v>
      </c>
      <c r="Z1425" s="28"/>
      <c r="AA1425" s="27"/>
      <c r="AB1425" s="27"/>
      <c r="AC1425" s="27"/>
      <c r="AD1425" s="30"/>
      <c r="AE1425" s="1"/>
      <c r="AF1425" s="23" t="s">
        <v>5331</v>
      </c>
      <c r="AG1425" s="26"/>
      <c r="AH1425" s="53"/>
    </row>
    <row r="1426" spans="1:34" ht="51.6" customHeight="1" x14ac:dyDescent="0.45">
      <c r="A1426" s="23">
        <v>1420</v>
      </c>
      <c r="B1426" s="25"/>
      <c r="C1426" s="25"/>
      <c r="D1426" s="29"/>
      <c r="E1426" s="1"/>
      <c r="F1426" s="1"/>
      <c r="G1426" s="25"/>
      <c r="H1426" s="71"/>
      <c r="I1426" s="83"/>
      <c r="J1426" s="50" t="str">
        <f t="shared" si="46"/>
        <v/>
      </c>
      <c r="K1426" s="23" t="s">
        <v>7120</v>
      </c>
      <c r="L1426" s="49" t="e">
        <f>VLOOKUP(E1426&amp;F1426,団体コード!$A$1:$C$1743,3,FALSE)</f>
        <v>#N/A</v>
      </c>
      <c r="M1426" s="49" t="e">
        <f>VLOOKUP(E1426&amp;F1426,団体コード!$A$1:$C$1743,2,FALSE)</f>
        <v>#N/A</v>
      </c>
      <c r="N1426" s="51" t="e">
        <f>VLOOKUP(E1426,団体コード!$E$1:$F$48,2,FALSE)</f>
        <v>#N/A</v>
      </c>
      <c r="O1426" s="51" t="e">
        <f t="shared" si="47"/>
        <v>#N/A</v>
      </c>
      <c r="P1426" s="51">
        <v>1</v>
      </c>
      <c r="Q1426" s="51" t="s">
        <v>5341</v>
      </c>
      <c r="R1426" s="54" t="b">
        <v>1</v>
      </c>
      <c r="S1426" s="52" t="s">
        <v>7126</v>
      </c>
      <c r="T1426" s="67" t="s">
        <v>7127</v>
      </c>
      <c r="U1426" s="75" t="s">
        <v>5331</v>
      </c>
      <c r="V1426" s="47" t="s">
        <v>5331</v>
      </c>
      <c r="W1426" s="47" t="s">
        <v>5331</v>
      </c>
      <c r="X1426" s="47" t="s">
        <v>5331</v>
      </c>
      <c r="Y1426" s="47" t="s">
        <v>5331</v>
      </c>
      <c r="Z1426" s="28"/>
      <c r="AA1426" s="27"/>
      <c r="AB1426" s="27"/>
      <c r="AC1426" s="27"/>
      <c r="AD1426" s="30"/>
      <c r="AE1426" s="1"/>
      <c r="AF1426" s="23" t="s">
        <v>5331</v>
      </c>
      <c r="AG1426" s="26"/>
      <c r="AH1426" s="53"/>
    </row>
    <row r="1427" spans="1:34" ht="51.6" customHeight="1" x14ac:dyDescent="0.45">
      <c r="A1427" s="23">
        <v>1421</v>
      </c>
      <c r="B1427" s="25"/>
      <c r="C1427" s="25"/>
      <c r="D1427" s="29"/>
      <c r="E1427" s="1"/>
      <c r="F1427" s="1"/>
      <c r="G1427" s="25"/>
      <c r="H1427" s="71"/>
      <c r="I1427" s="83"/>
      <c r="J1427" s="50" t="str">
        <f t="shared" si="46"/>
        <v/>
      </c>
      <c r="K1427" s="23" t="s">
        <v>7120</v>
      </c>
      <c r="L1427" s="49" t="e">
        <f>VLOOKUP(E1427&amp;F1427,団体コード!$A$1:$C$1743,3,FALSE)</f>
        <v>#N/A</v>
      </c>
      <c r="M1427" s="49" t="e">
        <f>VLOOKUP(E1427&amp;F1427,団体コード!$A$1:$C$1743,2,FALSE)</f>
        <v>#N/A</v>
      </c>
      <c r="N1427" s="51" t="e">
        <f>VLOOKUP(E1427,団体コード!$E$1:$F$48,2,FALSE)</f>
        <v>#N/A</v>
      </c>
      <c r="O1427" s="51" t="e">
        <f t="shared" si="47"/>
        <v>#N/A</v>
      </c>
      <c r="P1427" s="51">
        <v>1</v>
      </c>
      <c r="Q1427" s="51" t="s">
        <v>5341</v>
      </c>
      <c r="R1427" s="54" t="b">
        <v>1</v>
      </c>
      <c r="S1427" s="52" t="s">
        <v>7126</v>
      </c>
      <c r="T1427" s="67" t="s">
        <v>7127</v>
      </c>
      <c r="U1427" s="75" t="s">
        <v>5331</v>
      </c>
      <c r="V1427" s="47" t="s">
        <v>5331</v>
      </c>
      <c r="W1427" s="47" t="s">
        <v>5331</v>
      </c>
      <c r="X1427" s="47" t="s">
        <v>5331</v>
      </c>
      <c r="Y1427" s="47" t="s">
        <v>5331</v>
      </c>
      <c r="Z1427" s="28"/>
      <c r="AA1427" s="27"/>
      <c r="AB1427" s="27"/>
      <c r="AC1427" s="27"/>
      <c r="AD1427" s="30"/>
      <c r="AE1427" s="1"/>
      <c r="AF1427" s="23" t="s">
        <v>5331</v>
      </c>
      <c r="AG1427" s="26"/>
      <c r="AH1427" s="53"/>
    </row>
    <row r="1428" spans="1:34" ht="51.6" customHeight="1" x14ac:dyDescent="0.45">
      <c r="A1428" s="23">
        <v>1422</v>
      </c>
      <c r="B1428" s="25"/>
      <c r="C1428" s="25"/>
      <c r="D1428" s="29"/>
      <c r="E1428" s="1"/>
      <c r="F1428" s="1"/>
      <c r="G1428" s="25"/>
      <c r="H1428" s="71"/>
      <c r="I1428" s="83"/>
      <c r="J1428" s="50" t="str">
        <f t="shared" si="46"/>
        <v/>
      </c>
      <c r="K1428" s="23" t="s">
        <v>7120</v>
      </c>
      <c r="L1428" s="49" t="e">
        <f>VLOOKUP(E1428&amp;F1428,団体コード!$A$1:$C$1743,3,FALSE)</f>
        <v>#N/A</v>
      </c>
      <c r="M1428" s="49" t="e">
        <f>VLOOKUP(E1428&amp;F1428,団体コード!$A$1:$C$1743,2,FALSE)</f>
        <v>#N/A</v>
      </c>
      <c r="N1428" s="51" t="e">
        <f>VLOOKUP(E1428,団体コード!$E$1:$F$48,2,FALSE)</f>
        <v>#N/A</v>
      </c>
      <c r="O1428" s="51" t="e">
        <f t="shared" si="47"/>
        <v>#N/A</v>
      </c>
      <c r="P1428" s="51">
        <v>1</v>
      </c>
      <c r="Q1428" s="51" t="s">
        <v>5341</v>
      </c>
      <c r="R1428" s="54" t="b">
        <v>1</v>
      </c>
      <c r="S1428" s="52" t="s">
        <v>7126</v>
      </c>
      <c r="T1428" s="67" t="s">
        <v>7127</v>
      </c>
      <c r="U1428" s="75" t="s">
        <v>5331</v>
      </c>
      <c r="V1428" s="47" t="s">
        <v>5331</v>
      </c>
      <c r="W1428" s="47" t="s">
        <v>5331</v>
      </c>
      <c r="X1428" s="47" t="s">
        <v>5331</v>
      </c>
      <c r="Y1428" s="47" t="s">
        <v>5331</v>
      </c>
      <c r="Z1428" s="28"/>
      <c r="AA1428" s="27"/>
      <c r="AB1428" s="27"/>
      <c r="AC1428" s="27"/>
      <c r="AD1428" s="30"/>
      <c r="AE1428" s="1"/>
      <c r="AF1428" s="23" t="s">
        <v>5331</v>
      </c>
      <c r="AG1428" s="26"/>
      <c r="AH1428" s="53"/>
    </row>
    <row r="1429" spans="1:34" ht="51.6" customHeight="1" x14ac:dyDescent="0.45">
      <c r="A1429" s="23">
        <v>1423</v>
      </c>
      <c r="B1429" s="25"/>
      <c r="C1429" s="25"/>
      <c r="D1429" s="29"/>
      <c r="E1429" s="1"/>
      <c r="F1429" s="1"/>
      <c r="G1429" s="25"/>
      <c r="H1429" s="71"/>
      <c r="I1429" s="83"/>
      <c r="J1429" s="50" t="str">
        <f t="shared" si="46"/>
        <v/>
      </c>
      <c r="K1429" s="23" t="s">
        <v>7120</v>
      </c>
      <c r="L1429" s="49" t="e">
        <f>VLOOKUP(E1429&amp;F1429,団体コード!$A$1:$C$1743,3,FALSE)</f>
        <v>#N/A</v>
      </c>
      <c r="M1429" s="49" t="e">
        <f>VLOOKUP(E1429&amp;F1429,団体コード!$A$1:$C$1743,2,FALSE)</f>
        <v>#N/A</v>
      </c>
      <c r="N1429" s="51" t="e">
        <f>VLOOKUP(E1429,団体コード!$E$1:$F$48,2,FALSE)</f>
        <v>#N/A</v>
      </c>
      <c r="O1429" s="51" t="e">
        <f t="shared" si="47"/>
        <v>#N/A</v>
      </c>
      <c r="P1429" s="51">
        <v>1</v>
      </c>
      <c r="Q1429" s="51" t="s">
        <v>5341</v>
      </c>
      <c r="R1429" s="54" t="b">
        <v>1</v>
      </c>
      <c r="S1429" s="52" t="s">
        <v>7126</v>
      </c>
      <c r="T1429" s="67" t="s">
        <v>7127</v>
      </c>
      <c r="U1429" s="75" t="s">
        <v>5331</v>
      </c>
      <c r="V1429" s="47" t="s">
        <v>5331</v>
      </c>
      <c r="W1429" s="47" t="s">
        <v>5331</v>
      </c>
      <c r="X1429" s="47" t="s">
        <v>5331</v>
      </c>
      <c r="Y1429" s="47" t="s">
        <v>5331</v>
      </c>
      <c r="Z1429" s="28"/>
      <c r="AA1429" s="27"/>
      <c r="AB1429" s="27"/>
      <c r="AC1429" s="27"/>
      <c r="AD1429" s="30"/>
      <c r="AE1429" s="1"/>
      <c r="AF1429" s="23" t="s">
        <v>5331</v>
      </c>
      <c r="AG1429" s="26"/>
      <c r="AH1429" s="53"/>
    </row>
    <row r="1430" spans="1:34" ht="51.6" customHeight="1" x14ac:dyDescent="0.45">
      <c r="A1430" s="23">
        <v>1424</v>
      </c>
      <c r="B1430" s="25"/>
      <c r="C1430" s="25"/>
      <c r="D1430" s="29"/>
      <c r="E1430" s="1"/>
      <c r="F1430" s="1"/>
      <c r="G1430" s="25"/>
      <c r="H1430" s="71"/>
      <c r="I1430" s="83"/>
      <c r="J1430" s="50" t="str">
        <f t="shared" si="46"/>
        <v/>
      </c>
      <c r="K1430" s="23" t="s">
        <v>7120</v>
      </c>
      <c r="L1430" s="49" t="e">
        <f>VLOOKUP(E1430&amp;F1430,団体コード!$A$1:$C$1743,3,FALSE)</f>
        <v>#N/A</v>
      </c>
      <c r="M1430" s="49" t="e">
        <f>VLOOKUP(E1430&amp;F1430,団体コード!$A$1:$C$1743,2,FALSE)</f>
        <v>#N/A</v>
      </c>
      <c r="N1430" s="51" t="e">
        <f>VLOOKUP(E1430,団体コード!$E$1:$F$48,2,FALSE)</f>
        <v>#N/A</v>
      </c>
      <c r="O1430" s="51" t="e">
        <f t="shared" si="47"/>
        <v>#N/A</v>
      </c>
      <c r="P1430" s="51">
        <v>1</v>
      </c>
      <c r="Q1430" s="51" t="s">
        <v>5341</v>
      </c>
      <c r="R1430" s="54" t="b">
        <v>1</v>
      </c>
      <c r="S1430" s="52" t="s">
        <v>7126</v>
      </c>
      <c r="T1430" s="67" t="s">
        <v>7127</v>
      </c>
      <c r="U1430" s="75" t="s">
        <v>5331</v>
      </c>
      <c r="V1430" s="47" t="s">
        <v>5331</v>
      </c>
      <c r="W1430" s="47" t="s">
        <v>5331</v>
      </c>
      <c r="X1430" s="47" t="s">
        <v>5331</v>
      </c>
      <c r="Y1430" s="47" t="s">
        <v>5331</v>
      </c>
      <c r="Z1430" s="28"/>
      <c r="AA1430" s="27"/>
      <c r="AB1430" s="27"/>
      <c r="AC1430" s="27"/>
      <c r="AD1430" s="30"/>
      <c r="AE1430" s="1"/>
      <c r="AF1430" s="23" t="s">
        <v>5331</v>
      </c>
      <c r="AG1430" s="26"/>
      <c r="AH1430" s="53"/>
    </row>
    <row r="1431" spans="1:34" ht="51.6" customHeight="1" x14ac:dyDescent="0.45">
      <c r="A1431" s="23">
        <v>1425</v>
      </c>
      <c r="B1431" s="25"/>
      <c r="C1431" s="25"/>
      <c r="D1431" s="29"/>
      <c r="E1431" s="1"/>
      <c r="F1431" s="1"/>
      <c r="G1431" s="25"/>
      <c r="H1431" s="71"/>
      <c r="I1431" s="83"/>
      <c r="J1431" s="50" t="str">
        <f t="shared" si="46"/>
        <v/>
      </c>
      <c r="K1431" s="23" t="s">
        <v>7120</v>
      </c>
      <c r="L1431" s="49" t="e">
        <f>VLOOKUP(E1431&amp;F1431,団体コード!$A$1:$C$1743,3,FALSE)</f>
        <v>#N/A</v>
      </c>
      <c r="M1431" s="49" t="e">
        <f>VLOOKUP(E1431&amp;F1431,団体コード!$A$1:$C$1743,2,FALSE)</f>
        <v>#N/A</v>
      </c>
      <c r="N1431" s="51" t="e">
        <f>VLOOKUP(E1431,団体コード!$E$1:$F$48,2,FALSE)</f>
        <v>#N/A</v>
      </c>
      <c r="O1431" s="51" t="e">
        <f t="shared" si="47"/>
        <v>#N/A</v>
      </c>
      <c r="P1431" s="51">
        <v>1</v>
      </c>
      <c r="Q1431" s="51" t="s">
        <v>5341</v>
      </c>
      <c r="R1431" s="54" t="b">
        <v>1</v>
      </c>
      <c r="S1431" s="52" t="s">
        <v>7126</v>
      </c>
      <c r="T1431" s="67" t="s">
        <v>7127</v>
      </c>
      <c r="U1431" s="75" t="s">
        <v>5331</v>
      </c>
      <c r="V1431" s="47" t="s">
        <v>5331</v>
      </c>
      <c r="W1431" s="47" t="s">
        <v>5331</v>
      </c>
      <c r="X1431" s="47" t="s">
        <v>5331</v>
      </c>
      <c r="Y1431" s="47" t="s">
        <v>5331</v>
      </c>
      <c r="Z1431" s="28"/>
      <c r="AA1431" s="27"/>
      <c r="AB1431" s="27"/>
      <c r="AC1431" s="27"/>
      <c r="AD1431" s="30"/>
      <c r="AE1431" s="1"/>
      <c r="AF1431" s="23" t="s">
        <v>5331</v>
      </c>
      <c r="AG1431" s="26"/>
      <c r="AH1431" s="53"/>
    </row>
    <row r="1432" spans="1:34" ht="51.6" customHeight="1" x14ac:dyDescent="0.45">
      <c r="A1432" s="23">
        <v>1426</v>
      </c>
      <c r="B1432" s="25"/>
      <c r="C1432" s="25"/>
      <c r="D1432" s="29"/>
      <c r="E1432" s="1"/>
      <c r="F1432" s="1"/>
      <c r="G1432" s="25"/>
      <c r="H1432" s="71"/>
      <c r="I1432" s="83"/>
      <c r="J1432" s="50" t="str">
        <f t="shared" si="46"/>
        <v/>
      </c>
      <c r="K1432" s="23" t="s">
        <v>7120</v>
      </c>
      <c r="L1432" s="49" t="e">
        <f>VLOOKUP(E1432&amp;F1432,団体コード!$A$1:$C$1743,3,FALSE)</f>
        <v>#N/A</v>
      </c>
      <c r="M1432" s="49" t="e">
        <f>VLOOKUP(E1432&amp;F1432,団体コード!$A$1:$C$1743,2,FALSE)</f>
        <v>#N/A</v>
      </c>
      <c r="N1432" s="51" t="e">
        <f>VLOOKUP(E1432,団体コード!$E$1:$F$48,2,FALSE)</f>
        <v>#N/A</v>
      </c>
      <c r="O1432" s="51" t="e">
        <f t="shared" si="47"/>
        <v>#N/A</v>
      </c>
      <c r="P1432" s="51">
        <v>1</v>
      </c>
      <c r="Q1432" s="51" t="s">
        <v>5341</v>
      </c>
      <c r="R1432" s="54" t="b">
        <v>1</v>
      </c>
      <c r="S1432" s="52" t="s">
        <v>7126</v>
      </c>
      <c r="T1432" s="67" t="s">
        <v>7127</v>
      </c>
      <c r="U1432" s="75" t="s">
        <v>5331</v>
      </c>
      <c r="V1432" s="47" t="s">
        <v>5331</v>
      </c>
      <c r="W1432" s="47" t="s">
        <v>5331</v>
      </c>
      <c r="X1432" s="47" t="s">
        <v>5331</v>
      </c>
      <c r="Y1432" s="47" t="s">
        <v>5331</v>
      </c>
      <c r="Z1432" s="28"/>
      <c r="AA1432" s="27"/>
      <c r="AB1432" s="27"/>
      <c r="AC1432" s="27"/>
      <c r="AD1432" s="30"/>
      <c r="AE1432" s="1"/>
      <c r="AF1432" s="23" t="s">
        <v>5331</v>
      </c>
      <c r="AG1432" s="26"/>
      <c r="AH1432" s="53"/>
    </row>
    <row r="1433" spans="1:34" ht="51.6" customHeight="1" x14ac:dyDescent="0.45">
      <c r="A1433" s="23">
        <v>1427</v>
      </c>
      <c r="B1433" s="25"/>
      <c r="C1433" s="25"/>
      <c r="D1433" s="29"/>
      <c r="E1433" s="1"/>
      <c r="F1433" s="1"/>
      <c r="G1433" s="25"/>
      <c r="H1433" s="71"/>
      <c r="I1433" s="83"/>
      <c r="J1433" s="50" t="str">
        <f t="shared" si="46"/>
        <v/>
      </c>
      <c r="K1433" s="23" t="s">
        <v>7120</v>
      </c>
      <c r="L1433" s="49" t="e">
        <f>VLOOKUP(E1433&amp;F1433,団体コード!$A$1:$C$1743,3,FALSE)</f>
        <v>#N/A</v>
      </c>
      <c r="M1433" s="49" t="e">
        <f>VLOOKUP(E1433&amp;F1433,団体コード!$A$1:$C$1743,2,FALSE)</f>
        <v>#N/A</v>
      </c>
      <c r="N1433" s="51" t="e">
        <f>VLOOKUP(E1433,団体コード!$E$1:$F$48,2,FALSE)</f>
        <v>#N/A</v>
      </c>
      <c r="O1433" s="51" t="e">
        <f t="shared" si="47"/>
        <v>#N/A</v>
      </c>
      <c r="P1433" s="51">
        <v>1</v>
      </c>
      <c r="Q1433" s="51" t="s">
        <v>5341</v>
      </c>
      <c r="R1433" s="54" t="b">
        <v>1</v>
      </c>
      <c r="S1433" s="52" t="s">
        <v>7126</v>
      </c>
      <c r="T1433" s="67" t="s">
        <v>7127</v>
      </c>
      <c r="U1433" s="75" t="s">
        <v>5331</v>
      </c>
      <c r="V1433" s="47" t="s">
        <v>5331</v>
      </c>
      <c r="W1433" s="47" t="s">
        <v>5331</v>
      </c>
      <c r="X1433" s="47" t="s">
        <v>5331</v>
      </c>
      <c r="Y1433" s="47" t="s">
        <v>5331</v>
      </c>
      <c r="Z1433" s="28"/>
      <c r="AA1433" s="27"/>
      <c r="AB1433" s="27"/>
      <c r="AC1433" s="27"/>
      <c r="AD1433" s="30"/>
      <c r="AE1433" s="1"/>
      <c r="AF1433" s="23" t="s">
        <v>5331</v>
      </c>
      <c r="AG1433" s="26"/>
      <c r="AH1433" s="53"/>
    </row>
    <row r="1434" spans="1:34" ht="51.6" customHeight="1" x14ac:dyDescent="0.45">
      <c r="A1434" s="23">
        <v>1428</v>
      </c>
      <c r="B1434" s="25"/>
      <c r="C1434" s="25"/>
      <c r="D1434" s="29"/>
      <c r="E1434" s="1"/>
      <c r="F1434" s="1"/>
      <c r="G1434" s="25"/>
      <c r="H1434" s="71"/>
      <c r="I1434" s="83"/>
      <c r="J1434" s="50" t="str">
        <f t="shared" si="46"/>
        <v/>
      </c>
      <c r="K1434" s="23" t="s">
        <v>7120</v>
      </c>
      <c r="L1434" s="49" t="e">
        <f>VLOOKUP(E1434&amp;F1434,団体コード!$A$1:$C$1743,3,FALSE)</f>
        <v>#N/A</v>
      </c>
      <c r="M1434" s="49" t="e">
        <f>VLOOKUP(E1434&amp;F1434,団体コード!$A$1:$C$1743,2,FALSE)</f>
        <v>#N/A</v>
      </c>
      <c r="N1434" s="51" t="e">
        <f>VLOOKUP(E1434,団体コード!$E$1:$F$48,2,FALSE)</f>
        <v>#N/A</v>
      </c>
      <c r="O1434" s="51" t="e">
        <f t="shared" si="47"/>
        <v>#N/A</v>
      </c>
      <c r="P1434" s="51">
        <v>1</v>
      </c>
      <c r="Q1434" s="51" t="s">
        <v>5341</v>
      </c>
      <c r="R1434" s="54" t="b">
        <v>1</v>
      </c>
      <c r="S1434" s="52" t="s">
        <v>7126</v>
      </c>
      <c r="T1434" s="67" t="s">
        <v>7127</v>
      </c>
      <c r="U1434" s="75" t="s">
        <v>5331</v>
      </c>
      <c r="V1434" s="47" t="s">
        <v>5331</v>
      </c>
      <c r="W1434" s="47" t="s">
        <v>5331</v>
      </c>
      <c r="X1434" s="47" t="s">
        <v>5331</v>
      </c>
      <c r="Y1434" s="47" t="s">
        <v>5331</v>
      </c>
      <c r="Z1434" s="28"/>
      <c r="AA1434" s="27"/>
      <c r="AB1434" s="27"/>
      <c r="AC1434" s="27"/>
      <c r="AD1434" s="30"/>
      <c r="AE1434" s="1"/>
      <c r="AF1434" s="23" t="s">
        <v>5331</v>
      </c>
      <c r="AG1434" s="26"/>
      <c r="AH1434" s="53"/>
    </row>
    <row r="1435" spans="1:34" ht="51.6" customHeight="1" x14ac:dyDescent="0.45">
      <c r="A1435" s="23">
        <v>1429</v>
      </c>
      <c r="B1435" s="25"/>
      <c r="C1435" s="25"/>
      <c r="D1435" s="29"/>
      <c r="E1435" s="1"/>
      <c r="F1435" s="1"/>
      <c r="G1435" s="25"/>
      <c r="H1435" s="71"/>
      <c r="I1435" s="83"/>
      <c r="J1435" s="50" t="str">
        <f t="shared" si="46"/>
        <v/>
      </c>
      <c r="K1435" s="23" t="s">
        <v>7120</v>
      </c>
      <c r="L1435" s="49" t="e">
        <f>VLOOKUP(E1435&amp;F1435,団体コード!$A$1:$C$1743,3,FALSE)</f>
        <v>#N/A</v>
      </c>
      <c r="M1435" s="49" t="e">
        <f>VLOOKUP(E1435&amp;F1435,団体コード!$A$1:$C$1743,2,FALSE)</f>
        <v>#N/A</v>
      </c>
      <c r="N1435" s="51" t="e">
        <f>VLOOKUP(E1435,団体コード!$E$1:$F$48,2,FALSE)</f>
        <v>#N/A</v>
      </c>
      <c r="O1435" s="51" t="e">
        <f t="shared" si="47"/>
        <v>#N/A</v>
      </c>
      <c r="P1435" s="51">
        <v>1</v>
      </c>
      <c r="Q1435" s="51" t="s">
        <v>5341</v>
      </c>
      <c r="R1435" s="54" t="b">
        <v>1</v>
      </c>
      <c r="S1435" s="52" t="s">
        <v>7126</v>
      </c>
      <c r="T1435" s="67" t="s">
        <v>7127</v>
      </c>
      <c r="U1435" s="75" t="s">
        <v>5331</v>
      </c>
      <c r="V1435" s="47" t="s">
        <v>5331</v>
      </c>
      <c r="W1435" s="47" t="s">
        <v>5331</v>
      </c>
      <c r="X1435" s="47" t="s">
        <v>5331</v>
      </c>
      <c r="Y1435" s="47" t="s">
        <v>5331</v>
      </c>
      <c r="Z1435" s="28"/>
      <c r="AA1435" s="27"/>
      <c r="AB1435" s="27"/>
      <c r="AC1435" s="27"/>
      <c r="AD1435" s="30"/>
      <c r="AE1435" s="1"/>
      <c r="AF1435" s="23" t="s">
        <v>5331</v>
      </c>
      <c r="AG1435" s="26"/>
      <c r="AH1435" s="53"/>
    </row>
    <row r="1436" spans="1:34" ht="51.6" customHeight="1" x14ac:dyDescent="0.45">
      <c r="A1436" s="23">
        <v>1430</v>
      </c>
      <c r="B1436" s="25"/>
      <c r="C1436" s="25"/>
      <c r="D1436" s="29"/>
      <c r="E1436" s="1"/>
      <c r="F1436" s="1"/>
      <c r="G1436" s="25"/>
      <c r="H1436" s="71"/>
      <c r="I1436" s="83"/>
      <c r="J1436" s="50" t="str">
        <f t="shared" si="46"/>
        <v/>
      </c>
      <c r="K1436" s="23" t="s">
        <v>7120</v>
      </c>
      <c r="L1436" s="49" t="e">
        <f>VLOOKUP(E1436&amp;F1436,団体コード!$A$1:$C$1743,3,FALSE)</f>
        <v>#N/A</v>
      </c>
      <c r="M1436" s="49" t="e">
        <f>VLOOKUP(E1436&amp;F1436,団体コード!$A$1:$C$1743,2,FALSE)</f>
        <v>#N/A</v>
      </c>
      <c r="N1436" s="51" t="e">
        <f>VLOOKUP(E1436,団体コード!$E$1:$F$48,2,FALSE)</f>
        <v>#N/A</v>
      </c>
      <c r="O1436" s="51" t="e">
        <f t="shared" si="47"/>
        <v>#N/A</v>
      </c>
      <c r="P1436" s="51">
        <v>1</v>
      </c>
      <c r="Q1436" s="51" t="s">
        <v>5341</v>
      </c>
      <c r="R1436" s="54" t="b">
        <v>1</v>
      </c>
      <c r="S1436" s="52" t="s">
        <v>7126</v>
      </c>
      <c r="T1436" s="67" t="s">
        <v>7127</v>
      </c>
      <c r="U1436" s="75" t="s">
        <v>5331</v>
      </c>
      <c r="V1436" s="47" t="s">
        <v>5331</v>
      </c>
      <c r="W1436" s="47" t="s">
        <v>5331</v>
      </c>
      <c r="X1436" s="47" t="s">
        <v>5331</v>
      </c>
      <c r="Y1436" s="47" t="s">
        <v>5331</v>
      </c>
      <c r="Z1436" s="28"/>
      <c r="AA1436" s="27"/>
      <c r="AB1436" s="27"/>
      <c r="AC1436" s="27"/>
      <c r="AD1436" s="30"/>
      <c r="AE1436" s="1"/>
      <c r="AF1436" s="23" t="s">
        <v>5331</v>
      </c>
      <c r="AG1436" s="26"/>
      <c r="AH1436" s="53"/>
    </row>
    <row r="1437" spans="1:34" ht="51.6" customHeight="1" x14ac:dyDescent="0.45">
      <c r="A1437" s="23">
        <v>1431</v>
      </c>
      <c r="B1437" s="25"/>
      <c r="C1437" s="25"/>
      <c r="D1437" s="29"/>
      <c r="E1437" s="1"/>
      <c r="F1437" s="1"/>
      <c r="G1437" s="25"/>
      <c r="H1437" s="71"/>
      <c r="I1437" s="83"/>
      <c r="J1437" s="50" t="str">
        <f t="shared" si="46"/>
        <v/>
      </c>
      <c r="K1437" s="23" t="s">
        <v>7120</v>
      </c>
      <c r="L1437" s="49" t="e">
        <f>VLOOKUP(E1437&amp;F1437,団体コード!$A$1:$C$1743,3,FALSE)</f>
        <v>#N/A</v>
      </c>
      <c r="M1437" s="49" t="e">
        <f>VLOOKUP(E1437&amp;F1437,団体コード!$A$1:$C$1743,2,FALSE)</f>
        <v>#N/A</v>
      </c>
      <c r="N1437" s="51" t="e">
        <f>VLOOKUP(E1437,団体コード!$E$1:$F$48,2,FALSE)</f>
        <v>#N/A</v>
      </c>
      <c r="O1437" s="51" t="e">
        <f t="shared" si="47"/>
        <v>#N/A</v>
      </c>
      <c r="P1437" s="51">
        <v>1</v>
      </c>
      <c r="Q1437" s="51" t="s">
        <v>5341</v>
      </c>
      <c r="R1437" s="54" t="b">
        <v>1</v>
      </c>
      <c r="S1437" s="52" t="s">
        <v>7126</v>
      </c>
      <c r="T1437" s="67" t="s">
        <v>7127</v>
      </c>
      <c r="U1437" s="75" t="s">
        <v>5331</v>
      </c>
      <c r="V1437" s="47" t="s">
        <v>5331</v>
      </c>
      <c r="W1437" s="47" t="s">
        <v>5331</v>
      </c>
      <c r="X1437" s="47" t="s">
        <v>5331</v>
      </c>
      <c r="Y1437" s="47" t="s">
        <v>5331</v>
      </c>
      <c r="Z1437" s="28"/>
      <c r="AA1437" s="27"/>
      <c r="AB1437" s="27"/>
      <c r="AC1437" s="27"/>
      <c r="AD1437" s="30"/>
      <c r="AE1437" s="1"/>
      <c r="AF1437" s="23" t="s">
        <v>5331</v>
      </c>
      <c r="AG1437" s="26"/>
      <c r="AH1437" s="53"/>
    </row>
    <row r="1438" spans="1:34" ht="51.6" customHeight="1" x14ac:dyDescent="0.45">
      <c r="A1438" s="23">
        <v>1432</v>
      </c>
      <c r="B1438" s="25"/>
      <c r="C1438" s="25"/>
      <c r="D1438" s="29"/>
      <c r="E1438" s="1"/>
      <c r="F1438" s="1"/>
      <c r="G1438" s="25"/>
      <c r="H1438" s="71"/>
      <c r="I1438" s="83"/>
      <c r="J1438" s="50" t="str">
        <f t="shared" si="46"/>
        <v/>
      </c>
      <c r="K1438" s="23" t="s">
        <v>7120</v>
      </c>
      <c r="L1438" s="49" t="e">
        <f>VLOOKUP(E1438&amp;F1438,団体コード!$A$1:$C$1743,3,FALSE)</f>
        <v>#N/A</v>
      </c>
      <c r="M1438" s="49" t="e">
        <f>VLOOKUP(E1438&amp;F1438,団体コード!$A$1:$C$1743,2,FALSE)</f>
        <v>#N/A</v>
      </c>
      <c r="N1438" s="51" t="e">
        <f>VLOOKUP(E1438,団体コード!$E$1:$F$48,2,FALSE)</f>
        <v>#N/A</v>
      </c>
      <c r="O1438" s="51" t="e">
        <f t="shared" si="47"/>
        <v>#N/A</v>
      </c>
      <c r="P1438" s="51">
        <v>1</v>
      </c>
      <c r="Q1438" s="51" t="s">
        <v>5341</v>
      </c>
      <c r="R1438" s="54" t="b">
        <v>1</v>
      </c>
      <c r="S1438" s="52" t="s">
        <v>7126</v>
      </c>
      <c r="T1438" s="67" t="s">
        <v>7127</v>
      </c>
      <c r="U1438" s="75" t="s">
        <v>5331</v>
      </c>
      <c r="V1438" s="47" t="s">
        <v>5331</v>
      </c>
      <c r="W1438" s="47" t="s">
        <v>5331</v>
      </c>
      <c r="X1438" s="47" t="s">
        <v>5331</v>
      </c>
      <c r="Y1438" s="47" t="s">
        <v>5331</v>
      </c>
      <c r="Z1438" s="28"/>
      <c r="AA1438" s="27"/>
      <c r="AB1438" s="27"/>
      <c r="AC1438" s="27"/>
      <c r="AD1438" s="30"/>
      <c r="AE1438" s="1"/>
      <c r="AF1438" s="23" t="s">
        <v>5331</v>
      </c>
      <c r="AG1438" s="26"/>
      <c r="AH1438" s="53"/>
    </row>
    <row r="1439" spans="1:34" ht="51.6" customHeight="1" x14ac:dyDescent="0.45">
      <c r="A1439" s="23">
        <v>1433</v>
      </c>
      <c r="B1439" s="25"/>
      <c r="C1439" s="25"/>
      <c r="D1439" s="29"/>
      <c r="E1439" s="1"/>
      <c r="F1439" s="1"/>
      <c r="G1439" s="25"/>
      <c r="H1439" s="71"/>
      <c r="I1439" s="83"/>
      <c r="J1439" s="50" t="str">
        <f t="shared" si="46"/>
        <v/>
      </c>
      <c r="K1439" s="23" t="s">
        <v>7120</v>
      </c>
      <c r="L1439" s="49" t="e">
        <f>VLOOKUP(E1439&amp;F1439,団体コード!$A$1:$C$1743,3,FALSE)</f>
        <v>#N/A</v>
      </c>
      <c r="M1439" s="49" t="e">
        <f>VLOOKUP(E1439&amp;F1439,団体コード!$A$1:$C$1743,2,FALSE)</f>
        <v>#N/A</v>
      </c>
      <c r="N1439" s="51" t="e">
        <f>VLOOKUP(E1439,団体コード!$E$1:$F$48,2,FALSE)</f>
        <v>#N/A</v>
      </c>
      <c r="O1439" s="51" t="e">
        <f t="shared" si="47"/>
        <v>#N/A</v>
      </c>
      <c r="P1439" s="51">
        <v>1</v>
      </c>
      <c r="Q1439" s="51" t="s">
        <v>5341</v>
      </c>
      <c r="R1439" s="54" t="b">
        <v>1</v>
      </c>
      <c r="S1439" s="52" t="s">
        <v>7126</v>
      </c>
      <c r="T1439" s="67" t="s">
        <v>7127</v>
      </c>
      <c r="U1439" s="75" t="s">
        <v>5331</v>
      </c>
      <c r="V1439" s="47" t="s">
        <v>5331</v>
      </c>
      <c r="W1439" s="47" t="s">
        <v>5331</v>
      </c>
      <c r="X1439" s="47" t="s">
        <v>5331</v>
      </c>
      <c r="Y1439" s="47" t="s">
        <v>5331</v>
      </c>
      <c r="Z1439" s="28"/>
      <c r="AA1439" s="27"/>
      <c r="AB1439" s="27"/>
      <c r="AC1439" s="27"/>
      <c r="AD1439" s="30"/>
      <c r="AE1439" s="1"/>
      <c r="AF1439" s="23" t="s">
        <v>5331</v>
      </c>
      <c r="AG1439" s="26"/>
      <c r="AH1439" s="53"/>
    </row>
    <row r="1440" spans="1:34" ht="51.6" customHeight="1" x14ac:dyDescent="0.45">
      <c r="A1440" s="23">
        <v>1434</v>
      </c>
      <c r="B1440" s="25"/>
      <c r="C1440" s="25"/>
      <c r="D1440" s="29"/>
      <c r="E1440" s="1"/>
      <c r="F1440" s="1"/>
      <c r="G1440" s="25"/>
      <c r="H1440" s="71"/>
      <c r="I1440" s="83"/>
      <c r="J1440" s="50" t="str">
        <f t="shared" si="46"/>
        <v/>
      </c>
      <c r="K1440" s="23" t="s">
        <v>7120</v>
      </c>
      <c r="L1440" s="49" t="e">
        <f>VLOOKUP(E1440&amp;F1440,団体コード!$A$1:$C$1743,3,FALSE)</f>
        <v>#N/A</v>
      </c>
      <c r="M1440" s="49" t="e">
        <f>VLOOKUP(E1440&amp;F1440,団体コード!$A$1:$C$1743,2,FALSE)</f>
        <v>#N/A</v>
      </c>
      <c r="N1440" s="51" t="e">
        <f>VLOOKUP(E1440,団体コード!$E$1:$F$48,2,FALSE)</f>
        <v>#N/A</v>
      </c>
      <c r="O1440" s="51" t="e">
        <f t="shared" si="47"/>
        <v>#N/A</v>
      </c>
      <c r="P1440" s="51">
        <v>1</v>
      </c>
      <c r="Q1440" s="51" t="s">
        <v>5341</v>
      </c>
      <c r="R1440" s="54" t="b">
        <v>1</v>
      </c>
      <c r="S1440" s="52" t="s">
        <v>7126</v>
      </c>
      <c r="T1440" s="67" t="s">
        <v>7127</v>
      </c>
      <c r="U1440" s="75" t="s">
        <v>5331</v>
      </c>
      <c r="V1440" s="47" t="s">
        <v>5331</v>
      </c>
      <c r="W1440" s="47" t="s">
        <v>5331</v>
      </c>
      <c r="X1440" s="47" t="s">
        <v>5331</v>
      </c>
      <c r="Y1440" s="47" t="s">
        <v>5331</v>
      </c>
      <c r="Z1440" s="28"/>
      <c r="AA1440" s="27"/>
      <c r="AB1440" s="27"/>
      <c r="AC1440" s="27"/>
      <c r="AD1440" s="30"/>
      <c r="AE1440" s="1"/>
      <c r="AF1440" s="23" t="s">
        <v>5331</v>
      </c>
      <c r="AG1440" s="26"/>
      <c r="AH1440" s="53"/>
    </row>
    <row r="1441" spans="1:34" ht="51.6" customHeight="1" x14ac:dyDescent="0.45">
      <c r="A1441" s="23">
        <v>1435</v>
      </c>
      <c r="B1441" s="25"/>
      <c r="C1441" s="25"/>
      <c r="D1441" s="29"/>
      <c r="E1441" s="1"/>
      <c r="F1441" s="1"/>
      <c r="G1441" s="25"/>
      <c r="H1441" s="71"/>
      <c r="I1441" s="83"/>
      <c r="J1441" s="50" t="str">
        <f t="shared" si="46"/>
        <v/>
      </c>
      <c r="K1441" s="23" t="s">
        <v>7120</v>
      </c>
      <c r="L1441" s="49" t="e">
        <f>VLOOKUP(E1441&amp;F1441,団体コード!$A$1:$C$1743,3,FALSE)</f>
        <v>#N/A</v>
      </c>
      <c r="M1441" s="49" t="e">
        <f>VLOOKUP(E1441&amp;F1441,団体コード!$A$1:$C$1743,2,FALSE)</f>
        <v>#N/A</v>
      </c>
      <c r="N1441" s="51" t="e">
        <f>VLOOKUP(E1441,団体コード!$E$1:$F$48,2,FALSE)</f>
        <v>#N/A</v>
      </c>
      <c r="O1441" s="51" t="e">
        <f t="shared" si="47"/>
        <v>#N/A</v>
      </c>
      <c r="P1441" s="51">
        <v>1</v>
      </c>
      <c r="Q1441" s="51" t="s">
        <v>5341</v>
      </c>
      <c r="R1441" s="54" t="b">
        <v>1</v>
      </c>
      <c r="S1441" s="52" t="s">
        <v>7126</v>
      </c>
      <c r="T1441" s="67" t="s">
        <v>7127</v>
      </c>
      <c r="U1441" s="75" t="s">
        <v>5331</v>
      </c>
      <c r="V1441" s="47" t="s">
        <v>5331</v>
      </c>
      <c r="W1441" s="47" t="s">
        <v>5331</v>
      </c>
      <c r="X1441" s="47" t="s">
        <v>5331</v>
      </c>
      <c r="Y1441" s="47" t="s">
        <v>5331</v>
      </c>
      <c r="Z1441" s="28"/>
      <c r="AA1441" s="27"/>
      <c r="AB1441" s="27"/>
      <c r="AC1441" s="27"/>
      <c r="AD1441" s="30"/>
      <c r="AE1441" s="1"/>
      <c r="AF1441" s="23" t="s">
        <v>5331</v>
      </c>
      <c r="AG1441" s="26"/>
      <c r="AH1441" s="53"/>
    </row>
    <row r="1442" spans="1:34" ht="51.6" customHeight="1" x14ac:dyDescent="0.45">
      <c r="A1442" s="23">
        <v>1436</v>
      </c>
      <c r="B1442" s="25"/>
      <c r="C1442" s="25"/>
      <c r="D1442" s="29"/>
      <c r="E1442" s="1"/>
      <c r="F1442" s="1"/>
      <c r="G1442" s="25"/>
      <c r="H1442" s="71"/>
      <c r="I1442" s="83"/>
      <c r="J1442" s="50" t="str">
        <f t="shared" si="46"/>
        <v/>
      </c>
      <c r="K1442" s="23" t="s">
        <v>7120</v>
      </c>
      <c r="L1442" s="49" t="e">
        <f>VLOOKUP(E1442&amp;F1442,団体コード!$A$1:$C$1743,3,FALSE)</f>
        <v>#N/A</v>
      </c>
      <c r="M1442" s="49" t="e">
        <f>VLOOKUP(E1442&amp;F1442,団体コード!$A$1:$C$1743,2,FALSE)</f>
        <v>#N/A</v>
      </c>
      <c r="N1442" s="51" t="e">
        <f>VLOOKUP(E1442,団体コード!$E$1:$F$48,2,FALSE)</f>
        <v>#N/A</v>
      </c>
      <c r="O1442" s="51" t="e">
        <f t="shared" si="47"/>
        <v>#N/A</v>
      </c>
      <c r="P1442" s="51">
        <v>1</v>
      </c>
      <c r="Q1442" s="51" t="s">
        <v>5341</v>
      </c>
      <c r="R1442" s="54" t="b">
        <v>1</v>
      </c>
      <c r="S1442" s="52" t="s">
        <v>7126</v>
      </c>
      <c r="T1442" s="67" t="s">
        <v>7127</v>
      </c>
      <c r="U1442" s="75" t="s">
        <v>5331</v>
      </c>
      <c r="V1442" s="47" t="s">
        <v>5331</v>
      </c>
      <c r="W1442" s="47" t="s">
        <v>5331</v>
      </c>
      <c r="X1442" s="47" t="s">
        <v>5331</v>
      </c>
      <c r="Y1442" s="47" t="s">
        <v>5331</v>
      </c>
      <c r="Z1442" s="28"/>
      <c r="AA1442" s="27"/>
      <c r="AB1442" s="27"/>
      <c r="AC1442" s="27"/>
      <c r="AD1442" s="30"/>
      <c r="AE1442" s="1"/>
      <c r="AF1442" s="23" t="s">
        <v>5331</v>
      </c>
      <c r="AG1442" s="26"/>
      <c r="AH1442" s="53"/>
    </row>
    <row r="1443" spans="1:34" ht="51.6" customHeight="1" x14ac:dyDescent="0.45">
      <c r="A1443" s="23">
        <v>1437</v>
      </c>
      <c r="B1443" s="25"/>
      <c r="C1443" s="25"/>
      <c r="D1443" s="29"/>
      <c r="E1443" s="1"/>
      <c r="F1443" s="1"/>
      <c r="G1443" s="25"/>
      <c r="H1443" s="71"/>
      <c r="I1443" s="83"/>
      <c r="J1443" s="50" t="str">
        <f t="shared" si="46"/>
        <v/>
      </c>
      <c r="K1443" s="23" t="s">
        <v>7120</v>
      </c>
      <c r="L1443" s="49" t="e">
        <f>VLOOKUP(E1443&amp;F1443,団体コード!$A$1:$C$1743,3,FALSE)</f>
        <v>#N/A</v>
      </c>
      <c r="M1443" s="49" t="e">
        <f>VLOOKUP(E1443&amp;F1443,団体コード!$A$1:$C$1743,2,FALSE)</f>
        <v>#N/A</v>
      </c>
      <c r="N1443" s="51" t="e">
        <f>VLOOKUP(E1443,団体コード!$E$1:$F$48,2,FALSE)</f>
        <v>#N/A</v>
      </c>
      <c r="O1443" s="51" t="e">
        <f t="shared" si="47"/>
        <v>#N/A</v>
      </c>
      <c r="P1443" s="51">
        <v>1</v>
      </c>
      <c r="Q1443" s="51" t="s">
        <v>5341</v>
      </c>
      <c r="R1443" s="54" t="b">
        <v>1</v>
      </c>
      <c r="S1443" s="52" t="s">
        <v>7126</v>
      </c>
      <c r="T1443" s="67" t="s">
        <v>7127</v>
      </c>
      <c r="U1443" s="75" t="s">
        <v>5331</v>
      </c>
      <c r="V1443" s="47" t="s">
        <v>5331</v>
      </c>
      <c r="W1443" s="47" t="s">
        <v>5331</v>
      </c>
      <c r="X1443" s="47" t="s">
        <v>5331</v>
      </c>
      <c r="Y1443" s="47" t="s">
        <v>5331</v>
      </c>
      <c r="Z1443" s="28"/>
      <c r="AA1443" s="27"/>
      <c r="AB1443" s="27"/>
      <c r="AC1443" s="27"/>
      <c r="AD1443" s="30"/>
      <c r="AE1443" s="1"/>
      <c r="AF1443" s="23" t="s">
        <v>5331</v>
      </c>
      <c r="AG1443" s="26"/>
      <c r="AH1443" s="53"/>
    </row>
    <row r="1444" spans="1:34" ht="51.6" customHeight="1" x14ac:dyDescent="0.45">
      <c r="A1444" s="23">
        <v>1438</v>
      </c>
      <c r="B1444" s="25"/>
      <c r="C1444" s="25"/>
      <c r="D1444" s="29"/>
      <c r="E1444" s="1"/>
      <c r="F1444" s="1"/>
      <c r="G1444" s="25"/>
      <c r="H1444" s="71"/>
      <c r="I1444" s="83"/>
      <c r="J1444" s="50" t="str">
        <f t="shared" si="46"/>
        <v/>
      </c>
      <c r="K1444" s="23" t="s">
        <v>7120</v>
      </c>
      <c r="L1444" s="49" t="e">
        <f>VLOOKUP(E1444&amp;F1444,団体コード!$A$1:$C$1743,3,FALSE)</f>
        <v>#N/A</v>
      </c>
      <c r="M1444" s="49" t="e">
        <f>VLOOKUP(E1444&amp;F1444,団体コード!$A$1:$C$1743,2,FALSE)</f>
        <v>#N/A</v>
      </c>
      <c r="N1444" s="51" t="e">
        <f>VLOOKUP(E1444,団体コード!$E$1:$F$48,2,FALSE)</f>
        <v>#N/A</v>
      </c>
      <c r="O1444" s="51" t="e">
        <f t="shared" si="47"/>
        <v>#N/A</v>
      </c>
      <c r="P1444" s="51">
        <v>1</v>
      </c>
      <c r="Q1444" s="51" t="s">
        <v>5341</v>
      </c>
      <c r="R1444" s="54" t="b">
        <v>1</v>
      </c>
      <c r="S1444" s="52" t="s">
        <v>7126</v>
      </c>
      <c r="T1444" s="67" t="s">
        <v>7127</v>
      </c>
      <c r="U1444" s="75" t="s">
        <v>5331</v>
      </c>
      <c r="V1444" s="47" t="s">
        <v>5331</v>
      </c>
      <c r="W1444" s="47" t="s">
        <v>5331</v>
      </c>
      <c r="X1444" s="47" t="s">
        <v>5331</v>
      </c>
      <c r="Y1444" s="47" t="s">
        <v>5331</v>
      </c>
      <c r="Z1444" s="28"/>
      <c r="AA1444" s="27"/>
      <c r="AB1444" s="27"/>
      <c r="AC1444" s="27"/>
      <c r="AD1444" s="30"/>
      <c r="AE1444" s="1"/>
      <c r="AF1444" s="23" t="s">
        <v>5331</v>
      </c>
      <c r="AG1444" s="26"/>
      <c r="AH1444" s="53"/>
    </row>
    <row r="1445" spans="1:34" ht="51.6" customHeight="1" x14ac:dyDescent="0.45">
      <c r="A1445" s="23">
        <v>1439</v>
      </c>
      <c r="B1445" s="25"/>
      <c r="C1445" s="25"/>
      <c r="D1445" s="29"/>
      <c r="E1445" s="1"/>
      <c r="F1445" s="1"/>
      <c r="G1445" s="25"/>
      <c r="H1445" s="71"/>
      <c r="I1445" s="83"/>
      <c r="J1445" s="50" t="str">
        <f t="shared" si="46"/>
        <v/>
      </c>
      <c r="K1445" s="23" t="s">
        <v>7120</v>
      </c>
      <c r="L1445" s="49" t="e">
        <f>VLOOKUP(E1445&amp;F1445,団体コード!$A$1:$C$1743,3,FALSE)</f>
        <v>#N/A</v>
      </c>
      <c r="M1445" s="49" t="e">
        <f>VLOOKUP(E1445&amp;F1445,団体コード!$A$1:$C$1743,2,FALSE)</f>
        <v>#N/A</v>
      </c>
      <c r="N1445" s="51" t="e">
        <f>VLOOKUP(E1445,団体コード!$E$1:$F$48,2,FALSE)</f>
        <v>#N/A</v>
      </c>
      <c r="O1445" s="51" t="e">
        <f t="shared" si="47"/>
        <v>#N/A</v>
      </c>
      <c r="P1445" s="51">
        <v>1</v>
      </c>
      <c r="Q1445" s="51" t="s">
        <v>5341</v>
      </c>
      <c r="R1445" s="54" t="b">
        <v>1</v>
      </c>
      <c r="S1445" s="52" t="s">
        <v>7126</v>
      </c>
      <c r="T1445" s="67" t="s">
        <v>7127</v>
      </c>
      <c r="U1445" s="75" t="s">
        <v>5331</v>
      </c>
      <c r="V1445" s="47" t="s">
        <v>5331</v>
      </c>
      <c r="W1445" s="47" t="s">
        <v>5331</v>
      </c>
      <c r="X1445" s="47" t="s">
        <v>5331</v>
      </c>
      <c r="Y1445" s="47" t="s">
        <v>5331</v>
      </c>
      <c r="Z1445" s="28"/>
      <c r="AA1445" s="27"/>
      <c r="AB1445" s="27"/>
      <c r="AC1445" s="27"/>
      <c r="AD1445" s="30"/>
      <c r="AE1445" s="1"/>
      <c r="AF1445" s="23" t="s">
        <v>5331</v>
      </c>
      <c r="AG1445" s="26"/>
      <c r="AH1445" s="53"/>
    </row>
    <row r="1446" spans="1:34" ht="51.6" customHeight="1" x14ac:dyDescent="0.45">
      <c r="A1446" s="23">
        <v>1440</v>
      </c>
      <c r="B1446" s="25"/>
      <c r="C1446" s="25"/>
      <c r="D1446" s="29"/>
      <c r="E1446" s="1"/>
      <c r="F1446" s="1"/>
      <c r="G1446" s="25"/>
      <c r="H1446" s="71"/>
      <c r="I1446" s="83"/>
      <c r="J1446" s="50" t="str">
        <f t="shared" si="46"/>
        <v/>
      </c>
      <c r="K1446" s="23" t="s">
        <v>7120</v>
      </c>
      <c r="L1446" s="49" t="e">
        <f>VLOOKUP(E1446&amp;F1446,団体コード!$A$1:$C$1743,3,FALSE)</f>
        <v>#N/A</v>
      </c>
      <c r="M1446" s="49" t="e">
        <f>VLOOKUP(E1446&amp;F1446,団体コード!$A$1:$C$1743,2,FALSE)</f>
        <v>#N/A</v>
      </c>
      <c r="N1446" s="51" t="e">
        <f>VLOOKUP(E1446,団体コード!$E$1:$F$48,2,FALSE)</f>
        <v>#N/A</v>
      </c>
      <c r="O1446" s="51" t="e">
        <f t="shared" si="47"/>
        <v>#N/A</v>
      </c>
      <c r="P1446" s="51">
        <v>1</v>
      </c>
      <c r="Q1446" s="51" t="s">
        <v>5341</v>
      </c>
      <c r="R1446" s="54" t="b">
        <v>1</v>
      </c>
      <c r="S1446" s="52" t="s">
        <v>7126</v>
      </c>
      <c r="T1446" s="67" t="s">
        <v>7127</v>
      </c>
      <c r="U1446" s="75" t="s">
        <v>5331</v>
      </c>
      <c r="V1446" s="47" t="s">
        <v>5331</v>
      </c>
      <c r="W1446" s="47" t="s">
        <v>5331</v>
      </c>
      <c r="X1446" s="47" t="s">
        <v>5331</v>
      </c>
      <c r="Y1446" s="47" t="s">
        <v>5331</v>
      </c>
      <c r="Z1446" s="28"/>
      <c r="AA1446" s="27"/>
      <c r="AB1446" s="27"/>
      <c r="AC1446" s="27"/>
      <c r="AD1446" s="30"/>
      <c r="AE1446" s="1"/>
      <c r="AF1446" s="23" t="s">
        <v>5331</v>
      </c>
      <c r="AG1446" s="26"/>
      <c r="AH1446" s="53"/>
    </row>
    <row r="1447" spans="1:34" ht="51.6" customHeight="1" x14ac:dyDescent="0.45">
      <c r="A1447" s="23">
        <v>1441</v>
      </c>
      <c r="B1447" s="25"/>
      <c r="C1447" s="25"/>
      <c r="D1447" s="29"/>
      <c r="E1447" s="1"/>
      <c r="F1447" s="1"/>
      <c r="G1447" s="25"/>
      <c r="H1447" s="71"/>
      <c r="I1447" s="83"/>
      <c r="J1447" s="50" t="str">
        <f t="shared" si="46"/>
        <v/>
      </c>
      <c r="K1447" s="23" t="s">
        <v>7120</v>
      </c>
      <c r="L1447" s="49" t="e">
        <f>VLOOKUP(E1447&amp;F1447,団体コード!$A$1:$C$1743,3,FALSE)</f>
        <v>#N/A</v>
      </c>
      <c r="M1447" s="49" t="e">
        <f>VLOOKUP(E1447&amp;F1447,団体コード!$A$1:$C$1743,2,FALSE)</f>
        <v>#N/A</v>
      </c>
      <c r="N1447" s="51" t="e">
        <f>VLOOKUP(E1447,団体コード!$E$1:$F$48,2,FALSE)</f>
        <v>#N/A</v>
      </c>
      <c r="O1447" s="51" t="e">
        <f t="shared" si="47"/>
        <v>#N/A</v>
      </c>
      <c r="P1447" s="51">
        <v>1</v>
      </c>
      <c r="Q1447" s="51" t="s">
        <v>5341</v>
      </c>
      <c r="R1447" s="54" t="b">
        <v>1</v>
      </c>
      <c r="S1447" s="52" t="s">
        <v>7126</v>
      </c>
      <c r="T1447" s="67" t="s">
        <v>7127</v>
      </c>
      <c r="U1447" s="75" t="s">
        <v>5331</v>
      </c>
      <c r="V1447" s="47" t="s">
        <v>5331</v>
      </c>
      <c r="W1447" s="47" t="s">
        <v>5331</v>
      </c>
      <c r="X1447" s="47" t="s">
        <v>5331</v>
      </c>
      <c r="Y1447" s="47" t="s">
        <v>5331</v>
      </c>
      <c r="Z1447" s="28"/>
      <c r="AA1447" s="27"/>
      <c r="AB1447" s="27"/>
      <c r="AC1447" s="27"/>
      <c r="AD1447" s="30"/>
      <c r="AE1447" s="1"/>
      <c r="AF1447" s="23" t="s">
        <v>5331</v>
      </c>
      <c r="AG1447" s="26"/>
      <c r="AH1447" s="53"/>
    </row>
    <row r="1448" spans="1:34" ht="51.6" customHeight="1" x14ac:dyDescent="0.45">
      <c r="A1448" s="23">
        <v>1442</v>
      </c>
      <c r="B1448" s="25"/>
      <c r="C1448" s="25"/>
      <c r="D1448" s="29"/>
      <c r="E1448" s="1"/>
      <c r="F1448" s="1"/>
      <c r="G1448" s="25"/>
      <c r="H1448" s="71"/>
      <c r="I1448" s="83"/>
      <c r="J1448" s="50" t="str">
        <f t="shared" si="46"/>
        <v/>
      </c>
      <c r="K1448" s="23" t="s">
        <v>7120</v>
      </c>
      <c r="L1448" s="49" t="e">
        <f>VLOOKUP(E1448&amp;F1448,団体コード!$A$1:$C$1743,3,FALSE)</f>
        <v>#N/A</v>
      </c>
      <c r="M1448" s="49" t="e">
        <f>VLOOKUP(E1448&amp;F1448,団体コード!$A$1:$C$1743,2,FALSE)</f>
        <v>#N/A</v>
      </c>
      <c r="N1448" s="51" t="e">
        <f>VLOOKUP(E1448,団体コード!$E$1:$F$48,2,FALSE)</f>
        <v>#N/A</v>
      </c>
      <c r="O1448" s="51" t="e">
        <f t="shared" si="47"/>
        <v>#N/A</v>
      </c>
      <c r="P1448" s="51">
        <v>1</v>
      </c>
      <c r="Q1448" s="51" t="s">
        <v>5341</v>
      </c>
      <c r="R1448" s="54" t="b">
        <v>1</v>
      </c>
      <c r="S1448" s="52" t="s">
        <v>7126</v>
      </c>
      <c r="T1448" s="67" t="s">
        <v>7127</v>
      </c>
      <c r="U1448" s="75" t="s">
        <v>5331</v>
      </c>
      <c r="V1448" s="47" t="s">
        <v>5331</v>
      </c>
      <c r="W1448" s="47" t="s">
        <v>5331</v>
      </c>
      <c r="X1448" s="47" t="s">
        <v>5331</v>
      </c>
      <c r="Y1448" s="47" t="s">
        <v>5331</v>
      </c>
      <c r="Z1448" s="28"/>
      <c r="AA1448" s="27"/>
      <c r="AB1448" s="27"/>
      <c r="AC1448" s="27"/>
      <c r="AD1448" s="30"/>
      <c r="AE1448" s="1"/>
      <c r="AF1448" s="23" t="s">
        <v>5331</v>
      </c>
      <c r="AG1448" s="26"/>
      <c r="AH1448" s="53"/>
    </row>
    <row r="1449" spans="1:34" ht="51.6" customHeight="1" x14ac:dyDescent="0.45">
      <c r="A1449" s="23">
        <v>1443</v>
      </c>
      <c r="B1449" s="25"/>
      <c r="C1449" s="25"/>
      <c r="D1449" s="29"/>
      <c r="E1449" s="1"/>
      <c r="F1449" s="1"/>
      <c r="G1449" s="25"/>
      <c r="H1449" s="71"/>
      <c r="I1449" s="83"/>
      <c r="J1449" s="50" t="str">
        <f t="shared" si="46"/>
        <v/>
      </c>
      <c r="K1449" s="23" t="s">
        <v>7120</v>
      </c>
      <c r="L1449" s="49" t="e">
        <f>VLOOKUP(E1449&amp;F1449,団体コード!$A$1:$C$1743,3,FALSE)</f>
        <v>#N/A</v>
      </c>
      <c r="M1449" s="49" t="e">
        <f>VLOOKUP(E1449&amp;F1449,団体コード!$A$1:$C$1743,2,FALSE)</f>
        <v>#N/A</v>
      </c>
      <c r="N1449" s="51" t="e">
        <f>VLOOKUP(E1449,団体コード!$E$1:$F$48,2,FALSE)</f>
        <v>#N/A</v>
      </c>
      <c r="O1449" s="51" t="e">
        <f t="shared" si="47"/>
        <v>#N/A</v>
      </c>
      <c r="P1449" s="51">
        <v>1</v>
      </c>
      <c r="Q1449" s="51" t="s">
        <v>5341</v>
      </c>
      <c r="R1449" s="54" t="b">
        <v>1</v>
      </c>
      <c r="S1449" s="52" t="s">
        <v>7126</v>
      </c>
      <c r="T1449" s="67" t="s">
        <v>7127</v>
      </c>
      <c r="U1449" s="75" t="s">
        <v>5331</v>
      </c>
      <c r="V1449" s="47" t="s">
        <v>5331</v>
      </c>
      <c r="W1449" s="47" t="s">
        <v>5331</v>
      </c>
      <c r="X1449" s="47" t="s">
        <v>5331</v>
      </c>
      <c r="Y1449" s="47" t="s">
        <v>5331</v>
      </c>
      <c r="Z1449" s="28"/>
      <c r="AA1449" s="27"/>
      <c r="AB1449" s="27"/>
      <c r="AC1449" s="27"/>
      <c r="AD1449" s="30"/>
      <c r="AE1449" s="1"/>
      <c r="AF1449" s="23" t="s">
        <v>5331</v>
      </c>
      <c r="AG1449" s="26"/>
      <c r="AH1449" s="53"/>
    </row>
    <row r="1450" spans="1:34" ht="51.6" customHeight="1" x14ac:dyDescent="0.45">
      <c r="A1450" s="23">
        <v>1444</v>
      </c>
      <c r="B1450" s="25"/>
      <c r="C1450" s="25"/>
      <c r="D1450" s="29"/>
      <c r="E1450" s="1"/>
      <c r="F1450" s="1"/>
      <c r="G1450" s="25"/>
      <c r="H1450" s="71"/>
      <c r="I1450" s="83"/>
      <c r="J1450" s="50" t="str">
        <f t="shared" si="46"/>
        <v/>
      </c>
      <c r="K1450" s="23" t="s">
        <v>7120</v>
      </c>
      <c r="L1450" s="49" t="e">
        <f>VLOOKUP(E1450&amp;F1450,団体コード!$A$1:$C$1743,3,FALSE)</f>
        <v>#N/A</v>
      </c>
      <c r="M1450" s="49" t="e">
        <f>VLOOKUP(E1450&amp;F1450,団体コード!$A$1:$C$1743,2,FALSE)</f>
        <v>#N/A</v>
      </c>
      <c r="N1450" s="51" t="e">
        <f>VLOOKUP(E1450,団体コード!$E$1:$F$48,2,FALSE)</f>
        <v>#N/A</v>
      </c>
      <c r="O1450" s="51" t="e">
        <f t="shared" si="47"/>
        <v>#N/A</v>
      </c>
      <c r="P1450" s="51">
        <v>1</v>
      </c>
      <c r="Q1450" s="51" t="s">
        <v>5341</v>
      </c>
      <c r="R1450" s="54" t="b">
        <v>1</v>
      </c>
      <c r="S1450" s="52" t="s">
        <v>7126</v>
      </c>
      <c r="T1450" s="67" t="s">
        <v>7127</v>
      </c>
      <c r="U1450" s="75" t="s">
        <v>5331</v>
      </c>
      <c r="V1450" s="47" t="s">
        <v>5331</v>
      </c>
      <c r="W1450" s="47" t="s">
        <v>5331</v>
      </c>
      <c r="X1450" s="47" t="s">
        <v>5331</v>
      </c>
      <c r="Y1450" s="47" t="s">
        <v>5331</v>
      </c>
      <c r="Z1450" s="28"/>
      <c r="AA1450" s="27"/>
      <c r="AB1450" s="27"/>
      <c r="AC1450" s="27"/>
      <c r="AD1450" s="30"/>
      <c r="AE1450" s="1"/>
      <c r="AF1450" s="23" t="s">
        <v>5331</v>
      </c>
      <c r="AG1450" s="26"/>
      <c r="AH1450" s="53"/>
    </row>
    <row r="1451" spans="1:34" ht="51.6" customHeight="1" x14ac:dyDescent="0.45">
      <c r="A1451" s="23">
        <v>1445</v>
      </c>
      <c r="B1451" s="25"/>
      <c r="C1451" s="25"/>
      <c r="D1451" s="29"/>
      <c r="E1451" s="1"/>
      <c r="F1451" s="1"/>
      <c r="G1451" s="25"/>
      <c r="H1451" s="71"/>
      <c r="I1451" s="83"/>
      <c r="J1451" s="50" t="str">
        <f t="shared" si="46"/>
        <v/>
      </c>
      <c r="K1451" s="23" t="s">
        <v>7120</v>
      </c>
      <c r="L1451" s="49" t="e">
        <f>VLOOKUP(E1451&amp;F1451,団体コード!$A$1:$C$1743,3,FALSE)</f>
        <v>#N/A</v>
      </c>
      <c r="M1451" s="49" t="e">
        <f>VLOOKUP(E1451&amp;F1451,団体コード!$A$1:$C$1743,2,FALSE)</f>
        <v>#N/A</v>
      </c>
      <c r="N1451" s="51" t="e">
        <f>VLOOKUP(E1451,団体コード!$E$1:$F$48,2,FALSE)</f>
        <v>#N/A</v>
      </c>
      <c r="O1451" s="51" t="e">
        <f t="shared" si="47"/>
        <v>#N/A</v>
      </c>
      <c r="P1451" s="51">
        <v>1</v>
      </c>
      <c r="Q1451" s="51" t="s">
        <v>5341</v>
      </c>
      <c r="R1451" s="54" t="b">
        <v>1</v>
      </c>
      <c r="S1451" s="52" t="s">
        <v>7126</v>
      </c>
      <c r="T1451" s="67" t="s">
        <v>7127</v>
      </c>
      <c r="U1451" s="75" t="s">
        <v>5331</v>
      </c>
      <c r="V1451" s="47" t="s">
        <v>5331</v>
      </c>
      <c r="W1451" s="47" t="s">
        <v>5331</v>
      </c>
      <c r="X1451" s="47" t="s">
        <v>5331</v>
      </c>
      <c r="Y1451" s="47" t="s">
        <v>5331</v>
      </c>
      <c r="Z1451" s="28"/>
      <c r="AA1451" s="27"/>
      <c r="AB1451" s="27"/>
      <c r="AC1451" s="27"/>
      <c r="AD1451" s="30"/>
      <c r="AE1451" s="1"/>
      <c r="AF1451" s="23" t="s">
        <v>5331</v>
      </c>
      <c r="AG1451" s="26"/>
      <c r="AH1451" s="53"/>
    </row>
    <row r="1452" spans="1:34" ht="51.6" customHeight="1" x14ac:dyDescent="0.45">
      <c r="A1452" s="23">
        <v>1446</v>
      </c>
      <c r="B1452" s="25"/>
      <c r="C1452" s="25"/>
      <c r="D1452" s="29"/>
      <c r="E1452" s="1"/>
      <c r="F1452" s="1"/>
      <c r="G1452" s="25"/>
      <c r="H1452" s="71"/>
      <c r="I1452" s="83"/>
      <c r="J1452" s="50" t="str">
        <f t="shared" si="46"/>
        <v/>
      </c>
      <c r="K1452" s="23" t="s">
        <v>7120</v>
      </c>
      <c r="L1452" s="49" t="e">
        <f>VLOOKUP(E1452&amp;F1452,団体コード!$A$1:$C$1743,3,FALSE)</f>
        <v>#N/A</v>
      </c>
      <c r="M1452" s="49" t="e">
        <f>VLOOKUP(E1452&amp;F1452,団体コード!$A$1:$C$1743,2,FALSE)</f>
        <v>#N/A</v>
      </c>
      <c r="N1452" s="51" t="e">
        <f>VLOOKUP(E1452,団体コード!$E$1:$F$48,2,FALSE)</f>
        <v>#N/A</v>
      </c>
      <c r="O1452" s="51" t="e">
        <f t="shared" si="47"/>
        <v>#N/A</v>
      </c>
      <c r="P1452" s="51">
        <v>1</v>
      </c>
      <c r="Q1452" s="51" t="s">
        <v>5341</v>
      </c>
      <c r="R1452" s="54" t="b">
        <v>1</v>
      </c>
      <c r="S1452" s="52" t="s">
        <v>7126</v>
      </c>
      <c r="T1452" s="67" t="s">
        <v>7127</v>
      </c>
      <c r="U1452" s="75" t="s">
        <v>5331</v>
      </c>
      <c r="V1452" s="47" t="s">
        <v>5331</v>
      </c>
      <c r="W1452" s="47" t="s">
        <v>5331</v>
      </c>
      <c r="X1452" s="47" t="s">
        <v>5331</v>
      </c>
      <c r="Y1452" s="47" t="s">
        <v>5331</v>
      </c>
      <c r="Z1452" s="28"/>
      <c r="AA1452" s="27"/>
      <c r="AB1452" s="27"/>
      <c r="AC1452" s="27"/>
      <c r="AD1452" s="30"/>
      <c r="AE1452" s="1"/>
      <c r="AF1452" s="23" t="s">
        <v>5331</v>
      </c>
      <c r="AG1452" s="26"/>
      <c r="AH1452" s="53"/>
    </row>
    <row r="1453" spans="1:34" ht="51.6" customHeight="1" x14ac:dyDescent="0.45">
      <c r="A1453" s="23">
        <v>1447</v>
      </c>
      <c r="B1453" s="25"/>
      <c r="C1453" s="25"/>
      <c r="D1453" s="29"/>
      <c r="E1453" s="1"/>
      <c r="F1453" s="1"/>
      <c r="G1453" s="25"/>
      <c r="H1453" s="71"/>
      <c r="I1453" s="83"/>
      <c r="J1453" s="50" t="str">
        <f t="shared" si="46"/>
        <v/>
      </c>
      <c r="K1453" s="23" t="s">
        <v>7120</v>
      </c>
      <c r="L1453" s="49" t="e">
        <f>VLOOKUP(E1453&amp;F1453,団体コード!$A$1:$C$1743,3,FALSE)</f>
        <v>#N/A</v>
      </c>
      <c r="M1453" s="49" t="e">
        <f>VLOOKUP(E1453&amp;F1453,団体コード!$A$1:$C$1743,2,FALSE)</f>
        <v>#N/A</v>
      </c>
      <c r="N1453" s="51" t="e">
        <f>VLOOKUP(E1453,団体コード!$E$1:$F$48,2,FALSE)</f>
        <v>#N/A</v>
      </c>
      <c r="O1453" s="51" t="e">
        <f t="shared" si="47"/>
        <v>#N/A</v>
      </c>
      <c r="P1453" s="51">
        <v>1</v>
      </c>
      <c r="Q1453" s="51" t="s">
        <v>5341</v>
      </c>
      <c r="R1453" s="54" t="b">
        <v>1</v>
      </c>
      <c r="S1453" s="52" t="s">
        <v>7126</v>
      </c>
      <c r="T1453" s="67" t="s">
        <v>7127</v>
      </c>
      <c r="U1453" s="75" t="s">
        <v>5331</v>
      </c>
      <c r="V1453" s="47" t="s">
        <v>5331</v>
      </c>
      <c r="W1453" s="47" t="s">
        <v>5331</v>
      </c>
      <c r="X1453" s="47" t="s">
        <v>5331</v>
      </c>
      <c r="Y1453" s="47" t="s">
        <v>5331</v>
      </c>
      <c r="Z1453" s="28"/>
      <c r="AA1453" s="27"/>
      <c r="AB1453" s="27"/>
      <c r="AC1453" s="27"/>
      <c r="AD1453" s="30"/>
      <c r="AE1453" s="1"/>
      <c r="AF1453" s="23" t="s">
        <v>5331</v>
      </c>
      <c r="AG1453" s="26"/>
      <c r="AH1453" s="53"/>
    </row>
    <row r="1454" spans="1:34" ht="51.6" customHeight="1" x14ac:dyDescent="0.45">
      <c r="A1454" s="23">
        <v>1448</v>
      </c>
      <c r="B1454" s="25"/>
      <c r="C1454" s="25"/>
      <c r="D1454" s="29"/>
      <c r="E1454" s="1"/>
      <c r="F1454" s="1"/>
      <c r="G1454" s="25"/>
      <c r="H1454" s="71"/>
      <c r="I1454" s="83"/>
      <c r="J1454" s="50" t="str">
        <f t="shared" si="46"/>
        <v/>
      </c>
      <c r="K1454" s="23" t="s">
        <v>7120</v>
      </c>
      <c r="L1454" s="49" t="e">
        <f>VLOOKUP(E1454&amp;F1454,団体コード!$A$1:$C$1743,3,FALSE)</f>
        <v>#N/A</v>
      </c>
      <c r="M1454" s="49" t="e">
        <f>VLOOKUP(E1454&amp;F1454,団体コード!$A$1:$C$1743,2,FALSE)</f>
        <v>#N/A</v>
      </c>
      <c r="N1454" s="51" t="e">
        <f>VLOOKUP(E1454,団体コード!$E$1:$F$48,2,FALSE)</f>
        <v>#N/A</v>
      </c>
      <c r="O1454" s="51" t="e">
        <f t="shared" si="47"/>
        <v>#N/A</v>
      </c>
      <c r="P1454" s="51">
        <v>1</v>
      </c>
      <c r="Q1454" s="51" t="s">
        <v>5341</v>
      </c>
      <c r="R1454" s="54" t="b">
        <v>1</v>
      </c>
      <c r="S1454" s="52" t="s">
        <v>7126</v>
      </c>
      <c r="T1454" s="67" t="s">
        <v>7127</v>
      </c>
      <c r="U1454" s="75" t="s">
        <v>5331</v>
      </c>
      <c r="V1454" s="47" t="s">
        <v>5331</v>
      </c>
      <c r="W1454" s="47" t="s">
        <v>5331</v>
      </c>
      <c r="X1454" s="47" t="s">
        <v>5331</v>
      </c>
      <c r="Y1454" s="47" t="s">
        <v>5331</v>
      </c>
      <c r="Z1454" s="28"/>
      <c r="AA1454" s="27"/>
      <c r="AB1454" s="27"/>
      <c r="AC1454" s="27"/>
      <c r="AD1454" s="30"/>
      <c r="AE1454" s="1"/>
      <c r="AF1454" s="23" t="s">
        <v>5331</v>
      </c>
      <c r="AG1454" s="26"/>
      <c r="AH1454" s="53"/>
    </row>
    <row r="1455" spans="1:34" ht="51.6" customHeight="1" x14ac:dyDescent="0.45">
      <c r="A1455" s="23">
        <v>1449</v>
      </c>
      <c r="B1455" s="25"/>
      <c r="C1455" s="25"/>
      <c r="D1455" s="29"/>
      <c r="E1455" s="1"/>
      <c r="F1455" s="1"/>
      <c r="G1455" s="25"/>
      <c r="H1455" s="71"/>
      <c r="I1455" s="83"/>
      <c r="J1455" s="50" t="str">
        <f t="shared" si="46"/>
        <v/>
      </c>
      <c r="K1455" s="23" t="s">
        <v>7120</v>
      </c>
      <c r="L1455" s="49" t="e">
        <f>VLOOKUP(E1455&amp;F1455,団体コード!$A$1:$C$1743,3,FALSE)</f>
        <v>#N/A</v>
      </c>
      <c r="M1455" s="49" t="e">
        <f>VLOOKUP(E1455&amp;F1455,団体コード!$A$1:$C$1743,2,FALSE)</f>
        <v>#N/A</v>
      </c>
      <c r="N1455" s="51" t="e">
        <f>VLOOKUP(E1455,団体コード!$E$1:$F$48,2,FALSE)</f>
        <v>#N/A</v>
      </c>
      <c r="O1455" s="51" t="e">
        <f t="shared" si="47"/>
        <v>#N/A</v>
      </c>
      <c r="P1455" s="51">
        <v>1</v>
      </c>
      <c r="Q1455" s="51" t="s">
        <v>5341</v>
      </c>
      <c r="R1455" s="54" t="b">
        <v>1</v>
      </c>
      <c r="S1455" s="52" t="s">
        <v>7126</v>
      </c>
      <c r="T1455" s="67" t="s">
        <v>7127</v>
      </c>
      <c r="U1455" s="75" t="s">
        <v>5331</v>
      </c>
      <c r="V1455" s="47" t="s">
        <v>5331</v>
      </c>
      <c r="W1455" s="47" t="s">
        <v>5331</v>
      </c>
      <c r="X1455" s="47" t="s">
        <v>5331</v>
      </c>
      <c r="Y1455" s="47" t="s">
        <v>5331</v>
      </c>
      <c r="Z1455" s="28"/>
      <c r="AA1455" s="27"/>
      <c r="AB1455" s="27"/>
      <c r="AC1455" s="27"/>
      <c r="AD1455" s="30"/>
      <c r="AE1455" s="1"/>
      <c r="AF1455" s="23" t="s">
        <v>5331</v>
      </c>
      <c r="AG1455" s="26"/>
      <c r="AH1455" s="53"/>
    </row>
    <row r="1456" spans="1:34" ht="51.6" customHeight="1" x14ac:dyDescent="0.45">
      <c r="A1456" s="23">
        <v>1450</v>
      </c>
      <c r="B1456" s="25"/>
      <c r="C1456" s="25"/>
      <c r="D1456" s="29"/>
      <c r="E1456" s="1"/>
      <c r="F1456" s="1"/>
      <c r="G1456" s="25"/>
      <c r="H1456" s="71"/>
      <c r="I1456" s="83"/>
      <c r="J1456" s="50" t="str">
        <f t="shared" si="46"/>
        <v/>
      </c>
      <c r="K1456" s="23" t="s">
        <v>7120</v>
      </c>
      <c r="L1456" s="49" t="e">
        <f>VLOOKUP(E1456&amp;F1456,団体コード!$A$1:$C$1743,3,FALSE)</f>
        <v>#N/A</v>
      </c>
      <c r="M1456" s="49" t="e">
        <f>VLOOKUP(E1456&amp;F1456,団体コード!$A$1:$C$1743,2,FALSE)</f>
        <v>#N/A</v>
      </c>
      <c r="N1456" s="51" t="e">
        <f>VLOOKUP(E1456,団体コード!$E$1:$F$48,2,FALSE)</f>
        <v>#N/A</v>
      </c>
      <c r="O1456" s="51" t="e">
        <f t="shared" si="47"/>
        <v>#N/A</v>
      </c>
      <c r="P1456" s="51">
        <v>1</v>
      </c>
      <c r="Q1456" s="51" t="s">
        <v>5341</v>
      </c>
      <c r="R1456" s="54" t="b">
        <v>1</v>
      </c>
      <c r="S1456" s="52" t="s">
        <v>7126</v>
      </c>
      <c r="T1456" s="67" t="s">
        <v>7127</v>
      </c>
      <c r="U1456" s="75" t="s">
        <v>5331</v>
      </c>
      <c r="V1456" s="47" t="s">
        <v>5331</v>
      </c>
      <c r="W1456" s="47" t="s">
        <v>5331</v>
      </c>
      <c r="X1456" s="47" t="s">
        <v>5331</v>
      </c>
      <c r="Y1456" s="47" t="s">
        <v>5331</v>
      </c>
      <c r="Z1456" s="28"/>
      <c r="AA1456" s="27"/>
      <c r="AB1456" s="27"/>
      <c r="AC1456" s="27"/>
      <c r="AD1456" s="30"/>
      <c r="AE1456" s="1"/>
      <c r="AF1456" s="23" t="s">
        <v>5331</v>
      </c>
      <c r="AG1456" s="26"/>
      <c r="AH1456" s="53"/>
    </row>
    <row r="1457" spans="1:34" ht="51.6" customHeight="1" x14ac:dyDescent="0.45">
      <c r="A1457" s="23">
        <v>1451</v>
      </c>
      <c r="B1457" s="25"/>
      <c r="C1457" s="25"/>
      <c r="D1457" s="29"/>
      <c r="E1457" s="1"/>
      <c r="F1457" s="1"/>
      <c r="G1457" s="25"/>
      <c r="H1457" s="71"/>
      <c r="I1457" s="83"/>
      <c r="J1457" s="50" t="str">
        <f t="shared" si="46"/>
        <v/>
      </c>
      <c r="K1457" s="23" t="s">
        <v>7120</v>
      </c>
      <c r="L1457" s="49" t="e">
        <f>VLOOKUP(E1457&amp;F1457,団体コード!$A$1:$C$1743,3,FALSE)</f>
        <v>#N/A</v>
      </c>
      <c r="M1457" s="49" t="e">
        <f>VLOOKUP(E1457&amp;F1457,団体コード!$A$1:$C$1743,2,FALSE)</f>
        <v>#N/A</v>
      </c>
      <c r="N1457" s="51" t="e">
        <f>VLOOKUP(E1457,団体コード!$E$1:$F$48,2,FALSE)</f>
        <v>#N/A</v>
      </c>
      <c r="O1457" s="51" t="e">
        <f t="shared" si="47"/>
        <v>#N/A</v>
      </c>
      <c r="P1457" s="51">
        <v>1</v>
      </c>
      <c r="Q1457" s="51" t="s">
        <v>5341</v>
      </c>
      <c r="R1457" s="54" t="b">
        <v>1</v>
      </c>
      <c r="S1457" s="52" t="s">
        <v>7126</v>
      </c>
      <c r="T1457" s="67" t="s">
        <v>7127</v>
      </c>
      <c r="U1457" s="75" t="s">
        <v>5331</v>
      </c>
      <c r="V1457" s="47" t="s">
        <v>5331</v>
      </c>
      <c r="W1457" s="47" t="s">
        <v>5331</v>
      </c>
      <c r="X1457" s="47" t="s">
        <v>5331</v>
      </c>
      <c r="Y1457" s="47" t="s">
        <v>5331</v>
      </c>
      <c r="Z1457" s="28"/>
      <c r="AA1457" s="27"/>
      <c r="AB1457" s="27"/>
      <c r="AC1457" s="27"/>
      <c r="AD1457" s="30"/>
      <c r="AE1457" s="1"/>
      <c r="AF1457" s="23" t="s">
        <v>5331</v>
      </c>
      <c r="AG1457" s="26"/>
      <c r="AH1457" s="53"/>
    </row>
    <row r="1458" spans="1:34" ht="51.6" customHeight="1" x14ac:dyDescent="0.45">
      <c r="A1458" s="23">
        <v>1452</v>
      </c>
      <c r="B1458" s="25"/>
      <c r="C1458" s="25"/>
      <c r="D1458" s="29"/>
      <c r="E1458" s="1"/>
      <c r="F1458" s="1"/>
      <c r="G1458" s="25"/>
      <c r="H1458" s="71"/>
      <c r="I1458" s="83"/>
      <c r="J1458" s="50" t="str">
        <f t="shared" si="46"/>
        <v/>
      </c>
      <c r="K1458" s="23" t="s">
        <v>7120</v>
      </c>
      <c r="L1458" s="49" t="e">
        <f>VLOOKUP(E1458&amp;F1458,団体コード!$A$1:$C$1743,3,FALSE)</f>
        <v>#N/A</v>
      </c>
      <c r="M1458" s="49" t="e">
        <f>VLOOKUP(E1458&amp;F1458,団体コード!$A$1:$C$1743,2,FALSE)</f>
        <v>#N/A</v>
      </c>
      <c r="N1458" s="51" t="e">
        <f>VLOOKUP(E1458,団体コード!$E$1:$F$48,2,FALSE)</f>
        <v>#N/A</v>
      </c>
      <c r="O1458" s="51" t="e">
        <f t="shared" si="47"/>
        <v>#N/A</v>
      </c>
      <c r="P1458" s="51">
        <v>1</v>
      </c>
      <c r="Q1458" s="51" t="s">
        <v>5341</v>
      </c>
      <c r="R1458" s="54" t="b">
        <v>1</v>
      </c>
      <c r="S1458" s="52" t="s">
        <v>7126</v>
      </c>
      <c r="T1458" s="67" t="s">
        <v>7127</v>
      </c>
      <c r="U1458" s="75" t="s">
        <v>5331</v>
      </c>
      <c r="V1458" s="47" t="s">
        <v>5331</v>
      </c>
      <c r="W1458" s="47" t="s">
        <v>5331</v>
      </c>
      <c r="X1458" s="47" t="s">
        <v>5331</v>
      </c>
      <c r="Y1458" s="47" t="s">
        <v>5331</v>
      </c>
      <c r="Z1458" s="28"/>
      <c r="AA1458" s="27"/>
      <c r="AB1458" s="27"/>
      <c r="AC1458" s="27"/>
      <c r="AD1458" s="30"/>
      <c r="AE1458" s="1"/>
      <c r="AF1458" s="23" t="s">
        <v>5331</v>
      </c>
      <c r="AG1458" s="26"/>
      <c r="AH1458" s="53"/>
    </row>
    <row r="1459" spans="1:34" ht="51.6" customHeight="1" x14ac:dyDescent="0.45">
      <c r="A1459" s="23">
        <v>1453</v>
      </c>
      <c r="B1459" s="25"/>
      <c r="C1459" s="25"/>
      <c r="D1459" s="29"/>
      <c r="E1459" s="1"/>
      <c r="F1459" s="1"/>
      <c r="G1459" s="25"/>
      <c r="H1459" s="71"/>
      <c r="I1459" s="83"/>
      <c r="J1459" s="50" t="str">
        <f t="shared" si="46"/>
        <v/>
      </c>
      <c r="K1459" s="23" t="s">
        <v>7120</v>
      </c>
      <c r="L1459" s="49" t="e">
        <f>VLOOKUP(E1459&amp;F1459,団体コード!$A$1:$C$1743,3,FALSE)</f>
        <v>#N/A</v>
      </c>
      <c r="M1459" s="49" t="e">
        <f>VLOOKUP(E1459&amp;F1459,団体コード!$A$1:$C$1743,2,FALSE)</f>
        <v>#N/A</v>
      </c>
      <c r="N1459" s="51" t="e">
        <f>VLOOKUP(E1459,団体コード!$E$1:$F$48,2,FALSE)</f>
        <v>#N/A</v>
      </c>
      <c r="O1459" s="51" t="e">
        <f t="shared" si="47"/>
        <v>#N/A</v>
      </c>
      <c r="P1459" s="51">
        <v>1</v>
      </c>
      <c r="Q1459" s="51" t="s">
        <v>5341</v>
      </c>
      <c r="R1459" s="54" t="b">
        <v>1</v>
      </c>
      <c r="S1459" s="52" t="s">
        <v>7126</v>
      </c>
      <c r="T1459" s="67" t="s">
        <v>7127</v>
      </c>
      <c r="U1459" s="75" t="s">
        <v>5331</v>
      </c>
      <c r="V1459" s="47" t="s">
        <v>5331</v>
      </c>
      <c r="W1459" s="47" t="s">
        <v>5331</v>
      </c>
      <c r="X1459" s="47" t="s">
        <v>5331</v>
      </c>
      <c r="Y1459" s="47" t="s">
        <v>5331</v>
      </c>
      <c r="Z1459" s="28"/>
      <c r="AA1459" s="27"/>
      <c r="AB1459" s="27"/>
      <c r="AC1459" s="27"/>
      <c r="AD1459" s="30"/>
      <c r="AE1459" s="1"/>
      <c r="AF1459" s="23" t="s">
        <v>5331</v>
      </c>
      <c r="AG1459" s="26"/>
      <c r="AH1459" s="53"/>
    </row>
    <row r="1460" spans="1:34" ht="51.6" customHeight="1" x14ac:dyDescent="0.45">
      <c r="A1460" s="23">
        <v>1454</v>
      </c>
      <c r="B1460" s="25"/>
      <c r="C1460" s="25"/>
      <c r="D1460" s="29"/>
      <c r="E1460" s="1"/>
      <c r="F1460" s="1"/>
      <c r="G1460" s="25"/>
      <c r="H1460" s="71"/>
      <c r="I1460" s="83"/>
      <c r="J1460" s="50" t="str">
        <f t="shared" si="46"/>
        <v/>
      </c>
      <c r="K1460" s="23" t="s">
        <v>7120</v>
      </c>
      <c r="L1460" s="49" t="e">
        <f>VLOOKUP(E1460&amp;F1460,団体コード!$A$1:$C$1743,3,FALSE)</f>
        <v>#N/A</v>
      </c>
      <c r="M1460" s="49" t="e">
        <f>VLOOKUP(E1460&amp;F1460,団体コード!$A$1:$C$1743,2,FALSE)</f>
        <v>#N/A</v>
      </c>
      <c r="N1460" s="51" t="e">
        <f>VLOOKUP(E1460,団体コード!$E$1:$F$48,2,FALSE)</f>
        <v>#N/A</v>
      </c>
      <c r="O1460" s="51" t="e">
        <f t="shared" si="47"/>
        <v>#N/A</v>
      </c>
      <c r="P1460" s="51">
        <v>1</v>
      </c>
      <c r="Q1460" s="51" t="s">
        <v>5341</v>
      </c>
      <c r="R1460" s="54" t="b">
        <v>1</v>
      </c>
      <c r="S1460" s="52" t="s">
        <v>7126</v>
      </c>
      <c r="T1460" s="67" t="s">
        <v>7127</v>
      </c>
      <c r="U1460" s="75" t="s">
        <v>5331</v>
      </c>
      <c r="V1460" s="47" t="s">
        <v>5331</v>
      </c>
      <c r="W1460" s="47" t="s">
        <v>5331</v>
      </c>
      <c r="X1460" s="47" t="s">
        <v>5331</v>
      </c>
      <c r="Y1460" s="47" t="s">
        <v>5331</v>
      </c>
      <c r="Z1460" s="28"/>
      <c r="AA1460" s="27"/>
      <c r="AB1460" s="27"/>
      <c r="AC1460" s="27"/>
      <c r="AD1460" s="30"/>
      <c r="AE1460" s="1"/>
      <c r="AF1460" s="23" t="s">
        <v>5331</v>
      </c>
      <c r="AG1460" s="26"/>
      <c r="AH1460" s="53"/>
    </row>
    <row r="1461" spans="1:34" ht="51.6" customHeight="1" x14ac:dyDescent="0.45">
      <c r="A1461" s="23">
        <v>1455</v>
      </c>
      <c r="B1461" s="25"/>
      <c r="C1461" s="25"/>
      <c r="D1461" s="29"/>
      <c r="E1461" s="1"/>
      <c r="F1461" s="1"/>
      <c r="G1461" s="25"/>
      <c r="H1461" s="71"/>
      <c r="I1461" s="83"/>
      <c r="J1461" s="50" t="str">
        <f t="shared" si="46"/>
        <v/>
      </c>
      <c r="K1461" s="23" t="s">
        <v>7120</v>
      </c>
      <c r="L1461" s="49" t="e">
        <f>VLOOKUP(E1461&amp;F1461,団体コード!$A$1:$C$1743,3,FALSE)</f>
        <v>#N/A</v>
      </c>
      <c r="M1461" s="49" t="e">
        <f>VLOOKUP(E1461&amp;F1461,団体コード!$A$1:$C$1743,2,FALSE)</f>
        <v>#N/A</v>
      </c>
      <c r="N1461" s="51" t="e">
        <f>VLOOKUP(E1461,団体コード!$E$1:$F$48,2,FALSE)</f>
        <v>#N/A</v>
      </c>
      <c r="O1461" s="51" t="e">
        <f t="shared" si="47"/>
        <v>#N/A</v>
      </c>
      <c r="P1461" s="51">
        <v>1</v>
      </c>
      <c r="Q1461" s="51" t="s">
        <v>5341</v>
      </c>
      <c r="R1461" s="54" t="b">
        <v>1</v>
      </c>
      <c r="S1461" s="52" t="s">
        <v>7126</v>
      </c>
      <c r="T1461" s="67" t="s">
        <v>7127</v>
      </c>
      <c r="U1461" s="75" t="s">
        <v>5331</v>
      </c>
      <c r="V1461" s="47" t="s">
        <v>5331</v>
      </c>
      <c r="W1461" s="47" t="s">
        <v>5331</v>
      </c>
      <c r="X1461" s="47" t="s">
        <v>5331</v>
      </c>
      <c r="Y1461" s="47" t="s">
        <v>5331</v>
      </c>
      <c r="Z1461" s="28"/>
      <c r="AA1461" s="27"/>
      <c r="AB1461" s="27"/>
      <c r="AC1461" s="27"/>
      <c r="AD1461" s="30"/>
      <c r="AE1461" s="1"/>
      <c r="AF1461" s="23" t="s">
        <v>5331</v>
      </c>
      <c r="AG1461" s="26"/>
      <c r="AH1461" s="53"/>
    </row>
    <row r="1462" spans="1:34" ht="51.6" customHeight="1" x14ac:dyDescent="0.45">
      <c r="A1462" s="23">
        <v>1456</v>
      </c>
      <c r="B1462" s="25"/>
      <c r="C1462" s="25"/>
      <c r="D1462" s="29"/>
      <c r="E1462" s="1"/>
      <c r="F1462" s="1"/>
      <c r="G1462" s="25"/>
      <c r="H1462" s="71"/>
      <c r="I1462" s="83"/>
      <c r="J1462" s="50" t="str">
        <f t="shared" si="46"/>
        <v/>
      </c>
      <c r="K1462" s="23" t="s">
        <v>7120</v>
      </c>
      <c r="L1462" s="49" t="e">
        <f>VLOOKUP(E1462&amp;F1462,団体コード!$A$1:$C$1743,3,FALSE)</f>
        <v>#N/A</v>
      </c>
      <c r="M1462" s="49" t="e">
        <f>VLOOKUP(E1462&amp;F1462,団体コード!$A$1:$C$1743,2,FALSE)</f>
        <v>#N/A</v>
      </c>
      <c r="N1462" s="51" t="e">
        <f>VLOOKUP(E1462,団体コード!$E$1:$F$48,2,FALSE)</f>
        <v>#N/A</v>
      </c>
      <c r="O1462" s="51" t="e">
        <f t="shared" si="47"/>
        <v>#N/A</v>
      </c>
      <c r="P1462" s="51">
        <v>1</v>
      </c>
      <c r="Q1462" s="51" t="s">
        <v>5341</v>
      </c>
      <c r="R1462" s="54" t="b">
        <v>1</v>
      </c>
      <c r="S1462" s="52" t="s">
        <v>7126</v>
      </c>
      <c r="T1462" s="67" t="s">
        <v>7127</v>
      </c>
      <c r="U1462" s="75" t="s">
        <v>5331</v>
      </c>
      <c r="V1462" s="47" t="s">
        <v>5331</v>
      </c>
      <c r="W1462" s="47" t="s">
        <v>5331</v>
      </c>
      <c r="X1462" s="47" t="s">
        <v>5331</v>
      </c>
      <c r="Y1462" s="47" t="s">
        <v>5331</v>
      </c>
      <c r="Z1462" s="28"/>
      <c r="AA1462" s="27"/>
      <c r="AB1462" s="27"/>
      <c r="AC1462" s="27"/>
      <c r="AD1462" s="30"/>
      <c r="AE1462" s="1"/>
      <c r="AF1462" s="23" t="s">
        <v>5331</v>
      </c>
      <c r="AG1462" s="26"/>
      <c r="AH1462" s="53"/>
    </row>
    <row r="1463" spans="1:34" ht="51.6" customHeight="1" x14ac:dyDescent="0.45">
      <c r="A1463" s="23">
        <v>1457</v>
      </c>
      <c r="B1463" s="25"/>
      <c r="C1463" s="25"/>
      <c r="D1463" s="29"/>
      <c r="E1463" s="1"/>
      <c r="F1463" s="1"/>
      <c r="G1463" s="25"/>
      <c r="H1463" s="71"/>
      <c r="I1463" s="83"/>
      <c r="J1463" s="50" t="str">
        <f t="shared" si="46"/>
        <v/>
      </c>
      <c r="K1463" s="23" t="s">
        <v>7120</v>
      </c>
      <c r="L1463" s="49" t="e">
        <f>VLOOKUP(E1463&amp;F1463,団体コード!$A$1:$C$1743,3,FALSE)</f>
        <v>#N/A</v>
      </c>
      <c r="M1463" s="49" t="e">
        <f>VLOOKUP(E1463&amp;F1463,団体コード!$A$1:$C$1743,2,FALSE)</f>
        <v>#N/A</v>
      </c>
      <c r="N1463" s="51" t="e">
        <f>VLOOKUP(E1463,団体コード!$E$1:$F$48,2,FALSE)</f>
        <v>#N/A</v>
      </c>
      <c r="O1463" s="51" t="e">
        <f t="shared" si="47"/>
        <v>#N/A</v>
      </c>
      <c r="P1463" s="51">
        <v>1</v>
      </c>
      <c r="Q1463" s="51" t="s">
        <v>5341</v>
      </c>
      <c r="R1463" s="54" t="b">
        <v>1</v>
      </c>
      <c r="S1463" s="52" t="s">
        <v>7126</v>
      </c>
      <c r="T1463" s="67" t="s">
        <v>7127</v>
      </c>
      <c r="U1463" s="75" t="s">
        <v>5331</v>
      </c>
      <c r="V1463" s="47" t="s">
        <v>5331</v>
      </c>
      <c r="W1463" s="47" t="s">
        <v>5331</v>
      </c>
      <c r="X1463" s="47" t="s">
        <v>5331</v>
      </c>
      <c r="Y1463" s="47" t="s">
        <v>5331</v>
      </c>
      <c r="Z1463" s="28"/>
      <c r="AA1463" s="27"/>
      <c r="AB1463" s="27"/>
      <c r="AC1463" s="27"/>
      <c r="AD1463" s="30"/>
      <c r="AE1463" s="1"/>
      <c r="AF1463" s="23" t="s">
        <v>5331</v>
      </c>
      <c r="AG1463" s="26"/>
      <c r="AH1463" s="53"/>
    </row>
    <row r="1464" spans="1:34" ht="51.6" customHeight="1" x14ac:dyDescent="0.45">
      <c r="A1464" s="23">
        <v>1458</v>
      </c>
      <c r="B1464" s="25"/>
      <c r="C1464" s="25"/>
      <c r="D1464" s="29"/>
      <c r="E1464" s="1"/>
      <c r="F1464" s="1"/>
      <c r="G1464" s="25"/>
      <c r="H1464" s="71"/>
      <c r="I1464" s="83"/>
      <c r="J1464" s="50" t="str">
        <f t="shared" si="46"/>
        <v/>
      </c>
      <c r="K1464" s="23" t="s">
        <v>7120</v>
      </c>
      <c r="L1464" s="49" t="e">
        <f>VLOOKUP(E1464&amp;F1464,団体コード!$A$1:$C$1743,3,FALSE)</f>
        <v>#N/A</v>
      </c>
      <c r="M1464" s="49" t="e">
        <f>VLOOKUP(E1464&amp;F1464,団体コード!$A$1:$C$1743,2,FALSE)</f>
        <v>#N/A</v>
      </c>
      <c r="N1464" s="51" t="e">
        <f>VLOOKUP(E1464,団体コード!$E$1:$F$48,2,FALSE)</f>
        <v>#N/A</v>
      </c>
      <c r="O1464" s="51" t="e">
        <f t="shared" si="47"/>
        <v>#N/A</v>
      </c>
      <c r="P1464" s="51">
        <v>1</v>
      </c>
      <c r="Q1464" s="51" t="s">
        <v>5341</v>
      </c>
      <c r="R1464" s="54" t="b">
        <v>1</v>
      </c>
      <c r="S1464" s="52" t="s">
        <v>7126</v>
      </c>
      <c r="T1464" s="67" t="s">
        <v>7127</v>
      </c>
      <c r="U1464" s="75" t="s">
        <v>5331</v>
      </c>
      <c r="V1464" s="47" t="s">
        <v>5331</v>
      </c>
      <c r="W1464" s="47" t="s">
        <v>5331</v>
      </c>
      <c r="X1464" s="47" t="s">
        <v>5331</v>
      </c>
      <c r="Y1464" s="47" t="s">
        <v>5331</v>
      </c>
      <c r="Z1464" s="28"/>
      <c r="AA1464" s="27"/>
      <c r="AB1464" s="27"/>
      <c r="AC1464" s="27"/>
      <c r="AD1464" s="30"/>
      <c r="AE1464" s="1"/>
      <c r="AF1464" s="23" t="s">
        <v>5331</v>
      </c>
      <c r="AG1464" s="26"/>
      <c r="AH1464" s="53"/>
    </row>
    <row r="1465" spans="1:34" ht="51.6" customHeight="1" x14ac:dyDescent="0.45">
      <c r="A1465" s="23">
        <v>1459</v>
      </c>
      <c r="B1465" s="25"/>
      <c r="C1465" s="25"/>
      <c r="D1465" s="29"/>
      <c r="E1465" s="1"/>
      <c r="F1465" s="1"/>
      <c r="G1465" s="25"/>
      <c r="H1465" s="71"/>
      <c r="I1465" s="83"/>
      <c r="J1465" s="50" t="str">
        <f t="shared" si="46"/>
        <v/>
      </c>
      <c r="K1465" s="23" t="s">
        <v>7120</v>
      </c>
      <c r="L1465" s="49" t="e">
        <f>VLOOKUP(E1465&amp;F1465,団体コード!$A$1:$C$1743,3,FALSE)</f>
        <v>#N/A</v>
      </c>
      <c r="M1465" s="49" t="e">
        <f>VLOOKUP(E1465&amp;F1465,団体コード!$A$1:$C$1743,2,FALSE)</f>
        <v>#N/A</v>
      </c>
      <c r="N1465" s="51" t="e">
        <f>VLOOKUP(E1465,団体コード!$E$1:$F$48,2,FALSE)</f>
        <v>#N/A</v>
      </c>
      <c r="O1465" s="51" t="e">
        <f t="shared" si="47"/>
        <v>#N/A</v>
      </c>
      <c r="P1465" s="51">
        <v>1</v>
      </c>
      <c r="Q1465" s="51" t="s">
        <v>5341</v>
      </c>
      <c r="R1465" s="54" t="b">
        <v>1</v>
      </c>
      <c r="S1465" s="52" t="s">
        <v>7126</v>
      </c>
      <c r="T1465" s="67" t="s">
        <v>7127</v>
      </c>
      <c r="U1465" s="75" t="s">
        <v>5331</v>
      </c>
      <c r="V1465" s="47" t="s">
        <v>5331</v>
      </c>
      <c r="W1465" s="47" t="s">
        <v>5331</v>
      </c>
      <c r="X1465" s="47" t="s">
        <v>5331</v>
      </c>
      <c r="Y1465" s="47" t="s">
        <v>5331</v>
      </c>
      <c r="Z1465" s="28"/>
      <c r="AA1465" s="27"/>
      <c r="AB1465" s="27"/>
      <c r="AC1465" s="27"/>
      <c r="AD1465" s="30"/>
      <c r="AE1465" s="1"/>
      <c r="AF1465" s="23" t="s">
        <v>5331</v>
      </c>
      <c r="AG1465" s="26"/>
      <c r="AH1465" s="53"/>
    </row>
    <row r="1466" spans="1:34" ht="51.6" customHeight="1" x14ac:dyDescent="0.45">
      <c r="A1466" s="23">
        <v>1460</v>
      </c>
      <c r="B1466" s="25"/>
      <c r="C1466" s="25"/>
      <c r="D1466" s="29"/>
      <c r="E1466" s="1"/>
      <c r="F1466" s="1"/>
      <c r="G1466" s="25"/>
      <c r="H1466" s="71"/>
      <c r="I1466" s="83"/>
      <c r="J1466" s="50" t="str">
        <f t="shared" si="46"/>
        <v/>
      </c>
      <c r="K1466" s="23" t="s">
        <v>7120</v>
      </c>
      <c r="L1466" s="49" t="e">
        <f>VLOOKUP(E1466&amp;F1466,団体コード!$A$1:$C$1743,3,FALSE)</f>
        <v>#N/A</v>
      </c>
      <c r="M1466" s="49" t="e">
        <f>VLOOKUP(E1466&amp;F1466,団体コード!$A$1:$C$1743,2,FALSE)</f>
        <v>#N/A</v>
      </c>
      <c r="N1466" s="51" t="e">
        <f>VLOOKUP(E1466,団体コード!$E$1:$F$48,2,FALSE)</f>
        <v>#N/A</v>
      </c>
      <c r="O1466" s="51" t="e">
        <f t="shared" si="47"/>
        <v>#N/A</v>
      </c>
      <c r="P1466" s="51">
        <v>1</v>
      </c>
      <c r="Q1466" s="51" t="s">
        <v>5341</v>
      </c>
      <c r="R1466" s="54" t="b">
        <v>1</v>
      </c>
      <c r="S1466" s="52" t="s">
        <v>7126</v>
      </c>
      <c r="T1466" s="67" t="s">
        <v>7127</v>
      </c>
      <c r="U1466" s="75" t="s">
        <v>5331</v>
      </c>
      <c r="V1466" s="47" t="s">
        <v>5331</v>
      </c>
      <c r="W1466" s="47" t="s">
        <v>5331</v>
      </c>
      <c r="X1466" s="47" t="s">
        <v>5331</v>
      </c>
      <c r="Y1466" s="47" t="s">
        <v>5331</v>
      </c>
      <c r="Z1466" s="28"/>
      <c r="AA1466" s="27"/>
      <c r="AB1466" s="27"/>
      <c r="AC1466" s="27"/>
      <c r="AD1466" s="30"/>
      <c r="AE1466" s="1"/>
      <c r="AF1466" s="23" t="s">
        <v>5331</v>
      </c>
      <c r="AG1466" s="26"/>
      <c r="AH1466" s="53"/>
    </row>
    <row r="1467" spans="1:34" ht="51.6" customHeight="1" x14ac:dyDescent="0.45">
      <c r="A1467" s="23">
        <v>1461</v>
      </c>
      <c r="B1467" s="25"/>
      <c r="C1467" s="25"/>
      <c r="D1467" s="29"/>
      <c r="E1467" s="1"/>
      <c r="F1467" s="1"/>
      <c r="G1467" s="25"/>
      <c r="H1467" s="71"/>
      <c r="I1467" s="83"/>
      <c r="J1467" s="50" t="str">
        <f t="shared" si="46"/>
        <v/>
      </c>
      <c r="K1467" s="23" t="s">
        <v>7120</v>
      </c>
      <c r="L1467" s="49" t="e">
        <f>VLOOKUP(E1467&amp;F1467,団体コード!$A$1:$C$1743,3,FALSE)</f>
        <v>#N/A</v>
      </c>
      <c r="M1467" s="49" t="e">
        <f>VLOOKUP(E1467&amp;F1467,団体コード!$A$1:$C$1743,2,FALSE)</f>
        <v>#N/A</v>
      </c>
      <c r="N1467" s="51" t="e">
        <f>VLOOKUP(E1467,団体コード!$E$1:$F$48,2,FALSE)</f>
        <v>#N/A</v>
      </c>
      <c r="O1467" s="51" t="e">
        <f t="shared" si="47"/>
        <v>#N/A</v>
      </c>
      <c r="P1467" s="51">
        <v>1</v>
      </c>
      <c r="Q1467" s="51" t="s">
        <v>5341</v>
      </c>
      <c r="R1467" s="54" t="b">
        <v>1</v>
      </c>
      <c r="S1467" s="52" t="s">
        <v>7126</v>
      </c>
      <c r="T1467" s="67" t="s">
        <v>7127</v>
      </c>
      <c r="U1467" s="75" t="s">
        <v>5331</v>
      </c>
      <c r="V1467" s="47" t="s">
        <v>5331</v>
      </c>
      <c r="W1467" s="47" t="s">
        <v>5331</v>
      </c>
      <c r="X1467" s="47" t="s">
        <v>5331</v>
      </c>
      <c r="Y1467" s="47" t="s">
        <v>5331</v>
      </c>
      <c r="Z1467" s="28"/>
      <c r="AA1467" s="27"/>
      <c r="AB1467" s="27"/>
      <c r="AC1467" s="27"/>
      <c r="AD1467" s="30"/>
      <c r="AE1467" s="1"/>
      <c r="AF1467" s="23" t="s">
        <v>5331</v>
      </c>
      <c r="AG1467" s="26"/>
      <c r="AH1467" s="53"/>
    </row>
    <row r="1468" spans="1:34" ht="51.6" customHeight="1" x14ac:dyDescent="0.45">
      <c r="A1468" s="23">
        <v>1462</v>
      </c>
      <c r="B1468" s="25"/>
      <c r="C1468" s="25"/>
      <c r="D1468" s="29"/>
      <c r="E1468" s="1"/>
      <c r="F1468" s="1"/>
      <c r="G1468" s="25"/>
      <c r="H1468" s="71"/>
      <c r="I1468" s="83"/>
      <c r="J1468" s="50" t="str">
        <f t="shared" si="46"/>
        <v/>
      </c>
      <c r="K1468" s="23" t="s">
        <v>7120</v>
      </c>
      <c r="L1468" s="49" t="e">
        <f>VLOOKUP(E1468&amp;F1468,団体コード!$A$1:$C$1743,3,FALSE)</f>
        <v>#N/A</v>
      </c>
      <c r="M1468" s="49" t="e">
        <f>VLOOKUP(E1468&amp;F1468,団体コード!$A$1:$C$1743,2,FALSE)</f>
        <v>#N/A</v>
      </c>
      <c r="N1468" s="51" t="e">
        <f>VLOOKUP(E1468,団体コード!$E$1:$F$48,2,FALSE)</f>
        <v>#N/A</v>
      </c>
      <c r="O1468" s="51" t="e">
        <f t="shared" si="47"/>
        <v>#N/A</v>
      </c>
      <c r="P1468" s="51">
        <v>1</v>
      </c>
      <c r="Q1468" s="51" t="s">
        <v>5341</v>
      </c>
      <c r="R1468" s="54" t="b">
        <v>1</v>
      </c>
      <c r="S1468" s="52" t="s">
        <v>7126</v>
      </c>
      <c r="T1468" s="67" t="s">
        <v>7127</v>
      </c>
      <c r="U1468" s="75" t="s">
        <v>5331</v>
      </c>
      <c r="V1468" s="47" t="s">
        <v>5331</v>
      </c>
      <c r="W1468" s="47" t="s">
        <v>5331</v>
      </c>
      <c r="X1468" s="47" t="s">
        <v>5331</v>
      </c>
      <c r="Y1468" s="47" t="s">
        <v>5331</v>
      </c>
      <c r="Z1468" s="28"/>
      <c r="AA1468" s="27"/>
      <c r="AB1468" s="27"/>
      <c r="AC1468" s="27"/>
      <c r="AD1468" s="30"/>
      <c r="AE1468" s="1"/>
      <c r="AF1468" s="23" t="s">
        <v>5331</v>
      </c>
      <c r="AG1468" s="26"/>
      <c r="AH1468" s="53"/>
    </row>
    <row r="1469" spans="1:34" ht="51.6" customHeight="1" x14ac:dyDescent="0.45">
      <c r="A1469" s="23">
        <v>1463</v>
      </c>
      <c r="B1469" s="25"/>
      <c r="C1469" s="25"/>
      <c r="D1469" s="29"/>
      <c r="E1469" s="1"/>
      <c r="F1469" s="1"/>
      <c r="G1469" s="25"/>
      <c r="H1469" s="71"/>
      <c r="I1469" s="83"/>
      <c r="J1469" s="50" t="str">
        <f t="shared" si="46"/>
        <v/>
      </c>
      <c r="K1469" s="23" t="s">
        <v>7120</v>
      </c>
      <c r="L1469" s="49" t="e">
        <f>VLOOKUP(E1469&amp;F1469,団体コード!$A$1:$C$1743,3,FALSE)</f>
        <v>#N/A</v>
      </c>
      <c r="M1469" s="49" t="e">
        <f>VLOOKUP(E1469&amp;F1469,団体コード!$A$1:$C$1743,2,FALSE)</f>
        <v>#N/A</v>
      </c>
      <c r="N1469" s="51" t="e">
        <f>VLOOKUP(E1469,団体コード!$E$1:$F$48,2,FALSE)</f>
        <v>#N/A</v>
      </c>
      <c r="O1469" s="51" t="e">
        <f t="shared" si="47"/>
        <v>#N/A</v>
      </c>
      <c r="P1469" s="51">
        <v>1</v>
      </c>
      <c r="Q1469" s="51" t="s">
        <v>5341</v>
      </c>
      <c r="R1469" s="54" t="b">
        <v>1</v>
      </c>
      <c r="S1469" s="52" t="s">
        <v>7126</v>
      </c>
      <c r="T1469" s="67" t="s">
        <v>7127</v>
      </c>
      <c r="U1469" s="75" t="s">
        <v>5331</v>
      </c>
      <c r="V1469" s="47" t="s">
        <v>5331</v>
      </c>
      <c r="W1469" s="47" t="s">
        <v>5331</v>
      </c>
      <c r="X1469" s="47" t="s">
        <v>5331</v>
      </c>
      <c r="Y1469" s="47" t="s">
        <v>5331</v>
      </c>
      <c r="Z1469" s="28"/>
      <c r="AA1469" s="27"/>
      <c r="AB1469" s="27"/>
      <c r="AC1469" s="27"/>
      <c r="AD1469" s="30"/>
      <c r="AE1469" s="1"/>
      <c r="AF1469" s="23" t="s">
        <v>5331</v>
      </c>
      <c r="AG1469" s="26"/>
      <c r="AH1469" s="53"/>
    </row>
    <row r="1470" spans="1:34" ht="51.6" customHeight="1" x14ac:dyDescent="0.45">
      <c r="A1470" s="23">
        <v>1464</v>
      </c>
      <c r="B1470" s="25"/>
      <c r="C1470" s="25"/>
      <c r="D1470" s="29"/>
      <c r="E1470" s="1"/>
      <c r="F1470" s="1"/>
      <c r="G1470" s="25"/>
      <c r="H1470" s="71"/>
      <c r="I1470" s="83"/>
      <c r="J1470" s="50" t="str">
        <f t="shared" si="46"/>
        <v/>
      </c>
      <c r="K1470" s="23" t="s">
        <v>7120</v>
      </c>
      <c r="L1470" s="49" t="e">
        <f>VLOOKUP(E1470&amp;F1470,団体コード!$A$1:$C$1743,3,FALSE)</f>
        <v>#N/A</v>
      </c>
      <c r="M1470" s="49" t="e">
        <f>VLOOKUP(E1470&amp;F1470,団体コード!$A$1:$C$1743,2,FALSE)</f>
        <v>#N/A</v>
      </c>
      <c r="N1470" s="51" t="e">
        <f>VLOOKUP(E1470,団体コード!$E$1:$F$48,2,FALSE)</f>
        <v>#N/A</v>
      </c>
      <c r="O1470" s="51" t="e">
        <f t="shared" si="47"/>
        <v>#N/A</v>
      </c>
      <c r="P1470" s="51">
        <v>1</v>
      </c>
      <c r="Q1470" s="51" t="s">
        <v>5341</v>
      </c>
      <c r="R1470" s="54" t="b">
        <v>1</v>
      </c>
      <c r="S1470" s="52" t="s">
        <v>7126</v>
      </c>
      <c r="T1470" s="67" t="s">
        <v>7127</v>
      </c>
      <c r="U1470" s="75" t="s">
        <v>5331</v>
      </c>
      <c r="V1470" s="47" t="s">
        <v>5331</v>
      </c>
      <c r="W1470" s="47" t="s">
        <v>5331</v>
      </c>
      <c r="X1470" s="47" t="s">
        <v>5331</v>
      </c>
      <c r="Y1470" s="47" t="s">
        <v>5331</v>
      </c>
      <c r="Z1470" s="28"/>
      <c r="AA1470" s="27"/>
      <c r="AB1470" s="27"/>
      <c r="AC1470" s="27"/>
      <c r="AD1470" s="30"/>
      <c r="AE1470" s="1"/>
      <c r="AF1470" s="23" t="s">
        <v>5331</v>
      </c>
      <c r="AG1470" s="26"/>
      <c r="AH1470" s="53"/>
    </row>
    <row r="1471" spans="1:34" ht="51.6" customHeight="1" x14ac:dyDescent="0.45">
      <c r="A1471" s="23">
        <v>1465</v>
      </c>
      <c r="B1471" s="25"/>
      <c r="C1471" s="25"/>
      <c r="D1471" s="29"/>
      <c r="E1471" s="1"/>
      <c r="F1471" s="1"/>
      <c r="G1471" s="25"/>
      <c r="H1471" s="71"/>
      <c r="I1471" s="83"/>
      <c r="J1471" s="50" t="str">
        <f t="shared" si="46"/>
        <v/>
      </c>
      <c r="K1471" s="23" t="s">
        <v>7120</v>
      </c>
      <c r="L1471" s="49" t="e">
        <f>VLOOKUP(E1471&amp;F1471,団体コード!$A$1:$C$1743,3,FALSE)</f>
        <v>#N/A</v>
      </c>
      <c r="M1471" s="49" t="e">
        <f>VLOOKUP(E1471&amp;F1471,団体コード!$A$1:$C$1743,2,FALSE)</f>
        <v>#N/A</v>
      </c>
      <c r="N1471" s="51" t="e">
        <f>VLOOKUP(E1471,団体コード!$E$1:$F$48,2,FALSE)</f>
        <v>#N/A</v>
      </c>
      <c r="O1471" s="51" t="e">
        <f t="shared" si="47"/>
        <v>#N/A</v>
      </c>
      <c r="P1471" s="51">
        <v>1</v>
      </c>
      <c r="Q1471" s="51" t="s">
        <v>5341</v>
      </c>
      <c r="R1471" s="54" t="b">
        <v>1</v>
      </c>
      <c r="S1471" s="52" t="s">
        <v>7126</v>
      </c>
      <c r="T1471" s="67" t="s">
        <v>7127</v>
      </c>
      <c r="U1471" s="75" t="s">
        <v>5331</v>
      </c>
      <c r="V1471" s="47" t="s">
        <v>5331</v>
      </c>
      <c r="W1471" s="47" t="s">
        <v>5331</v>
      </c>
      <c r="X1471" s="47" t="s">
        <v>5331</v>
      </c>
      <c r="Y1471" s="47" t="s">
        <v>5331</v>
      </c>
      <c r="Z1471" s="28"/>
      <c r="AA1471" s="27"/>
      <c r="AB1471" s="27"/>
      <c r="AC1471" s="27"/>
      <c r="AD1471" s="30"/>
      <c r="AE1471" s="1"/>
      <c r="AF1471" s="23" t="s">
        <v>5331</v>
      </c>
      <c r="AG1471" s="26"/>
      <c r="AH1471" s="53"/>
    </row>
    <row r="1472" spans="1:34" ht="51.6" customHeight="1" x14ac:dyDescent="0.45">
      <c r="A1472" s="23">
        <v>1466</v>
      </c>
      <c r="B1472" s="25"/>
      <c r="C1472" s="25"/>
      <c r="D1472" s="29"/>
      <c r="E1472" s="1"/>
      <c r="F1472" s="1"/>
      <c r="G1472" s="25"/>
      <c r="H1472" s="71"/>
      <c r="I1472" s="83"/>
      <c r="J1472" s="50" t="str">
        <f t="shared" si="46"/>
        <v/>
      </c>
      <c r="K1472" s="23" t="s">
        <v>7120</v>
      </c>
      <c r="L1472" s="49" t="e">
        <f>VLOOKUP(E1472&amp;F1472,団体コード!$A$1:$C$1743,3,FALSE)</f>
        <v>#N/A</v>
      </c>
      <c r="M1472" s="49" t="e">
        <f>VLOOKUP(E1472&amp;F1472,団体コード!$A$1:$C$1743,2,FALSE)</f>
        <v>#N/A</v>
      </c>
      <c r="N1472" s="51" t="e">
        <f>VLOOKUP(E1472,団体コード!$E$1:$F$48,2,FALSE)</f>
        <v>#N/A</v>
      </c>
      <c r="O1472" s="51" t="e">
        <f t="shared" si="47"/>
        <v>#N/A</v>
      </c>
      <c r="P1472" s="51">
        <v>1</v>
      </c>
      <c r="Q1472" s="51" t="s">
        <v>5341</v>
      </c>
      <c r="R1472" s="54" t="b">
        <v>1</v>
      </c>
      <c r="S1472" s="52" t="s">
        <v>7126</v>
      </c>
      <c r="T1472" s="67" t="s">
        <v>7127</v>
      </c>
      <c r="U1472" s="75" t="s">
        <v>5331</v>
      </c>
      <c r="V1472" s="47" t="s">
        <v>5331</v>
      </c>
      <c r="W1472" s="47" t="s">
        <v>5331</v>
      </c>
      <c r="X1472" s="47" t="s">
        <v>5331</v>
      </c>
      <c r="Y1472" s="47" t="s">
        <v>5331</v>
      </c>
      <c r="Z1472" s="28"/>
      <c r="AA1472" s="27"/>
      <c r="AB1472" s="27"/>
      <c r="AC1472" s="27"/>
      <c r="AD1472" s="30"/>
      <c r="AE1472" s="1"/>
      <c r="AF1472" s="23" t="s">
        <v>5331</v>
      </c>
      <c r="AG1472" s="26"/>
      <c r="AH1472" s="53"/>
    </row>
    <row r="1473" spans="1:34" ht="51.6" customHeight="1" x14ac:dyDescent="0.45">
      <c r="A1473" s="23">
        <v>1467</v>
      </c>
      <c r="B1473" s="25"/>
      <c r="C1473" s="25"/>
      <c r="D1473" s="29"/>
      <c r="E1473" s="1"/>
      <c r="F1473" s="1"/>
      <c r="G1473" s="25"/>
      <c r="H1473" s="71"/>
      <c r="I1473" s="83"/>
      <c r="J1473" s="50" t="str">
        <f t="shared" si="46"/>
        <v/>
      </c>
      <c r="K1473" s="23" t="s">
        <v>7120</v>
      </c>
      <c r="L1473" s="49" t="e">
        <f>VLOOKUP(E1473&amp;F1473,団体コード!$A$1:$C$1743,3,FALSE)</f>
        <v>#N/A</v>
      </c>
      <c r="M1473" s="49" t="e">
        <f>VLOOKUP(E1473&amp;F1473,団体コード!$A$1:$C$1743,2,FALSE)</f>
        <v>#N/A</v>
      </c>
      <c r="N1473" s="51" t="e">
        <f>VLOOKUP(E1473,団体コード!$E$1:$F$48,2,FALSE)</f>
        <v>#N/A</v>
      </c>
      <c r="O1473" s="51" t="e">
        <f t="shared" si="47"/>
        <v>#N/A</v>
      </c>
      <c r="P1473" s="51">
        <v>1</v>
      </c>
      <c r="Q1473" s="51" t="s">
        <v>5341</v>
      </c>
      <c r="R1473" s="54" t="b">
        <v>1</v>
      </c>
      <c r="S1473" s="52" t="s">
        <v>7126</v>
      </c>
      <c r="T1473" s="67" t="s">
        <v>7127</v>
      </c>
      <c r="U1473" s="75" t="s">
        <v>5331</v>
      </c>
      <c r="V1473" s="47" t="s">
        <v>5331</v>
      </c>
      <c r="W1473" s="47" t="s">
        <v>5331</v>
      </c>
      <c r="X1473" s="47" t="s">
        <v>5331</v>
      </c>
      <c r="Y1473" s="47" t="s">
        <v>5331</v>
      </c>
      <c r="Z1473" s="28"/>
      <c r="AA1473" s="27"/>
      <c r="AB1473" s="27"/>
      <c r="AC1473" s="27"/>
      <c r="AD1473" s="30"/>
      <c r="AE1473" s="1"/>
      <c r="AF1473" s="23" t="s">
        <v>5331</v>
      </c>
      <c r="AG1473" s="26"/>
      <c r="AH1473" s="53"/>
    </row>
    <row r="1474" spans="1:34" ht="51.6" customHeight="1" x14ac:dyDescent="0.45">
      <c r="A1474" s="23">
        <v>1468</v>
      </c>
      <c r="B1474" s="25"/>
      <c r="C1474" s="25"/>
      <c r="D1474" s="29"/>
      <c r="E1474" s="1"/>
      <c r="F1474" s="1"/>
      <c r="G1474" s="25"/>
      <c r="H1474" s="71"/>
      <c r="I1474" s="83"/>
      <c r="J1474" s="50" t="str">
        <f t="shared" si="46"/>
        <v/>
      </c>
      <c r="K1474" s="23" t="s">
        <v>7120</v>
      </c>
      <c r="L1474" s="49" t="e">
        <f>VLOOKUP(E1474&amp;F1474,団体コード!$A$1:$C$1743,3,FALSE)</f>
        <v>#N/A</v>
      </c>
      <c r="M1474" s="49" t="e">
        <f>VLOOKUP(E1474&amp;F1474,団体コード!$A$1:$C$1743,2,FALSE)</f>
        <v>#N/A</v>
      </c>
      <c r="N1474" s="51" t="e">
        <f>VLOOKUP(E1474,団体コード!$E$1:$F$48,2,FALSE)</f>
        <v>#N/A</v>
      </c>
      <c r="O1474" s="51" t="e">
        <f t="shared" si="47"/>
        <v>#N/A</v>
      </c>
      <c r="P1474" s="51">
        <v>1</v>
      </c>
      <c r="Q1474" s="51" t="s">
        <v>5341</v>
      </c>
      <c r="R1474" s="54" t="b">
        <v>1</v>
      </c>
      <c r="S1474" s="52" t="s">
        <v>7126</v>
      </c>
      <c r="T1474" s="67" t="s">
        <v>7127</v>
      </c>
      <c r="U1474" s="75" t="s">
        <v>5331</v>
      </c>
      <c r="V1474" s="47" t="s">
        <v>5331</v>
      </c>
      <c r="W1474" s="47" t="s">
        <v>5331</v>
      </c>
      <c r="X1474" s="47" t="s">
        <v>5331</v>
      </c>
      <c r="Y1474" s="47" t="s">
        <v>5331</v>
      </c>
      <c r="Z1474" s="28"/>
      <c r="AA1474" s="27"/>
      <c r="AB1474" s="27"/>
      <c r="AC1474" s="27"/>
      <c r="AD1474" s="30"/>
      <c r="AE1474" s="1"/>
      <c r="AF1474" s="23" t="s">
        <v>5331</v>
      </c>
      <c r="AG1474" s="26"/>
      <c r="AH1474" s="53"/>
    </row>
    <row r="1475" spans="1:34" ht="51.6" customHeight="1" x14ac:dyDescent="0.45">
      <c r="A1475" s="23">
        <v>1469</v>
      </c>
      <c r="B1475" s="25"/>
      <c r="C1475" s="25"/>
      <c r="D1475" s="29"/>
      <c r="E1475" s="1"/>
      <c r="F1475" s="1"/>
      <c r="G1475" s="25"/>
      <c r="H1475" s="71"/>
      <c r="I1475" s="83"/>
      <c r="J1475" s="50" t="str">
        <f t="shared" si="46"/>
        <v/>
      </c>
      <c r="K1475" s="23" t="s">
        <v>7120</v>
      </c>
      <c r="L1475" s="49" t="e">
        <f>VLOOKUP(E1475&amp;F1475,団体コード!$A$1:$C$1743,3,FALSE)</f>
        <v>#N/A</v>
      </c>
      <c r="M1475" s="49" t="e">
        <f>VLOOKUP(E1475&amp;F1475,団体コード!$A$1:$C$1743,2,FALSE)</f>
        <v>#N/A</v>
      </c>
      <c r="N1475" s="51" t="e">
        <f>VLOOKUP(E1475,団体コード!$E$1:$F$48,2,FALSE)</f>
        <v>#N/A</v>
      </c>
      <c r="O1475" s="51" t="e">
        <f t="shared" si="47"/>
        <v>#N/A</v>
      </c>
      <c r="P1475" s="51">
        <v>1</v>
      </c>
      <c r="Q1475" s="51" t="s">
        <v>5341</v>
      </c>
      <c r="R1475" s="54" t="b">
        <v>1</v>
      </c>
      <c r="S1475" s="52" t="s">
        <v>7126</v>
      </c>
      <c r="T1475" s="67" t="s">
        <v>7127</v>
      </c>
      <c r="U1475" s="75" t="s">
        <v>5331</v>
      </c>
      <c r="V1475" s="47" t="s">
        <v>5331</v>
      </c>
      <c r="W1475" s="47" t="s">
        <v>5331</v>
      </c>
      <c r="X1475" s="47" t="s">
        <v>5331</v>
      </c>
      <c r="Y1475" s="47" t="s">
        <v>5331</v>
      </c>
      <c r="Z1475" s="28"/>
      <c r="AA1475" s="27"/>
      <c r="AB1475" s="27"/>
      <c r="AC1475" s="27"/>
      <c r="AD1475" s="30"/>
      <c r="AE1475" s="1"/>
      <c r="AF1475" s="23" t="s">
        <v>5331</v>
      </c>
      <c r="AG1475" s="26"/>
      <c r="AH1475" s="53"/>
    </row>
    <row r="1476" spans="1:34" ht="51.6" customHeight="1" x14ac:dyDescent="0.45">
      <c r="A1476" s="23">
        <v>1470</v>
      </c>
      <c r="B1476" s="25"/>
      <c r="C1476" s="25"/>
      <c r="D1476" s="29"/>
      <c r="E1476" s="1"/>
      <c r="F1476" s="1"/>
      <c r="G1476" s="25"/>
      <c r="H1476" s="71"/>
      <c r="I1476" s="83"/>
      <c r="J1476" s="50" t="str">
        <f t="shared" si="46"/>
        <v/>
      </c>
      <c r="K1476" s="23" t="s">
        <v>7120</v>
      </c>
      <c r="L1476" s="49" t="e">
        <f>VLOOKUP(E1476&amp;F1476,団体コード!$A$1:$C$1743,3,FALSE)</f>
        <v>#N/A</v>
      </c>
      <c r="M1476" s="49" t="e">
        <f>VLOOKUP(E1476&amp;F1476,団体コード!$A$1:$C$1743,2,FALSE)</f>
        <v>#N/A</v>
      </c>
      <c r="N1476" s="51" t="e">
        <f>VLOOKUP(E1476,団体コード!$E$1:$F$48,2,FALSE)</f>
        <v>#N/A</v>
      </c>
      <c r="O1476" s="51" t="e">
        <f t="shared" si="47"/>
        <v>#N/A</v>
      </c>
      <c r="P1476" s="51">
        <v>1</v>
      </c>
      <c r="Q1476" s="51" t="s">
        <v>5341</v>
      </c>
      <c r="R1476" s="54" t="b">
        <v>1</v>
      </c>
      <c r="S1476" s="52" t="s">
        <v>7126</v>
      </c>
      <c r="T1476" s="67" t="s">
        <v>7127</v>
      </c>
      <c r="U1476" s="75" t="s">
        <v>5331</v>
      </c>
      <c r="V1476" s="47" t="s">
        <v>5331</v>
      </c>
      <c r="W1476" s="47" t="s">
        <v>5331</v>
      </c>
      <c r="X1476" s="47" t="s">
        <v>5331</v>
      </c>
      <c r="Y1476" s="47" t="s">
        <v>5331</v>
      </c>
      <c r="Z1476" s="28"/>
      <c r="AA1476" s="27"/>
      <c r="AB1476" s="27"/>
      <c r="AC1476" s="27"/>
      <c r="AD1476" s="30"/>
      <c r="AE1476" s="1"/>
      <c r="AF1476" s="23" t="s">
        <v>5331</v>
      </c>
      <c r="AG1476" s="26"/>
      <c r="AH1476" s="53"/>
    </row>
    <row r="1477" spans="1:34" ht="51.6" customHeight="1" x14ac:dyDescent="0.45">
      <c r="A1477" s="23">
        <v>1471</v>
      </c>
      <c r="B1477" s="25"/>
      <c r="C1477" s="25"/>
      <c r="D1477" s="29"/>
      <c r="E1477" s="1"/>
      <c r="F1477" s="1"/>
      <c r="G1477" s="25"/>
      <c r="H1477" s="71"/>
      <c r="I1477" s="83"/>
      <c r="J1477" s="50" t="str">
        <f t="shared" si="46"/>
        <v/>
      </c>
      <c r="K1477" s="23" t="s">
        <v>7120</v>
      </c>
      <c r="L1477" s="49" t="e">
        <f>VLOOKUP(E1477&amp;F1477,団体コード!$A$1:$C$1743,3,FALSE)</f>
        <v>#N/A</v>
      </c>
      <c r="M1477" s="49" t="e">
        <f>VLOOKUP(E1477&amp;F1477,団体コード!$A$1:$C$1743,2,FALSE)</f>
        <v>#N/A</v>
      </c>
      <c r="N1477" s="51" t="e">
        <f>VLOOKUP(E1477,団体コード!$E$1:$F$48,2,FALSE)</f>
        <v>#N/A</v>
      </c>
      <c r="O1477" s="51" t="e">
        <f t="shared" si="47"/>
        <v>#N/A</v>
      </c>
      <c r="P1477" s="51">
        <v>1</v>
      </c>
      <c r="Q1477" s="51" t="s">
        <v>5341</v>
      </c>
      <c r="R1477" s="54" t="b">
        <v>1</v>
      </c>
      <c r="S1477" s="52" t="s">
        <v>7126</v>
      </c>
      <c r="T1477" s="67" t="s">
        <v>7127</v>
      </c>
      <c r="U1477" s="75" t="s">
        <v>5331</v>
      </c>
      <c r="V1477" s="47" t="s">
        <v>5331</v>
      </c>
      <c r="W1477" s="47" t="s">
        <v>5331</v>
      </c>
      <c r="X1477" s="47" t="s">
        <v>5331</v>
      </c>
      <c r="Y1477" s="47" t="s">
        <v>5331</v>
      </c>
      <c r="Z1477" s="28"/>
      <c r="AA1477" s="27"/>
      <c r="AB1477" s="27"/>
      <c r="AC1477" s="27"/>
      <c r="AD1477" s="30"/>
      <c r="AE1477" s="1"/>
      <c r="AF1477" s="23" t="s">
        <v>5331</v>
      </c>
      <c r="AG1477" s="26"/>
      <c r="AH1477" s="53"/>
    </row>
    <row r="1478" spans="1:34" ht="51.6" customHeight="1" x14ac:dyDescent="0.45">
      <c r="A1478" s="23">
        <v>1472</v>
      </c>
      <c r="B1478" s="25"/>
      <c r="C1478" s="25"/>
      <c r="D1478" s="29"/>
      <c r="E1478" s="1"/>
      <c r="F1478" s="1"/>
      <c r="G1478" s="25"/>
      <c r="H1478" s="71"/>
      <c r="I1478" s="83"/>
      <c r="J1478" s="50" t="str">
        <f t="shared" si="46"/>
        <v/>
      </c>
      <c r="K1478" s="23" t="s">
        <v>7120</v>
      </c>
      <c r="L1478" s="49" t="e">
        <f>VLOOKUP(E1478&amp;F1478,団体コード!$A$1:$C$1743,3,FALSE)</f>
        <v>#N/A</v>
      </c>
      <c r="M1478" s="49" t="e">
        <f>VLOOKUP(E1478&amp;F1478,団体コード!$A$1:$C$1743,2,FALSE)</f>
        <v>#N/A</v>
      </c>
      <c r="N1478" s="51" t="e">
        <f>VLOOKUP(E1478,団体コード!$E$1:$F$48,2,FALSE)</f>
        <v>#N/A</v>
      </c>
      <c r="O1478" s="51" t="e">
        <f t="shared" si="47"/>
        <v>#N/A</v>
      </c>
      <c r="P1478" s="51">
        <v>1</v>
      </c>
      <c r="Q1478" s="51" t="s">
        <v>5341</v>
      </c>
      <c r="R1478" s="54" t="b">
        <v>1</v>
      </c>
      <c r="S1478" s="52" t="s">
        <v>7126</v>
      </c>
      <c r="T1478" s="67" t="s">
        <v>7127</v>
      </c>
      <c r="U1478" s="75" t="s">
        <v>5331</v>
      </c>
      <c r="V1478" s="47" t="s">
        <v>5331</v>
      </c>
      <c r="W1478" s="47" t="s">
        <v>5331</v>
      </c>
      <c r="X1478" s="47" t="s">
        <v>5331</v>
      </c>
      <c r="Y1478" s="47" t="s">
        <v>5331</v>
      </c>
      <c r="Z1478" s="28"/>
      <c r="AA1478" s="27"/>
      <c r="AB1478" s="27"/>
      <c r="AC1478" s="27"/>
      <c r="AD1478" s="30"/>
      <c r="AE1478" s="1"/>
      <c r="AF1478" s="23" t="s">
        <v>5331</v>
      </c>
      <c r="AG1478" s="26"/>
      <c r="AH1478" s="53"/>
    </row>
    <row r="1479" spans="1:34" ht="51.6" customHeight="1" x14ac:dyDescent="0.45">
      <c r="A1479" s="23">
        <v>1473</v>
      </c>
      <c r="B1479" s="25"/>
      <c r="C1479" s="25"/>
      <c r="D1479" s="29"/>
      <c r="E1479" s="1"/>
      <c r="F1479" s="1"/>
      <c r="G1479" s="25"/>
      <c r="H1479" s="71"/>
      <c r="I1479" s="83"/>
      <c r="J1479" s="50" t="str">
        <f t="shared" si="46"/>
        <v/>
      </c>
      <c r="K1479" s="23" t="s">
        <v>7120</v>
      </c>
      <c r="L1479" s="49" t="e">
        <f>VLOOKUP(E1479&amp;F1479,団体コード!$A$1:$C$1743,3,FALSE)</f>
        <v>#N/A</v>
      </c>
      <c r="M1479" s="49" t="e">
        <f>VLOOKUP(E1479&amp;F1479,団体コード!$A$1:$C$1743,2,FALSE)</f>
        <v>#N/A</v>
      </c>
      <c r="N1479" s="51" t="e">
        <f>VLOOKUP(E1479,団体コード!$E$1:$F$48,2,FALSE)</f>
        <v>#N/A</v>
      </c>
      <c r="O1479" s="51" t="e">
        <f t="shared" si="47"/>
        <v>#N/A</v>
      </c>
      <c r="P1479" s="51">
        <v>1</v>
      </c>
      <c r="Q1479" s="51" t="s">
        <v>5341</v>
      </c>
      <c r="R1479" s="54" t="b">
        <v>1</v>
      </c>
      <c r="S1479" s="52" t="s">
        <v>7126</v>
      </c>
      <c r="T1479" s="67" t="s">
        <v>7127</v>
      </c>
      <c r="U1479" s="75" t="s">
        <v>5331</v>
      </c>
      <c r="V1479" s="47" t="s">
        <v>5331</v>
      </c>
      <c r="W1479" s="47" t="s">
        <v>5331</v>
      </c>
      <c r="X1479" s="47" t="s">
        <v>5331</v>
      </c>
      <c r="Y1479" s="47" t="s">
        <v>5331</v>
      </c>
      <c r="Z1479" s="28"/>
      <c r="AA1479" s="27"/>
      <c r="AB1479" s="27"/>
      <c r="AC1479" s="27"/>
      <c r="AD1479" s="30"/>
      <c r="AE1479" s="1"/>
      <c r="AF1479" s="23" t="s">
        <v>5331</v>
      </c>
      <c r="AG1479" s="26"/>
      <c r="AH1479" s="53"/>
    </row>
    <row r="1480" spans="1:34" ht="51.6" customHeight="1" x14ac:dyDescent="0.45">
      <c r="A1480" s="23">
        <v>1474</v>
      </c>
      <c r="B1480" s="25"/>
      <c r="C1480" s="25"/>
      <c r="D1480" s="29"/>
      <c r="E1480" s="1"/>
      <c r="F1480" s="1"/>
      <c r="G1480" s="25"/>
      <c r="H1480" s="71"/>
      <c r="I1480" s="83"/>
      <c r="J1480" s="50" t="str">
        <f t="shared" ref="J1480:J1543" si="48">E1480&amp;F1480&amp;G1480</f>
        <v/>
      </c>
      <c r="K1480" s="23" t="s">
        <v>7120</v>
      </c>
      <c r="L1480" s="49" t="e">
        <f>VLOOKUP(E1480&amp;F1480,団体コード!$A$1:$C$1743,3,FALSE)</f>
        <v>#N/A</v>
      </c>
      <c r="M1480" s="49" t="e">
        <f>VLOOKUP(E1480&amp;F1480,団体コード!$A$1:$C$1743,2,FALSE)</f>
        <v>#N/A</v>
      </c>
      <c r="N1480" s="51" t="e">
        <f>VLOOKUP(E1480,団体コード!$E$1:$F$48,2,FALSE)</f>
        <v>#N/A</v>
      </c>
      <c r="O1480" s="51" t="e">
        <f t="shared" ref="O1480:O1543" si="49">N1480</f>
        <v>#N/A</v>
      </c>
      <c r="P1480" s="51">
        <v>1</v>
      </c>
      <c r="Q1480" s="51" t="s">
        <v>5341</v>
      </c>
      <c r="R1480" s="54" t="b">
        <v>1</v>
      </c>
      <c r="S1480" s="52" t="s">
        <v>7126</v>
      </c>
      <c r="T1480" s="67" t="s">
        <v>7127</v>
      </c>
      <c r="U1480" s="75" t="s">
        <v>5331</v>
      </c>
      <c r="V1480" s="47" t="s">
        <v>5331</v>
      </c>
      <c r="W1480" s="47" t="s">
        <v>5331</v>
      </c>
      <c r="X1480" s="47" t="s">
        <v>5331</v>
      </c>
      <c r="Y1480" s="47" t="s">
        <v>5331</v>
      </c>
      <c r="Z1480" s="28"/>
      <c r="AA1480" s="27"/>
      <c r="AB1480" s="27"/>
      <c r="AC1480" s="27"/>
      <c r="AD1480" s="30"/>
      <c r="AE1480" s="1"/>
      <c r="AF1480" s="23" t="s">
        <v>5331</v>
      </c>
      <c r="AG1480" s="26"/>
      <c r="AH1480" s="53"/>
    </row>
    <row r="1481" spans="1:34" ht="51.6" customHeight="1" x14ac:dyDescent="0.45">
      <c r="A1481" s="23">
        <v>1475</v>
      </c>
      <c r="B1481" s="25"/>
      <c r="C1481" s="25"/>
      <c r="D1481" s="29"/>
      <c r="E1481" s="1"/>
      <c r="F1481" s="1"/>
      <c r="G1481" s="25"/>
      <c r="H1481" s="71"/>
      <c r="I1481" s="83"/>
      <c r="J1481" s="50" t="str">
        <f t="shared" si="48"/>
        <v/>
      </c>
      <c r="K1481" s="23" t="s">
        <v>7120</v>
      </c>
      <c r="L1481" s="49" t="e">
        <f>VLOOKUP(E1481&amp;F1481,団体コード!$A$1:$C$1743,3,FALSE)</f>
        <v>#N/A</v>
      </c>
      <c r="M1481" s="49" t="e">
        <f>VLOOKUP(E1481&amp;F1481,団体コード!$A$1:$C$1743,2,FALSE)</f>
        <v>#N/A</v>
      </c>
      <c r="N1481" s="51" t="e">
        <f>VLOOKUP(E1481,団体コード!$E$1:$F$48,2,FALSE)</f>
        <v>#N/A</v>
      </c>
      <c r="O1481" s="51" t="e">
        <f t="shared" si="49"/>
        <v>#N/A</v>
      </c>
      <c r="P1481" s="51">
        <v>1</v>
      </c>
      <c r="Q1481" s="51" t="s">
        <v>5341</v>
      </c>
      <c r="R1481" s="54" t="b">
        <v>1</v>
      </c>
      <c r="S1481" s="52" t="s">
        <v>7126</v>
      </c>
      <c r="T1481" s="67" t="s">
        <v>7127</v>
      </c>
      <c r="U1481" s="75" t="s">
        <v>5331</v>
      </c>
      <c r="V1481" s="47" t="s">
        <v>5331</v>
      </c>
      <c r="W1481" s="47" t="s">
        <v>5331</v>
      </c>
      <c r="X1481" s="47" t="s">
        <v>5331</v>
      </c>
      <c r="Y1481" s="47" t="s">
        <v>5331</v>
      </c>
      <c r="Z1481" s="28"/>
      <c r="AA1481" s="27"/>
      <c r="AB1481" s="27"/>
      <c r="AC1481" s="27"/>
      <c r="AD1481" s="30"/>
      <c r="AE1481" s="1"/>
      <c r="AF1481" s="23" t="s">
        <v>5331</v>
      </c>
      <c r="AG1481" s="26"/>
      <c r="AH1481" s="53"/>
    </row>
    <row r="1482" spans="1:34" ht="51.6" customHeight="1" x14ac:dyDescent="0.45">
      <c r="A1482" s="23">
        <v>1476</v>
      </c>
      <c r="B1482" s="25"/>
      <c r="C1482" s="25"/>
      <c r="D1482" s="29"/>
      <c r="E1482" s="1"/>
      <c r="F1482" s="1"/>
      <c r="G1482" s="25"/>
      <c r="H1482" s="71"/>
      <c r="I1482" s="83"/>
      <c r="J1482" s="50" t="str">
        <f t="shared" si="48"/>
        <v/>
      </c>
      <c r="K1482" s="23" t="s">
        <v>7120</v>
      </c>
      <c r="L1482" s="49" t="e">
        <f>VLOOKUP(E1482&amp;F1482,団体コード!$A$1:$C$1743,3,FALSE)</f>
        <v>#N/A</v>
      </c>
      <c r="M1482" s="49" t="e">
        <f>VLOOKUP(E1482&amp;F1482,団体コード!$A$1:$C$1743,2,FALSE)</f>
        <v>#N/A</v>
      </c>
      <c r="N1482" s="51" t="e">
        <f>VLOOKUP(E1482,団体コード!$E$1:$F$48,2,FALSE)</f>
        <v>#N/A</v>
      </c>
      <c r="O1482" s="51" t="e">
        <f t="shared" si="49"/>
        <v>#N/A</v>
      </c>
      <c r="P1482" s="51">
        <v>1</v>
      </c>
      <c r="Q1482" s="51" t="s">
        <v>5341</v>
      </c>
      <c r="R1482" s="54" t="b">
        <v>1</v>
      </c>
      <c r="S1482" s="52" t="s">
        <v>7126</v>
      </c>
      <c r="T1482" s="67" t="s">
        <v>7127</v>
      </c>
      <c r="U1482" s="75" t="s">
        <v>5331</v>
      </c>
      <c r="V1482" s="47" t="s">
        <v>5331</v>
      </c>
      <c r="W1482" s="47" t="s">
        <v>5331</v>
      </c>
      <c r="X1482" s="47" t="s">
        <v>5331</v>
      </c>
      <c r="Y1482" s="47" t="s">
        <v>5331</v>
      </c>
      <c r="Z1482" s="28"/>
      <c r="AA1482" s="27"/>
      <c r="AB1482" s="27"/>
      <c r="AC1482" s="27"/>
      <c r="AD1482" s="30"/>
      <c r="AE1482" s="1"/>
      <c r="AF1482" s="23" t="s">
        <v>5331</v>
      </c>
      <c r="AG1482" s="26"/>
      <c r="AH1482" s="53"/>
    </row>
    <row r="1483" spans="1:34" ht="51.6" customHeight="1" x14ac:dyDescent="0.45">
      <c r="A1483" s="23">
        <v>1477</v>
      </c>
      <c r="B1483" s="25"/>
      <c r="C1483" s="25"/>
      <c r="D1483" s="29"/>
      <c r="E1483" s="1"/>
      <c r="F1483" s="1"/>
      <c r="G1483" s="25"/>
      <c r="H1483" s="71"/>
      <c r="I1483" s="83"/>
      <c r="J1483" s="50" t="str">
        <f t="shared" si="48"/>
        <v/>
      </c>
      <c r="K1483" s="23" t="s">
        <v>7120</v>
      </c>
      <c r="L1483" s="49" t="e">
        <f>VLOOKUP(E1483&amp;F1483,団体コード!$A$1:$C$1743,3,FALSE)</f>
        <v>#N/A</v>
      </c>
      <c r="M1483" s="49" t="e">
        <f>VLOOKUP(E1483&amp;F1483,団体コード!$A$1:$C$1743,2,FALSE)</f>
        <v>#N/A</v>
      </c>
      <c r="N1483" s="51" t="e">
        <f>VLOOKUP(E1483,団体コード!$E$1:$F$48,2,FALSE)</f>
        <v>#N/A</v>
      </c>
      <c r="O1483" s="51" t="e">
        <f t="shared" si="49"/>
        <v>#N/A</v>
      </c>
      <c r="P1483" s="51">
        <v>1</v>
      </c>
      <c r="Q1483" s="51" t="s">
        <v>5341</v>
      </c>
      <c r="R1483" s="54" t="b">
        <v>1</v>
      </c>
      <c r="S1483" s="52" t="s">
        <v>7126</v>
      </c>
      <c r="T1483" s="67" t="s">
        <v>7127</v>
      </c>
      <c r="U1483" s="75" t="s">
        <v>5331</v>
      </c>
      <c r="V1483" s="47" t="s">
        <v>5331</v>
      </c>
      <c r="W1483" s="47" t="s">
        <v>5331</v>
      </c>
      <c r="X1483" s="47" t="s">
        <v>5331</v>
      </c>
      <c r="Y1483" s="47" t="s">
        <v>5331</v>
      </c>
      <c r="Z1483" s="28"/>
      <c r="AA1483" s="27"/>
      <c r="AB1483" s="27"/>
      <c r="AC1483" s="27"/>
      <c r="AD1483" s="30"/>
      <c r="AE1483" s="1"/>
      <c r="AF1483" s="23" t="s">
        <v>5331</v>
      </c>
      <c r="AG1483" s="26"/>
      <c r="AH1483" s="53"/>
    </row>
    <row r="1484" spans="1:34" ht="51.6" customHeight="1" x14ac:dyDescent="0.45">
      <c r="A1484" s="23">
        <v>1478</v>
      </c>
      <c r="B1484" s="25"/>
      <c r="C1484" s="25"/>
      <c r="D1484" s="29"/>
      <c r="E1484" s="1"/>
      <c r="F1484" s="1"/>
      <c r="G1484" s="25"/>
      <c r="H1484" s="71"/>
      <c r="I1484" s="83"/>
      <c r="J1484" s="50" t="str">
        <f t="shared" si="48"/>
        <v/>
      </c>
      <c r="K1484" s="23" t="s">
        <v>7120</v>
      </c>
      <c r="L1484" s="49" t="e">
        <f>VLOOKUP(E1484&amp;F1484,団体コード!$A$1:$C$1743,3,FALSE)</f>
        <v>#N/A</v>
      </c>
      <c r="M1484" s="49" t="e">
        <f>VLOOKUP(E1484&amp;F1484,団体コード!$A$1:$C$1743,2,FALSE)</f>
        <v>#N/A</v>
      </c>
      <c r="N1484" s="51" t="e">
        <f>VLOOKUP(E1484,団体コード!$E$1:$F$48,2,FALSE)</f>
        <v>#N/A</v>
      </c>
      <c r="O1484" s="51" t="e">
        <f t="shared" si="49"/>
        <v>#N/A</v>
      </c>
      <c r="P1484" s="51">
        <v>1</v>
      </c>
      <c r="Q1484" s="51" t="s">
        <v>5341</v>
      </c>
      <c r="R1484" s="54" t="b">
        <v>1</v>
      </c>
      <c r="S1484" s="52" t="s">
        <v>7126</v>
      </c>
      <c r="T1484" s="67" t="s">
        <v>7127</v>
      </c>
      <c r="U1484" s="75" t="s">
        <v>5331</v>
      </c>
      <c r="V1484" s="47" t="s">
        <v>5331</v>
      </c>
      <c r="W1484" s="47" t="s">
        <v>5331</v>
      </c>
      <c r="X1484" s="47" t="s">
        <v>5331</v>
      </c>
      <c r="Y1484" s="47" t="s">
        <v>5331</v>
      </c>
      <c r="Z1484" s="28"/>
      <c r="AA1484" s="27"/>
      <c r="AB1484" s="27"/>
      <c r="AC1484" s="27"/>
      <c r="AD1484" s="30"/>
      <c r="AE1484" s="1"/>
      <c r="AF1484" s="23" t="s">
        <v>5331</v>
      </c>
      <c r="AG1484" s="26"/>
      <c r="AH1484" s="53"/>
    </row>
    <row r="1485" spans="1:34" ht="51.6" customHeight="1" x14ac:dyDescent="0.45">
      <c r="A1485" s="23">
        <v>1479</v>
      </c>
      <c r="B1485" s="25"/>
      <c r="C1485" s="25"/>
      <c r="D1485" s="29"/>
      <c r="E1485" s="1"/>
      <c r="F1485" s="1"/>
      <c r="G1485" s="25"/>
      <c r="H1485" s="71"/>
      <c r="I1485" s="83"/>
      <c r="J1485" s="50" t="str">
        <f t="shared" si="48"/>
        <v/>
      </c>
      <c r="K1485" s="23" t="s">
        <v>7120</v>
      </c>
      <c r="L1485" s="49" t="e">
        <f>VLOOKUP(E1485&amp;F1485,団体コード!$A$1:$C$1743,3,FALSE)</f>
        <v>#N/A</v>
      </c>
      <c r="M1485" s="49" t="e">
        <f>VLOOKUP(E1485&amp;F1485,団体コード!$A$1:$C$1743,2,FALSE)</f>
        <v>#N/A</v>
      </c>
      <c r="N1485" s="51" t="e">
        <f>VLOOKUP(E1485,団体コード!$E$1:$F$48,2,FALSE)</f>
        <v>#N/A</v>
      </c>
      <c r="O1485" s="51" t="e">
        <f t="shared" si="49"/>
        <v>#N/A</v>
      </c>
      <c r="P1485" s="51">
        <v>1</v>
      </c>
      <c r="Q1485" s="51" t="s">
        <v>5341</v>
      </c>
      <c r="R1485" s="54" t="b">
        <v>1</v>
      </c>
      <c r="S1485" s="52" t="s">
        <v>7126</v>
      </c>
      <c r="T1485" s="67" t="s">
        <v>7127</v>
      </c>
      <c r="U1485" s="75" t="s">
        <v>5331</v>
      </c>
      <c r="V1485" s="47" t="s">
        <v>5331</v>
      </c>
      <c r="W1485" s="47" t="s">
        <v>5331</v>
      </c>
      <c r="X1485" s="47" t="s">
        <v>5331</v>
      </c>
      <c r="Y1485" s="47" t="s">
        <v>5331</v>
      </c>
      <c r="Z1485" s="28"/>
      <c r="AA1485" s="27"/>
      <c r="AB1485" s="27"/>
      <c r="AC1485" s="27"/>
      <c r="AD1485" s="30"/>
      <c r="AE1485" s="1"/>
      <c r="AF1485" s="23" t="s">
        <v>5331</v>
      </c>
      <c r="AG1485" s="26"/>
      <c r="AH1485" s="53"/>
    </row>
    <row r="1486" spans="1:34" ht="51.6" customHeight="1" x14ac:dyDescent="0.45">
      <c r="A1486" s="23">
        <v>1480</v>
      </c>
      <c r="B1486" s="25"/>
      <c r="C1486" s="25"/>
      <c r="D1486" s="29"/>
      <c r="E1486" s="1"/>
      <c r="F1486" s="1"/>
      <c r="G1486" s="25"/>
      <c r="H1486" s="71"/>
      <c r="I1486" s="83"/>
      <c r="J1486" s="50" t="str">
        <f t="shared" si="48"/>
        <v/>
      </c>
      <c r="K1486" s="23" t="s">
        <v>7120</v>
      </c>
      <c r="L1486" s="49" t="e">
        <f>VLOOKUP(E1486&amp;F1486,団体コード!$A$1:$C$1743,3,FALSE)</f>
        <v>#N/A</v>
      </c>
      <c r="M1486" s="49" t="e">
        <f>VLOOKUP(E1486&amp;F1486,団体コード!$A$1:$C$1743,2,FALSE)</f>
        <v>#N/A</v>
      </c>
      <c r="N1486" s="51" t="e">
        <f>VLOOKUP(E1486,団体コード!$E$1:$F$48,2,FALSE)</f>
        <v>#N/A</v>
      </c>
      <c r="O1486" s="51" t="e">
        <f t="shared" si="49"/>
        <v>#N/A</v>
      </c>
      <c r="P1486" s="51">
        <v>1</v>
      </c>
      <c r="Q1486" s="51" t="s">
        <v>5341</v>
      </c>
      <c r="R1486" s="54" t="b">
        <v>1</v>
      </c>
      <c r="S1486" s="52" t="s">
        <v>7126</v>
      </c>
      <c r="T1486" s="67" t="s">
        <v>7127</v>
      </c>
      <c r="U1486" s="75" t="s">
        <v>5331</v>
      </c>
      <c r="V1486" s="47" t="s">
        <v>5331</v>
      </c>
      <c r="W1486" s="47" t="s">
        <v>5331</v>
      </c>
      <c r="X1486" s="47" t="s">
        <v>5331</v>
      </c>
      <c r="Y1486" s="47" t="s">
        <v>5331</v>
      </c>
      <c r="Z1486" s="28"/>
      <c r="AA1486" s="27"/>
      <c r="AB1486" s="27"/>
      <c r="AC1486" s="27"/>
      <c r="AD1486" s="30"/>
      <c r="AE1486" s="1"/>
      <c r="AF1486" s="23" t="s">
        <v>5331</v>
      </c>
      <c r="AG1486" s="26"/>
      <c r="AH1486" s="53"/>
    </row>
    <row r="1487" spans="1:34" ht="51.6" customHeight="1" x14ac:dyDescent="0.45">
      <c r="A1487" s="23">
        <v>1481</v>
      </c>
      <c r="B1487" s="25"/>
      <c r="C1487" s="25"/>
      <c r="D1487" s="29"/>
      <c r="E1487" s="1"/>
      <c r="F1487" s="1"/>
      <c r="G1487" s="25"/>
      <c r="H1487" s="71"/>
      <c r="I1487" s="83"/>
      <c r="J1487" s="50" t="str">
        <f t="shared" si="48"/>
        <v/>
      </c>
      <c r="K1487" s="23" t="s">
        <v>7120</v>
      </c>
      <c r="L1487" s="49" t="e">
        <f>VLOOKUP(E1487&amp;F1487,団体コード!$A$1:$C$1743,3,FALSE)</f>
        <v>#N/A</v>
      </c>
      <c r="M1487" s="49" t="e">
        <f>VLOOKUP(E1487&amp;F1487,団体コード!$A$1:$C$1743,2,FALSE)</f>
        <v>#N/A</v>
      </c>
      <c r="N1487" s="51" t="e">
        <f>VLOOKUP(E1487,団体コード!$E$1:$F$48,2,FALSE)</f>
        <v>#N/A</v>
      </c>
      <c r="O1487" s="51" t="e">
        <f t="shared" si="49"/>
        <v>#N/A</v>
      </c>
      <c r="P1487" s="51">
        <v>1</v>
      </c>
      <c r="Q1487" s="51" t="s">
        <v>5341</v>
      </c>
      <c r="R1487" s="54" t="b">
        <v>1</v>
      </c>
      <c r="S1487" s="52" t="s">
        <v>7126</v>
      </c>
      <c r="T1487" s="67" t="s">
        <v>7127</v>
      </c>
      <c r="U1487" s="75" t="s">
        <v>5331</v>
      </c>
      <c r="V1487" s="47" t="s">
        <v>5331</v>
      </c>
      <c r="W1487" s="47" t="s">
        <v>5331</v>
      </c>
      <c r="X1487" s="47" t="s">
        <v>5331</v>
      </c>
      <c r="Y1487" s="47" t="s">
        <v>5331</v>
      </c>
      <c r="Z1487" s="28"/>
      <c r="AA1487" s="27"/>
      <c r="AB1487" s="27"/>
      <c r="AC1487" s="27"/>
      <c r="AD1487" s="30"/>
      <c r="AE1487" s="1"/>
      <c r="AF1487" s="23" t="s">
        <v>5331</v>
      </c>
      <c r="AG1487" s="26"/>
      <c r="AH1487" s="53"/>
    </row>
    <row r="1488" spans="1:34" ht="51.6" customHeight="1" x14ac:dyDescent="0.45">
      <c r="A1488" s="23">
        <v>1482</v>
      </c>
      <c r="B1488" s="25"/>
      <c r="C1488" s="25"/>
      <c r="D1488" s="29"/>
      <c r="E1488" s="1"/>
      <c r="F1488" s="1"/>
      <c r="G1488" s="25"/>
      <c r="H1488" s="71"/>
      <c r="I1488" s="83"/>
      <c r="J1488" s="50" t="str">
        <f t="shared" si="48"/>
        <v/>
      </c>
      <c r="K1488" s="23" t="s">
        <v>7120</v>
      </c>
      <c r="L1488" s="49" t="e">
        <f>VLOOKUP(E1488&amp;F1488,団体コード!$A$1:$C$1743,3,FALSE)</f>
        <v>#N/A</v>
      </c>
      <c r="M1488" s="49" t="e">
        <f>VLOOKUP(E1488&amp;F1488,団体コード!$A$1:$C$1743,2,FALSE)</f>
        <v>#N/A</v>
      </c>
      <c r="N1488" s="51" t="e">
        <f>VLOOKUP(E1488,団体コード!$E$1:$F$48,2,FALSE)</f>
        <v>#N/A</v>
      </c>
      <c r="O1488" s="51" t="e">
        <f t="shared" si="49"/>
        <v>#N/A</v>
      </c>
      <c r="P1488" s="51">
        <v>1</v>
      </c>
      <c r="Q1488" s="51" t="s">
        <v>5341</v>
      </c>
      <c r="R1488" s="54" t="b">
        <v>1</v>
      </c>
      <c r="S1488" s="52" t="s">
        <v>7126</v>
      </c>
      <c r="T1488" s="67" t="s">
        <v>7127</v>
      </c>
      <c r="U1488" s="75" t="s">
        <v>5331</v>
      </c>
      <c r="V1488" s="47" t="s">
        <v>5331</v>
      </c>
      <c r="W1488" s="47" t="s">
        <v>5331</v>
      </c>
      <c r="X1488" s="47" t="s">
        <v>5331</v>
      </c>
      <c r="Y1488" s="47" t="s">
        <v>5331</v>
      </c>
      <c r="Z1488" s="28"/>
      <c r="AA1488" s="27"/>
      <c r="AB1488" s="27"/>
      <c r="AC1488" s="27"/>
      <c r="AD1488" s="30"/>
      <c r="AE1488" s="1"/>
      <c r="AF1488" s="23" t="s">
        <v>5331</v>
      </c>
      <c r="AG1488" s="26"/>
      <c r="AH1488" s="53"/>
    </row>
    <row r="1489" spans="1:34" ht="51.6" customHeight="1" x14ac:dyDescent="0.45">
      <c r="A1489" s="23">
        <v>1483</v>
      </c>
      <c r="B1489" s="25"/>
      <c r="C1489" s="25"/>
      <c r="D1489" s="29"/>
      <c r="E1489" s="1"/>
      <c r="F1489" s="1"/>
      <c r="G1489" s="25"/>
      <c r="H1489" s="71"/>
      <c r="I1489" s="83"/>
      <c r="J1489" s="50" t="str">
        <f t="shared" si="48"/>
        <v/>
      </c>
      <c r="K1489" s="23" t="s">
        <v>7120</v>
      </c>
      <c r="L1489" s="49" t="e">
        <f>VLOOKUP(E1489&amp;F1489,団体コード!$A$1:$C$1743,3,FALSE)</f>
        <v>#N/A</v>
      </c>
      <c r="M1489" s="49" t="e">
        <f>VLOOKUP(E1489&amp;F1489,団体コード!$A$1:$C$1743,2,FALSE)</f>
        <v>#N/A</v>
      </c>
      <c r="N1489" s="51" t="e">
        <f>VLOOKUP(E1489,団体コード!$E$1:$F$48,2,FALSE)</f>
        <v>#N/A</v>
      </c>
      <c r="O1489" s="51" t="e">
        <f t="shared" si="49"/>
        <v>#N/A</v>
      </c>
      <c r="P1489" s="51">
        <v>1</v>
      </c>
      <c r="Q1489" s="51" t="s">
        <v>5341</v>
      </c>
      <c r="R1489" s="54" t="b">
        <v>1</v>
      </c>
      <c r="S1489" s="52" t="s">
        <v>7126</v>
      </c>
      <c r="T1489" s="67" t="s">
        <v>7127</v>
      </c>
      <c r="U1489" s="75" t="s">
        <v>5331</v>
      </c>
      <c r="V1489" s="47" t="s">
        <v>5331</v>
      </c>
      <c r="W1489" s="47" t="s">
        <v>5331</v>
      </c>
      <c r="X1489" s="47" t="s">
        <v>5331</v>
      </c>
      <c r="Y1489" s="47" t="s">
        <v>5331</v>
      </c>
      <c r="Z1489" s="28"/>
      <c r="AA1489" s="27"/>
      <c r="AB1489" s="27"/>
      <c r="AC1489" s="27"/>
      <c r="AD1489" s="30"/>
      <c r="AE1489" s="1"/>
      <c r="AF1489" s="23" t="s">
        <v>5331</v>
      </c>
      <c r="AG1489" s="26"/>
      <c r="AH1489" s="53"/>
    </row>
    <row r="1490" spans="1:34" ht="51.6" customHeight="1" x14ac:dyDescent="0.45">
      <c r="A1490" s="23">
        <v>1484</v>
      </c>
      <c r="B1490" s="25"/>
      <c r="C1490" s="25"/>
      <c r="D1490" s="29"/>
      <c r="E1490" s="1"/>
      <c r="F1490" s="1"/>
      <c r="G1490" s="25"/>
      <c r="H1490" s="71"/>
      <c r="I1490" s="83"/>
      <c r="J1490" s="50" t="str">
        <f t="shared" si="48"/>
        <v/>
      </c>
      <c r="K1490" s="23" t="s">
        <v>7120</v>
      </c>
      <c r="L1490" s="49" t="e">
        <f>VLOOKUP(E1490&amp;F1490,団体コード!$A$1:$C$1743,3,FALSE)</f>
        <v>#N/A</v>
      </c>
      <c r="M1490" s="49" t="e">
        <f>VLOOKUP(E1490&amp;F1490,団体コード!$A$1:$C$1743,2,FALSE)</f>
        <v>#N/A</v>
      </c>
      <c r="N1490" s="51" t="e">
        <f>VLOOKUP(E1490,団体コード!$E$1:$F$48,2,FALSE)</f>
        <v>#N/A</v>
      </c>
      <c r="O1490" s="51" t="e">
        <f t="shared" si="49"/>
        <v>#N/A</v>
      </c>
      <c r="P1490" s="51">
        <v>1</v>
      </c>
      <c r="Q1490" s="51" t="s">
        <v>5341</v>
      </c>
      <c r="R1490" s="54" t="b">
        <v>1</v>
      </c>
      <c r="S1490" s="52" t="s">
        <v>7126</v>
      </c>
      <c r="T1490" s="67" t="s">
        <v>7127</v>
      </c>
      <c r="U1490" s="75" t="s">
        <v>5331</v>
      </c>
      <c r="V1490" s="47" t="s">
        <v>5331</v>
      </c>
      <c r="W1490" s="47" t="s">
        <v>5331</v>
      </c>
      <c r="X1490" s="47" t="s">
        <v>5331</v>
      </c>
      <c r="Y1490" s="47" t="s">
        <v>5331</v>
      </c>
      <c r="Z1490" s="28"/>
      <c r="AA1490" s="27"/>
      <c r="AB1490" s="27"/>
      <c r="AC1490" s="27"/>
      <c r="AD1490" s="30"/>
      <c r="AE1490" s="1"/>
      <c r="AF1490" s="23" t="s">
        <v>5331</v>
      </c>
      <c r="AG1490" s="26"/>
      <c r="AH1490" s="53"/>
    </row>
    <row r="1491" spans="1:34" ht="51.6" customHeight="1" x14ac:dyDescent="0.45">
      <c r="A1491" s="23">
        <v>1485</v>
      </c>
      <c r="B1491" s="25"/>
      <c r="C1491" s="25"/>
      <c r="D1491" s="29"/>
      <c r="E1491" s="1"/>
      <c r="F1491" s="1"/>
      <c r="G1491" s="25"/>
      <c r="H1491" s="71"/>
      <c r="I1491" s="83"/>
      <c r="J1491" s="50" t="str">
        <f t="shared" si="48"/>
        <v/>
      </c>
      <c r="K1491" s="23" t="s">
        <v>7120</v>
      </c>
      <c r="L1491" s="49" t="e">
        <f>VLOOKUP(E1491&amp;F1491,団体コード!$A$1:$C$1743,3,FALSE)</f>
        <v>#N/A</v>
      </c>
      <c r="M1491" s="49" t="e">
        <f>VLOOKUP(E1491&amp;F1491,団体コード!$A$1:$C$1743,2,FALSE)</f>
        <v>#N/A</v>
      </c>
      <c r="N1491" s="51" t="e">
        <f>VLOOKUP(E1491,団体コード!$E$1:$F$48,2,FALSE)</f>
        <v>#N/A</v>
      </c>
      <c r="O1491" s="51" t="e">
        <f t="shared" si="49"/>
        <v>#N/A</v>
      </c>
      <c r="P1491" s="51">
        <v>1</v>
      </c>
      <c r="Q1491" s="51" t="s">
        <v>5341</v>
      </c>
      <c r="R1491" s="54" t="b">
        <v>1</v>
      </c>
      <c r="S1491" s="52" t="s">
        <v>7126</v>
      </c>
      <c r="T1491" s="67" t="s">
        <v>7127</v>
      </c>
      <c r="U1491" s="75" t="s">
        <v>5331</v>
      </c>
      <c r="V1491" s="47" t="s">
        <v>5331</v>
      </c>
      <c r="W1491" s="47" t="s">
        <v>5331</v>
      </c>
      <c r="X1491" s="47" t="s">
        <v>5331</v>
      </c>
      <c r="Y1491" s="47" t="s">
        <v>5331</v>
      </c>
      <c r="Z1491" s="28"/>
      <c r="AA1491" s="27"/>
      <c r="AB1491" s="27"/>
      <c r="AC1491" s="27"/>
      <c r="AD1491" s="30"/>
      <c r="AE1491" s="1"/>
      <c r="AF1491" s="23" t="s">
        <v>5331</v>
      </c>
      <c r="AG1491" s="26"/>
      <c r="AH1491" s="53"/>
    </row>
    <row r="1492" spans="1:34" ht="51.6" customHeight="1" x14ac:dyDescent="0.45">
      <c r="A1492" s="23">
        <v>1486</v>
      </c>
      <c r="B1492" s="25"/>
      <c r="C1492" s="25"/>
      <c r="D1492" s="29"/>
      <c r="E1492" s="1"/>
      <c r="F1492" s="1"/>
      <c r="G1492" s="25"/>
      <c r="H1492" s="71"/>
      <c r="I1492" s="83"/>
      <c r="J1492" s="50" t="str">
        <f t="shared" si="48"/>
        <v/>
      </c>
      <c r="K1492" s="23" t="s">
        <v>7120</v>
      </c>
      <c r="L1492" s="49" t="e">
        <f>VLOOKUP(E1492&amp;F1492,団体コード!$A$1:$C$1743,3,FALSE)</f>
        <v>#N/A</v>
      </c>
      <c r="M1492" s="49" t="e">
        <f>VLOOKUP(E1492&amp;F1492,団体コード!$A$1:$C$1743,2,FALSE)</f>
        <v>#N/A</v>
      </c>
      <c r="N1492" s="51" t="e">
        <f>VLOOKUP(E1492,団体コード!$E$1:$F$48,2,FALSE)</f>
        <v>#N/A</v>
      </c>
      <c r="O1492" s="51" t="e">
        <f t="shared" si="49"/>
        <v>#N/A</v>
      </c>
      <c r="P1492" s="51">
        <v>1</v>
      </c>
      <c r="Q1492" s="51" t="s">
        <v>5341</v>
      </c>
      <c r="R1492" s="54" t="b">
        <v>1</v>
      </c>
      <c r="S1492" s="52" t="s">
        <v>7126</v>
      </c>
      <c r="T1492" s="67" t="s">
        <v>7127</v>
      </c>
      <c r="U1492" s="75" t="s">
        <v>5331</v>
      </c>
      <c r="V1492" s="47" t="s">
        <v>5331</v>
      </c>
      <c r="W1492" s="47" t="s">
        <v>5331</v>
      </c>
      <c r="X1492" s="47" t="s">
        <v>5331</v>
      </c>
      <c r="Y1492" s="47" t="s">
        <v>5331</v>
      </c>
      <c r="Z1492" s="28"/>
      <c r="AA1492" s="27"/>
      <c r="AB1492" s="27"/>
      <c r="AC1492" s="27"/>
      <c r="AD1492" s="30"/>
      <c r="AE1492" s="1"/>
      <c r="AF1492" s="23" t="s">
        <v>5331</v>
      </c>
      <c r="AG1492" s="26"/>
      <c r="AH1492" s="53"/>
    </row>
    <row r="1493" spans="1:34" ht="51.6" customHeight="1" x14ac:dyDescent="0.45">
      <c r="A1493" s="23">
        <v>1487</v>
      </c>
      <c r="B1493" s="25"/>
      <c r="C1493" s="25"/>
      <c r="D1493" s="29"/>
      <c r="E1493" s="1"/>
      <c r="F1493" s="1"/>
      <c r="G1493" s="25"/>
      <c r="H1493" s="71"/>
      <c r="I1493" s="83"/>
      <c r="J1493" s="50" t="str">
        <f t="shared" si="48"/>
        <v/>
      </c>
      <c r="K1493" s="23" t="s">
        <v>7120</v>
      </c>
      <c r="L1493" s="49" t="e">
        <f>VLOOKUP(E1493&amp;F1493,団体コード!$A$1:$C$1743,3,FALSE)</f>
        <v>#N/A</v>
      </c>
      <c r="M1493" s="49" t="e">
        <f>VLOOKUP(E1493&amp;F1493,団体コード!$A$1:$C$1743,2,FALSE)</f>
        <v>#N/A</v>
      </c>
      <c r="N1493" s="51" t="e">
        <f>VLOOKUP(E1493,団体コード!$E$1:$F$48,2,FALSE)</f>
        <v>#N/A</v>
      </c>
      <c r="O1493" s="51" t="e">
        <f t="shared" si="49"/>
        <v>#N/A</v>
      </c>
      <c r="P1493" s="51">
        <v>1</v>
      </c>
      <c r="Q1493" s="51" t="s">
        <v>5341</v>
      </c>
      <c r="R1493" s="54" t="b">
        <v>1</v>
      </c>
      <c r="S1493" s="52" t="s">
        <v>7126</v>
      </c>
      <c r="T1493" s="67" t="s">
        <v>7127</v>
      </c>
      <c r="U1493" s="75" t="s">
        <v>5331</v>
      </c>
      <c r="V1493" s="47" t="s">
        <v>5331</v>
      </c>
      <c r="W1493" s="47" t="s">
        <v>5331</v>
      </c>
      <c r="X1493" s="47" t="s">
        <v>5331</v>
      </c>
      <c r="Y1493" s="47" t="s">
        <v>5331</v>
      </c>
      <c r="Z1493" s="28"/>
      <c r="AA1493" s="27"/>
      <c r="AB1493" s="27"/>
      <c r="AC1493" s="27"/>
      <c r="AD1493" s="30"/>
      <c r="AE1493" s="1"/>
      <c r="AF1493" s="23" t="s">
        <v>5331</v>
      </c>
      <c r="AG1493" s="26"/>
      <c r="AH1493" s="53"/>
    </row>
    <row r="1494" spans="1:34" ht="51.6" customHeight="1" x14ac:dyDescent="0.45">
      <c r="A1494" s="23">
        <v>1488</v>
      </c>
      <c r="B1494" s="25"/>
      <c r="C1494" s="25"/>
      <c r="D1494" s="29"/>
      <c r="E1494" s="1"/>
      <c r="F1494" s="1"/>
      <c r="G1494" s="25"/>
      <c r="H1494" s="71"/>
      <c r="I1494" s="83"/>
      <c r="J1494" s="50" t="str">
        <f t="shared" si="48"/>
        <v/>
      </c>
      <c r="K1494" s="23" t="s">
        <v>7120</v>
      </c>
      <c r="L1494" s="49" t="e">
        <f>VLOOKUP(E1494&amp;F1494,団体コード!$A$1:$C$1743,3,FALSE)</f>
        <v>#N/A</v>
      </c>
      <c r="M1494" s="49" t="e">
        <f>VLOOKUP(E1494&amp;F1494,団体コード!$A$1:$C$1743,2,FALSE)</f>
        <v>#N/A</v>
      </c>
      <c r="N1494" s="51" t="e">
        <f>VLOOKUP(E1494,団体コード!$E$1:$F$48,2,FALSE)</f>
        <v>#N/A</v>
      </c>
      <c r="O1494" s="51" t="e">
        <f t="shared" si="49"/>
        <v>#N/A</v>
      </c>
      <c r="P1494" s="51">
        <v>1</v>
      </c>
      <c r="Q1494" s="51" t="s">
        <v>5341</v>
      </c>
      <c r="R1494" s="54" t="b">
        <v>1</v>
      </c>
      <c r="S1494" s="52" t="s">
        <v>7126</v>
      </c>
      <c r="T1494" s="67" t="s">
        <v>7127</v>
      </c>
      <c r="U1494" s="75" t="s">
        <v>5331</v>
      </c>
      <c r="V1494" s="47" t="s">
        <v>5331</v>
      </c>
      <c r="W1494" s="47" t="s">
        <v>5331</v>
      </c>
      <c r="X1494" s="47" t="s">
        <v>5331</v>
      </c>
      <c r="Y1494" s="47" t="s">
        <v>5331</v>
      </c>
      <c r="Z1494" s="28"/>
      <c r="AA1494" s="27"/>
      <c r="AB1494" s="27"/>
      <c r="AC1494" s="27"/>
      <c r="AD1494" s="30"/>
      <c r="AE1494" s="1"/>
      <c r="AF1494" s="23" t="s">
        <v>5331</v>
      </c>
      <c r="AG1494" s="26"/>
      <c r="AH1494" s="53"/>
    </row>
    <row r="1495" spans="1:34" ht="51.6" customHeight="1" x14ac:dyDescent="0.45">
      <c r="A1495" s="23">
        <v>1489</v>
      </c>
      <c r="B1495" s="25"/>
      <c r="C1495" s="25"/>
      <c r="D1495" s="29"/>
      <c r="E1495" s="1"/>
      <c r="F1495" s="1"/>
      <c r="G1495" s="25"/>
      <c r="H1495" s="71"/>
      <c r="I1495" s="83"/>
      <c r="J1495" s="50" t="str">
        <f t="shared" si="48"/>
        <v/>
      </c>
      <c r="K1495" s="23" t="s">
        <v>7120</v>
      </c>
      <c r="L1495" s="49" t="e">
        <f>VLOOKUP(E1495&amp;F1495,団体コード!$A$1:$C$1743,3,FALSE)</f>
        <v>#N/A</v>
      </c>
      <c r="M1495" s="49" t="e">
        <f>VLOOKUP(E1495&amp;F1495,団体コード!$A$1:$C$1743,2,FALSE)</f>
        <v>#N/A</v>
      </c>
      <c r="N1495" s="51" t="e">
        <f>VLOOKUP(E1495,団体コード!$E$1:$F$48,2,FALSE)</f>
        <v>#N/A</v>
      </c>
      <c r="O1495" s="51" t="e">
        <f t="shared" si="49"/>
        <v>#N/A</v>
      </c>
      <c r="P1495" s="51">
        <v>1</v>
      </c>
      <c r="Q1495" s="51" t="s">
        <v>5341</v>
      </c>
      <c r="R1495" s="54" t="b">
        <v>1</v>
      </c>
      <c r="S1495" s="52" t="s">
        <v>7126</v>
      </c>
      <c r="T1495" s="67" t="s">
        <v>7127</v>
      </c>
      <c r="U1495" s="75" t="s">
        <v>5331</v>
      </c>
      <c r="V1495" s="47" t="s">
        <v>5331</v>
      </c>
      <c r="W1495" s="47" t="s">
        <v>5331</v>
      </c>
      <c r="X1495" s="47" t="s">
        <v>5331</v>
      </c>
      <c r="Y1495" s="47" t="s">
        <v>5331</v>
      </c>
      <c r="Z1495" s="28"/>
      <c r="AA1495" s="27"/>
      <c r="AB1495" s="27"/>
      <c r="AC1495" s="27"/>
      <c r="AD1495" s="30"/>
      <c r="AE1495" s="1"/>
      <c r="AF1495" s="23" t="s">
        <v>5331</v>
      </c>
      <c r="AG1495" s="26"/>
      <c r="AH1495" s="53"/>
    </row>
    <row r="1496" spans="1:34" ht="51.6" customHeight="1" x14ac:dyDescent="0.45">
      <c r="A1496" s="23">
        <v>1490</v>
      </c>
      <c r="B1496" s="25"/>
      <c r="C1496" s="25"/>
      <c r="D1496" s="29"/>
      <c r="E1496" s="1"/>
      <c r="F1496" s="1"/>
      <c r="G1496" s="25"/>
      <c r="H1496" s="71"/>
      <c r="I1496" s="83"/>
      <c r="J1496" s="50" t="str">
        <f t="shared" si="48"/>
        <v/>
      </c>
      <c r="K1496" s="23" t="s">
        <v>7120</v>
      </c>
      <c r="L1496" s="49" t="e">
        <f>VLOOKUP(E1496&amp;F1496,団体コード!$A$1:$C$1743,3,FALSE)</f>
        <v>#N/A</v>
      </c>
      <c r="M1496" s="49" t="e">
        <f>VLOOKUP(E1496&amp;F1496,団体コード!$A$1:$C$1743,2,FALSE)</f>
        <v>#N/A</v>
      </c>
      <c r="N1496" s="51" t="e">
        <f>VLOOKUP(E1496,団体コード!$E$1:$F$48,2,FALSE)</f>
        <v>#N/A</v>
      </c>
      <c r="O1496" s="51" t="e">
        <f t="shared" si="49"/>
        <v>#N/A</v>
      </c>
      <c r="P1496" s="51">
        <v>1</v>
      </c>
      <c r="Q1496" s="51" t="s">
        <v>5341</v>
      </c>
      <c r="R1496" s="54" t="b">
        <v>1</v>
      </c>
      <c r="S1496" s="52" t="s">
        <v>7126</v>
      </c>
      <c r="T1496" s="67" t="s">
        <v>7127</v>
      </c>
      <c r="U1496" s="75" t="s">
        <v>5331</v>
      </c>
      <c r="V1496" s="47" t="s">
        <v>5331</v>
      </c>
      <c r="W1496" s="47" t="s">
        <v>5331</v>
      </c>
      <c r="X1496" s="47" t="s">
        <v>5331</v>
      </c>
      <c r="Y1496" s="47" t="s">
        <v>5331</v>
      </c>
      <c r="Z1496" s="28"/>
      <c r="AA1496" s="27"/>
      <c r="AB1496" s="27"/>
      <c r="AC1496" s="27"/>
      <c r="AD1496" s="30"/>
      <c r="AE1496" s="1"/>
      <c r="AF1496" s="23" t="s">
        <v>5331</v>
      </c>
      <c r="AG1496" s="26"/>
      <c r="AH1496" s="53"/>
    </row>
    <row r="1497" spans="1:34" ht="51.6" customHeight="1" x14ac:dyDescent="0.45">
      <c r="A1497" s="23">
        <v>1491</v>
      </c>
      <c r="B1497" s="25"/>
      <c r="C1497" s="25"/>
      <c r="D1497" s="29"/>
      <c r="E1497" s="1"/>
      <c r="F1497" s="1"/>
      <c r="G1497" s="25"/>
      <c r="H1497" s="71"/>
      <c r="I1497" s="83"/>
      <c r="J1497" s="50" t="str">
        <f t="shared" si="48"/>
        <v/>
      </c>
      <c r="K1497" s="23" t="s">
        <v>7120</v>
      </c>
      <c r="L1497" s="49" t="e">
        <f>VLOOKUP(E1497&amp;F1497,団体コード!$A$1:$C$1743,3,FALSE)</f>
        <v>#N/A</v>
      </c>
      <c r="M1497" s="49" t="e">
        <f>VLOOKUP(E1497&amp;F1497,団体コード!$A$1:$C$1743,2,FALSE)</f>
        <v>#N/A</v>
      </c>
      <c r="N1497" s="51" t="e">
        <f>VLOOKUP(E1497,団体コード!$E$1:$F$48,2,FALSE)</f>
        <v>#N/A</v>
      </c>
      <c r="O1497" s="51" t="e">
        <f t="shared" si="49"/>
        <v>#N/A</v>
      </c>
      <c r="P1497" s="51">
        <v>1</v>
      </c>
      <c r="Q1497" s="51" t="s">
        <v>5341</v>
      </c>
      <c r="R1497" s="54" t="b">
        <v>1</v>
      </c>
      <c r="S1497" s="52" t="s">
        <v>7126</v>
      </c>
      <c r="T1497" s="67" t="s">
        <v>7127</v>
      </c>
      <c r="U1497" s="75" t="s">
        <v>5331</v>
      </c>
      <c r="V1497" s="47" t="s">
        <v>5331</v>
      </c>
      <c r="W1497" s="47" t="s">
        <v>5331</v>
      </c>
      <c r="X1497" s="47" t="s">
        <v>5331</v>
      </c>
      <c r="Y1497" s="47" t="s">
        <v>5331</v>
      </c>
      <c r="Z1497" s="28"/>
      <c r="AA1497" s="27"/>
      <c r="AB1497" s="27"/>
      <c r="AC1497" s="27"/>
      <c r="AD1497" s="30"/>
      <c r="AE1497" s="1"/>
      <c r="AF1497" s="23" t="s">
        <v>5331</v>
      </c>
      <c r="AG1497" s="26"/>
      <c r="AH1497" s="53"/>
    </row>
    <row r="1498" spans="1:34" ht="51.6" customHeight="1" x14ac:dyDescent="0.45">
      <c r="A1498" s="23">
        <v>1492</v>
      </c>
      <c r="B1498" s="25"/>
      <c r="C1498" s="25"/>
      <c r="D1498" s="29"/>
      <c r="E1498" s="1"/>
      <c r="F1498" s="1"/>
      <c r="G1498" s="25"/>
      <c r="H1498" s="71"/>
      <c r="I1498" s="83"/>
      <c r="J1498" s="50" t="str">
        <f t="shared" si="48"/>
        <v/>
      </c>
      <c r="K1498" s="23" t="s">
        <v>7120</v>
      </c>
      <c r="L1498" s="49" t="e">
        <f>VLOOKUP(E1498&amp;F1498,団体コード!$A$1:$C$1743,3,FALSE)</f>
        <v>#N/A</v>
      </c>
      <c r="M1498" s="49" t="e">
        <f>VLOOKUP(E1498&amp;F1498,団体コード!$A$1:$C$1743,2,FALSE)</f>
        <v>#N/A</v>
      </c>
      <c r="N1498" s="51" t="e">
        <f>VLOOKUP(E1498,団体コード!$E$1:$F$48,2,FALSE)</f>
        <v>#N/A</v>
      </c>
      <c r="O1498" s="51" t="e">
        <f t="shared" si="49"/>
        <v>#N/A</v>
      </c>
      <c r="P1498" s="51">
        <v>1</v>
      </c>
      <c r="Q1498" s="51" t="s">
        <v>5341</v>
      </c>
      <c r="R1498" s="54" t="b">
        <v>1</v>
      </c>
      <c r="S1498" s="52" t="s">
        <v>7126</v>
      </c>
      <c r="T1498" s="67" t="s">
        <v>7127</v>
      </c>
      <c r="U1498" s="75" t="s">
        <v>5331</v>
      </c>
      <c r="V1498" s="47" t="s">
        <v>5331</v>
      </c>
      <c r="W1498" s="47" t="s">
        <v>5331</v>
      </c>
      <c r="X1498" s="47" t="s">
        <v>5331</v>
      </c>
      <c r="Y1498" s="47" t="s">
        <v>5331</v>
      </c>
      <c r="Z1498" s="28"/>
      <c r="AA1498" s="27"/>
      <c r="AB1498" s="27"/>
      <c r="AC1498" s="27"/>
      <c r="AD1498" s="30"/>
      <c r="AE1498" s="1"/>
      <c r="AF1498" s="23" t="s">
        <v>5331</v>
      </c>
      <c r="AG1498" s="26"/>
      <c r="AH1498" s="53"/>
    </row>
    <row r="1499" spans="1:34" ht="51.6" customHeight="1" x14ac:dyDescent="0.45">
      <c r="A1499" s="23">
        <v>1493</v>
      </c>
      <c r="B1499" s="25"/>
      <c r="C1499" s="25"/>
      <c r="D1499" s="29"/>
      <c r="E1499" s="1"/>
      <c r="F1499" s="1"/>
      <c r="G1499" s="25"/>
      <c r="H1499" s="71"/>
      <c r="I1499" s="83"/>
      <c r="J1499" s="50" t="str">
        <f t="shared" si="48"/>
        <v/>
      </c>
      <c r="K1499" s="23" t="s">
        <v>7120</v>
      </c>
      <c r="L1499" s="49" t="e">
        <f>VLOOKUP(E1499&amp;F1499,団体コード!$A$1:$C$1743,3,FALSE)</f>
        <v>#N/A</v>
      </c>
      <c r="M1499" s="49" t="e">
        <f>VLOOKUP(E1499&amp;F1499,団体コード!$A$1:$C$1743,2,FALSE)</f>
        <v>#N/A</v>
      </c>
      <c r="N1499" s="51" t="e">
        <f>VLOOKUP(E1499,団体コード!$E$1:$F$48,2,FALSE)</f>
        <v>#N/A</v>
      </c>
      <c r="O1499" s="51" t="e">
        <f t="shared" si="49"/>
        <v>#N/A</v>
      </c>
      <c r="P1499" s="51">
        <v>1</v>
      </c>
      <c r="Q1499" s="51" t="s">
        <v>5341</v>
      </c>
      <c r="R1499" s="54" t="b">
        <v>1</v>
      </c>
      <c r="S1499" s="52" t="s">
        <v>7126</v>
      </c>
      <c r="T1499" s="67" t="s">
        <v>7127</v>
      </c>
      <c r="U1499" s="75" t="s">
        <v>5331</v>
      </c>
      <c r="V1499" s="47" t="s">
        <v>5331</v>
      </c>
      <c r="W1499" s="47" t="s">
        <v>5331</v>
      </c>
      <c r="X1499" s="47" t="s">
        <v>5331</v>
      </c>
      <c r="Y1499" s="47" t="s">
        <v>5331</v>
      </c>
      <c r="Z1499" s="28"/>
      <c r="AA1499" s="27"/>
      <c r="AB1499" s="27"/>
      <c r="AC1499" s="27"/>
      <c r="AD1499" s="30"/>
      <c r="AE1499" s="1"/>
      <c r="AF1499" s="23" t="s">
        <v>5331</v>
      </c>
      <c r="AG1499" s="26"/>
      <c r="AH1499" s="53"/>
    </row>
    <row r="1500" spans="1:34" ht="51.6" customHeight="1" x14ac:dyDescent="0.45">
      <c r="A1500" s="23">
        <v>1494</v>
      </c>
      <c r="B1500" s="25"/>
      <c r="C1500" s="25"/>
      <c r="D1500" s="29"/>
      <c r="E1500" s="1"/>
      <c r="F1500" s="1"/>
      <c r="G1500" s="25"/>
      <c r="H1500" s="71"/>
      <c r="I1500" s="83"/>
      <c r="J1500" s="50" t="str">
        <f t="shared" si="48"/>
        <v/>
      </c>
      <c r="K1500" s="23" t="s">
        <v>7120</v>
      </c>
      <c r="L1500" s="49" t="e">
        <f>VLOOKUP(E1500&amp;F1500,団体コード!$A$1:$C$1743,3,FALSE)</f>
        <v>#N/A</v>
      </c>
      <c r="M1500" s="49" t="e">
        <f>VLOOKUP(E1500&amp;F1500,団体コード!$A$1:$C$1743,2,FALSE)</f>
        <v>#N/A</v>
      </c>
      <c r="N1500" s="51" t="e">
        <f>VLOOKUP(E1500,団体コード!$E$1:$F$48,2,FALSE)</f>
        <v>#N/A</v>
      </c>
      <c r="O1500" s="51" t="e">
        <f t="shared" si="49"/>
        <v>#N/A</v>
      </c>
      <c r="P1500" s="51">
        <v>1</v>
      </c>
      <c r="Q1500" s="51" t="s">
        <v>5341</v>
      </c>
      <c r="R1500" s="54" t="b">
        <v>1</v>
      </c>
      <c r="S1500" s="52" t="s">
        <v>7126</v>
      </c>
      <c r="T1500" s="67" t="s">
        <v>7127</v>
      </c>
      <c r="U1500" s="75" t="s">
        <v>5331</v>
      </c>
      <c r="V1500" s="47" t="s">
        <v>5331</v>
      </c>
      <c r="W1500" s="47" t="s">
        <v>5331</v>
      </c>
      <c r="X1500" s="47" t="s">
        <v>5331</v>
      </c>
      <c r="Y1500" s="47" t="s">
        <v>5331</v>
      </c>
      <c r="Z1500" s="28"/>
      <c r="AA1500" s="27"/>
      <c r="AB1500" s="27"/>
      <c r="AC1500" s="27"/>
      <c r="AD1500" s="30"/>
      <c r="AE1500" s="1"/>
      <c r="AF1500" s="23" t="s">
        <v>5331</v>
      </c>
      <c r="AG1500" s="26"/>
      <c r="AH1500" s="53"/>
    </row>
    <row r="1501" spans="1:34" ht="51.6" customHeight="1" x14ac:dyDescent="0.45">
      <c r="A1501" s="23">
        <v>1495</v>
      </c>
      <c r="B1501" s="25"/>
      <c r="C1501" s="25"/>
      <c r="D1501" s="29"/>
      <c r="E1501" s="1"/>
      <c r="F1501" s="1"/>
      <c r="G1501" s="25"/>
      <c r="H1501" s="71"/>
      <c r="I1501" s="83"/>
      <c r="J1501" s="50" t="str">
        <f t="shared" si="48"/>
        <v/>
      </c>
      <c r="K1501" s="23" t="s">
        <v>7120</v>
      </c>
      <c r="L1501" s="49" t="e">
        <f>VLOOKUP(E1501&amp;F1501,団体コード!$A$1:$C$1743,3,FALSE)</f>
        <v>#N/A</v>
      </c>
      <c r="M1501" s="49" t="e">
        <f>VLOOKUP(E1501&amp;F1501,団体コード!$A$1:$C$1743,2,FALSE)</f>
        <v>#N/A</v>
      </c>
      <c r="N1501" s="51" t="e">
        <f>VLOOKUP(E1501,団体コード!$E$1:$F$48,2,FALSE)</f>
        <v>#N/A</v>
      </c>
      <c r="O1501" s="51" t="e">
        <f t="shared" si="49"/>
        <v>#N/A</v>
      </c>
      <c r="P1501" s="51">
        <v>1</v>
      </c>
      <c r="Q1501" s="51" t="s">
        <v>5341</v>
      </c>
      <c r="R1501" s="54" t="b">
        <v>1</v>
      </c>
      <c r="S1501" s="52" t="s">
        <v>7126</v>
      </c>
      <c r="T1501" s="67" t="s">
        <v>7127</v>
      </c>
      <c r="U1501" s="75" t="s">
        <v>5331</v>
      </c>
      <c r="V1501" s="47" t="s">
        <v>5331</v>
      </c>
      <c r="W1501" s="47" t="s">
        <v>5331</v>
      </c>
      <c r="X1501" s="47" t="s">
        <v>5331</v>
      </c>
      <c r="Y1501" s="47" t="s">
        <v>5331</v>
      </c>
      <c r="Z1501" s="28"/>
      <c r="AA1501" s="27"/>
      <c r="AB1501" s="27"/>
      <c r="AC1501" s="27"/>
      <c r="AD1501" s="30"/>
      <c r="AE1501" s="1"/>
      <c r="AF1501" s="23" t="s">
        <v>5331</v>
      </c>
      <c r="AG1501" s="26"/>
      <c r="AH1501" s="53"/>
    </row>
    <row r="1502" spans="1:34" ht="51.6" customHeight="1" x14ac:dyDescent="0.45">
      <c r="A1502" s="23">
        <v>1496</v>
      </c>
      <c r="B1502" s="25"/>
      <c r="C1502" s="25"/>
      <c r="D1502" s="29"/>
      <c r="E1502" s="1"/>
      <c r="F1502" s="1"/>
      <c r="G1502" s="25"/>
      <c r="H1502" s="71"/>
      <c r="I1502" s="83"/>
      <c r="J1502" s="50" t="str">
        <f t="shared" si="48"/>
        <v/>
      </c>
      <c r="K1502" s="23" t="s">
        <v>7120</v>
      </c>
      <c r="L1502" s="49" t="e">
        <f>VLOOKUP(E1502&amp;F1502,団体コード!$A$1:$C$1743,3,FALSE)</f>
        <v>#N/A</v>
      </c>
      <c r="M1502" s="49" t="e">
        <f>VLOOKUP(E1502&amp;F1502,団体コード!$A$1:$C$1743,2,FALSE)</f>
        <v>#N/A</v>
      </c>
      <c r="N1502" s="51" t="e">
        <f>VLOOKUP(E1502,団体コード!$E$1:$F$48,2,FALSE)</f>
        <v>#N/A</v>
      </c>
      <c r="O1502" s="51" t="e">
        <f t="shared" si="49"/>
        <v>#N/A</v>
      </c>
      <c r="P1502" s="51">
        <v>1</v>
      </c>
      <c r="Q1502" s="51" t="s">
        <v>5341</v>
      </c>
      <c r="R1502" s="54" t="b">
        <v>1</v>
      </c>
      <c r="S1502" s="52" t="s">
        <v>7126</v>
      </c>
      <c r="T1502" s="67" t="s">
        <v>7127</v>
      </c>
      <c r="U1502" s="75" t="s">
        <v>5331</v>
      </c>
      <c r="V1502" s="47" t="s">
        <v>5331</v>
      </c>
      <c r="W1502" s="47" t="s">
        <v>5331</v>
      </c>
      <c r="X1502" s="47" t="s">
        <v>5331</v>
      </c>
      <c r="Y1502" s="47" t="s">
        <v>5331</v>
      </c>
      <c r="Z1502" s="28"/>
      <c r="AA1502" s="27"/>
      <c r="AB1502" s="27"/>
      <c r="AC1502" s="27"/>
      <c r="AD1502" s="30"/>
      <c r="AE1502" s="1"/>
      <c r="AF1502" s="23" t="s">
        <v>5331</v>
      </c>
      <c r="AG1502" s="26"/>
      <c r="AH1502" s="53"/>
    </row>
    <row r="1503" spans="1:34" ht="51.6" customHeight="1" x14ac:dyDescent="0.45">
      <c r="A1503" s="23">
        <v>1497</v>
      </c>
      <c r="B1503" s="25"/>
      <c r="C1503" s="25"/>
      <c r="D1503" s="29"/>
      <c r="E1503" s="1"/>
      <c r="F1503" s="1"/>
      <c r="G1503" s="25"/>
      <c r="H1503" s="71"/>
      <c r="I1503" s="83"/>
      <c r="J1503" s="50" t="str">
        <f t="shared" si="48"/>
        <v/>
      </c>
      <c r="K1503" s="23" t="s">
        <v>7120</v>
      </c>
      <c r="L1503" s="49" t="e">
        <f>VLOOKUP(E1503&amp;F1503,団体コード!$A$1:$C$1743,3,FALSE)</f>
        <v>#N/A</v>
      </c>
      <c r="M1503" s="49" t="e">
        <f>VLOOKUP(E1503&amp;F1503,団体コード!$A$1:$C$1743,2,FALSE)</f>
        <v>#N/A</v>
      </c>
      <c r="N1503" s="51" t="e">
        <f>VLOOKUP(E1503,団体コード!$E$1:$F$48,2,FALSE)</f>
        <v>#N/A</v>
      </c>
      <c r="O1503" s="51" t="e">
        <f t="shared" si="49"/>
        <v>#N/A</v>
      </c>
      <c r="P1503" s="51">
        <v>1</v>
      </c>
      <c r="Q1503" s="51" t="s">
        <v>5341</v>
      </c>
      <c r="R1503" s="54" t="b">
        <v>1</v>
      </c>
      <c r="S1503" s="52" t="s">
        <v>7126</v>
      </c>
      <c r="T1503" s="67" t="s">
        <v>7127</v>
      </c>
      <c r="U1503" s="75" t="s">
        <v>5331</v>
      </c>
      <c r="V1503" s="47" t="s">
        <v>5331</v>
      </c>
      <c r="W1503" s="47" t="s">
        <v>5331</v>
      </c>
      <c r="X1503" s="47" t="s">
        <v>5331</v>
      </c>
      <c r="Y1503" s="47" t="s">
        <v>5331</v>
      </c>
      <c r="Z1503" s="28"/>
      <c r="AA1503" s="27"/>
      <c r="AB1503" s="27"/>
      <c r="AC1503" s="27"/>
      <c r="AD1503" s="30"/>
      <c r="AE1503" s="1"/>
      <c r="AF1503" s="23" t="s">
        <v>5331</v>
      </c>
      <c r="AG1503" s="26"/>
      <c r="AH1503" s="53"/>
    </row>
    <row r="1504" spans="1:34" ht="51.6" customHeight="1" x14ac:dyDescent="0.45">
      <c r="A1504" s="23">
        <v>1498</v>
      </c>
      <c r="B1504" s="25"/>
      <c r="C1504" s="25"/>
      <c r="D1504" s="29"/>
      <c r="E1504" s="1"/>
      <c r="F1504" s="1"/>
      <c r="G1504" s="25"/>
      <c r="H1504" s="71"/>
      <c r="I1504" s="83"/>
      <c r="J1504" s="50" t="str">
        <f t="shared" si="48"/>
        <v/>
      </c>
      <c r="K1504" s="23" t="s">
        <v>7120</v>
      </c>
      <c r="L1504" s="49" t="e">
        <f>VLOOKUP(E1504&amp;F1504,団体コード!$A$1:$C$1743,3,FALSE)</f>
        <v>#N/A</v>
      </c>
      <c r="M1504" s="49" t="e">
        <f>VLOOKUP(E1504&amp;F1504,団体コード!$A$1:$C$1743,2,FALSE)</f>
        <v>#N/A</v>
      </c>
      <c r="N1504" s="51" t="e">
        <f>VLOOKUP(E1504,団体コード!$E$1:$F$48,2,FALSE)</f>
        <v>#N/A</v>
      </c>
      <c r="O1504" s="51" t="e">
        <f t="shared" si="49"/>
        <v>#N/A</v>
      </c>
      <c r="P1504" s="51">
        <v>1</v>
      </c>
      <c r="Q1504" s="51" t="s">
        <v>5341</v>
      </c>
      <c r="R1504" s="54" t="b">
        <v>1</v>
      </c>
      <c r="S1504" s="52" t="s">
        <v>7126</v>
      </c>
      <c r="T1504" s="67" t="s">
        <v>7127</v>
      </c>
      <c r="U1504" s="75" t="s">
        <v>5331</v>
      </c>
      <c r="V1504" s="47" t="s">
        <v>5331</v>
      </c>
      <c r="W1504" s="47" t="s">
        <v>5331</v>
      </c>
      <c r="X1504" s="47" t="s">
        <v>5331</v>
      </c>
      <c r="Y1504" s="47" t="s">
        <v>5331</v>
      </c>
      <c r="Z1504" s="28"/>
      <c r="AA1504" s="27"/>
      <c r="AB1504" s="27"/>
      <c r="AC1504" s="27"/>
      <c r="AD1504" s="30"/>
      <c r="AE1504" s="1"/>
      <c r="AF1504" s="23" t="s">
        <v>5331</v>
      </c>
      <c r="AG1504" s="26"/>
      <c r="AH1504" s="53"/>
    </row>
    <row r="1505" spans="1:34" ht="51.6" customHeight="1" x14ac:dyDescent="0.45">
      <c r="A1505" s="23">
        <v>1499</v>
      </c>
      <c r="B1505" s="25"/>
      <c r="C1505" s="25"/>
      <c r="D1505" s="29"/>
      <c r="E1505" s="1"/>
      <c r="F1505" s="1"/>
      <c r="G1505" s="25"/>
      <c r="H1505" s="71"/>
      <c r="I1505" s="83"/>
      <c r="J1505" s="50" t="str">
        <f t="shared" si="48"/>
        <v/>
      </c>
      <c r="K1505" s="23" t="s">
        <v>7120</v>
      </c>
      <c r="L1505" s="49" t="e">
        <f>VLOOKUP(E1505&amp;F1505,団体コード!$A$1:$C$1743,3,FALSE)</f>
        <v>#N/A</v>
      </c>
      <c r="M1505" s="49" t="e">
        <f>VLOOKUP(E1505&amp;F1505,団体コード!$A$1:$C$1743,2,FALSE)</f>
        <v>#N/A</v>
      </c>
      <c r="N1505" s="51" t="e">
        <f>VLOOKUP(E1505,団体コード!$E$1:$F$48,2,FALSE)</f>
        <v>#N/A</v>
      </c>
      <c r="O1505" s="51" t="e">
        <f t="shared" si="49"/>
        <v>#N/A</v>
      </c>
      <c r="P1505" s="51">
        <v>1</v>
      </c>
      <c r="Q1505" s="51" t="s">
        <v>5341</v>
      </c>
      <c r="R1505" s="54" t="b">
        <v>1</v>
      </c>
      <c r="S1505" s="52" t="s">
        <v>7126</v>
      </c>
      <c r="T1505" s="67" t="s">
        <v>7127</v>
      </c>
      <c r="U1505" s="75" t="s">
        <v>5331</v>
      </c>
      <c r="V1505" s="47" t="s">
        <v>5331</v>
      </c>
      <c r="W1505" s="47" t="s">
        <v>5331</v>
      </c>
      <c r="X1505" s="47" t="s">
        <v>5331</v>
      </c>
      <c r="Y1505" s="47" t="s">
        <v>5331</v>
      </c>
      <c r="Z1505" s="28"/>
      <c r="AA1505" s="27"/>
      <c r="AB1505" s="27"/>
      <c r="AC1505" s="27"/>
      <c r="AD1505" s="30"/>
      <c r="AE1505" s="1"/>
      <c r="AF1505" s="23" t="s">
        <v>5331</v>
      </c>
      <c r="AG1505" s="26"/>
      <c r="AH1505" s="53"/>
    </row>
    <row r="1506" spans="1:34" ht="51.6" customHeight="1" x14ac:dyDescent="0.45">
      <c r="A1506" s="23">
        <v>1500</v>
      </c>
      <c r="B1506" s="25"/>
      <c r="C1506" s="25"/>
      <c r="D1506" s="29"/>
      <c r="E1506" s="1"/>
      <c r="F1506" s="1"/>
      <c r="G1506" s="25"/>
      <c r="H1506" s="71"/>
      <c r="I1506" s="83"/>
      <c r="J1506" s="50" t="str">
        <f t="shared" si="48"/>
        <v/>
      </c>
      <c r="K1506" s="23" t="s">
        <v>7120</v>
      </c>
      <c r="L1506" s="49" t="e">
        <f>VLOOKUP(E1506&amp;F1506,団体コード!$A$1:$C$1743,3,FALSE)</f>
        <v>#N/A</v>
      </c>
      <c r="M1506" s="49" t="e">
        <f>VLOOKUP(E1506&amp;F1506,団体コード!$A$1:$C$1743,2,FALSE)</f>
        <v>#N/A</v>
      </c>
      <c r="N1506" s="51" t="e">
        <f>VLOOKUP(E1506,団体コード!$E$1:$F$48,2,FALSE)</f>
        <v>#N/A</v>
      </c>
      <c r="O1506" s="51" t="e">
        <f t="shared" si="49"/>
        <v>#N/A</v>
      </c>
      <c r="P1506" s="51">
        <v>1</v>
      </c>
      <c r="Q1506" s="51" t="s">
        <v>5341</v>
      </c>
      <c r="R1506" s="54" t="b">
        <v>1</v>
      </c>
      <c r="S1506" s="52" t="s">
        <v>7126</v>
      </c>
      <c r="T1506" s="67" t="s">
        <v>7127</v>
      </c>
      <c r="U1506" s="75" t="s">
        <v>5331</v>
      </c>
      <c r="V1506" s="47" t="s">
        <v>5331</v>
      </c>
      <c r="W1506" s="47" t="s">
        <v>5331</v>
      </c>
      <c r="X1506" s="47" t="s">
        <v>5331</v>
      </c>
      <c r="Y1506" s="47" t="s">
        <v>5331</v>
      </c>
      <c r="Z1506" s="28"/>
      <c r="AA1506" s="27"/>
      <c r="AB1506" s="27"/>
      <c r="AC1506" s="27"/>
      <c r="AD1506" s="30"/>
      <c r="AE1506" s="1"/>
      <c r="AF1506" s="23" t="s">
        <v>5331</v>
      </c>
      <c r="AG1506" s="26"/>
      <c r="AH1506" s="53"/>
    </row>
    <row r="1507" spans="1:34" ht="51.6" customHeight="1" x14ac:dyDescent="0.45">
      <c r="A1507" s="23">
        <v>1501</v>
      </c>
      <c r="B1507" s="25"/>
      <c r="C1507" s="25"/>
      <c r="D1507" s="29"/>
      <c r="E1507" s="1"/>
      <c r="F1507" s="1"/>
      <c r="G1507" s="25"/>
      <c r="H1507" s="71"/>
      <c r="I1507" s="83"/>
      <c r="J1507" s="50" t="str">
        <f t="shared" si="48"/>
        <v/>
      </c>
      <c r="K1507" s="23" t="s">
        <v>7120</v>
      </c>
      <c r="L1507" s="49" t="e">
        <f>VLOOKUP(E1507&amp;F1507,団体コード!$A$1:$C$1743,3,FALSE)</f>
        <v>#N/A</v>
      </c>
      <c r="M1507" s="49" t="e">
        <f>VLOOKUP(E1507&amp;F1507,団体コード!$A$1:$C$1743,2,FALSE)</f>
        <v>#N/A</v>
      </c>
      <c r="N1507" s="51" t="e">
        <f>VLOOKUP(E1507,団体コード!$E$1:$F$48,2,FALSE)</f>
        <v>#N/A</v>
      </c>
      <c r="O1507" s="51" t="e">
        <f t="shared" si="49"/>
        <v>#N/A</v>
      </c>
      <c r="P1507" s="51">
        <v>1</v>
      </c>
      <c r="Q1507" s="51" t="s">
        <v>5341</v>
      </c>
      <c r="R1507" s="54" t="b">
        <v>1</v>
      </c>
      <c r="S1507" s="52" t="s">
        <v>7126</v>
      </c>
      <c r="T1507" s="67" t="s">
        <v>7127</v>
      </c>
      <c r="U1507" s="75" t="s">
        <v>5331</v>
      </c>
      <c r="V1507" s="47" t="s">
        <v>5331</v>
      </c>
      <c r="W1507" s="47" t="s">
        <v>5331</v>
      </c>
      <c r="X1507" s="47" t="s">
        <v>5331</v>
      </c>
      <c r="Y1507" s="47" t="s">
        <v>5331</v>
      </c>
      <c r="Z1507" s="28"/>
      <c r="AA1507" s="27"/>
      <c r="AB1507" s="27"/>
      <c r="AC1507" s="27"/>
      <c r="AD1507" s="30"/>
      <c r="AE1507" s="1"/>
      <c r="AF1507" s="23" t="s">
        <v>5331</v>
      </c>
      <c r="AG1507" s="26"/>
      <c r="AH1507" s="53"/>
    </row>
    <row r="1508" spans="1:34" ht="51.6" customHeight="1" x14ac:dyDescent="0.45">
      <c r="A1508" s="23">
        <v>1502</v>
      </c>
      <c r="B1508" s="25"/>
      <c r="C1508" s="25"/>
      <c r="D1508" s="29"/>
      <c r="E1508" s="1"/>
      <c r="F1508" s="1"/>
      <c r="G1508" s="25"/>
      <c r="H1508" s="71"/>
      <c r="I1508" s="83"/>
      <c r="J1508" s="50" t="str">
        <f t="shared" si="48"/>
        <v/>
      </c>
      <c r="K1508" s="23" t="s">
        <v>7120</v>
      </c>
      <c r="L1508" s="49" t="e">
        <f>VLOOKUP(E1508&amp;F1508,団体コード!$A$1:$C$1743,3,FALSE)</f>
        <v>#N/A</v>
      </c>
      <c r="M1508" s="49" t="e">
        <f>VLOOKUP(E1508&amp;F1508,団体コード!$A$1:$C$1743,2,FALSE)</f>
        <v>#N/A</v>
      </c>
      <c r="N1508" s="51" t="e">
        <f>VLOOKUP(E1508,団体コード!$E$1:$F$48,2,FALSE)</f>
        <v>#N/A</v>
      </c>
      <c r="O1508" s="51" t="e">
        <f t="shared" si="49"/>
        <v>#N/A</v>
      </c>
      <c r="P1508" s="51">
        <v>1</v>
      </c>
      <c r="Q1508" s="51" t="s">
        <v>5341</v>
      </c>
      <c r="R1508" s="54" t="b">
        <v>1</v>
      </c>
      <c r="S1508" s="52" t="s">
        <v>7126</v>
      </c>
      <c r="T1508" s="67" t="s">
        <v>7127</v>
      </c>
      <c r="U1508" s="75" t="s">
        <v>5331</v>
      </c>
      <c r="V1508" s="47" t="s">
        <v>5331</v>
      </c>
      <c r="W1508" s="47" t="s">
        <v>5331</v>
      </c>
      <c r="X1508" s="47" t="s">
        <v>5331</v>
      </c>
      <c r="Y1508" s="47" t="s">
        <v>5331</v>
      </c>
      <c r="Z1508" s="28"/>
      <c r="AA1508" s="27"/>
      <c r="AB1508" s="27"/>
      <c r="AC1508" s="27"/>
      <c r="AD1508" s="30"/>
      <c r="AE1508" s="1"/>
      <c r="AF1508" s="23" t="s">
        <v>5331</v>
      </c>
      <c r="AG1508" s="26"/>
      <c r="AH1508" s="53"/>
    </row>
    <row r="1509" spans="1:34" ht="51.6" customHeight="1" x14ac:dyDescent="0.45">
      <c r="A1509" s="23">
        <v>1503</v>
      </c>
      <c r="B1509" s="25"/>
      <c r="C1509" s="25"/>
      <c r="D1509" s="29"/>
      <c r="E1509" s="1"/>
      <c r="F1509" s="1"/>
      <c r="G1509" s="25"/>
      <c r="H1509" s="71"/>
      <c r="I1509" s="83"/>
      <c r="J1509" s="50" t="str">
        <f t="shared" si="48"/>
        <v/>
      </c>
      <c r="K1509" s="23" t="s">
        <v>7120</v>
      </c>
      <c r="L1509" s="49" t="e">
        <f>VLOOKUP(E1509&amp;F1509,団体コード!$A$1:$C$1743,3,FALSE)</f>
        <v>#N/A</v>
      </c>
      <c r="M1509" s="49" t="e">
        <f>VLOOKUP(E1509&amp;F1509,団体コード!$A$1:$C$1743,2,FALSE)</f>
        <v>#N/A</v>
      </c>
      <c r="N1509" s="51" t="e">
        <f>VLOOKUP(E1509,団体コード!$E$1:$F$48,2,FALSE)</f>
        <v>#N/A</v>
      </c>
      <c r="O1509" s="51" t="e">
        <f t="shared" si="49"/>
        <v>#N/A</v>
      </c>
      <c r="P1509" s="51">
        <v>1</v>
      </c>
      <c r="Q1509" s="51" t="s">
        <v>5341</v>
      </c>
      <c r="R1509" s="54" t="b">
        <v>1</v>
      </c>
      <c r="S1509" s="52" t="s">
        <v>7126</v>
      </c>
      <c r="T1509" s="67" t="s">
        <v>7127</v>
      </c>
      <c r="U1509" s="75" t="s">
        <v>5331</v>
      </c>
      <c r="V1509" s="47" t="s">
        <v>5331</v>
      </c>
      <c r="W1509" s="47" t="s">
        <v>5331</v>
      </c>
      <c r="X1509" s="47" t="s">
        <v>5331</v>
      </c>
      <c r="Y1509" s="47" t="s">
        <v>5331</v>
      </c>
      <c r="Z1509" s="28"/>
      <c r="AA1509" s="27"/>
      <c r="AB1509" s="27"/>
      <c r="AC1509" s="27"/>
      <c r="AD1509" s="30"/>
      <c r="AE1509" s="1"/>
      <c r="AF1509" s="23" t="s">
        <v>5331</v>
      </c>
      <c r="AG1509" s="26"/>
      <c r="AH1509" s="53"/>
    </row>
    <row r="1510" spans="1:34" ht="51.6" customHeight="1" x14ac:dyDescent="0.45">
      <c r="A1510" s="23">
        <v>1504</v>
      </c>
      <c r="B1510" s="25"/>
      <c r="C1510" s="25"/>
      <c r="D1510" s="29"/>
      <c r="E1510" s="1"/>
      <c r="F1510" s="1"/>
      <c r="G1510" s="25"/>
      <c r="H1510" s="71"/>
      <c r="I1510" s="83"/>
      <c r="J1510" s="50" t="str">
        <f t="shared" si="48"/>
        <v/>
      </c>
      <c r="K1510" s="23" t="s">
        <v>7120</v>
      </c>
      <c r="L1510" s="49" t="e">
        <f>VLOOKUP(E1510&amp;F1510,団体コード!$A$1:$C$1743,3,FALSE)</f>
        <v>#N/A</v>
      </c>
      <c r="M1510" s="49" t="e">
        <f>VLOOKUP(E1510&amp;F1510,団体コード!$A$1:$C$1743,2,FALSE)</f>
        <v>#N/A</v>
      </c>
      <c r="N1510" s="51" t="e">
        <f>VLOOKUP(E1510,団体コード!$E$1:$F$48,2,FALSE)</f>
        <v>#N/A</v>
      </c>
      <c r="O1510" s="51" t="e">
        <f t="shared" si="49"/>
        <v>#N/A</v>
      </c>
      <c r="P1510" s="51">
        <v>1</v>
      </c>
      <c r="Q1510" s="51" t="s">
        <v>5341</v>
      </c>
      <c r="R1510" s="54" t="b">
        <v>1</v>
      </c>
      <c r="S1510" s="52" t="s">
        <v>7126</v>
      </c>
      <c r="T1510" s="67" t="s">
        <v>7127</v>
      </c>
      <c r="U1510" s="75" t="s">
        <v>5331</v>
      </c>
      <c r="V1510" s="47" t="s">
        <v>5331</v>
      </c>
      <c r="W1510" s="47" t="s">
        <v>5331</v>
      </c>
      <c r="X1510" s="47" t="s">
        <v>5331</v>
      </c>
      <c r="Y1510" s="47" t="s">
        <v>5331</v>
      </c>
      <c r="Z1510" s="28"/>
      <c r="AA1510" s="27"/>
      <c r="AB1510" s="27"/>
      <c r="AC1510" s="27"/>
      <c r="AD1510" s="30"/>
      <c r="AE1510" s="1"/>
      <c r="AF1510" s="23" t="s">
        <v>5331</v>
      </c>
      <c r="AG1510" s="26"/>
      <c r="AH1510" s="53"/>
    </row>
    <row r="1511" spans="1:34" ht="51.6" customHeight="1" x14ac:dyDescent="0.45">
      <c r="A1511" s="23">
        <v>1505</v>
      </c>
      <c r="B1511" s="25"/>
      <c r="C1511" s="25"/>
      <c r="D1511" s="29"/>
      <c r="E1511" s="1"/>
      <c r="F1511" s="1"/>
      <c r="G1511" s="25"/>
      <c r="H1511" s="71"/>
      <c r="I1511" s="83"/>
      <c r="J1511" s="50" t="str">
        <f t="shared" si="48"/>
        <v/>
      </c>
      <c r="K1511" s="23" t="s">
        <v>7120</v>
      </c>
      <c r="L1511" s="49" t="e">
        <f>VLOOKUP(E1511&amp;F1511,団体コード!$A$1:$C$1743,3,FALSE)</f>
        <v>#N/A</v>
      </c>
      <c r="M1511" s="49" t="e">
        <f>VLOOKUP(E1511&amp;F1511,団体コード!$A$1:$C$1743,2,FALSE)</f>
        <v>#N/A</v>
      </c>
      <c r="N1511" s="51" t="e">
        <f>VLOOKUP(E1511,団体コード!$E$1:$F$48,2,FALSE)</f>
        <v>#N/A</v>
      </c>
      <c r="O1511" s="51" t="e">
        <f t="shared" si="49"/>
        <v>#N/A</v>
      </c>
      <c r="P1511" s="51">
        <v>1</v>
      </c>
      <c r="Q1511" s="51" t="s">
        <v>5341</v>
      </c>
      <c r="R1511" s="54" t="b">
        <v>1</v>
      </c>
      <c r="S1511" s="52" t="s">
        <v>7126</v>
      </c>
      <c r="T1511" s="67" t="s">
        <v>7127</v>
      </c>
      <c r="U1511" s="75" t="s">
        <v>5331</v>
      </c>
      <c r="V1511" s="47" t="s">
        <v>5331</v>
      </c>
      <c r="W1511" s="47" t="s">
        <v>5331</v>
      </c>
      <c r="X1511" s="47" t="s">
        <v>5331</v>
      </c>
      <c r="Y1511" s="47" t="s">
        <v>5331</v>
      </c>
      <c r="Z1511" s="28"/>
      <c r="AA1511" s="27"/>
      <c r="AB1511" s="27"/>
      <c r="AC1511" s="27"/>
      <c r="AD1511" s="30"/>
      <c r="AE1511" s="1"/>
      <c r="AF1511" s="23" t="s">
        <v>5331</v>
      </c>
      <c r="AG1511" s="26"/>
      <c r="AH1511" s="53"/>
    </row>
    <row r="1512" spans="1:34" ht="51.6" customHeight="1" x14ac:dyDescent="0.45">
      <c r="A1512" s="23">
        <v>1506</v>
      </c>
      <c r="B1512" s="25"/>
      <c r="C1512" s="25"/>
      <c r="D1512" s="29"/>
      <c r="E1512" s="1"/>
      <c r="F1512" s="1"/>
      <c r="G1512" s="25"/>
      <c r="H1512" s="71"/>
      <c r="I1512" s="83"/>
      <c r="J1512" s="50" t="str">
        <f t="shared" si="48"/>
        <v/>
      </c>
      <c r="K1512" s="23" t="s">
        <v>7120</v>
      </c>
      <c r="L1512" s="49" t="e">
        <f>VLOOKUP(E1512&amp;F1512,団体コード!$A$1:$C$1743,3,FALSE)</f>
        <v>#N/A</v>
      </c>
      <c r="M1512" s="49" t="e">
        <f>VLOOKUP(E1512&amp;F1512,団体コード!$A$1:$C$1743,2,FALSE)</f>
        <v>#N/A</v>
      </c>
      <c r="N1512" s="51" t="e">
        <f>VLOOKUP(E1512,団体コード!$E$1:$F$48,2,FALSE)</f>
        <v>#N/A</v>
      </c>
      <c r="O1512" s="51" t="e">
        <f t="shared" si="49"/>
        <v>#N/A</v>
      </c>
      <c r="P1512" s="51">
        <v>1</v>
      </c>
      <c r="Q1512" s="51" t="s">
        <v>5341</v>
      </c>
      <c r="R1512" s="54" t="b">
        <v>1</v>
      </c>
      <c r="S1512" s="52" t="s">
        <v>7126</v>
      </c>
      <c r="T1512" s="67" t="s">
        <v>7127</v>
      </c>
      <c r="U1512" s="75" t="s">
        <v>5331</v>
      </c>
      <c r="V1512" s="47" t="s">
        <v>5331</v>
      </c>
      <c r="W1512" s="47" t="s">
        <v>5331</v>
      </c>
      <c r="X1512" s="47" t="s">
        <v>5331</v>
      </c>
      <c r="Y1512" s="47" t="s">
        <v>5331</v>
      </c>
      <c r="Z1512" s="28"/>
      <c r="AA1512" s="27"/>
      <c r="AB1512" s="27"/>
      <c r="AC1512" s="27"/>
      <c r="AD1512" s="30"/>
      <c r="AE1512" s="1"/>
      <c r="AF1512" s="23" t="s">
        <v>5331</v>
      </c>
      <c r="AG1512" s="26"/>
      <c r="AH1512" s="53"/>
    </row>
    <row r="1513" spans="1:34" ht="51.6" customHeight="1" x14ac:dyDescent="0.45">
      <c r="A1513" s="23">
        <v>1507</v>
      </c>
      <c r="B1513" s="25"/>
      <c r="C1513" s="25"/>
      <c r="D1513" s="29"/>
      <c r="E1513" s="1"/>
      <c r="F1513" s="1"/>
      <c r="G1513" s="25"/>
      <c r="H1513" s="71"/>
      <c r="I1513" s="83"/>
      <c r="J1513" s="50" t="str">
        <f t="shared" si="48"/>
        <v/>
      </c>
      <c r="K1513" s="23" t="s">
        <v>7120</v>
      </c>
      <c r="L1513" s="49" t="e">
        <f>VLOOKUP(E1513&amp;F1513,団体コード!$A$1:$C$1743,3,FALSE)</f>
        <v>#N/A</v>
      </c>
      <c r="M1513" s="49" t="e">
        <f>VLOOKUP(E1513&amp;F1513,団体コード!$A$1:$C$1743,2,FALSE)</f>
        <v>#N/A</v>
      </c>
      <c r="N1513" s="51" t="e">
        <f>VLOOKUP(E1513,団体コード!$E$1:$F$48,2,FALSE)</f>
        <v>#N/A</v>
      </c>
      <c r="O1513" s="51" t="e">
        <f t="shared" si="49"/>
        <v>#N/A</v>
      </c>
      <c r="P1513" s="51">
        <v>1</v>
      </c>
      <c r="Q1513" s="51" t="s">
        <v>5341</v>
      </c>
      <c r="R1513" s="54" t="b">
        <v>1</v>
      </c>
      <c r="S1513" s="52" t="s">
        <v>7126</v>
      </c>
      <c r="T1513" s="67" t="s">
        <v>7127</v>
      </c>
      <c r="U1513" s="75" t="s">
        <v>5331</v>
      </c>
      <c r="V1513" s="47" t="s">
        <v>5331</v>
      </c>
      <c r="W1513" s="47" t="s">
        <v>5331</v>
      </c>
      <c r="X1513" s="47" t="s">
        <v>5331</v>
      </c>
      <c r="Y1513" s="47" t="s">
        <v>5331</v>
      </c>
      <c r="Z1513" s="28"/>
      <c r="AA1513" s="27"/>
      <c r="AB1513" s="27"/>
      <c r="AC1513" s="27"/>
      <c r="AD1513" s="30"/>
      <c r="AE1513" s="1"/>
      <c r="AF1513" s="23" t="s">
        <v>5331</v>
      </c>
      <c r="AG1513" s="26"/>
      <c r="AH1513" s="53"/>
    </row>
    <row r="1514" spans="1:34" ht="51.6" customHeight="1" x14ac:dyDescent="0.45">
      <c r="A1514" s="23">
        <v>1508</v>
      </c>
      <c r="B1514" s="25"/>
      <c r="C1514" s="25"/>
      <c r="D1514" s="29"/>
      <c r="E1514" s="1"/>
      <c r="F1514" s="1"/>
      <c r="G1514" s="25"/>
      <c r="H1514" s="71"/>
      <c r="I1514" s="83"/>
      <c r="J1514" s="50" t="str">
        <f t="shared" si="48"/>
        <v/>
      </c>
      <c r="K1514" s="23" t="s">
        <v>7120</v>
      </c>
      <c r="L1514" s="49" t="e">
        <f>VLOOKUP(E1514&amp;F1514,団体コード!$A$1:$C$1743,3,FALSE)</f>
        <v>#N/A</v>
      </c>
      <c r="M1514" s="49" t="e">
        <f>VLOOKUP(E1514&amp;F1514,団体コード!$A$1:$C$1743,2,FALSE)</f>
        <v>#N/A</v>
      </c>
      <c r="N1514" s="51" t="e">
        <f>VLOOKUP(E1514,団体コード!$E$1:$F$48,2,FALSE)</f>
        <v>#N/A</v>
      </c>
      <c r="O1514" s="51" t="e">
        <f t="shared" si="49"/>
        <v>#N/A</v>
      </c>
      <c r="P1514" s="51">
        <v>1</v>
      </c>
      <c r="Q1514" s="51" t="s">
        <v>5341</v>
      </c>
      <c r="R1514" s="54" t="b">
        <v>1</v>
      </c>
      <c r="S1514" s="52" t="s">
        <v>7126</v>
      </c>
      <c r="T1514" s="67" t="s">
        <v>7127</v>
      </c>
      <c r="U1514" s="75" t="s">
        <v>5331</v>
      </c>
      <c r="V1514" s="47" t="s">
        <v>5331</v>
      </c>
      <c r="W1514" s="47" t="s">
        <v>5331</v>
      </c>
      <c r="X1514" s="47" t="s">
        <v>5331</v>
      </c>
      <c r="Y1514" s="47" t="s">
        <v>5331</v>
      </c>
      <c r="Z1514" s="28"/>
      <c r="AA1514" s="27"/>
      <c r="AB1514" s="27"/>
      <c r="AC1514" s="27"/>
      <c r="AD1514" s="30"/>
      <c r="AE1514" s="1"/>
      <c r="AF1514" s="23" t="s">
        <v>5331</v>
      </c>
      <c r="AG1514" s="26"/>
      <c r="AH1514" s="53"/>
    </row>
    <row r="1515" spans="1:34" ht="51.6" customHeight="1" x14ac:dyDescent="0.45">
      <c r="A1515" s="23">
        <v>1509</v>
      </c>
      <c r="B1515" s="25"/>
      <c r="C1515" s="25"/>
      <c r="D1515" s="29"/>
      <c r="E1515" s="1"/>
      <c r="F1515" s="1"/>
      <c r="G1515" s="25"/>
      <c r="H1515" s="71"/>
      <c r="I1515" s="83"/>
      <c r="J1515" s="50" t="str">
        <f t="shared" si="48"/>
        <v/>
      </c>
      <c r="K1515" s="23" t="s">
        <v>7120</v>
      </c>
      <c r="L1515" s="49" t="e">
        <f>VLOOKUP(E1515&amp;F1515,団体コード!$A$1:$C$1743,3,FALSE)</f>
        <v>#N/A</v>
      </c>
      <c r="M1515" s="49" t="e">
        <f>VLOOKUP(E1515&amp;F1515,団体コード!$A$1:$C$1743,2,FALSE)</f>
        <v>#N/A</v>
      </c>
      <c r="N1515" s="51" t="e">
        <f>VLOOKUP(E1515,団体コード!$E$1:$F$48,2,FALSE)</f>
        <v>#N/A</v>
      </c>
      <c r="O1515" s="51" t="e">
        <f t="shared" si="49"/>
        <v>#N/A</v>
      </c>
      <c r="P1515" s="51">
        <v>1</v>
      </c>
      <c r="Q1515" s="51" t="s">
        <v>5341</v>
      </c>
      <c r="R1515" s="54" t="b">
        <v>1</v>
      </c>
      <c r="S1515" s="52" t="s">
        <v>7126</v>
      </c>
      <c r="T1515" s="67" t="s">
        <v>7127</v>
      </c>
      <c r="U1515" s="75" t="s">
        <v>5331</v>
      </c>
      <c r="V1515" s="47" t="s">
        <v>5331</v>
      </c>
      <c r="W1515" s="47" t="s">
        <v>5331</v>
      </c>
      <c r="X1515" s="47" t="s">
        <v>5331</v>
      </c>
      <c r="Y1515" s="47" t="s">
        <v>5331</v>
      </c>
      <c r="Z1515" s="28"/>
      <c r="AA1515" s="27"/>
      <c r="AB1515" s="27"/>
      <c r="AC1515" s="27"/>
      <c r="AD1515" s="30"/>
      <c r="AE1515" s="1"/>
      <c r="AF1515" s="23" t="s">
        <v>5331</v>
      </c>
      <c r="AG1515" s="26"/>
      <c r="AH1515" s="53"/>
    </row>
    <row r="1516" spans="1:34" ht="51.6" customHeight="1" x14ac:dyDescent="0.45">
      <c r="A1516" s="23">
        <v>1510</v>
      </c>
      <c r="B1516" s="25"/>
      <c r="C1516" s="25"/>
      <c r="D1516" s="29"/>
      <c r="E1516" s="1"/>
      <c r="F1516" s="1"/>
      <c r="G1516" s="25"/>
      <c r="H1516" s="71"/>
      <c r="I1516" s="83"/>
      <c r="J1516" s="50" t="str">
        <f t="shared" si="48"/>
        <v/>
      </c>
      <c r="K1516" s="23" t="s">
        <v>7120</v>
      </c>
      <c r="L1516" s="49" t="e">
        <f>VLOOKUP(E1516&amp;F1516,団体コード!$A$1:$C$1743,3,FALSE)</f>
        <v>#N/A</v>
      </c>
      <c r="M1516" s="49" t="e">
        <f>VLOOKUP(E1516&amp;F1516,団体コード!$A$1:$C$1743,2,FALSE)</f>
        <v>#N/A</v>
      </c>
      <c r="N1516" s="51" t="e">
        <f>VLOOKUP(E1516,団体コード!$E$1:$F$48,2,FALSE)</f>
        <v>#N/A</v>
      </c>
      <c r="O1516" s="51" t="e">
        <f t="shared" si="49"/>
        <v>#N/A</v>
      </c>
      <c r="P1516" s="51">
        <v>1</v>
      </c>
      <c r="Q1516" s="51" t="s">
        <v>5341</v>
      </c>
      <c r="R1516" s="54" t="b">
        <v>1</v>
      </c>
      <c r="S1516" s="52" t="s">
        <v>7126</v>
      </c>
      <c r="T1516" s="67" t="s">
        <v>7127</v>
      </c>
      <c r="U1516" s="75" t="s">
        <v>5331</v>
      </c>
      <c r="V1516" s="47" t="s">
        <v>5331</v>
      </c>
      <c r="W1516" s="47" t="s">
        <v>5331</v>
      </c>
      <c r="X1516" s="47" t="s">
        <v>5331</v>
      </c>
      <c r="Y1516" s="47" t="s">
        <v>5331</v>
      </c>
      <c r="Z1516" s="28"/>
      <c r="AA1516" s="27"/>
      <c r="AB1516" s="27"/>
      <c r="AC1516" s="27"/>
      <c r="AD1516" s="30"/>
      <c r="AE1516" s="1"/>
      <c r="AF1516" s="23" t="s">
        <v>5331</v>
      </c>
      <c r="AG1516" s="26"/>
      <c r="AH1516" s="53"/>
    </row>
    <row r="1517" spans="1:34" ht="51.6" customHeight="1" x14ac:dyDescent="0.45">
      <c r="A1517" s="23">
        <v>1511</v>
      </c>
      <c r="B1517" s="25"/>
      <c r="C1517" s="25"/>
      <c r="D1517" s="29"/>
      <c r="E1517" s="1"/>
      <c r="F1517" s="1"/>
      <c r="G1517" s="25"/>
      <c r="H1517" s="71"/>
      <c r="I1517" s="83"/>
      <c r="J1517" s="50" t="str">
        <f t="shared" si="48"/>
        <v/>
      </c>
      <c r="K1517" s="23" t="s">
        <v>7120</v>
      </c>
      <c r="L1517" s="49" t="e">
        <f>VLOOKUP(E1517&amp;F1517,団体コード!$A$1:$C$1743,3,FALSE)</f>
        <v>#N/A</v>
      </c>
      <c r="M1517" s="49" t="e">
        <f>VLOOKUP(E1517&amp;F1517,団体コード!$A$1:$C$1743,2,FALSE)</f>
        <v>#N/A</v>
      </c>
      <c r="N1517" s="51" t="e">
        <f>VLOOKUP(E1517,団体コード!$E$1:$F$48,2,FALSE)</f>
        <v>#N/A</v>
      </c>
      <c r="O1517" s="51" t="e">
        <f t="shared" si="49"/>
        <v>#N/A</v>
      </c>
      <c r="P1517" s="51">
        <v>1</v>
      </c>
      <c r="Q1517" s="51" t="s">
        <v>5341</v>
      </c>
      <c r="R1517" s="54" t="b">
        <v>1</v>
      </c>
      <c r="S1517" s="52" t="s">
        <v>7126</v>
      </c>
      <c r="T1517" s="67" t="s">
        <v>7127</v>
      </c>
      <c r="U1517" s="75" t="s">
        <v>5331</v>
      </c>
      <c r="V1517" s="47" t="s">
        <v>5331</v>
      </c>
      <c r="W1517" s="47" t="s">
        <v>5331</v>
      </c>
      <c r="X1517" s="47" t="s">
        <v>5331</v>
      </c>
      <c r="Y1517" s="47" t="s">
        <v>5331</v>
      </c>
      <c r="Z1517" s="28"/>
      <c r="AA1517" s="27"/>
      <c r="AB1517" s="27"/>
      <c r="AC1517" s="27"/>
      <c r="AD1517" s="30"/>
      <c r="AE1517" s="1"/>
      <c r="AF1517" s="23" t="s">
        <v>5331</v>
      </c>
      <c r="AG1517" s="26"/>
      <c r="AH1517" s="53"/>
    </row>
    <row r="1518" spans="1:34" ht="51.6" customHeight="1" x14ac:dyDescent="0.45">
      <c r="A1518" s="23">
        <v>1512</v>
      </c>
      <c r="B1518" s="25"/>
      <c r="C1518" s="25"/>
      <c r="D1518" s="29"/>
      <c r="E1518" s="1"/>
      <c r="F1518" s="1"/>
      <c r="G1518" s="25"/>
      <c r="H1518" s="71"/>
      <c r="I1518" s="83"/>
      <c r="J1518" s="50" t="str">
        <f t="shared" si="48"/>
        <v/>
      </c>
      <c r="K1518" s="23" t="s">
        <v>7120</v>
      </c>
      <c r="L1518" s="49" t="e">
        <f>VLOOKUP(E1518&amp;F1518,団体コード!$A$1:$C$1743,3,FALSE)</f>
        <v>#N/A</v>
      </c>
      <c r="M1518" s="49" t="e">
        <f>VLOOKUP(E1518&amp;F1518,団体コード!$A$1:$C$1743,2,FALSE)</f>
        <v>#N/A</v>
      </c>
      <c r="N1518" s="51" t="e">
        <f>VLOOKUP(E1518,団体コード!$E$1:$F$48,2,FALSE)</f>
        <v>#N/A</v>
      </c>
      <c r="O1518" s="51" t="e">
        <f t="shared" si="49"/>
        <v>#N/A</v>
      </c>
      <c r="P1518" s="51">
        <v>1</v>
      </c>
      <c r="Q1518" s="51" t="s">
        <v>5341</v>
      </c>
      <c r="R1518" s="54" t="b">
        <v>1</v>
      </c>
      <c r="S1518" s="52" t="s">
        <v>7126</v>
      </c>
      <c r="T1518" s="67" t="s">
        <v>7127</v>
      </c>
      <c r="U1518" s="75" t="s">
        <v>5331</v>
      </c>
      <c r="V1518" s="47" t="s">
        <v>5331</v>
      </c>
      <c r="W1518" s="47" t="s">
        <v>5331</v>
      </c>
      <c r="X1518" s="47" t="s">
        <v>5331</v>
      </c>
      <c r="Y1518" s="47" t="s">
        <v>5331</v>
      </c>
      <c r="Z1518" s="28"/>
      <c r="AA1518" s="27"/>
      <c r="AB1518" s="27"/>
      <c r="AC1518" s="27"/>
      <c r="AD1518" s="30"/>
      <c r="AE1518" s="1"/>
      <c r="AF1518" s="23" t="s">
        <v>5331</v>
      </c>
      <c r="AG1518" s="26"/>
      <c r="AH1518" s="53"/>
    </row>
    <row r="1519" spans="1:34" ht="51.6" customHeight="1" x14ac:dyDescent="0.45">
      <c r="A1519" s="23">
        <v>1513</v>
      </c>
      <c r="B1519" s="25"/>
      <c r="C1519" s="25"/>
      <c r="D1519" s="29"/>
      <c r="E1519" s="1"/>
      <c r="F1519" s="1"/>
      <c r="G1519" s="25"/>
      <c r="H1519" s="71"/>
      <c r="I1519" s="83"/>
      <c r="J1519" s="50" t="str">
        <f t="shared" si="48"/>
        <v/>
      </c>
      <c r="K1519" s="23" t="s">
        <v>7120</v>
      </c>
      <c r="L1519" s="49" t="e">
        <f>VLOOKUP(E1519&amp;F1519,団体コード!$A$1:$C$1743,3,FALSE)</f>
        <v>#N/A</v>
      </c>
      <c r="M1519" s="49" t="e">
        <f>VLOOKUP(E1519&amp;F1519,団体コード!$A$1:$C$1743,2,FALSE)</f>
        <v>#N/A</v>
      </c>
      <c r="N1519" s="51" t="e">
        <f>VLOOKUP(E1519,団体コード!$E$1:$F$48,2,FALSE)</f>
        <v>#N/A</v>
      </c>
      <c r="O1519" s="51" t="e">
        <f t="shared" si="49"/>
        <v>#N/A</v>
      </c>
      <c r="P1519" s="51">
        <v>1</v>
      </c>
      <c r="Q1519" s="51" t="s">
        <v>5341</v>
      </c>
      <c r="R1519" s="54" t="b">
        <v>1</v>
      </c>
      <c r="S1519" s="52" t="s">
        <v>7126</v>
      </c>
      <c r="T1519" s="67" t="s">
        <v>7127</v>
      </c>
      <c r="U1519" s="75" t="s">
        <v>5331</v>
      </c>
      <c r="V1519" s="47" t="s">
        <v>5331</v>
      </c>
      <c r="W1519" s="47" t="s">
        <v>5331</v>
      </c>
      <c r="X1519" s="47" t="s">
        <v>5331</v>
      </c>
      <c r="Y1519" s="47" t="s">
        <v>5331</v>
      </c>
      <c r="Z1519" s="28"/>
      <c r="AA1519" s="27"/>
      <c r="AB1519" s="27"/>
      <c r="AC1519" s="27"/>
      <c r="AD1519" s="30"/>
      <c r="AE1519" s="1"/>
      <c r="AF1519" s="23" t="s">
        <v>5331</v>
      </c>
      <c r="AG1519" s="26"/>
      <c r="AH1519" s="53"/>
    </row>
    <row r="1520" spans="1:34" ht="51.6" customHeight="1" x14ac:dyDescent="0.45">
      <c r="A1520" s="23">
        <v>1514</v>
      </c>
      <c r="B1520" s="25"/>
      <c r="C1520" s="25"/>
      <c r="D1520" s="29"/>
      <c r="E1520" s="1"/>
      <c r="F1520" s="1"/>
      <c r="G1520" s="25"/>
      <c r="H1520" s="71"/>
      <c r="I1520" s="83"/>
      <c r="J1520" s="50" t="str">
        <f t="shared" si="48"/>
        <v/>
      </c>
      <c r="K1520" s="23" t="s">
        <v>7120</v>
      </c>
      <c r="L1520" s="49" t="e">
        <f>VLOOKUP(E1520&amp;F1520,団体コード!$A$1:$C$1743,3,FALSE)</f>
        <v>#N/A</v>
      </c>
      <c r="M1520" s="49" t="e">
        <f>VLOOKUP(E1520&amp;F1520,団体コード!$A$1:$C$1743,2,FALSE)</f>
        <v>#N/A</v>
      </c>
      <c r="N1520" s="51" t="e">
        <f>VLOOKUP(E1520,団体コード!$E$1:$F$48,2,FALSE)</f>
        <v>#N/A</v>
      </c>
      <c r="O1520" s="51" t="e">
        <f t="shared" si="49"/>
        <v>#N/A</v>
      </c>
      <c r="P1520" s="51">
        <v>1</v>
      </c>
      <c r="Q1520" s="51" t="s">
        <v>5341</v>
      </c>
      <c r="R1520" s="54" t="b">
        <v>1</v>
      </c>
      <c r="S1520" s="52" t="s">
        <v>7126</v>
      </c>
      <c r="T1520" s="67" t="s">
        <v>7127</v>
      </c>
      <c r="U1520" s="75" t="s">
        <v>5331</v>
      </c>
      <c r="V1520" s="47" t="s">
        <v>5331</v>
      </c>
      <c r="W1520" s="47" t="s">
        <v>5331</v>
      </c>
      <c r="X1520" s="47" t="s">
        <v>5331</v>
      </c>
      <c r="Y1520" s="47" t="s">
        <v>5331</v>
      </c>
      <c r="Z1520" s="28"/>
      <c r="AA1520" s="27"/>
      <c r="AB1520" s="27"/>
      <c r="AC1520" s="27"/>
      <c r="AD1520" s="30"/>
      <c r="AE1520" s="1"/>
      <c r="AF1520" s="23" t="s">
        <v>5331</v>
      </c>
      <c r="AG1520" s="26"/>
      <c r="AH1520" s="53"/>
    </row>
    <row r="1521" spans="1:34" ht="51.6" customHeight="1" x14ac:dyDescent="0.45">
      <c r="A1521" s="23">
        <v>1515</v>
      </c>
      <c r="B1521" s="25"/>
      <c r="C1521" s="25"/>
      <c r="D1521" s="29"/>
      <c r="E1521" s="1"/>
      <c r="F1521" s="1"/>
      <c r="G1521" s="25"/>
      <c r="H1521" s="71"/>
      <c r="I1521" s="83"/>
      <c r="J1521" s="50" t="str">
        <f t="shared" si="48"/>
        <v/>
      </c>
      <c r="K1521" s="23" t="s">
        <v>7120</v>
      </c>
      <c r="L1521" s="49" t="e">
        <f>VLOOKUP(E1521&amp;F1521,団体コード!$A$1:$C$1743,3,FALSE)</f>
        <v>#N/A</v>
      </c>
      <c r="M1521" s="49" t="e">
        <f>VLOOKUP(E1521&amp;F1521,団体コード!$A$1:$C$1743,2,FALSE)</f>
        <v>#N/A</v>
      </c>
      <c r="N1521" s="51" t="e">
        <f>VLOOKUP(E1521,団体コード!$E$1:$F$48,2,FALSE)</f>
        <v>#N/A</v>
      </c>
      <c r="O1521" s="51" t="e">
        <f t="shared" si="49"/>
        <v>#N/A</v>
      </c>
      <c r="P1521" s="51">
        <v>1</v>
      </c>
      <c r="Q1521" s="51" t="s">
        <v>5341</v>
      </c>
      <c r="R1521" s="54" t="b">
        <v>1</v>
      </c>
      <c r="S1521" s="52" t="s">
        <v>7126</v>
      </c>
      <c r="T1521" s="67" t="s">
        <v>7127</v>
      </c>
      <c r="U1521" s="75" t="s">
        <v>5331</v>
      </c>
      <c r="V1521" s="47" t="s">
        <v>5331</v>
      </c>
      <c r="W1521" s="47" t="s">
        <v>5331</v>
      </c>
      <c r="X1521" s="47" t="s">
        <v>5331</v>
      </c>
      <c r="Y1521" s="47" t="s">
        <v>5331</v>
      </c>
      <c r="Z1521" s="28"/>
      <c r="AA1521" s="27"/>
      <c r="AB1521" s="27"/>
      <c r="AC1521" s="27"/>
      <c r="AD1521" s="30"/>
      <c r="AE1521" s="1"/>
      <c r="AF1521" s="23" t="s">
        <v>5331</v>
      </c>
      <c r="AG1521" s="26"/>
      <c r="AH1521" s="53"/>
    </row>
    <row r="1522" spans="1:34" ht="51.6" customHeight="1" x14ac:dyDescent="0.45">
      <c r="A1522" s="23">
        <v>1516</v>
      </c>
      <c r="B1522" s="25"/>
      <c r="C1522" s="25"/>
      <c r="D1522" s="29"/>
      <c r="E1522" s="1"/>
      <c r="F1522" s="1"/>
      <c r="G1522" s="25"/>
      <c r="H1522" s="71"/>
      <c r="I1522" s="83"/>
      <c r="J1522" s="50" t="str">
        <f t="shared" si="48"/>
        <v/>
      </c>
      <c r="K1522" s="23" t="s">
        <v>7120</v>
      </c>
      <c r="L1522" s="49" t="e">
        <f>VLOOKUP(E1522&amp;F1522,団体コード!$A$1:$C$1743,3,FALSE)</f>
        <v>#N/A</v>
      </c>
      <c r="M1522" s="49" t="e">
        <f>VLOOKUP(E1522&amp;F1522,団体コード!$A$1:$C$1743,2,FALSE)</f>
        <v>#N/A</v>
      </c>
      <c r="N1522" s="51" t="e">
        <f>VLOOKUP(E1522,団体コード!$E$1:$F$48,2,FALSE)</f>
        <v>#N/A</v>
      </c>
      <c r="O1522" s="51" t="e">
        <f t="shared" si="49"/>
        <v>#N/A</v>
      </c>
      <c r="P1522" s="51">
        <v>1</v>
      </c>
      <c r="Q1522" s="51" t="s">
        <v>5341</v>
      </c>
      <c r="R1522" s="54" t="b">
        <v>1</v>
      </c>
      <c r="S1522" s="52" t="s">
        <v>7126</v>
      </c>
      <c r="T1522" s="67" t="s">
        <v>7127</v>
      </c>
      <c r="U1522" s="75" t="s">
        <v>5331</v>
      </c>
      <c r="V1522" s="47" t="s">
        <v>5331</v>
      </c>
      <c r="W1522" s="47" t="s">
        <v>5331</v>
      </c>
      <c r="X1522" s="47" t="s">
        <v>5331</v>
      </c>
      <c r="Y1522" s="47" t="s">
        <v>5331</v>
      </c>
      <c r="Z1522" s="28"/>
      <c r="AA1522" s="27"/>
      <c r="AB1522" s="27"/>
      <c r="AC1522" s="27"/>
      <c r="AD1522" s="30"/>
      <c r="AE1522" s="1"/>
      <c r="AF1522" s="23" t="s">
        <v>5331</v>
      </c>
      <c r="AG1522" s="26"/>
      <c r="AH1522" s="53"/>
    </row>
    <row r="1523" spans="1:34" ht="51.6" customHeight="1" x14ac:dyDescent="0.45">
      <c r="A1523" s="23">
        <v>1517</v>
      </c>
      <c r="B1523" s="25"/>
      <c r="C1523" s="25"/>
      <c r="D1523" s="29"/>
      <c r="E1523" s="1"/>
      <c r="F1523" s="1"/>
      <c r="G1523" s="25"/>
      <c r="H1523" s="71"/>
      <c r="I1523" s="83"/>
      <c r="J1523" s="50" t="str">
        <f t="shared" si="48"/>
        <v/>
      </c>
      <c r="K1523" s="23" t="s">
        <v>7120</v>
      </c>
      <c r="L1523" s="49" t="e">
        <f>VLOOKUP(E1523&amp;F1523,団体コード!$A$1:$C$1743,3,FALSE)</f>
        <v>#N/A</v>
      </c>
      <c r="M1523" s="49" t="e">
        <f>VLOOKUP(E1523&amp;F1523,団体コード!$A$1:$C$1743,2,FALSE)</f>
        <v>#N/A</v>
      </c>
      <c r="N1523" s="51" t="e">
        <f>VLOOKUP(E1523,団体コード!$E$1:$F$48,2,FALSE)</f>
        <v>#N/A</v>
      </c>
      <c r="O1523" s="51" t="e">
        <f t="shared" si="49"/>
        <v>#N/A</v>
      </c>
      <c r="P1523" s="51">
        <v>1</v>
      </c>
      <c r="Q1523" s="51" t="s">
        <v>5341</v>
      </c>
      <c r="R1523" s="54" t="b">
        <v>1</v>
      </c>
      <c r="S1523" s="52" t="s">
        <v>7126</v>
      </c>
      <c r="T1523" s="67" t="s">
        <v>7127</v>
      </c>
      <c r="U1523" s="75" t="s">
        <v>5331</v>
      </c>
      <c r="V1523" s="47" t="s">
        <v>5331</v>
      </c>
      <c r="W1523" s="47" t="s">
        <v>5331</v>
      </c>
      <c r="X1523" s="47" t="s">
        <v>5331</v>
      </c>
      <c r="Y1523" s="47" t="s">
        <v>5331</v>
      </c>
      <c r="Z1523" s="28"/>
      <c r="AA1523" s="27"/>
      <c r="AB1523" s="27"/>
      <c r="AC1523" s="27"/>
      <c r="AD1523" s="30"/>
      <c r="AE1523" s="1"/>
      <c r="AF1523" s="23" t="s">
        <v>5331</v>
      </c>
      <c r="AG1523" s="26"/>
      <c r="AH1523" s="53"/>
    </row>
    <row r="1524" spans="1:34" ht="51.6" customHeight="1" x14ac:dyDescent="0.45">
      <c r="A1524" s="23">
        <v>1518</v>
      </c>
      <c r="B1524" s="25"/>
      <c r="C1524" s="25"/>
      <c r="D1524" s="29"/>
      <c r="E1524" s="1"/>
      <c r="F1524" s="1"/>
      <c r="G1524" s="25"/>
      <c r="H1524" s="71"/>
      <c r="I1524" s="83"/>
      <c r="J1524" s="50" t="str">
        <f t="shared" si="48"/>
        <v/>
      </c>
      <c r="K1524" s="23" t="s">
        <v>7120</v>
      </c>
      <c r="L1524" s="49" t="e">
        <f>VLOOKUP(E1524&amp;F1524,団体コード!$A$1:$C$1743,3,FALSE)</f>
        <v>#N/A</v>
      </c>
      <c r="M1524" s="49" t="e">
        <f>VLOOKUP(E1524&amp;F1524,団体コード!$A$1:$C$1743,2,FALSE)</f>
        <v>#N/A</v>
      </c>
      <c r="N1524" s="51" t="e">
        <f>VLOOKUP(E1524,団体コード!$E$1:$F$48,2,FALSE)</f>
        <v>#N/A</v>
      </c>
      <c r="O1524" s="51" t="e">
        <f t="shared" si="49"/>
        <v>#N/A</v>
      </c>
      <c r="P1524" s="51">
        <v>1</v>
      </c>
      <c r="Q1524" s="51" t="s">
        <v>5341</v>
      </c>
      <c r="R1524" s="54" t="b">
        <v>1</v>
      </c>
      <c r="S1524" s="52" t="s">
        <v>7126</v>
      </c>
      <c r="T1524" s="67" t="s">
        <v>7127</v>
      </c>
      <c r="U1524" s="75" t="s">
        <v>5331</v>
      </c>
      <c r="V1524" s="47" t="s">
        <v>5331</v>
      </c>
      <c r="W1524" s="47" t="s">
        <v>5331</v>
      </c>
      <c r="X1524" s="47" t="s">
        <v>5331</v>
      </c>
      <c r="Y1524" s="47" t="s">
        <v>5331</v>
      </c>
      <c r="Z1524" s="28"/>
      <c r="AA1524" s="27"/>
      <c r="AB1524" s="27"/>
      <c r="AC1524" s="27"/>
      <c r="AD1524" s="30"/>
      <c r="AE1524" s="1"/>
      <c r="AF1524" s="23" t="s">
        <v>5331</v>
      </c>
      <c r="AG1524" s="26"/>
      <c r="AH1524" s="53"/>
    </row>
    <row r="1525" spans="1:34" ht="51.6" customHeight="1" x14ac:dyDescent="0.45">
      <c r="A1525" s="23">
        <v>1519</v>
      </c>
      <c r="B1525" s="25"/>
      <c r="C1525" s="25"/>
      <c r="D1525" s="29"/>
      <c r="E1525" s="1"/>
      <c r="F1525" s="1"/>
      <c r="G1525" s="25"/>
      <c r="H1525" s="71"/>
      <c r="I1525" s="83"/>
      <c r="J1525" s="50" t="str">
        <f t="shared" si="48"/>
        <v/>
      </c>
      <c r="K1525" s="23" t="s">
        <v>7120</v>
      </c>
      <c r="L1525" s="49" t="e">
        <f>VLOOKUP(E1525&amp;F1525,団体コード!$A$1:$C$1743,3,FALSE)</f>
        <v>#N/A</v>
      </c>
      <c r="M1525" s="49" t="e">
        <f>VLOOKUP(E1525&amp;F1525,団体コード!$A$1:$C$1743,2,FALSE)</f>
        <v>#N/A</v>
      </c>
      <c r="N1525" s="51" t="e">
        <f>VLOOKUP(E1525,団体コード!$E$1:$F$48,2,FALSE)</f>
        <v>#N/A</v>
      </c>
      <c r="O1525" s="51" t="e">
        <f t="shared" si="49"/>
        <v>#N/A</v>
      </c>
      <c r="P1525" s="51">
        <v>1</v>
      </c>
      <c r="Q1525" s="51" t="s">
        <v>5341</v>
      </c>
      <c r="R1525" s="54" t="b">
        <v>1</v>
      </c>
      <c r="S1525" s="52" t="s">
        <v>7126</v>
      </c>
      <c r="T1525" s="67" t="s">
        <v>7127</v>
      </c>
      <c r="U1525" s="75" t="s">
        <v>5331</v>
      </c>
      <c r="V1525" s="47" t="s">
        <v>5331</v>
      </c>
      <c r="W1525" s="47" t="s">
        <v>5331</v>
      </c>
      <c r="X1525" s="47" t="s">
        <v>5331</v>
      </c>
      <c r="Y1525" s="47" t="s">
        <v>5331</v>
      </c>
      <c r="Z1525" s="28"/>
      <c r="AA1525" s="27"/>
      <c r="AB1525" s="27"/>
      <c r="AC1525" s="27"/>
      <c r="AD1525" s="30"/>
      <c r="AE1525" s="1"/>
      <c r="AF1525" s="23" t="s">
        <v>5331</v>
      </c>
      <c r="AG1525" s="26"/>
      <c r="AH1525" s="53"/>
    </row>
    <row r="1526" spans="1:34" ht="51.6" customHeight="1" x14ac:dyDescent="0.45">
      <c r="A1526" s="23">
        <v>1520</v>
      </c>
      <c r="B1526" s="25"/>
      <c r="C1526" s="25"/>
      <c r="D1526" s="29"/>
      <c r="E1526" s="1"/>
      <c r="F1526" s="1"/>
      <c r="G1526" s="25"/>
      <c r="H1526" s="71"/>
      <c r="I1526" s="83"/>
      <c r="J1526" s="50" t="str">
        <f t="shared" si="48"/>
        <v/>
      </c>
      <c r="K1526" s="23" t="s">
        <v>7120</v>
      </c>
      <c r="L1526" s="49" t="e">
        <f>VLOOKUP(E1526&amp;F1526,団体コード!$A$1:$C$1743,3,FALSE)</f>
        <v>#N/A</v>
      </c>
      <c r="M1526" s="49" t="e">
        <f>VLOOKUP(E1526&amp;F1526,団体コード!$A$1:$C$1743,2,FALSE)</f>
        <v>#N/A</v>
      </c>
      <c r="N1526" s="51" t="e">
        <f>VLOOKUP(E1526,団体コード!$E$1:$F$48,2,FALSE)</f>
        <v>#N/A</v>
      </c>
      <c r="O1526" s="51" t="e">
        <f t="shared" si="49"/>
        <v>#N/A</v>
      </c>
      <c r="P1526" s="51">
        <v>1</v>
      </c>
      <c r="Q1526" s="51" t="s">
        <v>5341</v>
      </c>
      <c r="R1526" s="54" t="b">
        <v>1</v>
      </c>
      <c r="S1526" s="52" t="s">
        <v>7126</v>
      </c>
      <c r="T1526" s="67" t="s">
        <v>7127</v>
      </c>
      <c r="U1526" s="75" t="s">
        <v>5331</v>
      </c>
      <c r="V1526" s="47" t="s">
        <v>5331</v>
      </c>
      <c r="W1526" s="47" t="s">
        <v>5331</v>
      </c>
      <c r="X1526" s="47" t="s">
        <v>5331</v>
      </c>
      <c r="Y1526" s="47" t="s">
        <v>5331</v>
      </c>
      <c r="Z1526" s="28"/>
      <c r="AA1526" s="27"/>
      <c r="AB1526" s="27"/>
      <c r="AC1526" s="27"/>
      <c r="AD1526" s="30"/>
      <c r="AE1526" s="1"/>
      <c r="AF1526" s="23" t="s">
        <v>5331</v>
      </c>
      <c r="AG1526" s="26"/>
      <c r="AH1526" s="53"/>
    </row>
    <row r="1527" spans="1:34" ht="51.6" customHeight="1" x14ac:dyDescent="0.45">
      <c r="A1527" s="23">
        <v>1521</v>
      </c>
      <c r="B1527" s="25"/>
      <c r="C1527" s="25"/>
      <c r="D1527" s="29"/>
      <c r="E1527" s="1"/>
      <c r="F1527" s="1"/>
      <c r="G1527" s="25"/>
      <c r="H1527" s="71"/>
      <c r="I1527" s="83"/>
      <c r="J1527" s="50" t="str">
        <f t="shared" si="48"/>
        <v/>
      </c>
      <c r="K1527" s="23" t="s">
        <v>7120</v>
      </c>
      <c r="L1527" s="49" t="e">
        <f>VLOOKUP(E1527&amp;F1527,団体コード!$A$1:$C$1743,3,FALSE)</f>
        <v>#N/A</v>
      </c>
      <c r="M1527" s="49" t="e">
        <f>VLOOKUP(E1527&amp;F1527,団体コード!$A$1:$C$1743,2,FALSE)</f>
        <v>#N/A</v>
      </c>
      <c r="N1527" s="51" t="e">
        <f>VLOOKUP(E1527,団体コード!$E$1:$F$48,2,FALSE)</f>
        <v>#N/A</v>
      </c>
      <c r="O1527" s="51" t="e">
        <f t="shared" si="49"/>
        <v>#N/A</v>
      </c>
      <c r="P1527" s="51">
        <v>1</v>
      </c>
      <c r="Q1527" s="51" t="s">
        <v>5341</v>
      </c>
      <c r="R1527" s="54" t="b">
        <v>1</v>
      </c>
      <c r="S1527" s="52" t="s">
        <v>7126</v>
      </c>
      <c r="T1527" s="67" t="s">
        <v>7127</v>
      </c>
      <c r="U1527" s="75" t="s">
        <v>5331</v>
      </c>
      <c r="V1527" s="47" t="s">
        <v>5331</v>
      </c>
      <c r="W1527" s="47" t="s">
        <v>5331</v>
      </c>
      <c r="X1527" s="47" t="s">
        <v>5331</v>
      </c>
      <c r="Y1527" s="47" t="s">
        <v>5331</v>
      </c>
      <c r="Z1527" s="28"/>
      <c r="AA1527" s="27"/>
      <c r="AB1527" s="27"/>
      <c r="AC1527" s="27"/>
      <c r="AD1527" s="30"/>
      <c r="AE1527" s="1"/>
      <c r="AF1527" s="23" t="s">
        <v>5331</v>
      </c>
      <c r="AG1527" s="26"/>
      <c r="AH1527" s="53"/>
    </row>
    <row r="1528" spans="1:34" ht="51.6" customHeight="1" x14ac:dyDescent="0.45">
      <c r="A1528" s="23">
        <v>1522</v>
      </c>
      <c r="B1528" s="25"/>
      <c r="C1528" s="25"/>
      <c r="D1528" s="29"/>
      <c r="E1528" s="1"/>
      <c r="F1528" s="1"/>
      <c r="G1528" s="25"/>
      <c r="H1528" s="71"/>
      <c r="I1528" s="83"/>
      <c r="J1528" s="50" t="str">
        <f t="shared" si="48"/>
        <v/>
      </c>
      <c r="K1528" s="23" t="s">
        <v>7120</v>
      </c>
      <c r="L1528" s="49" t="e">
        <f>VLOOKUP(E1528&amp;F1528,団体コード!$A$1:$C$1743,3,FALSE)</f>
        <v>#N/A</v>
      </c>
      <c r="M1528" s="49" t="e">
        <f>VLOOKUP(E1528&amp;F1528,団体コード!$A$1:$C$1743,2,FALSE)</f>
        <v>#N/A</v>
      </c>
      <c r="N1528" s="51" t="e">
        <f>VLOOKUP(E1528,団体コード!$E$1:$F$48,2,FALSE)</f>
        <v>#N/A</v>
      </c>
      <c r="O1528" s="51" t="e">
        <f t="shared" si="49"/>
        <v>#N/A</v>
      </c>
      <c r="P1528" s="51">
        <v>1</v>
      </c>
      <c r="Q1528" s="51" t="s">
        <v>5341</v>
      </c>
      <c r="R1528" s="54" t="b">
        <v>1</v>
      </c>
      <c r="S1528" s="52" t="s">
        <v>7126</v>
      </c>
      <c r="T1528" s="67" t="s">
        <v>7127</v>
      </c>
      <c r="U1528" s="75" t="s">
        <v>5331</v>
      </c>
      <c r="V1528" s="47" t="s">
        <v>5331</v>
      </c>
      <c r="W1528" s="47" t="s">
        <v>5331</v>
      </c>
      <c r="X1528" s="47" t="s">
        <v>5331</v>
      </c>
      <c r="Y1528" s="47" t="s">
        <v>5331</v>
      </c>
      <c r="Z1528" s="28"/>
      <c r="AA1528" s="27"/>
      <c r="AB1528" s="27"/>
      <c r="AC1528" s="27"/>
      <c r="AD1528" s="30"/>
      <c r="AE1528" s="1"/>
      <c r="AF1528" s="23" t="s">
        <v>5331</v>
      </c>
      <c r="AG1528" s="26"/>
      <c r="AH1528" s="53"/>
    </row>
    <row r="1529" spans="1:34" ht="51.6" customHeight="1" x14ac:dyDescent="0.45">
      <c r="A1529" s="23">
        <v>1523</v>
      </c>
      <c r="B1529" s="25"/>
      <c r="C1529" s="25"/>
      <c r="D1529" s="29"/>
      <c r="E1529" s="1"/>
      <c r="F1529" s="1"/>
      <c r="G1529" s="25"/>
      <c r="H1529" s="71"/>
      <c r="I1529" s="83"/>
      <c r="J1529" s="50" t="str">
        <f t="shared" si="48"/>
        <v/>
      </c>
      <c r="K1529" s="23" t="s">
        <v>7120</v>
      </c>
      <c r="L1529" s="49" t="e">
        <f>VLOOKUP(E1529&amp;F1529,団体コード!$A$1:$C$1743,3,FALSE)</f>
        <v>#N/A</v>
      </c>
      <c r="M1529" s="49" t="e">
        <f>VLOOKUP(E1529&amp;F1529,団体コード!$A$1:$C$1743,2,FALSE)</f>
        <v>#N/A</v>
      </c>
      <c r="N1529" s="51" t="e">
        <f>VLOOKUP(E1529,団体コード!$E$1:$F$48,2,FALSE)</f>
        <v>#N/A</v>
      </c>
      <c r="O1529" s="51" t="e">
        <f t="shared" si="49"/>
        <v>#N/A</v>
      </c>
      <c r="P1529" s="51">
        <v>1</v>
      </c>
      <c r="Q1529" s="51" t="s">
        <v>5341</v>
      </c>
      <c r="R1529" s="54" t="b">
        <v>1</v>
      </c>
      <c r="S1529" s="52" t="s">
        <v>7126</v>
      </c>
      <c r="T1529" s="67" t="s">
        <v>7127</v>
      </c>
      <c r="U1529" s="75" t="s">
        <v>5331</v>
      </c>
      <c r="V1529" s="47" t="s">
        <v>5331</v>
      </c>
      <c r="W1529" s="47" t="s">
        <v>5331</v>
      </c>
      <c r="X1529" s="47" t="s">
        <v>5331</v>
      </c>
      <c r="Y1529" s="47" t="s">
        <v>5331</v>
      </c>
      <c r="Z1529" s="28"/>
      <c r="AA1529" s="27"/>
      <c r="AB1529" s="27"/>
      <c r="AC1529" s="27"/>
      <c r="AD1529" s="30"/>
      <c r="AE1529" s="1"/>
      <c r="AF1529" s="23" t="s">
        <v>5331</v>
      </c>
      <c r="AG1529" s="26"/>
      <c r="AH1529" s="53"/>
    </row>
    <row r="1530" spans="1:34" ht="51.6" customHeight="1" x14ac:dyDescent="0.45">
      <c r="A1530" s="23">
        <v>1524</v>
      </c>
      <c r="B1530" s="25"/>
      <c r="C1530" s="25"/>
      <c r="D1530" s="29"/>
      <c r="E1530" s="1"/>
      <c r="F1530" s="1"/>
      <c r="G1530" s="25"/>
      <c r="H1530" s="71"/>
      <c r="I1530" s="83"/>
      <c r="J1530" s="50" t="str">
        <f t="shared" si="48"/>
        <v/>
      </c>
      <c r="K1530" s="23" t="s">
        <v>7120</v>
      </c>
      <c r="L1530" s="49" t="e">
        <f>VLOOKUP(E1530&amp;F1530,団体コード!$A$1:$C$1743,3,FALSE)</f>
        <v>#N/A</v>
      </c>
      <c r="M1530" s="49" t="e">
        <f>VLOOKUP(E1530&amp;F1530,団体コード!$A$1:$C$1743,2,FALSE)</f>
        <v>#N/A</v>
      </c>
      <c r="N1530" s="51" t="e">
        <f>VLOOKUP(E1530,団体コード!$E$1:$F$48,2,FALSE)</f>
        <v>#N/A</v>
      </c>
      <c r="O1530" s="51" t="e">
        <f t="shared" si="49"/>
        <v>#N/A</v>
      </c>
      <c r="P1530" s="51">
        <v>1</v>
      </c>
      <c r="Q1530" s="51" t="s">
        <v>5341</v>
      </c>
      <c r="R1530" s="54" t="b">
        <v>1</v>
      </c>
      <c r="S1530" s="52" t="s">
        <v>7126</v>
      </c>
      <c r="T1530" s="67" t="s">
        <v>7127</v>
      </c>
      <c r="U1530" s="75" t="s">
        <v>5331</v>
      </c>
      <c r="V1530" s="47" t="s">
        <v>5331</v>
      </c>
      <c r="W1530" s="47" t="s">
        <v>5331</v>
      </c>
      <c r="X1530" s="47" t="s">
        <v>5331</v>
      </c>
      <c r="Y1530" s="47" t="s">
        <v>5331</v>
      </c>
      <c r="Z1530" s="28"/>
      <c r="AA1530" s="27"/>
      <c r="AB1530" s="27"/>
      <c r="AC1530" s="27"/>
      <c r="AD1530" s="30"/>
      <c r="AE1530" s="1"/>
      <c r="AF1530" s="23" t="s">
        <v>5331</v>
      </c>
      <c r="AG1530" s="26"/>
      <c r="AH1530" s="53"/>
    </row>
    <row r="1531" spans="1:34" ht="51.6" customHeight="1" x14ac:dyDescent="0.45">
      <c r="A1531" s="23">
        <v>1525</v>
      </c>
      <c r="B1531" s="25"/>
      <c r="C1531" s="25"/>
      <c r="D1531" s="29"/>
      <c r="E1531" s="1"/>
      <c r="F1531" s="1"/>
      <c r="G1531" s="25"/>
      <c r="H1531" s="71"/>
      <c r="I1531" s="83"/>
      <c r="J1531" s="50" t="str">
        <f t="shared" si="48"/>
        <v/>
      </c>
      <c r="K1531" s="23" t="s">
        <v>7120</v>
      </c>
      <c r="L1531" s="49" t="e">
        <f>VLOOKUP(E1531&amp;F1531,団体コード!$A$1:$C$1743,3,FALSE)</f>
        <v>#N/A</v>
      </c>
      <c r="M1531" s="49" t="e">
        <f>VLOOKUP(E1531&amp;F1531,団体コード!$A$1:$C$1743,2,FALSE)</f>
        <v>#N/A</v>
      </c>
      <c r="N1531" s="51" t="e">
        <f>VLOOKUP(E1531,団体コード!$E$1:$F$48,2,FALSE)</f>
        <v>#N/A</v>
      </c>
      <c r="O1531" s="51" t="e">
        <f t="shared" si="49"/>
        <v>#N/A</v>
      </c>
      <c r="P1531" s="51">
        <v>1</v>
      </c>
      <c r="Q1531" s="51" t="s">
        <v>5341</v>
      </c>
      <c r="R1531" s="54" t="b">
        <v>1</v>
      </c>
      <c r="S1531" s="52" t="s">
        <v>7126</v>
      </c>
      <c r="T1531" s="67" t="s">
        <v>7127</v>
      </c>
      <c r="U1531" s="75" t="s">
        <v>5331</v>
      </c>
      <c r="V1531" s="47" t="s">
        <v>5331</v>
      </c>
      <c r="W1531" s="47" t="s">
        <v>5331</v>
      </c>
      <c r="X1531" s="47" t="s">
        <v>5331</v>
      </c>
      <c r="Y1531" s="47" t="s">
        <v>5331</v>
      </c>
      <c r="Z1531" s="28"/>
      <c r="AA1531" s="27"/>
      <c r="AB1531" s="27"/>
      <c r="AC1531" s="27"/>
      <c r="AD1531" s="30"/>
      <c r="AE1531" s="1"/>
      <c r="AF1531" s="23" t="s">
        <v>5331</v>
      </c>
      <c r="AG1531" s="26"/>
      <c r="AH1531" s="53"/>
    </row>
    <row r="1532" spans="1:34" ht="51.6" customHeight="1" x14ac:dyDescent="0.45">
      <c r="A1532" s="23">
        <v>1526</v>
      </c>
      <c r="B1532" s="25"/>
      <c r="C1532" s="25"/>
      <c r="D1532" s="29"/>
      <c r="E1532" s="1"/>
      <c r="F1532" s="1"/>
      <c r="G1532" s="25"/>
      <c r="H1532" s="71"/>
      <c r="I1532" s="83"/>
      <c r="J1532" s="50" t="str">
        <f t="shared" si="48"/>
        <v/>
      </c>
      <c r="K1532" s="23" t="s">
        <v>7120</v>
      </c>
      <c r="L1532" s="49" t="e">
        <f>VLOOKUP(E1532&amp;F1532,団体コード!$A$1:$C$1743,3,FALSE)</f>
        <v>#N/A</v>
      </c>
      <c r="M1532" s="49" t="e">
        <f>VLOOKUP(E1532&amp;F1532,団体コード!$A$1:$C$1743,2,FALSE)</f>
        <v>#N/A</v>
      </c>
      <c r="N1532" s="51" t="e">
        <f>VLOOKUP(E1532,団体コード!$E$1:$F$48,2,FALSE)</f>
        <v>#N/A</v>
      </c>
      <c r="O1532" s="51" t="e">
        <f t="shared" si="49"/>
        <v>#N/A</v>
      </c>
      <c r="P1532" s="51">
        <v>1</v>
      </c>
      <c r="Q1532" s="51" t="s">
        <v>5341</v>
      </c>
      <c r="R1532" s="54" t="b">
        <v>1</v>
      </c>
      <c r="S1532" s="52" t="s">
        <v>7126</v>
      </c>
      <c r="T1532" s="67" t="s">
        <v>7127</v>
      </c>
      <c r="U1532" s="75" t="s">
        <v>5331</v>
      </c>
      <c r="V1532" s="47" t="s">
        <v>5331</v>
      </c>
      <c r="W1532" s="47" t="s">
        <v>5331</v>
      </c>
      <c r="X1532" s="47" t="s">
        <v>5331</v>
      </c>
      <c r="Y1532" s="47" t="s">
        <v>5331</v>
      </c>
      <c r="Z1532" s="28"/>
      <c r="AA1532" s="27"/>
      <c r="AB1532" s="27"/>
      <c r="AC1532" s="27"/>
      <c r="AD1532" s="30"/>
      <c r="AE1532" s="1"/>
      <c r="AF1532" s="23" t="s">
        <v>5331</v>
      </c>
      <c r="AG1532" s="26"/>
      <c r="AH1532" s="53"/>
    </row>
    <row r="1533" spans="1:34" ht="51.6" customHeight="1" x14ac:dyDescent="0.45">
      <c r="A1533" s="23">
        <v>1527</v>
      </c>
      <c r="B1533" s="25"/>
      <c r="C1533" s="25"/>
      <c r="D1533" s="29"/>
      <c r="E1533" s="1"/>
      <c r="F1533" s="1"/>
      <c r="G1533" s="25"/>
      <c r="H1533" s="71"/>
      <c r="I1533" s="83"/>
      <c r="J1533" s="50" t="str">
        <f t="shared" si="48"/>
        <v/>
      </c>
      <c r="K1533" s="23" t="s">
        <v>7120</v>
      </c>
      <c r="L1533" s="49" t="e">
        <f>VLOOKUP(E1533&amp;F1533,団体コード!$A$1:$C$1743,3,FALSE)</f>
        <v>#N/A</v>
      </c>
      <c r="M1533" s="49" t="e">
        <f>VLOOKUP(E1533&amp;F1533,団体コード!$A$1:$C$1743,2,FALSE)</f>
        <v>#N/A</v>
      </c>
      <c r="N1533" s="51" t="e">
        <f>VLOOKUP(E1533,団体コード!$E$1:$F$48,2,FALSE)</f>
        <v>#N/A</v>
      </c>
      <c r="O1533" s="51" t="e">
        <f t="shared" si="49"/>
        <v>#N/A</v>
      </c>
      <c r="P1533" s="51">
        <v>1</v>
      </c>
      <c r="Q1533" s="51" t="s">
        <v>5341</v>
      </c>
      <c r="R1533" s="54" t="b">
        <v>1</v>
      </c>
      <c r="S1533" s="52" t="s">
        <v>7126</v>
      </c>
      <c r="T1533" s="67" t="s">
        <v>7127</v>
      </c>
      <c r="U1533" s="75" t="s">
        <v>5331</v>
      </c>
      <c r="V1533" s="47" t="s">
        <v>5331</v>
      </c>
      <c r="W1533" s="47" t="s">
        <v>5331</v>
      </c>
      <c r="X1533" s="47" t="s">
        <v>5331</v>
      </c>
      <c r="Y1533" s="47" t="s">
        <v>5331</v>
      </c>
      <c r="Z1533" s="28"/>
      <c r="AA1533" s="27"/>
      <c r="AB1533" s="27"/>
      <c r="AC1533" s="27"/>
      <c r="AD1533" s="30"/>
      <c r="AE1533" s="1"/>
      <c r="AF1533" s="23" t="s">
        <v>5331</v>
      </c>
      <c r="AG1533" s="26"/>
      <c r="AH1533" s="53"/>
    </row>
    <row r="1534" spans="1:34" ht="51.6" customHeight="1" x14ac:dyDescent="0.45">
      <c r="A1534" s="23">
        <v>1528</v>
      </c>
      <c r="B1534" s="25"/>
      <c r="C1534" s="25"/>
      <c r="D1534" s="29"/>
      <c r="E1534" s="1"/>
      <c r="F1534" s="1"/>
      <c r="G1534" s="25"/>
      <c r="H1534" s="71"/>
      <c r="I1534" s="83"/>
      <c r="J1534" s="50" t="str">
        <f t="shared" si="48"/>
        <v/>
      </c>
      <c r="K1534" s="23" t="s">
        <v>7120</v>
      </c>
      <c r="L1534" s="49" t="e">
        <f>VLOOKUP(E1534&amp;F1534,団体コード!$A$1:$C$1743,3,FALSE)</f>
        <v>#N/A</v>
      </c>
      <c r="M1534" s="49" t="e">
        <f>VLOOKUP(E1534&amp;F1534,団体コード!$A$1:$C$1743,2,FALSE)</f>
        <v>#N/A</v>
      </c>
      <c r="N1534" s="51" t="e">
        <f>VLOOKUP(E1534,団体コード!$E$1:$F$48,2,FALSE)</f>
        <v>#N/A</v>
      </c>
      <c r="O1534" s="51" t="e">
        <f t="shared" si="49"/>
        <v>#N/A</v>
      </c>
      <c r="P1534" s="51">
        <v>1</v>
      </c>
      <c r="Q1534" s="51" t="s">
        <v>5341</v>
      </c>
      <c r="R1534" s="54" t="b">
        <v>1</v>
      </c>
      <c r="S1534" s="52" t="s">
        <v>7126</v>
      </c>
      <c r="T1534" s="67" t="s">
        <v>7127</v>
      </c>
      <c r="U1534" s="75" t="s">
        <v>5331</v>
      </c>
      <c r="V1534" s="47" t="s">
        <v>5331</v>
      </c>
      <c r="W1534" s="47" t="s">
        <v>5331</v>
      </c>
      <c r="X1534" s="47" t="s">
        <v>5331</v>
      </c>
      <c r="Y1534" s="47" t="s">
        <v>5331</v>
      </c>
      <c r="Z1534" s="28"/>
      <c r="AA1534" s="27"/>
      <c r="AB1534" s="27"/>
      <c r="AC1534" s="27"/>
      <c r="AD1534" s="30"/>
      <c r="AE1534" s="1"/>
      <c r="AF1534" s="23" t="s">
        <v>5331</v>
      </c>
      <c r="AG1534" s="26"/>
      <c r="AH1534" s="53"/>
    </row>
    <row r="1535" spans="1:34" ht="51.6" customHeight="1" x14ac:dyDescent="0.45">
      <c r="A1535" s="23">
        <v>1529</v>
      </c>
      <c r="B1535" s="25"/>
      <c r="C1535" s="25"/>
      <c r="D1535" s="29"/>
      <c r="E1535" s="1"/>
      <c r="F1535" s="1"/>
      <c r="G1535" s="25"/>
      <c r="H1535" s="71"/>
      <c r="I1535" s="83"/>
      <c r="J1535" s="50" t="str">
        <f t="shared" si="48"/>
        <v/>
      </c>
      <c r="K1535" s="23" t="s">
        <v>7120</v>
      </c>
      <c r="L1535" s="49" t="e">
        <f>VLOOKUP(E1535&amp;F1535,団体コード!$A$1:$C$1743,3,FALSE)</f>
        <v>#N/A</v>
      </c>
      <c r="M1535" s="49" t="e">
        <f>VLOOKUP(E1535&amp;F1535,団体コード!$A$1:$C$1743,2,FALSE)</f>
        <v>#N/A</v>
      </c>
      <c r="N1535" s="51" t="e">
        <f>VLOOKUP(E1535,団体コード!$E$1:$F$48,2,FALSE)</f>
        <v>#N/A</v>
      </c>
      <c r="O1535" s="51" t="e">
        <f t="shared" si="49"/>
        <v>#N/A</v>
      </c>
      <c r="P1535" s="51">
        <v>1</v>
      </c>
      <c r="Q1535" s="51" t="s">
        <v>5341</v>
      </c>
      <c r="R1535" s="54" t="b">
        <v>1</v>
      </c>
      <c r="S1535" s="52" t="s">
        <v>7126</v>
      </c>
      <c r="T1535" s="67" t="s">
        <v>7127</v>
      </c>
      <c r="U1535" s="75" t="s">
        <v>5331</v>
      </c>
      <c r="V1535" s="47" t="s">
        <v>5331</v>
      </c>
      <c r="W1535" s="47" t="s">
        <v>5331</v>
      </c>
      <c r="X1535" s="47" t="s">
        <v>5331</v>
      </c>
      <c r="Y1535" s="47" t="s">
        <v>5331</v>
      </c>
      <c r="Z1535" s="28"/>
      <c r="AA1535" s="27"/>
      <c r="AB1535" s="27"/>
      <c r="AC1535" s="27"/>
      <c r="AD1535" s="30"/>
      <c r="AE1535" s="1"/>
      <c r="AF1535" s="23" t="s">
        <v>5331</v>
      </c>
      <c r="AG1535" s="26"/>
      <c r="AH1535" s="53"/>
    </row>
    <row r="1536" spans="1:34" ht="51.6" customHeight="1" x14ac:dyDescent="0.45">
      <c r="A1536" s="23">
        <v>1530</v>
      </c>
      <c r="B1536" s="25"/>
      <c r="C1536" s="25"/>
      <c r="D1536" s="29"/>
      <c r="E1536" s="1"/>
      <c r="F1536" s="1"/>
      <c r="G1536" s="25"/>
      <c r="H1536" s="71"/>
      <c r="I1536" s="83"/>
      <c r="J1536" s="50" t="str">
        <f t="shared" si="48"/>
        <v/>
      </c>
      <c r="K1536" s="23" t="s">
        <v>7120</v>
      </c>
      <c r="L1536" s="49" t="e">
        <f>VLOOKUP(E1536&amp;F1536,団体コード!$A$1:$C$1743,3,FALSE)</f>
        <v>#N/A</v>
      </c>
      <c r="M1536" s="49" t="e">
        <f>VLOOKUP(E1536&amp;F1536,団体コード!$A$1:$C$1743,2,FALSE)</f>
        <v>#N/A</v>
      </c>
      <c r="N1536" s="51" t="e">
        <f>VLOOKUP(E1536,団体コード!$E$1:$F$48,2,FALSE)</f>
        <v>#N/A</v>
      </c>
      <c r="O1536" s="51" t="e">
        <f t="shared" si="49"/>
        <v>#N/A</v>
      </c>
      <c r="P1536" s="51">
        <v>1</v>
      </c>
      <c r="Q1536" s="51" t="s">
        <v>5341</v>
      </c>
      <c r="R1536" s="54" t="b">
        <v>1</v>
      </c>
      <c r="S1536" s="52" t="s">
        <v>7126</v>
      </c>
      <c r="T1536" s="67" t="s">
        <v>7127</v>
      </c>
      <c r="U1536" s="75" t="s">
        <v>5331</v>
      </c>
      <c r="V1536" s="47" t="s">
        <v>5331</v>
      </c>
      <c r="W1536" s="47" t="s">
        <v>5331</v>
      </c>
      <c r="X1536" s="47" t="s">
        <v>5331</v>
      </c>
      <c r="Y1536" s="47" t="s">
        <v>5331</v>
      </c>
      <c r="Z1536" s="28"/>
      <c r="AA1536" s="27"/>
      <c r="AB1536" s="27"/>
      <c r="AC1536" s="27"/>
      <c r="AD1536" s="30"/>
      <c r="AE1536" s="1"/>
      <c r="AF1536" s="23" t="s">
        <v>5331</v>
      </c>
      <c r="AG1536" s="26"/>
      <c r="AH1536" s="53"/>
    </row>
    <row r="1537" spans="1:34" ht="51.6" customHeight="1" x14ac:dyDescent="0.45">
      <c r="A1537" s="23">
        <v>1531</v>
      </c>
      <c r="B1537" s="25"/>
      <c r="C1537" s="25"/>
      <c r="D1537" s="29"/>
      <c r="E1537" s="1"/>
      <c r="F1537" s="1"/>
      <c r="G1537" s="25"/>
      <c r="H1537" s="71"/>
      <c r="I1537" s="83"/>
      <c r="J1537" s="50" t="str">
        <f t="shared" si="48"/>
        <v/>
      </c>
      <c r="K1537" s="23" t="s">
        <v>7120</v>
      </c>
      <c r="L1537" s="49" t="e">
        <f>VLOOKUP(E1537&amp;F1537,団体コード!$A$1:$C$1743,3,FALSE)</f>
        <v>#N/A</v>
      </c>
      <c r="M1537" s="49" t="e">
        <f>VLOOKUP(E1537&amp;F1537,団体コード!$A$1:$C$1743,2,FALSE)</f>
        <v>#N/A</v>
      </c>
      <c r="N1537" s="51" t="e">
        <f>VLOOKUP(E1537,団体コード!$E$1:$F$48,2,FALSE)</f>
        <v>#N/A</v>
      </c>
      <c r="O1537" s="51" t="e">
        <f t="shared" si="49"/>
        <v>#N/A</v>
      </c>
      <c r="P1537" s="51">
        <v>1</v>
      </c>
      <c r="Q1537" s="51" t="s">
        <v>5341</v>
      </c>
      <c r="R1537" s="54" t="b">
        <v>1</v>
      </c>
      <c r="S1537" s="52" t="s">
        <v>7126</v>
      </c>
      <c r="T1537" s="67" t="s">
        <v>7127</v>
      </c>
      <c r="U1537" s="75" t="s">
        <v>5331</v>
      </c>
      <c r="V1537" s="47" t="s">
        <v>5331</v>
      </c>
      <c r="W1537" s="47" t="s">
        <v>5331</v>
      </c>
      <c r="X1537" s="47" t="s">
        <v>5331</v>
      </c>
      <c r="Y1537" s="47" t="s">
        <v>5331</v>
      </c>
      <c r="Z1537" s="28"/>
      <c r="AA1537" s="27"/>
      <c r="AB1537" s="27"/>
      <c r="AC1537" s="27"/>
      <c r="AD1537" s="30"/>
      <c r="AE1537" s="1"/>
      <c r="AF1537" s="23" t="s">
        <v>5331</v>
      </c>
      <c r="AG1537" s="26"/>
      <c r="AH1537" s="53"/>
    </row>
    <row r="1538" spans="1:34" ht="51.6" customHeight="1" x14ac:dyDescent="0.45">
      <c r="A1538" s="23">
        <v>1532</v>
      </c>
      <c r="B1538" s="25"/>
      <c r="C1538" s="25"/>
      <c r="D1538" s="29"/>
      <c r="E1538" s="1"/>
      <c r="F1538" s="1"/>
      <c r="G1538" s="25"/>
      <c r="H1538" s="71"/>
      <c r="I1538" s="83"/>
      <c r="J1538" s="50" t="str">
        <f t="shared" si="48"/>
        <v/>
      </c>
      <c r="K1538" s="23" t="s">
        <v>7120</v>
      </c>
      <c r="L1538" s="49" t="e">
        <f>VLOOKUP(E1538&amp;F1538,団体コード!$A$1:$C$1743,3,FALSE)</f>
        <v>#N/A</v>
      </c>
      <c r="M1538" s="49" t="e">
        <f>VLOOKUP(E1538&amp;F1538,団体コード!$A$1:$C$1743,2,FALSE)</f>
        <v>#N/A</v>
      </c>
      <c r="N1538" s="51" t="e">
        <f>VLOOKUP(E1538,団体コード!$E$1:$F$48,2,FALSE)</f>
        <v>#N/A</v>
      </c>
      <c r="O1538" s="51" t="e">
        <f t="shared" si="49"/>
        <v>#N/A</v>
      </c>
      <c r="P1538" s="51">
        <v>1</v>
      </c>
      <c r="Q1538" s="51" t="s">
        <v>5341</v>
      </c>
      <c r="R1538" s="54" t="b">
        <v>1</v>
      </c>
      <c r="S1538" s="52" t="s">
        <v>7126</v>
      </c>
      <c r="T1538" s="67" t="s">
        <v>7127</v>
      </c>
      <c r="U1538" s="75" t="s">
        <v>5331</v>
      </c>
      <c r="V1538" s="47" t="s">
        <v>5331</v>
      </c>
      <c r="W1538" s="47" t="s">
        <v>5331</v>
      </c>
      <c r="X1538" s="47" t="s">
        <v>5331</v>
      </c>
      <c r="Y1538" s="47" t="s">
        <v>5331</v>
      </c>
      <c r="Z1538" s="28"/>
      <c r="AA1538" s="27"/>
      <c r="AB1538" s="27"/>
      <c r="AC1538" s="27"/>
      <c r="AD1538" s="30"/>
      <c r="AE1538" s="1"/>
      <c r="AF1538" s="23" t="s">
        <v>5331</v>
      </c>
      <c r="AG1538" s="26"/>
      <c r="AH1538" s="53"/>
    </row>
    <row r="1539" spans="1:34" ht="51.6" customHeight="1" x14ac:dyDescent="0.45">
      <c r="A1539" s="23">
        <v>1533</v>
      </c>
      <c r="B1539" s="25"/>
      <c r="C1539" s="25"/>
      <c r="D1539" s="29"/>
      <c r="E1539" s="1"/>
      <c r="F1539" s="1"/>
      <c r="G1539" s="25"/>
      <c r="H1539" s="71"/>
      <c r="I1539" s="83"/>
      <c r="J1539" s="50" t="str">
        <f t="shared" si="48"/>
        <v/>
      </c>
      <c r="K1539" s="23" t="s">
        <v>7120</v>
      </c>
      <c r="L1539" s="49" t="e">
        <f>VLOOKUP(E1539&amp;F1539,団体コード!$A$1:$C$1743,3,FALSE)</f>
        <v>#N/A</v>
      </c>
      <c r="M1539" s="49" t="e">
        <f>VLOOKUP(E1539&amp;F1539,団体コード!$A$1:$C$1743,2,FALSE)</f>
        <v>#N/A</v>
      </c>
      <c r="N1539" s="51" t="e">
        <f>VLOOKUP(E1539,団体コード!$E$1:$F$48,2,FALSE)</f>
        <v>#N/A</v>
      </c>
      <c r="O1539" s="51" t="e">
        <f t="shared" si="49"/>
        <v>#N/A</v>
      </c>
      <c r="P1539" s="51">
        <v>1</v>
      </c>
      <c r="Q1539" s="51" t="s">
        <v>5341</v>
      </c>
      <c r="R1539" s="54" t="b">
        <v>1</v>
      </c>
      <c r="S1539" s="52" t="s">
        <v>7126</v>
      </c>
      <c r="T1539" s="67" t="s">
        <v>7127</v>
      </c>
      <c r="U1539" s="75" t="s">
        <v>5331</v>
      </c>
      <c r="V1539" s="47" t="s">
        <v>5331</v>
      </c>
      <c r="W1539" s="47" t="s">
        <v>5331</v>
      </c>
      <c r="X1539" s="47" t="s">
        <v>5331</v>
      </c>
      <c r="Y1539" s="47" t="s">
        <v>5331</v>
      </c>
      <c r="Z1539" s="28"/>
      <c r="AA1539" s="27"/>
      <c r="AB1539" s="27"/>
      <c r="AC1539" s="27"/>
      <c r="AD1539" s="30"/>
      <c r="AE1539" s="1"/>
      <c r="AF1539" s="23" t="s">
        <v>5331</v>
      </c>
      <c r="AG1539" s="26"/>
      <c r="AH1539" s="53"/>
    </row>
    <row r="1540" spans="1:34" ht="51.6" customHeight="1" x14ac:dyDescent="0.45">
      <c r="A1540" s="23">
        <v>1534</v>
      </c>
      <c r="B1540" s="25"/>
      <c r="C1540" s="25"/>
      <c r="D1540" s="29"/>
      <c r="E1540" s="1"/>
      <c r="F1540" s="1"/>
      <c r="G1540" s="25"/>
      <c r="H1540" s="71"/>
      <c r="I1540" s="83"/>
      <c r="J1540" s="50" t="str">
        <f t="shared" si="48"/>
        <v/>
      </c>
      <c r="K1540" s="23" t="s">
        <v>7120</v>
      </c>
      <c r="L1540" s="49" t="e">
        <f>VLOOKUP(E1540&amp;F1540,団体コード!$A$1:$C$1743,3,FALSE)</f>
        <v>#N/A</v>
      </c>
      <c r="M1540" s="49" t="e">
        <f>VLOOKUP(E1540&amp;F1540,団体コード!$A$1:$C$1743,2,FALSE)</f>
        <v>#N/A</v>
      </c>
      <c r="N1540" s="51" t="e">
        <f>VLOOKUP(E1540,団体コード!$E$1:$F$48,2,FALSE)</f>
        <v>#N/A</v>
      </c>
      <c r="O1540" s="51" t="e">
        <f t="shared" si="49"/>
        <v>#N/A</v>
      </c>
      <c r="P1540" s="51">
        <v>1</v>
      </c>
      <c r="Q1540" s="51" t="s">
        <v>5341</v>
      </c>
      <c r="R1540" s="54" t="b">
        <v>1</v>
      </c>
      <c r="S1540" s="52" t="s">
        <v>7126</v>
      </c>
      <c r="T1540" s="67" t="s">
        <v>7127</v>
      </c>
      <c r="U1540" s="75" t="s">
        <v>5331</v>
      </c>
      <c r="V1540" s="47" t="s">
        <v>5331</v>
      </c>
      <c r="W1540" s="47" t="s">
        <v>5331</v>
      </c>
      <c r="X1540" s="47" t="s">
        <v>5331</v>
      </c>
      <c r="Y1540" s="47" t="s">
        <v>5331</v>
      </c>
      <c r="Z1540" s="28"/>
      <c r="AA1540" s="27"/>
      <c r="AB1540" s="27"/>
      <c r="AC1540" s="27"/>
      <c r="AD1540" s="30"/>
      <c r="AE1540" s="1"/>
      <c r="AF1540" s="23" t="s">
        <v>5331</v>
      </c>
      <c r="AG1540" s="26"/>
      <c r="AH1540" s="53"/>
    </row>
    <row r="1541" spans="1:34" ht="51.6" customHeight="1" x14ac:dyDescent="0.45">
      <c r="A1541" s="23">
        <v>1535</v>
      </c>
      <c r="B1541" s="25"/>
      <c r="C1541" s="25"/>
      <c r="D1541" s="29"/>
      <c r="E1541" s="1"/>
      <c r="F1541" s="1"/>
      <c r="G1541" s="25"/>
      <c r="H1541" s="71"/>
      <c r="I1541" s="83"/>
      <c r="J1541" s="50" t="str">
        <f t="shared" si="48"/>
        <v/>
      </c>
      <c r="K1541" s="23" t="s">
        <v>7120</v>
      </c>
      <c r="L1541" s="49" t="e">
        <f>VLOOKUP(E1541&amp;F1541,団体コード!$A$1:$C$1743,3,FALSE)</f>
        <v>#N/A</v>
      </c>
      <c r="M1541" s="49" t="e">
        <f>VLOOKUP(E1541&amp;F1541,団体コード!$A$1:$C$1743,2,FALSE)</f>
        <v>#N/A</v>
      </c>
      <c r="N1541" s="51" t="e">
        <f>VLOOKUP(E1541,団体コード!$E$1:$F$48,2,FALSE)</f>
        <v>#N/A</v>
      </c>
      <c r="O1541" s="51" t="e">
        <f t="shared" si="49"/>
        <v>#N/A</v>
      </c>
      <c r="P1541" s="51">
        <v>1</v>
      </c>
      <c r="Q1541" s="51" t="s">
        <v>5341</v>
      </c>
      <c r="R1541" s="54" t="b">
        <v>1</v>
      </c>
      <c r="S1541" s="52" t="s">
        <v>7126</v>
      </c>
      <c r="T1541" s="67" t="s">
        <v>7127</v>
      </c>
      <c r="U1541" s="75" t="s">
        <v>5331</v>
      </c>
      <c r="V1541" s="47" t="s">
        <v>5331</v>
      </c>
      <c r="W1541" s="47" t="s">
        <v>5331</v>
      </c>
      <c r="X1541" s="47" t="s">
        <v>5331</v>
      </c>
      <c r="Y1541" s="47" t="s">
        <v>5331</v>
      </c>
      <c r="Z1541" s="28"/>
      <c r="AA1541" s="27"/>
      <c r="AB1541" s="27"/>
      <c r="AC1541" s="27"/>
      <c r="AD1541" s="30"/>
      <c r="AE1541" s="1"/>
      <c r="AF1541" s="23" t="s">
        <v>5331</v>
      </c>
      <c r="AG1541" s="26"/>
      <c r="AH1541" s="53"/>
    </row>
    <row r="1542" spans="1:34" ht="51.6" customHeight="1" x14ac:dyDescent="0.45">
      <c r="A1542" s="23">
        <v>1536</v>
      </c>
      <c r="B1542" s="25"/>
      <c r="C1542" s="25"/>
      <c r="D1542" s="29"/>
      <c r="E1542" s="1"/>
      <c r="F1542" s="1"/>
      <c r="G1542" s="25"/>
      <c r="H1542" s="71"/>
      <c r="I1542" s="83"/>
      <c r="J1542" s="50" t="str">
        <f t="shared" si="48"/>
        <v/>
      </c>
      <c r="K1542" s="23" t="s">
        <v>7120</v>
      </c>
      <c r="L1542" s="49" t="e">
        <f>VLOOKUP(E1542&amp;F1542,団体コード!$A$1:$C$1743,3,FALSE)</f>
        <v>#N/A</v>
      </c>
      <c r="M1542" s="49" t="e">
        <f>VLOOKUP(E1542&amp;F1542,団体コード!$A$1:$C$1743,2,FALSE)</f>
        <v>#N/A</v>
      </c>
      <c r="N1542" s="51" t="e">
        <f>VLOOKUP(E1542,団体コード!$E$1:$F$48,2,FALSE)</f>
        <v>#N/A</v>
      </c>
      <c r="O1542" s="51" t="e">
        <f t="shared" si="49"/>
        <v>#N/A</v>
      </c>
      <c r="P1542" s="51">
        <v>1</v>
      </c>
      <c r="Q1542" s="51" t="s">
        <v>5341</v>
      </c>
      <c r="R1542" s="54" t="b">
        <v>1</v>
      </c>
      <c r="S1542" s="52" t="s">
        <v>7126</v>
      </c>
      <c r="T1542" s="67" t="s">
        <v>7127</v>
      </c>
      <c r="U1542" s="75" t="s">
        <v>5331</v>
      </c>
      <c r="V1542" s="47" t="s">
        <v>5331</v>
      </c>
      <c r="W1542" s="47" t="s">
        <v>5331</v>
      </c>
      <c r="X1542" s="47" t="s">
        <v>5331</v>
      </c>
      <c r="Y1542" s="47" t="s">
        <v>5331</v>
      </c>
      <c r="Z1542" s="28"/>
      <c r="AA1542" s="27"/>
      <c r="AB1542" s="27"/>
      <c r="AC1542" s="27"/>
      <c r="AD1542" s="30"/>
      <c r="AE1542" s="1"/>
      <c r="AF1542" s="23" t="s">
        <v>5331</v>
      </c>
      <c r="AG1542" s="26"/>
      <c r="AH1542" s="53"/>
    </row>
    <row r="1543" spans="1:34" ht="51.6" customHeight="1" x14ac:dyDescent="0.45">
      <c r="A1543" s="23">
        <v>1537</v>
      </c>
      <c r="B1543" s="25"/>
      <c r="C1543" s="25"/>
      <c r="D1543" s="29"/>
      <c r="E1543" s="1"/>
      <c r="F1543" s="1"/>
      <c r="G1543" s="25"/>
      <c r="H1543" s="71"/>
      <c r="I1543" s="83"/>
      <c r="J1543" s="50" t="str">
        <f t="shared" si="48"/>
        <v/>
      </c>
      <c r="K1543" s="23" t="s">
        <v>7120</v>
      </c>
      <c r="L1543" s="49" t="e">
        <f>VLOOKUP(E1543&amp;F1543,団体コード!$A$1:$C$1743,3,FALSE)</f>
        <v>#N/A</v>
      </c>
      <c r="M1543" s="49" t="e">
        <f>VLOOKUP(E1543&amp;F1543,団体コード!$A$1:$C$1743,2,FALSE)</f>
        <v>#N/A</v>
      </c>
      <c r="N1543" s="51" t="e">
        <f>VLOOKUP(E1543,団体コード!$E$1:$F$48,2,FALSE)</f>
        <v>#N/A</v>
      </c>
      <c r="O1543" s="51" t="e">
        <f t="shared" si="49"/>
        <v>#N/A</v>
      </c>
      <c r="P1543" s="51">
        <v>1</v>
      </c>
      <c r="Q1543" s="51" t="s">
        <v>5341</v>
      </c>
      <c r="R1543" s="54" t="b">
        <v>1</v>
      </c>
      <c r="S1543" s="52" t="s">
        <v>7126</v>
      </c>
      <c r="T1543" s="67" t="s">
        <v>7127</v>
      </c>
      <c r="U1543" s="75" t="s">
        <v>5331</v>
      </c>
      <c r="V1543" s="47" t="s">
        <v>5331</v>
      </c>
      <c r="W1543" s="47" t="s">
        <v>5331</v>
      </c>
      <c r="X1543" s="47" t="s">
        <v>5331</v>
      </c>
      <c r="Y1543" s="47" t="s">
        <v>5331</v>
      </c>
      <c r="Z1543" s="28"/>
      <c r="AA1543" s="27"/>
      <c r="AB1543" s="27"/>
      <c r="AC1543" s="27"/>
      <c r="AD1543" s="30"/>
      <c r="AE1543" s="1"/>
      <c r="AF1543" s="23" t="s">
        <v>5331</v>
      </c>
      <c r="AG1543" s="26"/>
      <c r="AH1543" s="53"/>
    </row>
    <row r="1544" spans="1:34" ht="51.6" customHeight="1" x14ac:dyDescent="0.45">
      <c r="A1544" s="23">
        <v>1538</v>
      </c>
      <c r="B1544" s="25"/>
      <c r="C1544" s="25"/>
      <c r="D1544" s="29"/>
      <c r="E1544" s="1"/>
      <c r="F1544" s="1"/>
      <c r="G1544" s="25"/>
      <c r="H1544" s="71"/>
      <c r="I1544" s="83"/>
      <c r="J1544" s="50" t="str">
        <f t="shared" ref="J1544:J1607" si="50">E1544&amp;F1544&amp;G1544</f>
        <v/>
      </c>
      <c r="K1544" s="23" t="s">
        <v>7120</v>
      </c>
      <c r="L1544" s="49" t="e">
        <f>VLOOKUP(E1544&amp;F1544,団体コード!$A$1:$C$1743,3,FALSE)</f>
        <v>#N/A</v>
      </c>
      <c r="M1544" s="49" t="e">
        <f>VLOOKUP(E1544&amp;F1544,団体コード!$A$1:$C$1743,2,FALSE)</f>
        <v>#N/A</v>
      </c>
      <c r="N1544" s="51" t="e">
        <f>VLOOKUP(E1544,団体コード!$E$1:$F$48,2,FALSE)</f>
        <v>#N/A</v>
      </c>
      <c r="O1544" s="51" t="e">
        <f t="shared" ref="O1544:O1607" si="51">N1544</f>
        <v>#N/A</v>
      </c>
      <c r="P1544" s="51">
        <v>1</v>
      </c>
      <c r="Q1544" s="51" t="s">
        <v>5341</v>
      </c>
      <c r="R1544" s="54" t="b">
        <v>1</v>
      </c>
      <c r="S1544" s="52" t="s">
        <v>7126</v>
      </c>
      <c r="T1544" s="67" t="s">
        <v>7127</v>
      </c>
      <c r="U1544" s="75" t="s">
        <v>5331</v>
      </c>
      <c r="V1544" s="47" t="s">
        <v>5331</v>
      </c>
      <c r="W1544" s="47" t="s">
        <v>5331</v>
      </c>
      <c r="X1544" s="47" t="s">
        <v>5331</v>
      </c>
      <c r="Y1544" s="47" t="s">
        <v>5331</v>
      </c>
      <c r="Z1544" s="28"/>
      <c r="AA1544" s="27"/>
      <c r="AB1544" s="27"/>
      <c r="AC1544" s="27"/>
      <c r="AD1544" s="30"/>
      <c r="AE1544" s="1"/>
      <c r="AF1544" s="23" t="s">
        <v>5331</v>
      </c>
      <c r="AG1544" s="26"/>
      <c r="AH1544" s="53"/>
    </row>
    <row r="1545" spans="1:34" ht="51.6" customHeight="1" x14ac:dyDescent="0.45">
      <c r="A1545" s="23">
        <v>1539</v>
      </c>
      <c r="B1545" s="25"/>
      <c r="C1545" s="25"/>
      <c r="D1545" s="29"/>
      <c r="E1545" s="1"/>
      <c r="F1545" s="1"/>
      <c r="G1545" s="25"/>
      <c r="H1545" s="71"/>
      <c r="I1545" s="83"/>
      <c r="J1545" s="50" t="str">
        <f t="shared" si="50"/>
        <v/>
      </c>
      <c r="K1545" s="23" t="s">
        <v>7120</v>
      </c>
      <c r="L1545" s="49" t="e">
        <f>VLOOKUP(E1545&amp;F1545,団体コード!$A$1:$C$1743,3,FALSE)</f>
        <v>#N/A</v>
      </c>
      <c r="M1545" s="49" t="e">
        <f>VLOOKUP(E1545&amp;F1545,団体コード!$A$1:$C$1743,2,FALSE)</f>
        <v>#N/A</v>
      </c>
      <c r="N1545" s="51" t="e">
        <f>VLOOKUP(E1545,団体コード!$E$1:$F$48,2,FALSE)</f>
        <v>#N/A</v>
      </c>
      <c r="O1545" s="51" t="e">
        <f t="shared" si="51"/>
        <v>#N/A</v>
      </c>
      <c r="P1545" s="51">
        <v>1</v>
      </c>
      <c r="Q1545" s="51" t="s">
        <v>5341</v>
      </c>
      <c r="R1545" s="54" t="b">
        <v>1</v>
      </c>
      <c r="S1545" s="52" t="s">
        <v>7126</v>
      </c>
      <c r="T1545" s="67" t="s">
        <v>7127</v>
      </c>
      <c r="U1545" s="75" t="s">
        <v>5331</v>
      </c>
      <c r="V1545" s="47" t="s">
        <v>5331</v>
      </c>
      <c r="W1545" s="47" t="s">
        <v>5331</v>
      </c>
      <c r="X1545" s="47" t="s">
        <v>5331</v>
      </c>
      <c r="Y1545" s="47" t="s">
        <v>5331</v>
      </c>
      <c r="Z1545" s="28"/>
      <c r="AA1545" s="27"/>
      <c r="AB1545" s="27"/>
      <c r="AC1545" s="27"/>
      <c r="AD1545" s="30"/>
      <c r="AE1545" s="1"/>
      <c r="AF1545" s="23" t="s">
        <v>5331</v>
      </c>
      <c r="AG1545" s="26"/>
      <c r="AH1545" s="53"/>
    </row>
    <row r="1546" spans="1:34" ht="51.6" customHeight="1" x14ac:dyDescent="0.45">
      <c r="A1546" s="23">
        <v>1540</v>
      </c>
      <c r="B1546" s="25"/>
      <c r="C1546" s="25"/>
      <c r="D1546" s="29"/>
      <c r="E1546" s="1"/>
      <c r="F1546" s="1"/>
      <c r="G1546" s="25"/>
      <c r="H1546" s="71"/>
      <c r="I1546" s="83"/>
      <c r="J1546" s="50" t="str">
        <f t="shared" si="50"/>
        <v/>
      </c>
      <c r="K1546" s="23" t="s">
        <v>7120</v>
      </c>
      <c r="L1546" s="49" t="e">
        <f>VLOOKUP(E1546&amp;F1546,団体コード!$A$1:$C$1743,3,FALSE)</f>
        <v>#N/A</v>
      </c>
      <c r="M1546" s="49" t="e">
        <f>VLOOKUP(E1546&amp;F1546,団体コード!$A$1:$C$1743,2,FALSE)</f>
        <v>#N/A</v>
      </c>
      <c r="N1546" s="51" t="e">
        <f>VLOOKUP(E1546,団体コード!$E$1:$F$48,2,FALSE)</f>
        <v>#N/A</v>
      </c>
      <c r="O1546" s="51" t="e">
        <f t="shared" si="51"/>
        <v>#N/A</v>
      </c>
      <c r="P1546" s="51">
        <v>1</v>
      </c>
      <c r="Q1546" s="51" t="s">
        <v>5341</v>
      </c>
      <c r="R1546" s="54" t="b">
        <v>1</v>
      </c>
      <c r="S1546" s="52" t="s">
        <v>7126</v>
      </c>
      <c r="T1546" s="67" t="s">
        <v>7127</v>
      </c>
      <c r="U1546" s="75" t="s">
        <v>5331</v>
      </c>
      <c r="V1546" s="47" t="s">
        <v>5331</v>
      </c>
      <c r="W1546" s="47" t="s">
        <v>5331</v>
      </c>
      <c r="X1546" s="47" t="s">
        <v>5331</v>
      </c>
      <c r="Y1546" s="47" t="s">
        <v>5331</v>
      </c>
      <c r="Z1546" s="28"/>
      <c r="AA1546" s="27"/>
      <c r="AB1546" s="27"/>
      <c r="AC1546" s="27"/>
      <c r="AD1546" s="30"/>
      <c r="AE1546" s="1"/>
      <c r="AF1546" s="23" t="s">
        <v>5331</v>
      </c>
      <c r="AG1546" s="26"/>
      <c r="AH1546" s="53"/>
    </row>
    <row r="1547" spans="1:34" ht="51.6" customHeight="1" x14ac:dyDescent="0.45">
      <c r="A1547" s="23">
        <v>1541</v>
      </c>
      <c r="B1547" s="25"/>
      <c r="C1547" s="25"/>
      <c r="D1547" s="29"/>
      <c r="E1547" s="1"/>
      <c r="F1547" s="1"/>
      <c r="G1547" s="25"/>
      <c r="H1547" s="71"/>
      <c r="I1547" s="83"/>
      <c r="J1547" s="50" t="str">
        <f t="shared" si="50"/>
        <v/>
      </c>
      <c r="K1547" s="23" t="s">
        <v>7120</v>
      </c>
      <c r="L1547" s="49" t="e">
        <f>VLOOKUP(E1547&amp;F1547,団体コード!$A$1:$C$1743,3,FALSE)</f>
        <v>#N/A</v>
      </c>
      <c r="M1547" s="49" t="e">
        <f>VLOOKUP(E1547&amp;F1547,団体コード!$A$1:$C$1743,2,FALSE)</f>
        <v>#N/A</v>
      </c>
      <c r="N1547" s="51" t="e">
        <f>VLOOKUP(E1547,団体コード!$E$1:$F$48,2,FALSE)</f>
        <v>#N/A</v>
      </c>
      <c r="O1547" s="51" t="e">
        <f t="shared" si="51"/>
        <v>#N/A</v>
      </c>
      <c r="P1547" s="51">
        <v>1</v>
      </c>
      <c r="Q1547" s="51" t="s">
        <v>5341</v>
      </c>
      <c r="R1547" s="54" t="b">
        <v>1</v>
      </c>
      <c r="S1547" s="52" t="s">
        <v>7126</v>
      </c>
      <c r="T1547" s="67" t="s">
        <v>7127</v>
      </c>
      <c r="U1547" s="75" t="s">
        <v>5331</v>
      </c>
      <c r="V1547" s="47" t="s">
        <v>5331</v>
      </c>
      <c r="W1547" s="47" t="s">
        <v>5331</v>
      </c>
      <c r="X1547" s="47" t="s">
        <v>5331</v>
      </c>
      <c r="Y1547" s="47" t="s">
        <v>5331</v>
      </c>
      <c r="Z1547" s="28"/>
      <c r="AA1547" s="27"/>
      <c r="AB1547" s="27"/>
      <c r="AC1547" s="27"/>
      <c r="AD1547" s="30"/>
      <c r="AE1547" s="1"/>
      <c r="AF1547" s="23" t="s">
        <v>5331</v>
      </c>
      <c r="AG1547" s="26"/>
      <c r="AH1547" s="53"/>
    </row>
    <row r="1548" spans="1:34" ht="51.6" customHeight="1" x14ac:dyDescent="0.45">
      <c r="A1548" s="23">
        <v>1542</v>
      </c>
      <c r="B1548" s="25"/>
      <c r="C1548" s="25"/>
      <c r="D1548" s="29"/>
      <c r="E1548" s="1"/>
      <c r="F1548" s="1"/>
      <c r="G1548" s="25"/>
      <c r="H1548" s="71"/>
      <c r="I1548" s="83"/>
      <c r="J1548" s="50" t="str">
        <f t="shared" si="50"/>
        <v/>
      </c>
      <c r="K1548" s="23" t="s">
        <v>7120</v>
      </c>
      <c r="L1548" s="49" t="e">
        <f>VLOOKUP(E1548&amp;F1548,団体コード!$A$1:$C$1743,3,FALSE)</f>
        <v>#N/A</v>
      </c>
      <c r="M1548" s="49" t="e">
        <f>VLOOKUP(E1548&amp;F1548,団体コード!$A$1:$C$1743,2,FALSE)</f>
        <v>#N/A</v>
      </c>
      <c r="N1548" s="51" t="e">
        <f>VLOOKUP(E1548,団体コード!$E$1:$F$48,2,FALSE)</f>
        <v>#N/A</v>
      </c>
      <c r="O1548" s="51" t="e">
        <f t="shared" si="51"/>
        <v>#N/A</v>
      </c>
      <c r="P1548" s="51">
        <v>1</v>
      </c>
      <c r="Q1548" s="51" t="s">
        <v>5341</v>
      </c>
      <c r="R1548" s="54" t="b">
        <v>1</v>
      </c>
      <c r="S1548" s="52" t="s">
        <v>7126</v>
      </c>
      <c r="T1548" s="67" t="s">
        <v>7127</v>
      </c>
      <c r="U1548" s="75" t="s">
        <v>5331</v>
      </c>
      <c r="V1548" s="47" t="s">
        <v>5331</v>
      </c>
      <c r="W1548" s="47" t="s">
        <v>5331</v>
      </c>
      <c r="X1548" s="47" t="s">
        <v>5331</v>
      </c>
      <c r="Y1548" s="47" t="s">
        <v>5331</v>
      </c>
      <c r="Z1548" s="28"/>
      <c r="AA1548" s="27"/>
      <c r="AB1548" s="27"/>
      <c r="AC1548" s="27"/>
      <c r="AD1548" s="30"/>
      <c r="AE1548" s="1"/>
      <c r="AF1548" s="23" t="s">
        <v>5331</v>
      </c>
      <c r="AG1548" s="26"/>
      <c r="AH1548" s="53"/>
    </row>
    <row r="1549" spans="1:34" ht="51.6" customHeight="1" x14ac:dyDescent="0.45">
      <c r="A1549" s="23">
        <v>1543</v>
      </c>
      <c r="B1549" s="25"/>
      <c r="C1549" s="25"/>
      <c r="D1549" s="29"/>
      <c r="E1549" s="1"/>
      <c r="F1549" s="1"/>
      <c r="G1549" s="25"/>
      <c r="H1549" s="71"/>
      <c r="I1549" s="83"/>
      <c r="J1549" s="50" t="str">
        <f t="shared" si="50"/>
        <v/>
      </c>
      <c r="K1549" s="23" t="s">
        <v>7120</v>
      </c>
      <c r="L1549" s="49" t="e">
        <f>VLOOKUP(E1549&amp;F1549,団体コード!$A$1:$C$1743,3,FALSE)</f>
        <v>#N/A</v>
      </c>
      <c r="M1549" s="49" t="e">
        <f>VLOOKUP(E1549&amp;F1549,団体コード!$A$1:$C$1743,2,FALSE)</f>
        <v>#N/A</v>
      </c>
      <c r="N1549" s="51" t="e">
        <f>VLOOKUP(E1549,団体コード!$E$1:$F$48,2,FALSE)</f>
        <v>#N/A</v>
      </c>
      <c r="O1549" s="51" t="e">
        <f t="shared" si="51"/>
        <v>#N/A</v>
      </c>
      <c r="P1549" s="51">
        <v>1</v>
      </c>
      <c r="Q1549" s="51" t="s">
        <v>5341</v>
      </c>
      <c r="R1549" s="54" t="b">
        <v>1</v>
      </c>
      <c r="S1549" s="52" t="s">
        <v>7126</v>
      </c>
      <c r="T1549" s="67" t="s">
        <v>7127</v>
      </c>
      <c r="U1549" s="75" t="s">
        <v>5331</v>
      </c>
      <c r="V1549" s="47" t="s">
        <v>5331</v>
      </c>
      <c r="W1549" s="47" t="s">
        <v>5331</v>
      </c>
      <c r="X1549" s="47" t="s">
        <v>5331</v>
      </c>
      <c r="Y1549" s="47" t="s">
        <v>5331</v>
      </c>
      <c r="Z1549" s="28"/>
      <c r="AA1549" s="27"/>
      <c r="AB1549" s="27"/>
      <c r="AC1549" s="27"/>
      <c r="AD1549" s="30"/>
      <c r="AE1549" s="1"/>
      <c r="AF1549" s="23" t="s">
        <v>5331</v>
      </c>
      <c r="AG1549" s="26"/>
      <c r="AH1549" s="53"/>
    </row>
    <row r="1550" spans="1:34" ht="51.6" customHeight="1" x14ac:dyDescent="0.45">
      <c r="A1550" s="23">
        <v>1544</v>
      </c>
      <c r="B1550" s="25"/>
      <c r="C1550" s="25"/>
      <c r="D1550" s="29"/>
      <c r="E1550" s="1"/>
      <c r="F1550" s="1"/>
      <c r="G1550" s="25"/>
      <c r="H1550" s="71"/>
      <c r="I1550" s="83"/>
      <c r="J1550" s="50" t="str">
        <f t="shared" si="50"/>
        <v/>
      </c>
      <c r="K1550" s="23" t="s">
        <v>7120</v>
      </c>
      <c r="L1550" s="49" t="e">
        <f>VLOOKUP(E1550&amp;F1550,団体コード!$A$1:$C$1743,3,FALSE)</f>
        <v>#N/A</v>
      </c>
      <c r="M1550" s="49" t="e">
        <f>VLOOKUP(E1550&amp;F1550,団体コード!$A$1:$C$1743,2,FALSE)</f>
        <v>#N/A</v>
      </c>
      <c r="N1550" s="51" t="e">
        <f>VLOOKUP(E1550,団体コード!$E$1:$F$48,2,FALSE)</f>
        <v>#N/A</v>
      </c>
      <c r="O1550" s="51" t="e">
        <f t="shared" si="51"/>
        <v>#N/A</v>
      </c>
      <c r="P1550" s="51">
        <v>1</v>
      </c>
      <c r="Q1550" s="51" t="s">
        <v>5341</v>
      </c>
      <c r="R1550" s="54" t="b">
        <v>1</v>
      </c>
      <c r="S1550" s="52" t="s">
        <v>7126</v>
      </c>
      <c r="T1550" s="67" t="s">
        <v>7127</v>
      </c>
      <c r="U1550" s="75" t="s">
        <v>5331</v>
      </c>
      <c r="V1550" s="47" t="s">
        <v>5331</v>
      </c>
      <c r="W1550" s="47" t="s">
        <v>5331</v>
      </c>
      <c r="X1550" s="47" t="s">
        <v>5331</v>
      </c>
      <c r="Y1550" s="47" t="s">
        <v>5331</v>
      </c>
      <c r="Z1550" s="28"/>
      <c r="AA1550" s="27"/>
      <c r="AB1550" s="27"/>
      <c r="AC1550" s="27"/>
      <c r="AD1550" s="30"/>
      <c r="AE1550" s="1"/>
      <c r="AF1550" s="23" t="s">
        <v>5331</v>
      </c>
      <c r="AG1550" s="26"/>
      <c r="AH1550" s="53"/>
    </row>
    <row r="1551" spans="1:34" ht="51.6" customHeight="1" x14ac:dyDescent="0.45">
      <c r="A1551" s="23">
        <v>1545</v>
      </c>
      <c r="B1551" s="25"/>
      <c r="C1551" s="25"/>
      <c r="D1551" s="29"/>
      <c r="E1551" s="1"/>
      <c r="F1551" s="1"/>
      <c r="G1551" s="25"/>
      <c r="H1551" s="71"/>
      <c r="I1551" s="83"/>
      <c r="J1551" s="50" t="str">
        <f t="shared" si="50"/>
        <v/>
      </c>
      <c r="K1551" s="23" t="s">
        <v>7120</v>
      </c>
      <c r="L1551" s="49" t="e">
        <f>VLOOKUP(E1551&amp;F1551,団体コード!$A$1:$C$1743,3,FALSE)</f>
        <v>#N/A</v>
      </c>
      <c r="M1551" s="49" t="e">
        <f>VLOOKUP(E1551&amp;F1551,団体コード!$A$1:$C$1743,2,FALSE)</f>
        <v>#N/A</v>
      </c>
      <c r="N1551" s="51" t="e">
        <f>VLOOKUP(E1551,団体コード!$E$1:$F$48,2,FALSE)</f>
        <v>#N/A</v>
      </c>
      <c r="O1551" s="51" t="e">
        <f t="shared" si="51"/>
        <v>#N/A</v>
      </c>
      <c r="P1551" s="51">
        <v>1</v>
      </c>
      <c r="Q1551" s="51" t="s">
        <v>5341</v>
      </c>
      <c r="R1551" s="54" t="b">
        <v>1</v>
      </c>
      <c r="S1551" s="52" t="s">
        <v>7126</v>
      </c>
      <c r="T1551" s="67" t="s">
        <v>7127</v>
      </c>
      <c r="U1551" s="75" t="s">
        <v>5331</v>
      </c>
      <c r="V1551" s="47" t="s">
        <v>5331</v>
      </c>
      <c r="W1551" s="47" t="s">
        <v>5331</v>
      </c>
      <c r="X1551" s="47" t="s">
        <v>5331</v>
      </c>
      <c r="Y1551" s="47" t="s">
        <v>5331</v>
      </c>
      <c r="Z1551" s="28"/>
      <c r="AA1551" s="27"/>
      <c r="AB1551" s="27"/>
      <c r="AC1551" s="27"/>
      <c r="AD1551" s="30"/>
      <c r="AE1551" s="1"/>
      <c r="AF1551" s="23" t="s">
        <v>5331</v>
      </c>
      <c r="AG1551" s="26"/>
      <c r="AH1551" s="53"/>
    </row>
    <row r="1552" spans="1:34" ht="51.6" customHeight="1" x14ac:dyDescent="0.45">
      <c r="A1552" s="23">
        <v>1546</v>
      </c>
      <c r="B1552" s="25"/>
      <c r="C1552" s="25"/>
      <c r="D1552" s="29"/>
      <c r="E1552" s="1"/>
      <c r="F1552" s="1"/>
      <c r="G1552" s="25"/>
      <c r="H1552" s="71"/>
      <c r="I1552" s="83"/>
      <c r="J1552" s="50" t="str">
        <f t="shared" si="50"/>
        <v/>
      </c>
      <c r="K1552" s="23" t="s">
        <v>7120</v>
      </c>
      <c r="L1552" s="49" t="e">
        <f>VLOOKUP(E1552&amp;F1552,団体コード!$A$1:$C$1743,3,FALSE)</f>
        <v>#N/A</v>
      </c>
      <c r="M1552" s="49" t="e">
        <f>VLOOKUP(E1552&amp;F1552,団体コード!$A$1:$C$1743,2,FALSE)</f>
        <v>#N/A</v>
      </c>
      <c r="N1552" s="51" t="e">
        <f>VLOOKUP(E1552,団体コード!$E$1:$F$48,2,FALSE)</f>
        <v>#N/A</v>
      </c>
      <c r="O1552" s="51" t="e">
        <f t="shared" si="51"/>
        <v>#N/A</v>
      </c>
      <c r="P1552" s="51">
        <v>1</v>
      </c>
      <c r="Q1552" s="51" t="s">
        <v>5341</v>
      </c>
      <c r="R1552" s="54" t="b">
        <v>1</v>
      </c>
      <c r="S1552" s="52" t="s">
        <v>7126</v>
      </c>
      <c r="T1552" s="67" t="s">
        <v>7127</v>
      </c>
      <c r="U1552" s="75" t="s">
        <v>5331</v>
      </c>
      <c r="V1552" s="47" t="s">
        <v>5331</v>
      </c>
      <c r="W1552" s="47" t="s">
        <v>5331</v>
      </c>
      <c r="X1552" s="47" t="s">
        <v>5331</v>
      </c>
      <c r="Y1552" s="47" t="s">
        <v>5331</v>
      </c>
      <c r="Z1552" s="28"/>
      <c r="AA1552" s="27"/>
      <c r="AB1552" s="27"/>
      <c r="AC1552" s="27"/>
      <c r="AD1552" s="30"/>
      <c r="AE1552" s="1"/>
      <c r="AF1552" s="23" t="s">
        <v>5331</v>
      </c>
      <c r="AG1552" s="26"/>
      <c r="AH1552" s="53"/>
    </row>
    <row r="1553" spans="1:34" ht="51.6" customHeight="1" x14ac:dyDescent="0.45">
      <c r="A1553" s="23">
        <v>1547</v>
      </c>
      <c r="B1553" s="25"/>
      <c r="C1553" s="25"/>
      <c r="D1553" s="29"/>
      <c r="E1553" s="1"/>
      <c r="F1553" s="1"/>
      <c r="G1553" s="25"/>
      <c r="H1553" s="71"/>
      <c r="I1553" s="83"/>
      <c r="J1553" s="50" t="str">
        <f t="shared" si="50"/>
        <v/>
      </c>
      <c r="K1553" s="23" t="s">
        <v>7120</v>
      </c>
      <c r="L1553" s="49" t="e">
        <f>VLOOKUP(E1553&amp;F1553,団体コード!$A$1:$C$1743,3,FALSE)</f>
        <v>#N/A</v>
      </c>
      <c r="M1553" s="49" t="e">
        <f>VLOOKUP(E1553&amp;F1553,団体コード!$A$1:$C$1743,2,FALSE)</f>
        <v>#N/A</v>
      </c>
      <c r="N1553" s="51" t="e">
        <f>VLOOKUP(E1553,団体コード!$E$1:$F$48,2,FALSE)</f>
        <v>#N/A</v>
      </c>
      <c r="O1553" s="51" t="e">
        <f t="shared" si="51"/>
        <v>#N/A</v>
      </c>
      <c r="P1553" s="51">
        <v>1</v>
      </c>
      <c r="Q1553" s="51" t="s">
        <v>5341</v>
      </c>
      <c r="R1553" s="54" t="b">
        <v>1</v>
      </c>
      <c r="S1553" s="52" t="s">
        <v>7126</v>
      </c>
      <c r="T1553" s="67" t="s">
        <v>7127</v>
      </c>
      <c r="U1553" s="75" t="s">
        <v>5331</v>
      </c>
      <c r="V1553" s="47" t="s">
        <v>5331</v>
      </c>
      <c r="W1553" s="47" t="s">
        <v>5331</v>
      </c>
      <c r="X1553" s="47" t="s">
        <v>5331</v>
      </c>
      <c r="Y1553" s="47" t="s">
        <v>5331</v>
      </c>
      <c r="Z1553" s="28"/>
      <c r="AA1553" s="27"/>
      <c r="AB1553" s="27"/>
      <c r="AC1553" s="27"/>
      <c r="AD1553" s="30"/>
      <c r="AE1553" s="1"/>
      <c r="AF1553" s="23" t="s">
        <v>5331</v>
      </c>
      <c r="AG1553" s="26"/>
      <c r="AH1553" s="53"/>
    </row>
    <row r="1554" spans="1:34" ht="51.6" customHeight="1" x14ac:dyDescent="0.45">
      <c r="A1554" s="23">
        <v>1548</v>
      </c>
      <c r="B1554" s="25"/>
      <c r="C1554" s="25"/>
      <c r="D1554" s="29"/>
      <c r="E1554" s="1"/>
      <c r="F1554" s="1"/>
      <c r="G1554" s="25"/>
      <c r="H1554" s="71"/>
      <c r="I1554" s="83"/>
      <c r="J1554" s="50" t="str">
        <f t="shared" si="50"/>
        <v/>
      </c>
      <c r="K1554" s="23" t="s">
        <v>7120</v>
      </c>
      <c r="L1554" s="49" t="e">
        <f>VLOOKUP(E1554&amp;F1554,団体コード!$A$1:$C$1743,3,FALSE)</f>
        <v>#N/A</v>
      </c>
      <c r="M1554" s="49" t="e">
        <f>VLOOKUP(E1554&amp;F1554,団体コード!$A$1:$C$1743,2,FALSE)</f>
        <v>#N/A</v>
      </c>
      <c r="N1554" s="51" t="e">
        <f>VLOOKUP(E1554,団体コード!$E$1:$F$48,2,FALSE)</f>
        <v>#N/A</v>
      </c>
      <c r="O1554" s="51" t="e">
        <f t="shared" si="51"/>
        <v>#N/A</v>
      </c>
      <c r="P1554" s="51">
        <v>1</v>
      </c>
      <c r="Q1554" s="51" t="s">
        <v>5341</v>
      </c>
      <c r="R1554" s="54" t="b">
        <v>1</v>
      </c>
      <c r="S1554" s="52" t="s">
        <v>7126</v>
      </c>
      <c r="T1554" s="67" t="s">
        <v>7127</v>
      </c>
      <c r="U1554" s="75" t="s">
        <v>5331</v>
      </c>
      <c r="V1554" s="47" t="s">
        <v>5331</v>
      </c>
      <c r="W1554" s="47" t="s">
        <v>5331</v>
      </c>
      <c r="X1554" s="47" t="s">
        <v>5331</v>
      </c>
      <c r="Y1554" s="47" t="s">
        <v>5331</v>
      </c>
      <c r="Z1554" s="28"/>
      <c r="AA1554" s="27"/>
      <c r="AB1554" s="27"/>
      <c r="AC1554" s="27"/>
      <c r="AD1554" s="30"/>
      <c r="AE1554" s="1"/>
      <c r="AF1554" s="23" t="s">
        <v>5331</v>
      </c>
      <c r="AG1554" s="26"/>
      <c r="AH1554" s="53"/>
    </row>
    <row r="1555" spans="1:34" ht="51.6" customHeight="1" x14ac:dyDescent="0.45">
      <c r="A1555" s="23">
        <v>1549</v>
      </c>
      <c r="B1555" s="25"/>
      <c r="C1555" s="25"/>
      <c r="D1555" s="29"/>
      <c r="E1555" s="1"/>
      <c r="F1555" s="1"/>
      <c r="G1555" s="25"/>
      <c r="H1555" s="71"/>
      <c r="I1555" s="83"/>
      <c r="J1555" s="50" t="str">
        <f t="shared" si="50"/>
        <v/>
      </c>
      <c r="K1555" s="23" t="s">
        <v>7120</v>
      </c>
      <c r="L1555" s="49" t="e">
        <f>VLOOKUP(E1555&amp;F1555,団体コード!$A$1:$C$1743,3,FALSE)</f>
        <v>#N/A</v>
      </c>
      <c r="M1555" s="49" t="e">
        <f>VLOOKUP(E1555&amp;F1555,団体コード!$A$1:$C$1743,2,FALSE)</f>
        <v>#N/A</v>
      </c>
      <c r="N1555" s="51" t="e">
        <f>VLOOKUP(E1555,団体コード!$E$1:$F$48,2,FALSE)</f>
        <v>#N/A</v>
      </c>
      <c r="O1555" s="51" t="e">
        <f t="shared" si="51"/>
        <v>#N/A</v>
      </c>
      <c r="P1555" s="51">
        <v>1</v>
      </c>
      <c r="Q1555" s="51" t="s">
        <v>5341</v>
      </c>
      <c r="R1555" s="54" t="b">
        <v>1</v>
      </c>
      <c r="S1555" s="52" t="s">
        <v>7126</v>
      </c>
      <c r="T1555" s="67" t="s">
        <v>7127</v>
      </c>
      <c r="U1555" s="75" t="s">
        <v>5331</v>
      </c>
      <c r="V1555" s="47" t="s">
        <v>5331</v>
      </c>
      <c r="W1555" s="47" t="s">
        <v>5331</v>
      </c>
      <c r="X1555" s="47" t="s">
        <v>5331</v>
      </c>
      <c r="Y1555" s="47" t="s">
        <v>5331</v>
      </c>
      <c r="Z1555" s="28"/>
      <c r="AA1555" s="27"/>
      <c r="AB1555" s="27"/>
      <c r="AC1555" s="27"/>
      <c r="AD1555" s="30"/>
      <c r="AE1555" s="1"/>
      <c r="AF1555" s="23" t="s">
        <v>5331</v>
      </c>
      <c r="AG1555" s="26"/>
      <c r="AH1555" s="53"/>
    </row>
    <row r="1556" spans="1:34" ht="51.6" customHeight="1" x14ac:dyDescent="0.45">
      <c r="A1556" s="23">
        <v>1550</v>
      </c>
      <c r="B1556" s="25"/>
      <c r="C1556" s="25"/>
      <c r="D1556" s="29"/>
      <c r="E1556" s="1"/>
      <c r="F1556" s="1"/>
      <c r="G1556" s="25"/>
      <c r="H1556" s="71"/>
      <c r="I1556" s="83"/>
      <c r="J1556" s="50" t="str">
        <f t="shared" si="50"/>
        <v/>
      </c>
      <c r="K1556" s="23" t="s">
        <v>7120</v>
      </c>
      <c r="L1556" s="49" t="e">
        <f>VLOOKUP(E1556&amp;F1556,団体コード!$A$1:$C$1743,3,FALSE)</f>
        <v>#N/A</v>
      </c>
      <c r="M1556" s="49" t="e">
        <f>VLOOKUP(E1556&amp;F1556,団体コード!$A$1:$C$1743,2,FALSE)</f>
        <v>#N/A</v>
      </c>
      <c r="N1556" s="51" t="e">
        <f>VLOOKUP(E1556,団体コード!$E$1:$F$48,2,FALSE)</f>
        <v>#N/A</v>
      </c>
      <c r="O1556" s="51" t="e">
        <f t="shared" si="51"/>
        <v>#N/A</v>
      </c>
      <c r="P1556" s="51">
        <v>1</v>
      </c>
      <c r="Q1556" s="51" t="s">
        <v>5341</v>
      </c>
      <c r="R1556" s="54" t="b">
        <v>1</v>
      </c>
      <c r="S1556" s="52" t="s">
        <v>7126</v>
      </c>
      <c r="T1556" s="67" t="s">
        <v>7127</v>
      </c>
      <c r="U1556" s="75" t="s">
        <v>5331</v>
      </c>
      <c r="V1556" s="47" t="s">
        <v>5331</v>
      </c>
      <c r="W1556" s="47" t="s">
        <v>5331</v>
      </c>
      <c r="X1556" s="47" t="s">
        <v>5331</v>
      </c>
      <c r="Y1556" s="47" t="s">
        <v>5331</v>
      </c>
      <c r="Z1556" s="28"/>
      <c r="AA1556" s="27"/>
      <c r="AB1556" s="27"/>
      <c r="AC1556" s="27"/>
      <c r="AD1556" s="30"/>
      <c r="AE1556" s="1"/>
      <c r="AF1556" s="23" t="s">
        <v>5331</v>
      </c>
      <c r="AG1556" s="26"/>
      <c r="AH1556" s="53"/>
    </row>
    <row r="1557" spans="1:34" ht="51.6" customHeight="1" x14ac:dyDescent="0.45">
      <c r="A1557" s="23">
        <v>1551</v>
      </c>
      <c r="B1557" s="25"/>
      <c r="C1557" s="25"/>
      <c r="D1557" s="29"/>
      <c r="E1557" s="1"/>
      <c r="F1557" s="1"/>
      <c r="G1557" s="25"/>
      <c r="H1557" s="71"/>
      <c r="I1557" s="83"/>
      <c r="J1557" s="50" t="str">
        <f t="shared" si="50"/>
        <v/>
      </c>
      <c r="K1557" s="23" t="s">
        <v>7120</v>
      </c>
      <c r="L1557" s="49" t="e">
        <f>VLOOKUP(E1557&amp;F1557,団体コード!$A$1:$C$1743,3,FALSE)</f>
        <v>#N/A</v>
      </c>
      <c r="M1557" s="49" t="e">
        <f>VLOOKUP(E1557&amp;F1557,団体コード!$A$1:$C$1743,2,FALSE)</f>
        <v>#N/A</v>
      </c>
      <c r="N1557" s="51" t="e">
        <f>VLOOKUP(E1557,団体コード!$E$1:$F$48,2,FALSE)</f>
        <v>#N/A</v>
      </c>
      <c r="O1557" s="51" t="e">
        <f t="shared" si="51"/>
        <v>#N/A</v>
      </c>
      <c r="P1557" s="51">
        <v>1</v>
      </c>
      <c r="Q1557" s="51" t="s">
        <v>5341</v>
      </c>
      <c r="R1557" s="54" t="b">
        <v>1</v>
      </c>
      <c r="S1557" s="52" t="s">
        <v>7126</v>
      </c>
      <c r="T1557" s="67" t="s">
        <v>7127</v>
      </c>
      <c r="U1557" s="75" t="s">
        <v>5331</v>
      </c>
      <c r="V1557" s="47" t="s">
        <v>5331</v>
      </c>
      <c r="W1557" s="47" t="s">
        <v>5331</v>
      </c>
      <c r="X1557" s="47" t="s">
        <v>5331</v>
      </c>
      <c r="Y1557" s="47" t="s">
        <v>5331</v>
      </c>
      <c r="Z1557" s="28"/>
      <c r="AA1557" s="27"/>
      <c r="AB1557" s="27"/>
      <c r="AC1557" s="27"/>
      <c r="AD1557" s="30"/>
      <c r="AE1557" s="1"/>
      <c r="AF1557" s="23" t="s">
        <v>5331</v>
      </c>
      <c r="AG1557" s="26"/>
      <c r="AH1557" s="53"/>
    </row>
    <row r="1558" spans="1:34" ht="51.6" customHeight="1" x14ac:dyDescent="0.45">
      <c r="A1558" s="23">
        <v>1552</v>
      </c>
      <c r="B1558" s="25"/>
      <c r="C1558" s="25"/>
      <c r="D1558" s="29"/>
      <c r="E1558" s="1"/>
      <c r="F1558" s="1"/>
      <c r="G1558" s="25"/>
      <c r="H1558" s="71"/>
      <c r="I1558" s="83"/>
      <c r="J1558" s="50" t="str">
        <f t="shared" si="50"/>
        <v/>
      </c>
      <c r="K1558" s="23" t="s">
        <v>7120</v>
      </c>
      <c r="L1558" s="49" t="e">
        <f>VLOOKUP(E1558&amp;F1558,団体コード!$A$1:$C$1743,3,FALSE)</f>
        <v>#N/A</v>
      </c>
      <c r="M1558" s="49" t="e">
        <f>VLOOKUP(E1558&amp;F1558,団体コード!$A$1:$C$1743,2,FALSE)</f>
        <v>#N/A</v>
      </c>
      <c r="N1558" s="51" t="e">
        <f>VLOOKUP(E1558,団体コード!$E$1:$F$48,2,FALSE)</f>
        <v>#N/A</v>
      </c>
      <c r="O1558" s="51" t="e">
        <f t="shared" si="51"/>
        <v>#N/A</v>
      </c>
      <c r="P1558" s="51">
        <v>1</v>
      </c>
      <c r="Q1558" s="51" t="s">
        <v>5341</v>
      </c>
      <c r="R1558" s="54" t="b">
        <v>1</v>
      </c>
      <c r="S1558" s="52" t="s">
        <v>7126</v>
      </c>
      <c r="T1558" s="67" t="s">
        <v>7127</v>
      </c>
      <c r="U1558" s="75" t="s">
        <v>5331</v>
      </c>
      <c r="V1558" s="47" t="s">
        <v>5331</v>
      </c>
      <c r="W1558" s="47" t="s">
        <v>5331</v>
      </c>
      <c r="X1558" s="47" t="s">
        <v>5331</v>
      </c>
      <c r="Y1558" s="47" t="s">
        <v>5331</v>
      </c>
      <c r="Z1558" s="28"/>
      <c r="AA1558" s="27"/>
      <c r="AB1558" s="27"/>
      <c r="AC1558" s="27"/>
      <c r="AD1558" s="30"/>
      <c r="AE1558" s="1"/>
      <c r="AF1558" s="23" t="s">
        <v>5331</v>
      </c>
      <c r="AG1558" s="26"/>
      <c r="AH1558" s="53"/>
    </row>
    <row r="1559" spans="1:34" ht="51.6" customHeight="1" x14ac:dyDescent="0.45">
      <c r="A1559" s="23">
        <v>1553</v>
      </c>
      <c r="B1559" s="25"/>
      <c r="C1559" s="25"/>
      <c r="D1559" s="29"/>
      <c r="E1559" s="1"/>
      <c r="F1559" s="1"/>
      <c r="G1559" s="25"/>
      <c r="H1559" s="71"/>
      <c r="I1559" s="83"/>
      <c r="J1559" s="50" t="str">
        <f t="shared" si="50"/>
        <v/>
      </c>
      <c r="K1559" s="23" t="s">
        <v>7120</v>
      </c>
      <c r="L1559" s="49" t="e">
        <f>VLOOKUP(E1559&amp;F1559,団体コード!$A$1:$C$1743,3,FALSE)</f>
        <v>#N/A</v>
      </c>
      <c r="M1559" s="49" t="e">
        <f>VLOOKUP(E1559&amp;F1559,団体コード!$A$1:$C$1743,2,FALSE)</f>
        <v>#N/A</v>
      </c>
      <c r="N1559" s="51" t="e">
        <f>VLOOKUP(E1559,団体コード!$E$1:$F$48,2,FALSE)</f>
        <v>#N/A</v>
      </c>
      <c r="O1559" s="51" t="e">
        <f t="shared" si="51"/>
        <v>#N/A</v>
      </c>
      <c r="P1559" s="51">
        <v>1</v>
      </c>
      <c r="Q1559" s="51" t="s">
        <v>5341</v>
      </c>
      <c r="R1559" s="54" t="b">
        <v>1</v>
      </c>
      <c r="S1559" s="52" t="s">
        <v>7126</v>
      </c>
      <c r="T1559" s="67" t="s">
        <v>7127</v>
      </c>
      <c r="U1559" s="75" t="s">
        <v>5331</v>
      </c>
      <c r="V1559" s="47" t="s">
        <v>5331</v>
      </c>
      <c r="W1559" s="47" t="s">
        <v>5331</v>
      </c>
      <c r="X1559" s="47" t="s">
        <v>5331</v>
      </c>
      <c r="Y1559" s="47" t="s">
        <v>5331</v>
      </c>
      <c r="Z1559" s="28"/>
      <c r="AA1559" s="27"/>
      <c r="AB1559" s="27"/>
      <c r="AC1559" s="27"/>
      <c r="AD1559" s="30"/>
      <c r="AE1559" s="1"/>
      <c r="AF1559" s="23" t="s">
        <v>5331</v>
      </c>
      <c r="AG1559" s="26"/>
      <c r="AH1559" s="53"/>
    </row>
    <row r="1560" spans="1:34" ht="51.6" customHeight="1" x14ac:dyDescent="0.45">
      <c r="A1560" s="23">
        <v>1554</v>
      </c>
      <c r="B1560" s="25"/>
      <c r="C1560" s="25"/>
      <c r="D1560" s="29"/>
      <c r="E1560" s="1"/>
      <c r="F1560" s="1"/>
      <c r="G1560" s="25"/>
      <c r="H1560" s="71"/>
      <c r="I1560" s="83"/>
      <c r="J1560" s="50" t="str">
        <f t="shared" si="50"/>
        <v/>
      </c>
      <c r="K1560" s="23" t="s">
        <v>7120</v>
      </c>
      <c r="L1560" s="49" t="e">
        <f>VLOOKUP(E1560&amp;F1560,団体コード!$A$1:$C$1743,3,FALSE)</f>
        <v>#N/A</v>
      </c>
      <c r="M1560" s="49" t="e">
        <f>VLOOKUP(E1560&amp;F1560,団体コード!$A$1:$C$1743,2,FALSE)</f>
        <v>#N/A</v>
      </c>
      <c r="N1560" s="51" t="e">
        <f>VLOOKUP(E1560,団体コード!$E$1:$F$48,2,FALSE)</f>
        <v>#N/A</v>
      </c>
      <c r="O1560" s="51" t="e">
        <f t="shared" si="51"/>
        <v>#N/A</v>
      </c>
      <c r="P1560" s="51">
        <v>1</v>
      </c>
      <c r="Q1560" s="51" t="s">
        <v>5341</v>
      </c>
      <c r="R1560" s="54" t="b">
        <v>1</v>
      </c>
      <c r="S1560" s="52" t="s">
        <v>7126</v>
      </c>
      <c r="T1560" s="67" t="s">
        <v>7127</v>
      </c>
      <c r="U1560" s="75" t="s">
        <v>5331</v>
      </c>
      <c r="V1560" s="47" t="s">
        <v>5331</v>
      </c>
      <c r="W1560" s="47" t="s">
        <v>5331</v>
      </c>
      <c r="X1560" s="47" t="s">
        <v>5331</v>
      </c>
      <c r="Y1560" s="47" t="s">
        <v>5331</v>
      </c>
      <c r="Z1560" s="28"/>
      <c r="AA1560" s="27"/>
      <c r="AB1560" s="27"/>
      <c r="AC1560" s="27"/>
      <c r="AD1560" s="30"/>
      <c r="AE1560" s="1"/>
      <c r="AF1560" s="23" t="s">
        <v>5331</v>
      </c>
      <c r="AG1560" s="26"/>
      <c r="AH1560" s="53"/>
    </row>
    <row r="1561" spans="1:34" ht="51.6" customHeight="1" x14ac:dyDescent="0.45">
      <c r="A1561" s="23">
        <v>1555</v>
      </c>
      <c r="B1561" s="25"/>
      <c r="C1561" s="25"/>
      <c r="D1561" s="29"/>
      <c r="E1561" s="1"/>
      <c r="F1561" s="1"/>
      <c r="G1561" s="25"/>
      <c r="H1561" s="71"/>
      <c r="I1561" s="83"/>
      <c r="J1561" s="50" t="str">
        <f t="shared" si="50"/>
        <v/>
      </c>
      <c r="K1561" s="23" t="s">
        <v>7120</v>
      </c>
      <c r="L1561" s="49" t="e">
        <f>VLOOKUP(E1561&amp;F1561,団体コード!$A$1:$C$1743,3,FALSE)</f>
        <v>#N/A</v>
      </c>
      <c r="M1561" s="49" t="e">
        <f>VLOOKUP(E1561&amp;F1561,団体コード!$A$1:$C$1743,2,FALSE)</f>
        <v>#N/A</v>
      </c>
      <c r="N1561" s="51" t="e">
        <f>VLOOKUP(E1561,団体コード!$E$1:$F$48,2,FALSE)</f>
        <v>#N/A</v>
      </c>
      <c r="O1561" s="51" t="e">
        <f t="shared" si="51"/>
        <v>#N/A</v>
      </c>
      <c r="P1561" s="51">
        <v>1</v>
      </c>
      <c r="Q1561" s="51" t="s">
        <v>5341</v>
      </c>
      <c r="R1561" s="54" t="b">
        <v>1</v>
      </c>
      <c r="S1561" s="52" t="s">
        <v>7126</v>
      </c>
      <c r="T1561" s="67" t="s">
        <v>7127</v>
      </c>
      <c r="U1561" s="75" t="s">
        <v>5331</v>
      </c>
      <c r="V1561" s="47" t="s">
        <v>5331</v>
      </c>
      <c r="W1561" s="47" t="s">
        <v>5331</v>
      </c>
      <c r="X1561" s="47" t="s">
        <v>5331</v>
      </c>
      <c r="Y1561" s="47" t="s">
        <v>5331</v>
      </c>
      <c r="Z1561" s="28"/>
      <c r="AA1561" s="27"/>
      <c r="AB1561" s="27"/>
      <c r="AC1561" s="27"/>
      <c r="AD1561" s="30"/>
      <c r="AE1561" s="1"/>
      <c r="AF1561" s="23" t="s">
        <v>5331</v>
      </c>
      <c r="AG1561" s="26"/>
      <c r="AH1561" s="53"/>
    </row>
    <row r="1562" spans="1:34" ht="51.6" customHeight="1" x14ac:dyDescent="0.45">
      <c r="A1562" s="23">
        <v>1556</v>
      </c>
      <c r="B1562" s="25"/>
      <c r="C1562" s="25"/>
      <c r="D1562" s="29"/>
      <c r="E1562" s="1"/>
      <c r="F1562" s="1"/>
      <c r="G1562" s="25"/>
      <c r="H1562" s="71"/>
      <c r="I1562" s="83"/>
      <c r="J1562" s="50" t="str">
        <f t="shared" si="50"/>
        <v/>
      </c>
      <c r="K1562" s="23" t="s">
        <v>7120</v>
      </c>
      <c r="L1562" s="49" t="e">
        <f>VLOOKUP(E1562&amp;F1562,団体コード!$A$1:$C$1743,3,FALSE)</f>
        <v>#N/A</v>
      </c>
      <c r="M1562" s="49" t="e">
        <f>VLOOKUP(E1562&amp;F1562,団体コード!$A$1:$C$1743,2,FALSE)</f>
        <v>#N/A</v>
      </c>
      <c r="N1562" s="51" t="e">
        <f>VLOOKUP(E1562,団体コード!$E$1:$F$48,2,FALSE)</f>
        <v>#N/A</v>
      </c>
      <c r="O1562" s="51" t="e">
        <f t="shared" si="51"/>
        <v>#N/A</v>
      </c>
      <c r="P1562" s="51">
        <v>1</v>
      </c>
      <c r="Q1562" s="51" t="s">
        <v>5341</v>
      </c>
      <c r="R1562" s="54" t="b">
        <v>1</v>
      </c>
      <c r="S1562" s="52" t="s">
        <v>7126</v>
      </c>
      <c r="T1562" s="67" t="s">
        <v>7127</v>
      </c>
      <c r="U1562" s="75" t="s">
        <v>5331</v>
      </c>
      <c r="V1562" s="47" t="s">
        <v>5331</v>
      </c>
      <c r="W1562" s="47" t="s">
        <v>5331</v>
      </c>
      <c r="X1562" s="47" t="s">
        <v>5331</v>
      </c>
      <c r="Y1562" s="47" t="s">
        <v>5331</v>
      </c>
      <c r="Z1562" s="28"/>
      <c r="AA1562" s="27"/>
      <c r="AB1562" s="27"/>
      <c r="AC1562" s="27"/>
      <c r="AD1562" s="30"/>
      <c r="AE1562" s="1"/>
      <c r="AF1562" s="23" t="s">
        <v>5331</v>
      </c>
      <c r="AG1562" s="26"/>
      <c r="AH1562" s="53"/>
    </row>
    <row r="1563" spans="1:34" ht="51.6" customHeight="1" x14ac:dyDescent="0.45">
      <c r="A1563" s="23">
        <v>1557</v>
      </c>
      <c r="B1563" s="25"/>
      <c r="C1563" s="25"/>
      <c r="D1563" s="29"/>
      <c r="E1563" s="1"/>
      <c r="F1563" s="1"/>
      <c r="G1563" s="25"/>
      <c r="H1563" s="71"/>
      <c r="I1563" s="83"/>
      <c r="J1563" s="50" t="str">
        <f t="shared" si="50"/>
        <v/>
      </c>
      <c r="K1563" s="23" t="s">
        <v>7120</v>
      </c>
      <c r="L1563" s="49" t="e">
        <f>VLOOKUP(E1563&amp;F1563,団体コード!$A$1:$C$1743,3,FALSE)</f>
        <v>#N/A</v>
      </c>
      <c r="M1563" s="49" t="e">
        <f>VLOOKUP(E1563&amp;F1563,団体コード!$A$1:$C$1743,2,FALSE)</f>
        <v>#N/A</v>
      </c>
      <c r="N1563" s="51" t="e">
        <f>VLOOKUP(E1563,団体コード!$E$1:$F$48,2,FALSE)</f>
        <v>#N/A</v>
      </c>
      <c r="O1563" s="51" t="e">
        <f t="shared" si="51"/>
        <v>#N/A</v>
      </c>
      <c r="P1563" s="51">
        <v>1</v>
      </c>
      <c r="Q1563" s="51" t="s">
        <v>5341</v>
      </c>
      <c r="R1563" s="54" t="b">
        <v>1</v>
      </c>
      <c r="S1563" s="52" t="s">
        <v>7126</v>
      </c>
      <c r="T1563" s="67" t="s">
        <v>7127</v>
      </c>
      <c r="U1563" s="75" t="s">
        <v>5331</v>
      </c>
      <c r="V1563" s="47" t="s">
        <v>5331</v>
      </c>
      <c r="W1563" s="47" t="s">
        <v>5331</v>
      </c>
      <c r="X1563" s="47" t="s">
        <v>5331</v>
      </c>
      <c r="Y1563" s="47" t="s">
        <v>5331</v>
      </c>
      <c r="Z1563" s="28"/>
      <c r="AA1563" s="27"/>
      <c r="AB1563" s="27"/>
      <c r="AC1563" s="27"/>
      <c r="AD1563" s="30"/>
      <c r="AE1563" s="1"/>
      <c r="AF1563" s="23" t="s">
        <v>5331</v>
      </c>
      <c r="AG1563" s="26"/>
      <c r="AH1563" s="53"/>
    </row>
    <row r="1564" spans="1:34" ht="51.6" customHeight="1" x14ac:dyDescent="0.45">
      <c r="A1564" s="23">
        <v>1558</v>
      </c>
      <c r="B1564" s="25"/>
      <c r="C1564" s="25"/>
      <c r="D1564" s="29"/>
      <c r="E1564" s="1"/>
      <c r="F1564" s="1"/>
      <c r="G1564" s="25"/>
      <c r="H1564" s="71"/>
      <c r="I1564" s="83"/>
      <c r="J1564" s="50" t="str">
        <f t="shared" si="50"/>
        <v/>
      </c>
      <c r="K1564" s="23" t="s">
        <v>7120</v>
      </c>
      <c r="L1564" s="49" t="e">
        <f>VLOOKUP(E1564&amp;F1564,団体コード!$A$1:$C$1743,3,FALSE)</f>
        <v>#N/A</v>
      </c>
      <c r="M1564" s="49" t="e">
        <f>VLOOKUP(E1564&amp;F1564,団体コード!$A$1:$C$1743,2,FALSE)</f>
        <v>#N/A</v>
      </c>
      <c r="N1564" s="51" t="e">
        <f>VLOOKUP(E1564,団体コード!$E$1:$F$48,2,FALSE)</f>
        <v>#N/A</v>
      </c>
      <c r="O1564" s="51" t="e">
        <f t="shared" si="51"/>
        <v>#N/A</v>
      </c>
      <c r="P1564" s="51">
        <v>1</v>
      </c>
      <c r="Q1564" s="51" t="s">
        <v>5341</v>
      </c>
      <c r="R1564" s="54" t="b">
        <v>1</v>
      </c>
      <c r="S1564" s="52" t="s">
        <v>7126</v>
      </c>
      <c r="T1564" s="67" t="s">
        <v>7127</v>
      </c>
      <c r="U1564" s="75" t="s">
        <v>5331</v>
      </c>
      <c r="V1564" s="47" t="s">
        <v>5331</v>
      </c>
      <c r="W1564" s="47" t="s">
        <v>5331</v>
      </c>
      <c r="X1564" s="47" t="s">
        <v>5331</v>
      </c>
      <c r="Y1564" s="47" t="s">
        <v>5331</v>
      </c>
      <c r="Z1564" s="28"/>
      <c r="AA1564" s="27"/>
      <c r="AB1564" s="27"/>
      <c r="AC1564" s="27"/>
      <c r="AD1564" s="30"/>
      <c r="AE1564" s="1"/>
      <c r="AF1564" s="23" t="s">
        <v>5331</v>
      </c>
      <c r="AG1564" s="26"/>
      <c r="AH1564" s="53"/>
    </row>
    <row r="1565" spans="1:34" ht="51.6" customHeight="1" x14ac:dyDescent="0.45">
      <c r="A1565" s="23">
        <v>1559</v>
      </c>
      <c r="B1565" s="25"/>
      <c r="C1565" s="25"/>
      <c r="D1565" s="29"/>
      <c r="E1565" s="1"/>
      <c r="F1565" s="1"/>
      <c r="G1565" s="25"/>
      <c r="H1565" s="71"/>
      <c r="I1565" s="83"/>
      <c r="J1565" s="50" t="str">
        <f t="shared" si="50"/>
        <v/>
      </c>
      <c r="K1565" s="23" t="s">
        <v>7120</v>
      </c>
      <c r="L1565" s="49" t="e">
        <f>VLOOKUP(E1565&amp;F1565,団体コード!$A$1:$C$1743,3,FALSE)</f>
        <v>#N/A</v>
      </c>
      <c r="M1565" s="49" t="e">
        <f>VLOOKUP(E1565&amp;F1565,団体コード!$A$1:$C$1743,2,FALSE)</f>
        <v>#N/A</v>
      </c>
      <c r="N1565" s="51" t="e">
        <f>VLOOKUP(E1565,団体コード!$E$1:$F$48,2,FALSE)</f>
        <v>#N/A</v>
      </c>
      <c r="O1565" s="51" t="e">
        <f t="shared" si="51"/>
        <v>#N/A</v>
      </c>
      <c r="P1565" s="51">
        <v>1</v>
      </c>
      <c r="Q1565" s="51" t="s">
        <v>5341</v>
      </c>
      <c r="R1565" s="54" t="b">
        <v>1</v>
      </c>
      <c r="S1565" s="52" t="s">
        <v>7126</v>
      </c>
      <c r="T1565" s="67" t="s">
        <v>7127</v>
      </c>
      <c r="U1565" s="75" t="s">
        <v>5331</v>
      </c>
      <c r="V1565" s="47" t="s">
        <v>5331</v>
      </c>
      <c r="W1565" s="47" t="s">
        <v>5331</v>
      </c>
      <c r="X1565" s="47" t="s">
        <v>5331</v>
      </c>
      <c r="Y1565" s="47" t="s">
        <v>5331</v>
      </c>
      <c r="Z1565" s="28"/>
      <c r="AA1565" s="27"/>
      <c r="AB1565" s="27"/>
      <c r="AC1565" s="27"/>
      <c r="AD1565" s="30"/>
      <c r="AE1565" s="1"/>
      <c r="AF1565" s="23" t="s">
        <v>5331</v>
      </c>
      <c r="AG1565" s="26"/>
      <c r="AH1565" s="53"/>
    </row>
    <row r="1566" spans="1:34" ht="51.6" customHeight="1" x14ac:dyDescent="0.45">
      <c r="A1566" s="23">
        <v>1560</v>
      </c>
      <c r="B1566" s="25"/>
      <c r="C1566" s="25"/>
      <c r="D1566" s="29"/>
      <c r="E1566" s="1"/>
      <c r="F1566" s="1"/>
      <c r="G1566" s="25"/>
      <c r="H1566" s="71"/>
      <c r="I1566" s="83"/>
      <c r="J1566" s="50" t="str">
        <f t="shared" si="50"/>
        <v/>
      </c>
      <c r="K1566" s="23" t="s">
        <v>7120</v>
      </c>
      <c r="L1566" s="49" t="e">
        <f>VLOOKUP(E1566&amp;F1566,団体コード!$A$1:$C$1743,3,FALSE)</f>
        <v>#N/A</v>
      </c>
      <c r="M1566" s="49" t="e">
        <f>VLOOKUP(E1566&amp;F1566,団体コード!$A$1:$C$1743,2,FALSE)</f>
        <v>#N/A</v>
      </c>
      <c r="N1566" s="51" t="e">
        <f>VLOOKUP(E1566,団体コード!$E$1:$F$48,2,FALSE)</f>
        <v>#N/A</v>
      </c>
      <c r="O1566" s="51" t="e">
        <f t="shared" si="51"/>
        <v>#N/A</v>
      </c>
      <c r="P1566" s="51">
        <v>1</v>
      </c>
      <c r="Q1566" s="51" t="s">
        <v>5341</v>
      </c>
      <c r="R1566" s="54" t="b">
        <v>1</v>
      </c>
      <c r="S1566" s="52" t="s">
        <v>7126</v>
      </c>
      <c r="T1566" s="67" t="s">
        <v>7127</v>
      </c>
      <c r="U1566" s="75" t="s">
        <v>5331</v>
      </c>
      <c r="V1566" s="47" t="s">
        <v>5331</v>
      </c>
      <c r="W1566" s="47" t="s">
        <v>5331</v>
      </c>
      <c r="X1566" s="47" t="s">
        <v>5331</v>
      </c>
      <c r="Y1566" s="47" t="s">
        <v>5331</v>
      </c>
      <c r="Z1566" s="28"/>
      <c r="AA1566" s="27"/>
      <c r="AB1566" s="27"/>
      <c r="AC1566" s="27"/>
      <c r="AD1566" s="30"/>
      <c r="AE1566" s="1"/>
      <c r="AF1566" s="23" t="s">
        <v>5331</v>
      </c>
      <c r="AG1566" s="26"/>
      <c r="AH1566" s="53"/>
    </row>
    <row r="1567" spans="1:34" ht="51.6" customHeight="1" x14ac:dyDescent="0.45">
      <c r="A1567" s="23">
        <v>1561</v>
      </c>
      <c r="B1567" s="25"/>
      <c r="C1567" s="25"/>
      <c r="D1567" s="29"/>
      <c r="E1567" s="1"/>
      <c r="F1567" s="1"/>
      <c r="G1567" s="25"/>
      <c r="H1567" s="71"/>
      <c r="I1567" s="83"/>
      <c r="J1567" s="50" t="str">
        <f t="shared" si="50"/>
        <v/>
      </c>
      <c r="K1567" s="23" t="s">
        <v>7120</v>
      </c>
      <c r="L1567" s="49" t="e">
        <f>VLOOKUP(E1567&amp;F1567,団体コード!$A$1:$C$1743,3,FALSE)</f>
        <v>#N/A</v>
      </c>
      <c r="M1567" s="49" t="e">
        <f>VLOOKUP(E1567&amp;F1567,団体コード!$A$1:$C$1743,2,FALSE)</f>
        <v>#N/A</v>
      </c>
      <c r="N1567" s="51" t="e">
        <f>VLOOKUP(E1567,団体コード!$E$1:$F$48,2,FALSE)</f>
        <v>#N/A</v>
      </c>
      <c r="O1567" s="51" t="e">
        <f t="shared" si="51"/>
        <v>#N/A</v>
      </c>
      <c r="P1567" s="51">
        <v>1</v>
      </c>
      <c r="Q1567" s="51" t="s">
        <v>5341</v>
      </c>
      <c r="R1567" s="54" t="b">
        <v>1</v>
      </c>
      <c r="S1567" s="52" t="s">
        <v>7126</v>
      </c>
      <c r="T1567" s="67" t="s">
        <v>7127</v>
      </c>
      <c r="U1567" s="75" t="s">
        <v>5331</v>
      </c>
      <c r="V1567" s="47" t="s">
        <v>5331</v>
      </c>
      <c r="W1567" s="47" t="s">
        <v>5331</v>
      </c>
      <c r="X1567" s="47" t="s">
        <v>5331</v>
      </c>
      <c r="Y1567" s="47" t="s">
        <v>5331</v>
      </c>
      <c r="Z1567" s="28"/>
      <c r="AA1567" s="27"/>
      <c r="AB1567" s="27"/>
      <c r="AC1567" s="27"/>
      <c r="AD1567" s="30"/>
      <c r="AE1567" s="1"/>
      <c r="AF1567" s="23" t="s">
        <v>5331</v>
      </c>
      <c r="AG1567" s="26"/>
      <c r="AH1567" s="53"/>
    </row>
    <row r="1568" spans="1:34" ht="51.6" customHeight="1" x14ac:dyDescent="0.45">
      <c r="A1568" s="23">
        <v>1562</v>
      </c>
      <c r="B1568" s="25"/>
      <c r="C1568" s="25"/>
      <c r="D1568" s="29"/>
      <c r="E1568" s="1"/>
      <c r="F1568" s="1"/>
      <c r="G1568" s="25"/>
      <c r="H1568" s="71"/>
      <c r="I1568" s="83"/>
      <c r="J1568" s="50" t="str">
        <f t="shared" si="50"/>
        <v/>
      </c>
      <c r="K1568" s="23" t="s">
        <v>7120</v>
      </c>
      <c r="L1568" s="49" t="e">
        <f>VLOOKUP(E1568&amp;F1568,団体コード!$A$1:$C$1743,3,FALSE)</f>
        <v>#N/A</v>
      </c>
      <c r="M1568" s="49" t="e">
        <f>VLOOKUP(E1568&amp;F1568,団体コード!$A$1:$C$1743,2,FALSE)</f>
        <v>#N/A</v>
      </c>
      <c r="N1568" s="51" t="e">
        <f>VLOOKUP(E1568,団体コード!$E$1:$F$48,2,FALSE)</f>
        <v>#N/A</v>
      </c>
      <c r="O1568" s="51" t="e">
        <f t="shared" si="51"/>
        <v>#N/A</v>
      </c>
      <c r="P1568" s="51">
        <v>1</v>
      </c>
      <c r="Q1568" s="51" t="s">
        <v>5341</v>
      </c>
      <c r="R1568" s="54" t="b">
        <v>1</v>
      </c>
      <c r="S1568" s="52" t="s">
        <v>7126</v>
      </c>
      <c r="T1568" s="67" t="s">
        <v>7127</v>
      </c>
      <c r="U1568" s="75" t="s">
        <v>5331</v>
      </c>
      <c r="V1568" s="47" t="s">
        <v>5331</v>
      </c>
      <c r="W1568" s="47" t="s">
        <v>5331</v>
      </c>
      <c r="X1568" s="47" t="s">
        <v>5331</v>
      </c>
      <c r="Y1568" s="47" t="s">
        <v>5331</v>
      </c>
      <c r="Z1568" s="28"/>
      <c r="AA1568" s="27"/>
      <c r="AB1568" s="27"/>
      <c r="AC1568" s="27"/>
      <c r="AD1568" s="30"/>
      <c r="AE1568" s="1"/>
      <c r="AF1568" s="23" t="s">
        <v>5331</v>
      </c>
      <c r="AG1568" s="26"/>
      <c r="AH1568" s="53"/>
    </row>
    <row r="1569" spans="1:34" ht="51.6" customHeight="1" x14ac:dyDescent="0.45">
      <c r="A1569" s="23">
        <v>1563</v>
      </c>
      <c r="B1569" s="25"/>
      <c r="C1569" s="25"/>
      <c r="D1569" s="29"/>
      <c r="E1569" s="1"/>
      <c r="F1569" s="1"/>
      <c r="G1569" s="25"/>
      <c r="H1569" s="71"/>
      <c r="I1569" s="83"/>
      <c r="J1569" s="50" t="str">
        <f t="shared" si="50"/>
        <v/>
      </c>
      <c r="K1569" s="23" t="s">
        <v>7120</v>
      </c>
      <c r="L1569" s="49" t="e">
        <f>VLOOKUP(E1569&amp;F1569,団体コード!$A$1:$C$1743,3,FALSE)</f>
        <v>#N/A</v>
      </c>
      <c r="M1569" s="49" t="e">
        <f>VLOOKUP(E1569&amp;F1569,団体コード!$A$1:$C$1743,2,FALSE)</f>
        <v>#N/A</v>
      </c>
      <c r="N1569" s="51" t="e">
        <f>VLOOKUP(E1569,団体コード!$E$1:$F$48,2,FALSE)</f>
        <v>#N/A</v>
      </c>
      <c r="O1569" s="51" t="e">
        <f t="shared" si="51"/>
        <v>#N/A</v>
      </c>
      <c r="P1569" s="51">
        <v>1</v>
      </c>
      <c r="Q1569" s="51" t="s">
        <v>5341</v>
      </c>
      <c r="R1569" s="54" t="b">
        <v>1</v>
      </c>
      <c r="S1569" s="52" t="s">
        <v>7126</v>
      </c>
      <c r="T1569" s="67" t="s">
        <v>7127</v>
      </c>
      <c r="U1569" s="75" t="s">
        <v>5331</v>
      </c>
      <c r="V1569" s="47" t="s">
        <v>5331</v>
      </c>
      <c r="W1569" s="47" t="s">
        <v>5331</v>
      </c>
      <c r="X1569" s="47" t="s">
        <v>5331</v>
      </c>
      <c r="Y1569" s="47" t="s">
        <v>5331</v>
      </c>
      <c r="Z1569" s="28"/>
      <c r="AA1569" s="27"/>
      <c r="AB1569" s="27"/>
      <c r="AC1569" s="27"/>
      <c r="AD1569" s="30"/>
      <c r="AE1569" s="1"/>
      <c r="AF1569" s="23" t="s">
        <v>5331</v>
      </c>
      <c r="AG1569" s="26"/>
      <c r="AH1569" s="53"/>
    </row>
    <row r="1570" spans="1:34" ht="51.6" customHeight="1" x14ac:dyDescent="0.45">
      <c r="A1570" s="23">
        <v>1564</v>
      </c>
      <c r="B1570" s="25"/>
      <c r="C1570" s="25"/>
      <c r="D1570" s="29"/>
      <c r="E1570" s="1"/>
      <c r="F1570" s="1"/>
      <c r="G1570" s="25"/>
      <c r="H1570" s="71"/>
      <c r="I1570" s="83"/>
      <c r="J1570" s="50" t="str">
        <f t="shared" si="50"/>
        <v/>
      </c>
      <c r="K1570" s="23" t="s">
        <v>7120</v>
      </c>
      <c r="L1570" s="49" t="e">
        <f>VLOOKUP(E1570&amp;F1570,団体コード!$A$1:$C$1743,3,FALSE)</f>
        <v>#N/A</v>
      </c>
      <c r="M1570" s="49" t="e">
        <f>VLOOKUP(E1570&amp;F1570,団体コード!$A$1:$C$1743,2,FALSE)</f>
        <v>#N/A</v>
      </c>
      <c r="N1570" s="51" t="e">
        <f>VLOOKUP(E1570,団体コード!$E$1:$F$48,2,FALSE)</f>
        <v>#N/A</v>
      </c>
      <c r="O1570" s="51" t="e">
        <f t="shared" si="51"/>
        <v>#N/A</v>
      </c>
      <c r="P1570" s="51">
        <v>1</v>
      </c>
      <c r="Q1570" s="51" t="s">
        <v>5341</v>
      </c>
      <c r="R1570" s="54" t="b">
        <v>1</v>
      </c>
      <c r="S1570" s="52" t="s">
        <v>7126</v>
      </c>
      <c r="T1570" s="67" t="s">
        <v>7127</v>
      </c>
      <c r="U1570" s="75" t="s">
        <v>5331</v>
      </c>
      <c r="V1570" s="47" t="s">
        <v>5331</v>
      </c>
      <c r="W1570" s="47" t="s">
        <v>5331</v>
      </c>
      <c r="X1570" s="47" t="s">
        <v>5331</v>
      </c>
      <c r="Y1570" s="47" t="s">
        <v>5331</v>
      </c>
      <c r="Z1570" s="28"/>
      <c r="AA1570" s="27"/>
      <c r="AB1570" s="27"/>
      <c r="AC1570" s="27"/>
      <c r="AD1570" s="30"/>
      <c r="AE1570" s="1"/>
      <c r="AF1570" s="23" t="s">
        <v>5331</v>
      </c>
      <c r="AG1570" s="26"/>
      <c r="AH1570" s="53"/>
    </row>
    <row r="1571" spans="1:34" ht="51.6" customHeight="1" x14ac:dyDescent="0.45">
      <c r="A1571" s="23">
        <v>1565</v>
      </c>
      <c r="B1571" s="25"/>
      <c r="C1571" s="25"/>
      <c r="D1571" s="29"/>
      <c r="E1571" s="1"/>
      <c r="F1571" s="1"/>
      <c r="G1571" s="25"/>
      <c r="H1571" s="71"/>
      <c r="I1571" s="83"/>
      <c r="J1571" s="50" t="str">
        <f t="shared" si="50"/>
        <v/>
      </c>
      <c r="K1571" s="23" t="s">
        <v>7120</v>
      </c>
      <c r="L1571" s="49" t="e">
        <f>VLOOKUP(E1571&amp;F1571,団体コード!$A$1:$C$1743,3,FALSE)</f>
        <v>#N/A</v>
      </c>
      <c r="M1571" s="49" t="e">
        <f>VLOOKUP(E1571&amp;F1571,団体コード!$A$1:$C$1743,2,FALSE)</f>
        <v>#N/A</v>
      </c>
      <c r="N1571" s="51" t="e">
        <f>VLOOKUP(E1571,団体コード!$E$1:$F$48,2,FALSE)</f>
        <v>#N/A</v>
      </c>
      <c r="O1571" s="51" t="e">
        <f t="shared" si="51"/>
        <v>#N/A</v>
      </c>
      <c r="P1571" s="51">
        <v>1</v>
      </c>
      <c r="Q1571" s="51" t="s">
        <v>5341</v>
      </c>
      <c r="R1571" s="54" t="b">
        <v>1</v>
      </c>
      <c r="S1571" s="52" t="s">
        <v>7126</v>
      </c>
      <c r="T1571" s="67" t="s">
        <v>7127</v>
      </c>
      <c r="U1571" s="75" t="s">
        <v>5331</v>
      </c>
      <c r="V1571" s="47" t="s">
        <v>5331</v>
      </c>
      <c r="W1571" s="47" t="s">
        <v>5331</v>
      </c>
      <c r="X1571" s="47" t="s">
        <v>5331</v>
      </c>
      <c r="Y1571" s="47" t="s">
        <v>5331</v>
      </c>
      <c r="Z1571" s="28"/>
      <c r="AA1571" s="27"/>
      <c r="AB1571" s="27"/>
      <c r="AC1571" s="27"/>
      <c r="AD1571" s="30"/>
      <c r="AE1571" s="1"/>
      <c r="AF1571" s="23" t="s">
        <v>5331</v>
      </c>
      <c r="AG1571" s="26"/>
      <c r="AH1571" s="53"/>
    </row>
    <row r="1572" spans="1:34" ht="51.6" customHeight="1" x14ac:dyDescent="0.45">
      <c r="A1572" s="23">
        <v>1566</v>
      </c>
      <c r="B1572" s="25"/>
      <c r="C1572" s="25"/>
      <c r="D1572" s="29"/>
      <c r="E1572" s="1"/>
      <c r="F1572" s="1"/>
      <c r="G1572" s="25"/>
      <c r="H1572" s="71"/>
      <c r="I1572" s="83"/>
      <c r="J1572" s="50" t="str">
        <f t="shared" si="50"/>
        <v/>
      </c>
      <c r="K1572" s="23" t="s">
        <v>7120</v>
      </c>
      <c r="L1572" s="49" t="e">
        <f>VLOOKUP(E1572&amp;F1572,団体コード!$A$1:$C$1743,3,FALSE)</f>
        <v>#N/A</v>
      </c>
      <c r="M1572" s="49" t="e">
        <f>VLOOKUP(E1572&amp;F1572,団体コード!$A$1:$C$1743,2,FALSE)</f>
        <v>#N/A</v>
      </c>
      <c r="N1572" s="51" t="e">
        <f>VLOOKUP(E1572,団体コード!$E$1:$F$48,2,FALSE)</f>
        <v>#N/A</v>
      </c>
      <c r="O1572" s="51" t="e">
        <f t="shared" si="51"/>
        <v>#N/A</v>
      </c>
      <c r="P1572" s="51">
        <v>1</v>
      </c>
      <c r="Q1572" s="51" t="s">
        <v>5341</v>
      </c>
      <c r="R1572" s="54" t="b">
        <v>1</v>
      </c>
      <c r="S1572" s="52" t="s">
        <v>7126</v>
      </c>
      <c r="T1572" s="67" t="s">
        <v>7127</v>
      </c>
      <c r="U1572" s="75" t="s">
        <v>5331</v>
      </c>
      <c r="V1572" s="47" t="s">
        <v>5331</v>
      </c>
      <c r="W1572" s="47" t="s">
        <v>5331</v>
      </c>
      <c r="X1572" s="47" t="s">
        <v>5331</v>
      </c>
      <c r="Y1572" s="47" t="s">
        <v>5331</v>
      </c>
      <c r="Z1572" s="28"/>
      <c r="AA1572" s="27"/>
      <c r="AB1572" s="27"/>
      <c r="AC1572" s="27"/>
      <c r="AD1572" s="30"/>
      <c r="AE1572" s="1"/>
      <c r="AF1572" s="23" t="s">
        <v>5331</v>
      </c>
      <c r="AG1572" s="26"/>
      <c r="AH1572" s="53"/>
    </row>
    <row r="1573" spans="1:34" ht="51.6" customHeight="1" x14ac:dyDescent="0.45">
      <c r="A1573" s="23">
        <v>1567</v>
      </c>
      <c r="B1573" s="25"/>
      <c r="C1573" s="25"/>
      <c r="D1573" s="29"/>
      <c r="E1573" s="1"/>
      <c r="F1573" s="1"/>
      <c r="G1573" s="25"/>
      <c r="H1573" s="71"/>
      <c r="I1573" s="83"/>
      <c r="J1573" s="50" t="str">
        <f t="shared" si="50"/>
        <v/>
      </c>
      <c r="K1573" s="23" t="s">
        <v>7120</v>
      </c>
      <c r="L1573" s="49" t="e">
        <f>VLOOKUP(E1573&amp;F1573,団体コード!$A$1:$C$1743,3,FALSE)</f>
        <v>#N/A</v>
      </c>
      <c r="M1573" s="49" t="e">
        <f>VLOOKUP(E1573&amp;F1573,団体コード!$A$1:$C$1743,2,FALSE)</f>
        <v>#N/A</v>
      </c>
      <c r="N1573" s="51" t="e">
        <f>VLOOKUP(E1573,団体コード!$E$1:$F$48,2,FALSE)</f>
        <v>#N/A</v>
      </c>
      <c r="O1573" s="51" t="e">
        <f t="shared" si="51"/>
        <v>#N/A</v>
      </c>
      <c r="P1573" s="51">
        <v>1</v>
      </c>
      <c r="Q1573" s="51" t="s">
        <v>5341</v>
      </c>
      <c r="R1573" s="54" t="b">
        <v>1</v>
      </c>
      <c r="S1573" s="52" t="s">
        <v>7126</v>
      </c>
      <c r="T1573" s="67" t="s">
        <v>7127</v>
      </c>
      <c r="U1573" s="75" t="s">
        <v>5331</v>
      </c>
      <c r="V1573" s="47" t="s">
        <v>5331</v>
      </c>
      <c r="W1573" s="47" t="s">
        <v>5331</v>
      </c>
      <c r="X1573" s="47" t="s">
        <v>5331</v>
      </c>
      <c r="Y1573" s="47" t="s">
        <v>5331</v>
      </c>
      <c r="Z1573" s="28"/>
      <c r="AA1573" s="27"/>
      <c r="AB1573" s="27"/>
      <c r="AC1573" s="27"/>
      <c r="AD1573" s="30"/>
      <c r="AE1573" s="1"/>
      <c r="AF1573" s="23" t="s">
        <v>5331</v>
      </c>
      <c r="AG1573" s="26"/>
      <c r="AH1573" s="53"/>
    </row>
    <row r="1574" spans="1:34" ht="51.6" customHeight="1" x14ac:dyDescent="0.45">
      <c r="A1574" s="23">
        <v>1568</v>
      </c>
      <c r="B1574" s="25"/>
      <c r="C1574" s="25"/>
      <c r="D1574" s="29"/>
      <c r="E1574" s="1"/>
      <c r="F1574" s="1"/>
      <c r="G1574" s="25"/>
      <c r="H1574" s="71"/>
      <c r="I1574" s="83"/>
      <c r="J1574" s="50" t="str">
        <f t="shared" si="50"/>
        <v/>
      </c>
      <c r="K1574" s="23" t="s">
        <v>7120</v>
      </c>
      <c r="L1574" s="49" t="e">
        <f>VLOOKUP(E1574&amp;F1574,団体コード!$A$1:$C$1743,3,FALSE)</f>
        <v>#N/A</v>
      </c>
      <c r="M1574" s="49" t="e">
        <f>VLOOKUP(E1574&amp;F1574,団体コード!$A$1:$C$1743,2,FALSE)</f>
        <v>#N/A</v>
      </c>
      <c r="N1574" s="51" t="e">
        <f>VLOOKUP(E1574,団体コード!$E$1:$F$48,2,FALSE)</f>
        <v>#N/A</v>
      </c>
      <c r="O1574" s="51" t="e">
        <f t="shared" si="51"/>
        <v>#N/A</v>
      </c>
      <c r="P1574" s="51">
        <v>1</v>
      </c>
      <c r="Q1574" s="51" t="s">
        <v>5341</v>
      </c>
      <c r="R1574" s="54" t="b">
        <v>1</v>
      </c>
      <c r="S1574" s="52" t="s">
        <v>7126</v>
      </c>
      <c r="T1574" s="67" t="s">
        <v>7127</v>
      </c>
      <c r="U1574" s="75" t="s">
        <v>5331</v>
      </c>
      <c r="V1574" s="47" t="s">
        <v>5331</v>
      </c>
      <c r="W1574" s="47" t="s">
        <v>5331</v>
      </c>
      <c r="X1574" s="47" t="s">
        <v>5331</v>
      </c>
      <c r="Y1574" s="47" t="s">
        <v>5331</v>
      </c>
      <c r="Z1574" s="28"/>
      <c r="AA1574" s="27"/>
      <c r="AB1574" s="27"/>
      <c r="AC1574" s="27"/>
      <c r="AD1574" s="30"/>
      <c r="AE1574" s="1"/>
      <c r="AF1574" s="23" t="s">
        <v>5331</v>
      </c>
      <c r="AG1574" s="26"/>
      <c r="AH1574" s="53"/>
    </row>
    <row r="1575" spans="1:34" ht="51.6" customHeight="1" x14ac:dyDescent="0.45">
      <c r="A1575" s="23">
        <v>1569</v>
      </c>
      <c r="B1575" s="25"/>
      <c r="C1575" s="25"/>
      <c r="D1575" s="29"/>
      <c r="E1575" s="1"/>
      <c r="F1575" s="1"/>
      <c r="G1575" s="25"/>
      <c r="H1575" s="71"/>
      <c r="I1575" s="83"/>
      <c r="J1575" s="50" t="str">
        <f t="shared" si="50"/>
        <v/>
      </c>
      <c r="K1575" s="23" t="s">
        <v>7120</v>
      </c>
      <c r="L1575" s="49" t="e">
        <f>VLOOKUP(E1575&amp;F1575,団体コード!$A$1:$C$1743,3,FALSE)</f>
        <v>#N/A</v>
      </c>
      <c r="M1575" s="49" t="e">
        <f>VLOOKUP(E1575&amp;F1575,団体コード!$A$1:$C$1743,2,FALSE)</f>
        <v>#N/A</v>
      </c>
      <c r="N1575" s="51" t="e">
        <f>VLOOKUP(E1575,団体コード!$E$1:$F$48,2,FALSE)</f>
        <v>#N/A</v>
      </c>
      <c r="O1575" s="51" t="e">
        <f t="shared" si="51"/>
        <v>#N/A</v>
      </c>
      <c r="P1575" s="51">
        <v>1</v>
      </c>
      <c r="Q1575" s="51" t="s">
        <v>5341</v>
      </c>
      <c r="R1575" s="54" t="b">
        <v>1</v>
      </c>
      <c r="S1575" s="52" t="s">
        <v>7126</v>
      </c>
      <c r="T1575" s="67" t="s">
        <v>7127</v>
      </c>
      <c r="U1575" s="75" t="s">
        <v>5331</v>
      </c>
      <c r="V1575" s="47" t="s">
        <v>5331</v>
      </c>
      <c r="W1575" s="47" t="s">
        <v>5331</v>
      </c>
      <c r="X1575" s="47" t="s">
        <v>5331</v>
      </c>
      <c r="Y1575" s="47" t="s">
        <v>5331</v>
      </c>
      <c r="Z1575" s="28"/>
      <c r="AA1575" s="27"/>
      <c r="AB1575" s="27"/>
      <c r="AC1575" s="27"/>
      <c r="AD1575" s="30"/>
      <c r="AE1575" s="1"/>
      <c r="AF1575" s="23" t="s">
        <v>5331</v>
      </c>
      <c r="AG1575" s="26"/>
      <c r="AH1575" s="53"/>
    </row>
    <row r="1576" spans="1:34" ht="51.6" customHeight="1" x14ac:dyDescent="0.45">
      <c r="A1576" s="23">
        <v>1570</v>
      </c>
      <c r="B1576" s="25"/>
      <c r="C1576" s="25"/>
      <c r="D1576" s="29"/>
      <c r="E1576" s="1"/>
      <c r="F1576" s="1"/>
      <c r="G1576" s="25"/>
      <c r="H1576" s="71"/>
      <c r="I1576" s="83"/>
      <c r="J1576" s="50" t="str">
        <f t="shared" si="50"/>
        <v/>
      </c>
      <c r="K1576" s="23" t="s">
        <v>7120</v>
      </c>
      <c r="L1576" s="49" t="e">
        <f>VLOOKUP(E1576&amp;F1576,団体コード!$A$1:$C$1743,3,FALSE)</f>
        <v>#N/A</v>
      </c>
      <c r="M1576" s="49" t="e">
        <f>VLOOKUP(E1576&amp;F1576,団体コード!$A$1:$C$1743,2,FALSE)</f>
        <v>#N/A</v>
      </c>
      <c r="N1576" s="51" t="e">
        <f>VLOOKUP(E1576,団体コード!$E$1:$F$48,2,FALSE)</f>
        <v>#N/A</v>
      </c>
      <c r="O1576" s="51" t="e">
        <f t="shared" si="51"/>
        <v>#N/A</v>
      </c>
      <c r="P1576" s="51">
        <v>1</v>
      </c>
      <c r="Q1576" s="51" t="s">
        <v>5341</v>
      </c>
      <c r="R1576" s="54" t="b">
        <v>1</v>
      </c>
      <c r="S1576" s="52" t="s">
        <v>7126</v>
      </c>
      <c r="T1576" s="67" t="s">
        <v>7127</v>
      </c>
      <c r="U1576" s="75" t="s">
        <v>5331</v>
      </c>
      <c r="V1576" s="47" t="s">
        <v>5331</v>
      </c>
      <c r="W1576" s="47" t="s">
        <v>5331</v>
      </c>
      <c r="X1576" s="47" t="s">
        <v>5331</v>
      </c>
      <c r="Y1576" s="47" t="s">
        <v>5331</v>
      </c>
      <c r="Z1576" s="28"/>
      <c r="AA1576" s="27"/>
      <c r="AB1576" s="27"/>
      <c r="AC1576" s="27"/>
      <c r="AD1576" s="30"/>
      <c r="AE1576" s="1"/>
      <c r="AF1576" s="23" t="s">
        <v>5331</v>
      </c>
      <c r="AG1576" s="26"/>
      <c r="AH1576" s="53"/>
    </row>
    <row r="1577" spans="1:34" ht="51.6" customHeight="1" x14ac:dyDescent="0.45">
      <c r="A1577" s="23">
        <v>1571</v>
      </c>
      <c r="B1577" s="25"/>
      <c r="C1577" s="25"/>
      <c r="D1577" s="29"/>
      <c r="E1577" s="1"/>
      <c r="F1577" s="1"/>
      <c r="G1577" s="25"/>
      <c r="H1577" s="71"/>
      <c r="I1577" s="83"/>
      <c r="J1577" s="50" t="str">
        <f t="shared" si="50"/>
        <v/>
      </c>
      <c r="K1577" s="23" t="s">
        <v>7120</v>
      </c>
      <c r="L1577" s="49" t="e">
        <f>VLOOKUP(E1577&amp;F1577,団体コード!$A$1:$C$1743,3,FALSE)</f>
        <v>#N/A</v>
      </c>
      <c r="M1577" s="49" t="e">
        <f>VLOOKUP(E1577&amp;F1577,団体コード!$A$1:$C$1743,2,FALSE)</f>
        <v>#N/A</v>
      </c>
      <c r="N1577" s="51" t="e">
        <f>VLOOKUP(E1577,団体コード!$E$1:$F$48,2,FALSE)</f>
        <v>#N/A</v>
      </c>
      <c r="O1577" s="51" t="e">
        <f t="shared" si="51"/>
        <v>#N/A</v>
      </c>
      <c r="P1577" s="51">
        <v>1</v>
      </c>
      <c r="Q1577" s="51" t="s">
        <v>5341</v>
      </c>
      <c r="R1577" s="54" t="b">
        <v>1</v>
      </c>
      <c r="S1577" s="52" t="s">
        <v>7126</v>
      </c>
      <c r="T1577" s="67" t="s">
        <v>7127</v>
      </c>
      <c r="U1577" s="75" t="s">
        <v>5331</v>
      </c>
      <c r="V1577" s="47" t="s">
        <v>5331</v>
      </c>
      <c r="W1577" s="47" t="s">
        <v>5331</v>
      </c>
      <c r="X1577" s="47" t="s">
        <v>5331</v>
      </c>
      <c r="Y1577" s="47" t="s">
        <v>5331</v>
      </c>
      <c r="Z1577" s="28"/>
      <c r="AA1577" s="27"/>
      <c r="AB1577" s="27"/>
      <c r="AC1577" s="27"/>
      <c r="AD1577" s="30"/>
      <c r="AE1577" s="1"/>
      <c r="AF1577" s="23" t="s">
        <v>5331</v>
      </c>
      <c r="AG1577" s="26"/>
      <c r="AH1577" s="53"/>
    </row>
    <row r="1578" spans="1:34" ht="51.6" customHeight="1" x14ac:dyDescent="0.45">
      <c r="A1578" s="23">
        <v>1572</v>
      </c>
      <c r="B1578" s="25"/>
      <c r="C1578" s="25"/>
      <c r="D1578" s="29"/>
      <c r="E1578" s="1"/>
      <c r="F1578" s="1"/>
      <c r="G1578" s="25"/>
      <c r="H1578" s="71"/>
      <c r="I1578" s="83"/>
      <c r="J1578" s="50" t="str">
        <f t="shared" si="50"/>
        <v/>
      </c>
      <c r="K1578" s="23" t="s">
        <v>7120</v>
      </c>
      <c r="L1578" s="49" t="e">
        <f>VLOOKUP(E1578&amp;F1578,団体コード!$A$1:$C$1743,3,FALSE)</f>
        <v>#N/A</v>
      </c>
      <c r="M1578" s="49" t="e">
        <f>VLOOKUP(E1578&amp;F1578,団体コード!$A$1:$C$1743,2,FALSE)</f>
        <v>#N/A</v>
      </c>
      <c r="N1578" s="51" t="e">
        <f>VLOOKUP(E1578,団体コード!$E$1:$F$48,2,FALSE)</f>
        <v>#N/A</v>
      </c>
      <c r="O1578" s="51" t="e">
        <f t="shared" si="51"/>
        <v>#N/A</v>
      </c>
      <c r="P1578" s="51">
        <v>1</v>
      </c>
      <c r="Q1578" s="51" t="s">
        <v>5341</v>
      </c>
      <c r="R1578" s="54" t="b">
        <v>1</v>
      </c>
      <c r="S1578" s="52" t="s">
        <v>7126</v>
      </c>
      <c r="T1578" s="67" t="s">
        <v>7127</v>
      </c>
      <c r="U1578" s="75" t="s">
        <v>5331</v>
      </c>
      <c r="V1578" s="47" t="s">
        <v>5331</v>
      </c>
      <c r="W1578" s="47" t="s">
        <v>5331</v>
      </c>
      <c r="X1578" s="47" t="s">
        <v>5331</v>
      </c>
      <c r="Y1578" s="47" t="s">
        <v>5331</v>
      </c>
      <c r="Z1578" s="28"/>
      <c r="AA1578" s="27"/>
      <c r="AB1578" s="27"/>
      <c r="AC1578" s="27"/>
      <c r="AD1578" s="30"/>
      <c r="AE1578" s="1"/>
      <c r="AF1578" s="23" t="s">
        <v>5331</v>
      </c>
      <c r="AG1578" s="26"/>
      <c r="AH1578" s="53"/>
    </row>
    <row r="1579" spans="1:34" ht="51.6" customHeight="1" x14ac:dyDescent="0.45">
      <c r="A1579" s="23">
        <v>1573</v>
      </c>
      <c r="B1579" s="25"/>
      <c r="C1579" s="25"/>
      <c r="D1579" s="29"/>
      <c r="E1579" s="1"/>
      <c r="F1579" s="1"/>
      <c r="G1579" s="25"/>
      <c r="H1579" s="71"/>
      <c r="I1579" s="83"/>
      <c r="J1579" s="50" t="str">
        <f t="shared" si="50"/>
        <v/>
      </c>
      <c r="K1579" s="23" t="s">
        <v>7120</v>
      </c>
      <c r="L1579" s="49" t="e">
        <f>VLOOKUP(E1579&amp;F1579,団体コード!$A$1:$C$1743,3,FALSE)</f>
        <v>#N/A</v>
      </c>
      <c r="M1579" s="49" t="e">
        <f>VLOOKUP(E1579&amp;F1579,団体コード!$A$1:$C$1743,2,FALSE)</f>
        <v>#N/A</v>
      </c>
      <c r="N1579" s="51" t="e">
        <f>VLOOKUP(E1579,団体コード!$E$1:$F$48,2,FALSE)</f>
        <v>#N/A</v>
      </c>
      <c r="O1579" s="51" t="e">
        <f t="shared" si="51"/>
        <v>#N/A</v>
      </c>
      <c r="P1579" s="51">
        <v>1</v>
      </c>
      <c r="Q1579" s="51" t="s">
        <v>5341</v>
      </c>
      <c r="R1579" s="54" t="b">
        <v>1</v>
      </c>
      <c r="S1579" s="52" t="s">
        <v>7126</v>
      </c>
      <c r="T1579" s="67" t="s">
        <v>7127</v>
      </c>
      <c r="U1579" s="75" t="s">
        <v>5331</v>
      </c>
      <c r="V1579" s="47" t="s">
        <v>5331</v>
      </c>
      <c r="W1579" s="47" t="s">
        <v>5331</v>
      </c>
      <c r="X1579" s="47" t="s">
        <v>5331</v>
      </c>
      <c r="Y1579" s="47" t="s">
        <v>5331</v>
      </c>
      <c r="Z1579" s="28"/>
      <c r="AA1579" s="27"/>
      <c r="AB1579" s="27"/>
      <c r="AC1579" s="27"/>
      <c r="AD1579" s="30"/>
      <c r="AE1579" s="1"/>
      <c r="AF1579" s="23" t="s">
        <v>5331</v>
      </c>
      <c r="AG1579" s="26"/>
      <c r="AH1579" s="53"/>
    </row>
    <row r="1580" spans="1:34" ht="51.6" customHeight="1" x14ac:dyDescent="0.45">
      <c r="A1580" s="23">
        <v>1574</v>
      </c>
      <c r="B1580" s="25"/>
      <c r="C1580" s="25"/>
      <c r="D1580" s="29"/>
      <c r="E1580" s="1"/>
      <c r="F1580" s="1"/>
      <c r="G1580" s="25"/>
      <c r="H1580" s="71"/>
      <c r="I1580" s="83"/>
      <c r="J1580" s="50" t="str">
        <f t="shared" si="50"/>
        <v/>
      </c>
      <c r="K1580" s="23" t="s">
        <v>7120</v>
      </c>
      <c r="L1580" s="49" t="e">
        <f>VLOOKUP(E1580&amp;F1580,団体コード!$A$1:$C$1743,3,FALSE)</f>
        <v>#N/A</v>
      </c>
      <c r="M1580" s="49" t="e">
        <f>VLOOKUP(E1580&amp;F1580,団体コード!$A$1:$C$1743,2,FALSE)</f>
        <v>#N/A</v>
      </c>
      <c r="N1580" s="51" t="e">
        <f>VLOOKUP(E1580,団体コード!$E$1:$F$48,2,FALSE)</f>
        <v>#N/A</v>
      </c>
      <c r="O1580" s="51" t="e">
        <f t="shared" si="51"/>
        <v>#N/A</v>
      </c>
      <c r="P1580" s="51">
        <v>1</v>
      </c>
      <c r="Q1580" s="51" t="s">
        <v>5341</v>
      </c>
      <c r="R1580" s="54" t="b">
        <v>1</v>
      </c>
      <c r="S1580" s="52" t="s">
        <v>7126</v>
      </c>
      <c r="T1580" s="67" t="s">
        <v>7127</v>
      </c>
      <c r="U1580" s="75" t="s">
        <v>5331</v>
      </c>
      <c r="V1580" s="47" t="s">
        <v>5331</v>
      </c>
      <c r="W1580" s="47" t="s">
        <v>5331</v>
      </c>
      <c r="X1580" s="47" t="s">
        <v>5331</v>
      </c>
      <c r="Y1580" s="47" t="s">
        <v>5331</v>
      </c>
      <c r="Z1580" s="28"/>
      <c r="AA1580" s="27"/>
      <c r="AB1580" s="27"/>
      <c r="AC1580" s="27"/>
      <c r="AD1580" s="30"/>
      <c r="AE1580" s="1"/>
      <c r="AF1580" s="23" t="s">
        <v>5331</v>
      </c>
      <c r="AG1580" s="26"/>
      <c r="AH1580" s="53"/>
    </row>
    <row r="1581" spans="1:34" ht="51.6" customHeight="1" x14ac:dyDescent="0.45">
      <c r="A1581" s="23">
        <v>1575</v>
      </c>
      <c r="B1581" s="25"/>
      <c r="C1581" s="25"/>
      <c r="D1581" s="29"/>
      <c r="E1581" s="1"/>
      <c r="F1581" s="1"/>
      <c r="G1581" s="25"/>
      <c r="H1581" s="71"/>
      <c r="I1581" s="83"/>
      <c r="J1581" s="50" t="str">
        <f t="shared" si="50"/>
        <v/>
      </c>
      <c r="K1581" s="23" t="s">
        <v>7120</v>
      </c>
      <c r="L1581" s="49" t="e">
        <f>VLOOKUP(E1581&amp;F1581,団体コード!$A$1:$C$1743,3,FALSE)</f>
        <v>#N/A</v>
      </c>
      <c r="M1581" s="49" t="e">
        <f>VLOOKUP(E1581&amp;F1581,団体コード!$A$1:$C$1743,2,FALSE)</f>
        <v>#N/A</v>
      </c>
      <c r="N1581" s="51" t="e">
        <f>VLOOKUP(E1581,団体コード!$E$1:$F$48,2,FALSE)</f>
        <v>#N/A</v>
      </c>
      <c r="O1581" s="51" t="e">
        <f t="shared" si="51"/>
        <v>#N/A</v>
      </c>
      <c r="P1581" s="51">
        <v>1</v>
      </c>
      <c r="Q1581" s="51" t="s">
        <v>5341</v>
      </c>
      <c r="R1581" s="54" t="b">
        <v>1</v>
      </c>
      <c r="S1581" s="52" t="s">
        <v>7126</v>
      </c>
      <c r="T1581" s="67" t="s">
        <v>7127</v>
      </c>
      <c r="U1581" s="75" t="s">
        <v>5331</v>
      </c>
      <c r="V1581" s="47" t="s">
        <v>5331</v>
      </c>
      <c r="W1581" s="47" t="s">
        <v>5331</v>
      </c>
      <c r="X1581" s="47" t="s">
        <v>5331</v>
      </c>
      <c r="Y1581" s="47" t="s">
        <v>5331</v>
      </c>
      <c r="Z1581" s="28"/>
      <c r="AA1581" s="27"/>
      <c r="AB1581" s="27"/>
      <c r="AC1581" s="27"/>
      <c r="AD1581" s="30"/>
      <c r="AE1581" s="1"/>
      <c r="AF1581" s="23" t="s">
        <v>5331</v>
      </c>
      <c r="AG1581" s="26"/>
      <c r="AH1581" s="53"/>
    </row>
    <row r="1582" spans="1:34" ht="51.6" customHeight="1" x14ac:dyDescent="0.45">
      <c r="A1582" s="23">
        <v>1576</v>
      </c>
      <c r="B1582" s="25"/>
      <c r="C1582" s="25"/>
      <c r="D1582" s="29"/>
      <c r="E1582" s="1"/>
      <c r="F1582" s="1"/>
      <c r="G1582" s="25"/>
      <c r="H1582" s="71"/>
      <c r="I1582" s="83"/>
      <c r="J1582" s="50" t="str">
        <f t="shared" si="50"/>
        <v/>
      </c>
      <c r="K1582" s="23" t="s">
        <v>7120</v>
      </c>
      <c r="L1582" s="49" t="e">
        <f>VLOOKUP(E1582&amp;F1582,団体コード!$A$1:$C$1743,3,FALSE)</f>
        <v>#N/A</v>
      </c>
      <c r="M1582" s="49" t="e">
        <f>VLOOKUP(E1582&amp;F1582,団体コード!$A$1:$C$1743,2,FALSE)</f>
        <v>#N/A</v>
      </c>
      <c r="N1582" s="51" t="e">
        <f>VLOOKUP(E1582,団体コード!$E$1:$F$48,2,FALSE)</f>
        <v>#N/A</v>
      </c>
      <c r="O1582" s="51" t="e">
        <f t="shared" si="51"/>
        <v>#N/A</v>
      </c>
      <c r="P1582" s="51">
        <v>1</v>
      </c>
      <c r="Q1582" s="51" t="s">
        <v>5341</v>
      </c>
      <c r="R1582" s="54" t="b">
        <v>1</v>
      </c>
      <c r="S1582" s="52" t="s">
        <v>7126</v>
      </c>
      <c r="T1582" s="67" t="s">
        <v>7127</v>
      </c>
      <c r="U1582" s="75" t="s">
        <v>5331</v>
      </c>
      <c r="V1582" s="47" t="s">
        <v>5331</v>
      </c>
      <c r="W1582" s="47" t="s">
        <v>5331</v>
      </c>
      <c r="X1582" s="47" t="s">
        <v>5331</v>
      </c>
      <c r="Y1582" s="47" t="s">
        <v>5331</v>
      </c>
      <c r="Z1582" s="28"/>
      <c r="AA1582" s="27"/>
      <c r="AB1582" s="27"/>
      <c r="AC1582" s="27"/>
      <c r="AD1582" s="30"/>
      <c r="AE1582" s="1"/>
      <c r="AF1582" s="23" t="s">
        <v>5331</v>
      </c>
      <c r="AG1582" s="26"/>
      <c r="AH1582" s="53"/>
    </row>
    <row r="1583" spans="1:34" ht="51.6" customHeight="1" x14ac:dyDescent="0.45">
      <c r="A1583" s="23">
        <v>1577</v>
      </c>
      <c r="B1583" s="25"/>
      <c r="C1583" s="25"/>
      <c r="D1583" s="29"/>
      <c r="E1583" s="1"/>
      <c r="F1583" s="1"/>
      <c r="G1583" s="25"/>
      <c r="H1583" s="71"/>
      <c r="I1583" s="83"/>
      <c r="J1583" s="50" t="str">
        <f t="shared" si="50"/>
        <v/>
      </c>
      <c r="K1583" s="23" t="s">
        <v>7120</v>
      </c>
      <c r="L1583" s="49" t="e">
        <f>VLOOKUP(E1583&amp;F1583,団体コード!$A$1:$C$1743,3,FALSE)</f>
        <v>#N/A</v>
      </c>
      <c r="M1583" s="49" t="e">
        <f>VLOOKUP(E1583&amp;F1583,団体コード!$A$1:$C$1743,2,FALSE)</f>
        <v>#N/A</v>
      </c>
      <c r="N1583" s="51" t="e">
        <f>VLOOKUP(E1583,団体コード!$E$1:$F$48,2,FALSE)</f>
        <v>#N/A</v>
      </c>
      <c r="O1583" s="51" t="e">
        <f t="shared" si="51"/>
        <v>#N/A</v>
      </c>
      <c r="P1583" s="51">
        <v>1</v>
      </c>
      <c r="Q1583" s="51" t="s">
        <v>5341</v>
      </c>
      <c r="R1583" s="54" t="b">
        <v>1</v>
      </c>
      <c r="S1583" s="52" t="s">
        <v>7126</v>
      </c>
      <c r="T1583" s="67" t="s">
        <v>7127</v>
      </c>
      <c r="U1583" s="75" t="s">
        <v>5331</v>
      </c>
      <c r="V1583" s="47" t="s">
        <v>5331</v>
      </c>
      <c r="W1583" s="47" t="s">
        <v>5331</v>
      </c>
      <c r="X1583" s="47" t="s">
        <v>5331</v>
      </c>
      <c r="Y1583" s="47" t="s">
        <v>5331</v>
      </c>
      <c r="Z1583" s="28"/>
      <c r="AA1583" s="27"/>
      <c r="AB1583" s="27"/>
      <c r="AC1583" s="27"/>
      <c r="AD1583" s="30"/>
      <c r="AE1583" s="1"/>
      <c r="AF1583" s="23" t="s">
        <v>5331</v>
      </c>
      <c r="AG1583" s="26"/>
      <c r="AH1583" s="53"/>
    </row>
    <row r="1584" spans="1:34" ht="51.6" customHeight="1" x14ac:dyDescent="0.45">
      <c r="A1584" s="23">
        <v>1578</v>
      </c>
      <c r="B1584" s="25"/>
      <c r="C1584" s="25"/>
      <c r="D1584" s="29"/>
      <c r="E1584" s="1"/>
      <c r="F1584" s="1"/>
      <c r="G1584" s="25"/>
      <c r="H1584" s="71"/>
      <c r="I1584" s="83"/>
      <c r="J1584" s="50" t="str">
        <f t="shared" si="50"/>
        <v/>
      </c>
      <c r="K1584" s="23" t="s">
        <v>7120</v>
      </c>
      <c r="L1584" s="49" t="e">
        <f>VLOOKUP(E1584&amp;F1584,団体コード!$A$1:$C$1743,3,FALSE)</f>
        <v>#N/A</v>
      </c>
      <c r="M1584" s="49" t="e">
        <f>VLOOKUP(E1584&amp;F1584,団体コード!$A$1:$C$1743,2,FALSE)</f>
        <v>#N/A</v>
      </c>
      <c r="N1584" s="51" t="e">
        <f>VLOOKUP(E1584,団体コード!$E$1:$F$48,2,FALSE)</f>
        <v>#N/A</v>
      </c>
      <c r="O1584" s="51" t="e">
        <f t="shared" si="51"/>
        <v>#N/A</v>
      </c>
      <c r="P1584" s="51">
        <v>1</v>
      </c>
      <c r="Q1584" s="51" t="s">
        <v>5341</v>
      </c>
      <c r="R1584" s="54" t="b">
        <v>1</v>
      </c>
      <c r="S1584" s="52" t="s">
        <v>7126</v>
      </c>
      <c r="T1584" s="67" t="s">
        <v>7127</v>
      </c>
      <c r="U1584" s="75" t="s">
        <v>5331</v>
      </c>
      <c r="V1584" s="47" t="s">
        <v>5331</v>
      </c>
      <c r="W1584" s="47" t="s">
        <v>5331</v>
      </c>
      <c r="X1584" s="47" t="s">
        <v>5331</v>
      </c>
      <c r="Y1584" s="47" t="s">
        <v>5331</v>
      </c>
      <c r="Z1584" s="28"/>
      <c r="AA1584" s="27"/>
      <c r="AB1584" s="27"/>
      <c r="AC1584" s="27"/>
      <c r="AD1584" s="30"/>
      <c r="AE1584" s="1"/>
      <c r="AF1584" s="23" t="s">
        <v>5331</v>
      </c>
      <c r="AG1584" s="26"/>
      <c r="AH1584" s="53"/>
    </row>
    <row r="1585" spans="1:34" ht="51.6" customHeight="1" x14ac:dyDescent="0.45">
      <c r="A1585" s="23">
        <v>1579</v>
      </c>
      <c r="B1585" s="25"/>
      <c r="C1585" s="25"/>
      <c r="D1585" s="29"/>
      <c r="E1585" s="1"/>
      <c r="F1585" s="1"/>
      <c r="G1585" s="25"/>
      <c r="H1585" s="71"/>
      <c r="I1585" s="83"/>
      <c r="J1585" s="50" t="str">
        <f t="shared" si="50"/>
        <v/>
      </c>
      <c r="K1585" s="23" t="s">
        <v>7120</v>
      </c>
      <c r="L1585" s="49" t="e">
        <f>VLOOKUP(E1585&amp;F1585,団体コード!$A$1:$C$1743,3,FALSE)</f>
        <v>#N/A</v>
      </c>
      <c r="M1585" s="49" t="e">
        <f>VLOOKUP(E1585&amp;F1585,団体コード!$A$1:$C$1743,2,FALSE)</f>
        <v>#N/A</v>
      </c>
      <c r="N1585" s="51" t="e">
        <f>VLOOKUP(E1585,団体コード!$E$1:$F$48,2,FALSE)</f>
        <v>#N/A</v>
      </c>
      <c r="O1585" s="51" t="e">
        <f t="shared" si="51"/>
        <v>#N/A</v>
      </c>
      <c r="P1585" s="51">
        <v>1</v>
      </c>
      <c r="Q1585" s="51" t="s">
        <v>5341</v>
      </c>
      <c r="R1585" s="54" t="b">
        <v>1</v>
      </c>
      <c r="S1585" s="52" t="s">
        <v>7126</v>
      </c>
      <c r="T1585" s="67" t="s">
        <v>7127</v>
      </c>
      <c r="U1585" s="75" t="s">
        <v>5331</v>
      </c>
      <c r="V1585" s="47" t="s">
        <v>5331</v>
      </c>
      <c r="W1585" s="47" t="s">
        <v>5331</v>
      </c>
      <c r="X1585" s="47" t="s">
        <v>5331</v>
      </c>
      <c r="Y1585" s="47" t="s">
        <v>5331</v>
      </c>
      <c r="Z1585" s="28"/>
      <c r="AA1585" s="27"/>
      <c r="AB1585" s="27"/>
      <c r="AC1585" s="27"/>
      <c r="AD1585" s="30"/>
      <c r="AE1585" s="1"/>
      <c r="AF1585" s="23" t="s">
        <v>5331</v>
      </c>
      <c r="AG1585" s="26"/>
      <c r="AH1585" s="53"/>
    </row>
    <row r="1586" spans="1:34" ht="51.6" customHeight="1" x14ac:dyDescent="0.45">
      <c r="A1586" s="23">
        <v>1580</v>
      </c>
      <c r="B1586" s="25"/>
      <c r="C1586" s="25"/>
      <c r="D1586" s="29"/>
      <c r="E1586" s="1"/>
      <c r="F1586" s="1"/>
      <c r="G1586" s="25"/>
      <c r="H1586" s="71"/>
      <c r="I1586" s="83"/>
      <c r="J1586" s="50" t="str">
        <f t="shared" si="50"/>
        <v/>
      </c>
      <c r="K1586" s="23" t="s">
        <v>7120</v>
      </c>
      <c r="L1586" s="49" t="e">
        <f>VLOOKUP(E1586&amp;F1586,団体コード!$A$1:$C$1743,3,FALSE)</f>
        <v>#N/A</v>
      </c>
      <c r="M1586" s="49" t="e">
        <f>VLOOKUP(E1586&amp;F1586,団体コード!$A$1:$C$1743,2,FALSE)</f>
        <v>#N/A</v>
      </c>
      <c r="N1586" s="51" t="e">
        <f>VLOOKUP(E1586,団体コード!$E$1:$F$48,2,FALSE)</f>
        <v>#N/A</v>
      </c>
      <c r="O1586" s="51" t="e">
        <f t="shared" si="51"/>
        <v>#N/A</v>
      </c>
      <c r="P1586" s="51">
        <v>1</v>
      </c>
      <c r="Q1586" s="51" t="s">
        <v>5341</v>
      </c>
      <c r="R1586" s="54" t="b">
        <v>1</v>
      </c>
      <c r="S1586" s="52" t="s">
        <v>7126</v>
      </c>
      <c r="T1586" s="67" t="s">
        <v>7127</v>
      </c>
      <c r="U1586" s="75" t="s">
        <v>5331</v>
      </c>
      <c r="V1586" s="47" t="s">
        <v>5331</v>
      </c>
      <c r="W1586" s="47" t="s">
        <v>5331</v>
      </c>
      <c r="X1586" s="47" t="s">
        <v>5331</v>
      </c>
      <c r="Y1586" s="47" t="s">
        <v>5331</v>
      </c>
      <c r="Z1586" s="28"/>
      <c r="AA1586" s="27"/>
      <c r="AB1586" s="27"/>
      <c r="AC1586" s="27"/>
      <c r="AD1586" s="30"/>
      <c r="AE1586" s="1"/>
      <c r="AF1586" s="23" t="s">
        <v>5331</v>
      </c>
      <c r="AG1586" s="26"/>
      <c r="AH1586" s="53"/>
    </row>
    <row r="1587" spans="1:34" ht="51.6" customHeight="1" x14ac:dyDescent="0.45">
      <c r="A1587" s="23">
        <v>1581</v>
      </c>
      <c r="B1587" s="25"/>
      <c r="C1587" s="25"/>
      <c r="D1587" s="29"/>
      <c r="E1587" s="1"/>
      <c r="F1587" s="1"/>
      <c r="G1587" s="25"/>
      <c r="H1587" s="71"/>
      <c r="I1587" s="83"/>
      <c r="J1587" s="50" t="str">
        <f t="shared" si="50"/>
        <v/>
      </c>
      <c r="K1587" s="23" t="s">
        <v>7120</v>
      </c>
      <c r="L1587" s="49" t="e">
        <f>VLOOKUP(E1587&amp;F1587,団体コード!$A$1:$C$1743,3,FALSE)</f>
        <v>#N/A</v>
      </c>
      <c r="M1587" s="49" t="e">
        <f>VLOOKUP(E1587&amp;F1587,団体コード!$A$1:$C$1743,2,FALSE)</f>
        <v>#N/A</v>
      </c>
      <c r="N1587" s="51" t="e">
        <f>VLOOKUP(E1587,団体コード!$E$1:$F$48,2,FALSE)</f>
        <v>#N/A</v>
      </c>
      <c r="O1587" s="51" t="e">
        <f t="shared" si="51"/>
        <v>#N/A</v>
      </c>
      <c r="P1587" s="51">
        <v>1</v>
      </c>
      <c r="Q1587" s="51" t="s">
        <v>5341</v>
      </c>
      <c r="R1587" s="54" t="b">
        <v>1</v>
      </c>
      <c r="S1587" s="52" t="s">
        <v>7126</v>
      </c>
      <c r="T1587" s="67" t="s">
        <v>7127</v>
      </c>
      <c r="U1587" s="75" t="s">
        <v>5331</v>
      </c>
      <c r="V1587" s="47" t="s">
        <v>5331</v>
      </c>
      <c r="W1587" s="47" t="s">
        <v>5331</v>
      </c>
      <c r="X1587" s="47" t="s">
        <v>5331</v>
      </c>
      <c r="Y1587" s="47" t="s">
        <v>5331</v>
      </c>
      <c r="Z1587" s="28"/>
      <c r="AA1587" s="27"/>
      <c r="AB1587" s="27"/>
      <c r="AC1587" s="27"/>
      <c r="AD1587" s="30"/>
      <c r="AE1587" s="1"/>
      <c r="AF1587" s="23" t="s">
        <v>5331</v>
      </c>
      <c r="AG1587" s="26"/>
      <c r="AH1587" s="53"/>
    </row>
    <row r="1588" spans="1:34" ht="51.6" customHeight="1" x14ac:dyDescent="0.45">
      <c r="A1588" s="23">
        <v>1582</v>
      </c>
      <c r="B1588" s="25"/>
      <c r="C1588" s="25"/>
      <c r="D1588" s="29"/>
      <c r="E1588" s="1"/>
      <c r="F1588" s="1"/>
      <c r="G1588" s="25"/>
      <c r="H1588" s="71"/>
      <c r="I1588" s="83"/>
      <c r="J1588" s="50" t="str">
        <f t="shared" si="50"/>
        <v/>
      </c>
      <c r="K1588" s="23" t="s">
        <v>7120</v>
      </c>
      <c r="L1588" s="49" t="e">
        <f>VLOOKUP(E1588&amp;F1588,団体コード!$A$1:$C$1743,3,FALSE)</f>
        <v>#N/A</v>
      </c>
      <c r="M1588" s="49" t="e">
        <f>VLOOKUP(E1588&amp;F1588,団体コード!$A$1:$C$1743,2,FALSE)</f>
        <v>#N/A</v>
      </c>
      <c r="N1588" s="51" t="e">
        <f>VLOOKUP(E1588,団体コード!$E$1:$F$48,2,FALSE)</f>
        <v>#N/A</v>
      </c>
      <c r="O1588" s="51" t="e">
        <f t="shared" si="51"/>
        <v>#N/A</v>
      </c>
      <c r="P1588" s="51">
        <v>1</v>
      </c>
      <c r="Q1588" s="51" t="s">
        <v>5341</v>
      </c>
      <c r="R1588" s="54" t="b">
        <v>1</v>
      </c>
      <c r="S1588" s="52" t="s">
        <v>7126</v>
      </c>
      <c r="T1588" s="67" t="s">
        <v>7127</v>
      </c>
      <c r="U1588" s="75" t="s">
        <v>5331</v>
      </c>
      <c r="V1588" s="47" t="s">
        <v>5331</v>
      </c>
      <c r="W1588" s="47" t="s">
        <v>5331</v>
      </c>
      <c r="X1588" s="47" t="s">
        <v>5331</v>
      </c>
      <c r="Y1588" s="47" t="s">
        <v>5331</v>
      </c>
      <c r="Z1588" s="28"/>
      <c r="AA1588" s="27"/>
      <c r="AB1588" s="27"/>
      <c r="AC1588" s="27"/>
      <c r="AD1588" s="30"/>
      <c r="AE1588" s="1"/>
      <c r="AF1588" s="23" t="s">
        <v>5331</v>
      </c>
      <c r="AG1588" s="26"/>
      <c r="AH1588" s="53"/>
    </row>
    <row r="1589" spans="1:34" ht="51.6" customHeight="1" x14ac:dyDescent="0.45">
      <c r="A1589" s="23">
        <v>1583</v>
      </c>
      <c r="B1589" s="25"/>
      <c r="C1589" s="25"/>
      <c r="D1589" s="29"/>
      <c r="E1589" s="1"/>
      <c r="F1589" s="1"/>
      <c r="G1589" s="25"/>
      <c r="H1589" s="71"/>
      <c r="I1589" s="83"/>
      <c r="J1589" s="50" t="str">
        <f t="shared" si="50"/>
        <v/>
      </c>
      <c r="K1589" s="23" t="s">
        <v>7120</v>
      </c>
      <c r="L1589" s="49" t="e">
        <f>VLOOKUP(E1589&amp;F1589,団体コード!$A$1:$C$1743,3,FALSE)</f>
        <v>#N/A</v>
      </c>
      <c r="M1589" s="49" t="e">
        <f>VLOOKUP(E1589&amp;F1589,団体コード!$A$1:$C$1743,2,FALSE)</f>
        <v>#N/A</v>
      </c>
      <c r="N1589" s="51" t="e">
        <f>VLOOKUP(E1589,団体コード!$E$1:$F$48,2,FALSE)</f>
        <v>#N/A</v>
      </c>
      <c r="O1589" s="51" t="e">
        <f t="shared" si="51"/>
        <v>#N/A</v>
      </c>
      <c r="P1589" s="51">
        <v>1</v>
      </c>
      <c r="Q1589" s="51" t="s">
        <v>5341</v>
      </c>
      <c r="R1589" s="54" t="b">
        <v>1</v>
      </c>
      <c r="S1589" s="52" t="s">
        <v>7126</v>
      </c>
      <c r="T1589" s="67" t="s">
        <v>7127</v>
      </c>
      <c r="U1589" s="75" t="s">
        <v>5331</v>
      </c>
      <c r="V1589" s="47" t="s">
        <v>5331</v>
      </c>
      <c r="W1589" s="47" t="s">
        <v>5331</v>
      </c>
      <c r="X1589" s="47" t="s">
        <v>5331</v>
      </c>
      <c r="Y1589" s="47" t="s">
        <v>5331</v>
      </c>
      <c r="Z1589" s="28"/>
      <c r="AA1589" s="27"/>
      <c r="AB1589" s="27"/>
      <c r="AC1589" s="27"/>
      <c r="AD1589" s="30"/>
      <c r="AE1589" s="1"/>
      <c r="AF1589" s="23" t="s">
        <v>5331</v>
      </c>
      <c r="AG1589" s="26"/>
      <c r="AH1589" s="53"/>
    </row>
    <row r="1590" spans="1:34" ht="51.6" customHeight="1" x14ac:dyDescent="0.45">
      <c r="A1590" s="23">
        <v>1584</v>
      </c>
      <c r="B1590" s="25"/>
      <c r="C1590" s="25"/>
      <c r="D1590" s="29"/>
      <c r="E1590" s="1"/>
      <c r="F1590" s="1"/>
      <c r="G1590" s="25"/>
      <c r="H1590" s="71"/>
      <c r="I1590" s="83"/>
      <c r="J1590" s="50" t="str">
        <f t="shared" si="50"/>
        <v/>
      </c>
      <c r="K1590" s="23" t="s">
        <v>7120</v>
      </c>
      <c r="L1590" s="49" t="e">
        <f>VLOOKUP(E1590&amp;F1590,団体コード!$A$1:$C$1743,3,FALSE)</f>
        <v>#N/A</v>
      </c>
      <c r="M1590" s="49" t="e">
        <f>VLOOKUP(E1590&amp;F1590,団体コード!$A$1:$C$1743,2,FALSE)</f>
        <v>#N/A</v>
      </c>
      <c r="N1590" s="51" t="e">
        <f>VLOOKUP(E1590,団体コード!$E$1:$F$48,2,FALSE)</f>
        <v>#N/A</v>
      </c>
      <c r="O1590" s="51" t="e">
        <f t="shared" si="51"/>
        <v>#N/A</v>
      </c>
      <c r="P1590" s="51">
        <v>1</v>
      </c>
      <c r="Q1590" s="51" t="s">
        <v>5341</v>
      </c>
      <c r="R1590" s="54" t="b">
        <v>1</v>
      </c>
      <c r="S1590" s="52" t="s">
        <v>7126</v>
      </c>
      <c r="T1590" s="67" t="s">
        <v>7127</v>
      </c>
      <c r="U1590" s="75" t="s">
        <v>5331</v>
      </c>
      <c r="V1590" s="47" t="s">
        <v>5331</v>
      </c>
      <c r="W1590" s="47" t="s">
        <v>5331</v>
      </c>
      <c r="X1590" s="47" t="s">
        <v>5331</v>
      </c>
      <c r="Y1590" s="47" t="s">
        <v>5331</v>
      </c>
      <c r="Z1590" s="28"/>
      <c r="AA1590" s="27"/>
      <c r="AB1590" s="27"/>
      <c r="AC1590" s="27"/>
      <c r="AD1590" s="30"/>
      <c r="AE1590" s="1"/>
      <c r="AF1590" s="23" t="s">
        <v>5331</v>
      </c>
      <c r="AG1590" s="26"/>
      <c r="AH1590" s="53"/>
    </row>
    <row r="1591" spans="1:34" ht="51.6" customHeight="1" x14ac:dyDescent="0.45">
      <c r="A1591" s="23">
        <v>1585</v>
      </c>
      <c r="B1591" s="25"/>
      <c r="C1591" s="25"/>
      <c r="D1591" s="29"/>
      <c r="E1591" s="1"/>
      <c r="F1591" s="1"/>
      <c r="G1591" s="25"/>
      <c r="H1591" s="71"/>
      <c r="I1591" s="83"/>
      <c r="J1591" s="50" t="str">
        <f t="shared" si="50"/>
        <v/>
      </c>
      <c r="K1591" s="23" t="s">
        <v>7120</v>
      </c>
      <c r="L1591" s="49" t="e">
        <f>VLOOKUP(E1591&amp;F1591,団体コード!$A$1:$C$1743,3,FALSE)</f>
        <v>#N/A</v>
      </c>
      <c r="M1591" s="49" t="e">
        <f>VLOOKUP(E1591&amp;F1591,団体コード!$A$1:$C$1743,2,FALSE)</f>
        <v>#N/A</v>
      </c>
      <c r="N1591" s="51" t="e">
        <f>VLOOKUP(E1591,団体コード!$E$1:$F$48,2,FALSE)</f>
        <v>#N/A</v>
      </c>
      <c r="O1591" s="51" t="e">
        <f t="shared" si="51"/>
        <v>#N/A</v>
      </c>
      <c r="P1591" s="51">
        <v>1</v>
      </c>
      <c r="Q1591" s="51" t="s">
        <v>5341</v>
      </c>
      <c r="R1591" s="54" t="b">
        <v>1</v>
      </c>
      <c r="S1591" s="52" t="s">
        <v>7126</v>
      </c>
      <c r="T1591" s="67" t="s">
        <v>7127</v>
      </c>
      <c r="U1591" s="75" t="s">
        <v>5331</v>
      </c>
      <c r="V1591" s="47" t="s">
        <v>5331</v>
      </c>
      <c r="W1591" s="47" t="s">
        <v>5331</v>
      </c>
      <c r="X1591" s="47" t="s">
        <v>5331</v>
      </c>
      <c r="Y1591" s="47" t="s">
        <v>5331</v>
      </c>
      <c r="Z1591" s="28"/>
      <c r="AA1591" s="27"/>
      <c r="AB1591" s="27"/>
      <c r="AC1591" s="27"/>
      <c r="AD1591" s="30"/>
      <c r="AE1591" s="1"/>
      <c r="AF1591" s="23" t="s">
        <v>5331</v>
      </c>
      <c r="AG1591" s="26"/>
      <c r="AH1591" s="53"/>
    </row>
    <row r="1592" spans="1:34" ht="51.6" customHeight="1" x14ac:dyDescent="0.45">
      <c r="A1592" s="23">
        <v>1586</v>
      </c>
      <c r="B1592" s="25"/>
      <c r="C1592" s="25"/>
      <c r="D1592" s="29"/>
      <c r="E1592" s="1"/>
      <c r="F1592" s="1"/>
      <c r="G1592" s="25"/>
      <c r="H1592" s="71"/>
      <c r="I1592" s="83"/>
      <c r="J1592" s="50" t="str">
        <f t="shared" si="50"/>
        <v/>
      </c>
      <c r="K1592" s="23" t="s">
        <v>7120</v>
      </c>
      <c r="L1592" s="49" t="e">
        <f>VLOOKUP(E1592&amp;F1592,団体コード!$A$1:$C$1743,3,FALSE)</f>
        <v>#N/A</v>
      </c>
      <c r="M1592" s="49" t="e">
        <f>VLOOKUP(E1592&amp;F1592,団体コード!$A$1:$C$1743,2,FALSE)</f>
        <v>#N/A</v>
      </c>
      <c r="N1592" s="51" t="e">
        <f>VLOOKUP(E1592,団体コード!$E$1:$F$48,2,FALSE)</f>
        <v>#N/A</v>
      </c>
      <c r="O1592" s="51" t="e">
        <f t="shared" si="51"/>
        <v>#N/A</v>
      </c>
      <c r="P1592" s="51">
        <v>1</v>
      </c>
      <c r="Q1592" s="51" t="s">
        <v>5341</v>
      </c>
      <c r="R1592" s="54" t="b">
        <v>1</v>
      </c>
      <c r="S1592" s="52" t="s">
        <v>7126</v>
      </c>
      <c r="T1592" s="67" t="s">
        <v>7127</v>
      </c>
      <c r="U1592" s="75" t="s">
        <v>5331</v>
      </c>
      <c r="V1592" s="47" t="s">
        <v>5331</v>
      </c>
      <c r="W1592" s="47" t="s">
        <v>5331</v>
      </c>
      <c r="X1592" s="47" t="s">
        <v>5331</v>
      </c>
      <c r="Y1592" s="47" t="s">
        <v>5331</v>
      </c>
      <c r="Z1592" s="28"/>
      <c r="AA1592" s="27"/>
      <c r="AB1592" s="27"/>
      <c r="AC1592" s="27"/>
      <c r="AD1592" s="30"/>
      <c r="AE1592" s="1"/>
      <c r="AF1592" s="23" t="s">
        <v>5331</v>
      </c>
      <c r="AG1592" s="26"/>
      <c r="AH1592" s="53"/>
    </row>
    <row r="1593" spans="1:34" ht="51.6" customHeight="1" x14ac:dyDescent="0.45">
      <c r="A1593" s="23">
        <v>1587</v>
      </c>
      <c r="B1593" s="25"/>
      <c r="C1593" s="25"/>
      <c r="D1593" s="29"/>
      <c r="E1593" s="1"/>
      <c r="F1593" s="1"/>
      <c r="G1593" s="25"/>
      <c r="H1593" s="71"/>
      <c r="I1593" s="83"/>
      <c r="J1593" s="50" t="str">
        <f t="shared" si="50"/>
        <v/>
      </c>
      <c r="K1593" s="23" t="s">
        <v>7120</v>
      </c>
      <c r="L1593" s="49" t="e">
        <f>VLOOKUP(E1593&amp;F1593,団体コード!$A$1:$C$1743,3,FALSE)</f>
        <v>#N/A</v>
      </c>
      <c r="M1593" s="49" t="e">
        <f>VLOOKUP(E1593&amp;F1593,団体コード!$A$1:$C$1743,2,FALSE)</f>
        <v>#N/A</v>
      </c>
      <c r="N1593" s="51" t="e">
        <f>VLOOKUP(E1593,団体コード!$E$1:$F$48,2,FALSE)</f>
        <v>#N/A</v>
      </c>
      <c r="O1593" s="51" t="e">
        <f t="shared" si="51"/>
        <v>#N/A</v>
      </c>
      <c r="P1593" s="51">
        <v>1</v>
      </c>
      <c r="Q1593" s="51" t="s">
        <v>5341</v>
      </c>
      <c r="R1593" s="54" t="b">
        <v>1</v>
      </c>
      <c r="S1593" s="52" t="s">
        <v>7126</v>
      </c>
      <c r="T1593" s="67" t="s">
        <v>7127</v>
      </c>
      <c r="U1593" s="75" t="s">
        <v>5331</v>
      </c>
      <c r="V1593" s="47" t="s">
        <v>5331</v>
      </c>
      <c r="W1593" s="47" t="s">
        <v>5331</v>
      </c>
      <c r="X1593" s="47" t="s">
        <v>5331</v>
      </c>
      <c r="Y1593" s="47" t="s">
        <v>5331</v>
      </c>
      <c r="Z1593" s="28"/>
      <c r="AA1593" s="27"/>
      <c r="AB1593" s="27"/>
      <c r="AC1593" s="27"/>
      <c r="AD1593" s="30"/>
      <c r="AE1593" s="1"/>
      <c r="AF1593" s="23" t="s">
        <v>5331</v>
      </c>
      <c r="AG1593" s="26"/>
      <c r="AH1593" s="53"/>
    </row>
    <row r="1594" spans="1:34" ht="51.6" customHeight="1" x14ac:dyDescent="0.45">
      <c r="A1594" s="23">
        <v>1588</v>
      </c>
      <c r="B1594" s="25"/>
      <c r="C1594" s="25"/>
      <c r="D1594" s="29"/>
      <c r="E1594" s="1"/>
      <c r="F1594" s="1"/>
      <c r="G1594" s="25"/>
      <c r="H1594" s="71"/>
      <c r="I1594" s="83"/>
      <c r="J1594" s="50" t="str">
        <f t="shared" si="50"/>
        <v/>
      </c>
      <c r="K1594" s="23" t="s">
        <v>7120</v>
      </c>
      <c r="L1594" s="49" t="e">
        <f>VLOOKUP(E1594&amp;F1594,団体コード!$A$1:$C$1743,3,FALSE)</f>
        <v>#N/A</v>
      </c>
      <c r="M1594" s="49" t="e">
        <f>VLOOKUP(E1594&amp;F1594,団体コード!$A$1:$C$1743,2,FALSE)</f>
        <v>#N/A</v>
      </c>
      <c r="N1594" s="51" t="e">
        <f>VLOOKUP(E1594,団体コード!$E$1:$F$48,2,FALSE)</f>
        <v>#N/A</v>
      </c>
      <c r="O1594" s="51" t="e">
        <f t="shared" si="51"/>
        <v>#N/A</v>
      </c>
      <c r="P1594" s="51">
        <v>1</v>
      </c>
      <c r="Q1594" s="51" t="s">
        <v>5341</v>
      </c>
      <c r="R1594" s="54" t="b">
        <v>1</v>
      </c>
      <c r="S1594" s="52" t="s">
        <v>7126</v>
      </c>
      <c r="T1594" s="67" t="s">
        <v>7127</v>
      </c>
      <c r="U1594" s="75" t="s">
        <v>5331</v>
      </c>
      <c r="V1594" s="47" t="s">
        <v>5331</v>
      </c>
      <c r="W1594" s="47" t="s">
        <v>5331</v>
      </c>
      <c r="X1594" s="47" t="s">
        <v>5331</v>
      </c>
      <c r="Y1594" s="47" t="s">
        <v>5331</v>
      </c>
      <c r="Z1594" s="28"/>
      <c r="AA1594" s="27"/>
      <c r="AB1594" s="27"/>
      <c r="AC1594" s="27"/>
      <c r="AD1594" s="30"/>
      <c r="AE1594" s="1"/>
      <c r="AF1594" s="23" t="s">
        <v>5331</v>
      </c>
      <c r="AG1594" s="26"/>
      <c r="AH1594" s="53"/>
    </row>
    <row r="1595" spans="1:34" ht="51.6" customHeight="1" x14ac:dyDescent="0.45">
      <c r="A1595" s="23">
        <v>1589</v>
      </c>
      <c r="B1595" s="25"/>
      <c r="C1595" s="25"/>
      <c r="D1595" s="29"/>
      <c r="E1595" s="1"/>
      <c r="F1595" s="1"/>
      <c r="G1595" s="25"/>
      <c r="H1595" s="71"/>
      <c r="I1595" s="83"/>
      <c r="J1595" s="50" t="str">
        <f t="shared" si="50"/>
        <v/>
      </c>
      <c r="K1595" s="23" t="s">
        <v>7120</v>
      </c>
      <c r="L1595" s="49" t="e">
        <f>VLOOKUP(E1595&amp;F1595,団体コード!$A$1:$C$1743,3,FALSE)</f>
        <v>#N/A</v>
      </c>
      <c r="M1595" s="49" t="e">
        <f>VLOOKUP(E1595&amp;F1595,団体コード!$A$1:$C$1743,2,FALSE)</f>
        <v>#N/A</v>
      </c>
      <c r="N1595" s="51" t="e">
        <f>VLOOKUP(E1595,団体コード!$E$1:$F$48,2,FALSE)</f>
        <v>#N/A</v>
      </c>
      <c r="O1595" s="51" t="e">
        <f t="shared" si="51"/>
        <v>#N/A</v>
      </c>
      <c r="P1595" s="51">
        <v>1</v>
      </c>
      <c r="Q1595" s="51" t="s">
        <v>5341</v>
      </c>
      <c r="R1595" s="54" t="b">
        <v>1</v>
      </c>
      <c r="S1595" s="52" t="s">
        <v>7126</v>
      </c>
      <c r="T1595" s="67" t="s">
        <v>7127</v>
      </c>
      <c r="U1595" s="75" t="s">
        <v>5331</v>
      </c>
      <c r="V1595" s="47" t="s">
        <v>5331</v>
      </c>
      <c r="W1595" s="47" t="s">
        <v>5331</v>
      </c>
      <c r="X1595" s="47" t="s">
        <v>5331</v>
      </c>
      <c r="Y1595" s="47" t="s">
        <v>5331</v>
      </c>
      <c r="Z1595" s="28"/>
      <c r="AA1595" s="27"/>
      <c r="AB1595" s="27"/>
      <c r="AC1595" s="27"/>
      <c r="AD1595" s="30"/>
      <c r="AE1595" s="1"/>
      <c r="AF1595" s="23" t="s">
        <v>5331</v>
      </c>
      <c r="AG1595" s="26"/>
      <c r="AH1595" s="53"/>
    </row>
    <row r="1596" spans="1:34" ht="51.6" customHeight="1" x14ac:dyDescent="0.45">
      <c r="A1596" s="23">
        <v>1590</v>
      </c>
      <c r="B1596" s="25"/>
      <c r="C1596" s="25"/>
      <c r="D1596" s="29"/>
      <c r="E1596" s="1"/>
      <c r="F1596" s="1"/>
      <c r="G1596" s="25"/>
      <c r="H1596" s="71"/>
      <c r="I1596" s="83"/>
      <c r="J1596" s="50" t="str">
        <f t="shared" si="50"/>
        <v/>
      </c>
      <c r="K1596" s="23" t="s">
        <v>7120</v>
      </c>
      <c r="L1596" s="49" t="e">
        <f>VLOOKUP(E1596&amp;F1596,団体コード!$A$1:$C$1743,3,FALSE)</f>
        <v>#N/A</v>
      </c>
      <c r="M1596" s="49" t="e">
        <f>VLOOKUP(E1596&amp;F1596,団体コード!$A$1:$C$1743,2,FALSE)</f>
        <v>#N/A</v>
      </c>
      <c r="N1596" s="51" t="e">
        <f>VLOOKUP(E1596,団体コード!$E$1:$F$48,2,FALSE)</f>
        <v>#N/A</v>
      </c>
      <c r="O1596" s="51" t="e">
        <f t="shared" si="51"/>
        <v>#N/A</v>
      </c>
      <c r="P1596" s="51">
        <v>1</v>
      </c>
      <c r="Q1596" s="51" t="s">
        <v>5341</v>
      </c>
      <c r="R1596" s="54" t="b">
        <v>1</v>
      </c>
      <c r="S1596" s="52" t="s">
        <v>7126</v>
      </c>
      <c r="T1596" s="67" t="s">
        <v>7127</v>
      </c>
      <c r="U1596" s="75" t="s">
        <v>5331</v>
      </c>
      <c r="V1596" s="47" t="s">
        <v>5331</v>
      </c>
      <c r="W1596" s="47" t="s">
        <v>5331</v>
      </c>
      <c r="X1596" s="47" t="s">
        <v>5331</v>
      </c>
      <c r="Y1596" s="47" t="s">
        <v>5331</v>
      </c>
      <c r="Z1596" s="28"/>
      <c r="AA1596" s="27"/>
      <c r="AB1596" s="27"/>
      <c r="AC1596" s="27"/>
      <c r="AD1596" s="30"/>
      <c r="AE1596" s="1"/>
      <c r="AF1596" s="23" t="s">
        <v>5331</v>
      </c>
      <c r="AG1596" s="26"/>
      <c r="AH1596" s="53"/>
    </row>
    <row r="1597" spans="1:34" ht="51.6" customHeight="1" x14ac:dyDescent="0.45">
      <c r="A1597" s="23">
        <v>1591</v>
      </c>
      <c r="B1597" s="25"/>
      <c r="C1597" s="25"/>
      <c r="D1597" s="29"/>
      <c r="E1597" s="1"/>
      <c r="F1597" s="1"/>
      <c r="G1597" s="25"/>
      <c r="H1597" s="71"/>
      <c r="I1597" s="83"/>
      <c r="J1597" s="50" t="str">
        <f t="shared" si="50"/>
        <v/>
      </c>
      <c r="K1597" s="23" t="s">
        <v>7120</v>
      </c>
      <c r="L1597" s="49" t="e">
        <f>VLOOKUP(E1597&amp;F1597,団体コード!$A$1:$C$1743,3,FALSE)</f>
        <v>#N/A</v>
      </c>
      <c r="M1597" s="49" t="e">
        <f>VLOOKUP(E1597&amp;F1597,団体コード!$A$1:$C$1743,2,FALSE)</f>
        <v>#N/A</v>
      </c>
      <c r="N1597" s="51" t="e">
        <f>VLOOKUP(E1597,団体コード!$E$1:$F$48,2,FALSE)</f>
        <v>#N/A</v>
      </c>
      <c r="O1597" s="51" t="e">
        <f t="shared" si="51"/>
        <v>#N/A</v>
      </c>
      <c r="P1597" s="51">
        <v>1</v>
      </c>
      <c r="Q1597" s="51" t="s">
        <v>5341</v>
      </c>
      <c r="R1597" s="54" t="b">
        <v>1</v>
      </c>
      <c r="S1597" s="52" t="s">
        <v>7126</v>
      </c>
      <c r="T1597" s="67" t="s">
        <v>7127</v>
      </c>
      <c r="U1597" s="75" t="s">
        <v>5331</v>
      </c>
      <c r="V1597" s="47" t="s">
        <v>5331</v>
      </c>
      <c r="W1597" s="47" t="s">
        <v>5331</v>
      </c>
      <c r="X1597" s="47" t="s">
        <v>5331</v>
      </c>
      <c r="Y1597" s="47" t="s">
        <v>5331</v>
      </c>
      <c r="Z1597" s="28"/>
      <c r="AA1597" s="27"/>
      <c r="AB1597" s="27"/>
      <c r="AC1597" s="27"/>
      <c r="AD1597" s="30"/>
      <c r="AE1597" s="1"/>
      <c r="AF1597" s="23" t="s">
        <v>5331</v>
      </c>
      <c r="AG1597" s="26"/>
      <c r="AH1597" s="53"/>
    </row>
    <row r="1598" spans="1:34" ht="51.6" customHeight="1" x14ac:dyDescent="0.45">
      <c r="A1598" s="23">
        <v>1592</v>
      </c>
      <c r="B1598" s="25"/>
      <c r="C1598" s="25"/>
      <c r="D1598" s="29"/>
      <c r="E1598" s="1"/>
      <c r="F1598" s="1"/>
      <c r="G1598" s="25"/>
      <c r="H1598" s="71"/>
      <c r="I1598" s="83"/>
      <c r="J1598" s="50" t="str">
        <f t="shared" si="50"/>
        <v/>
      </c>
      <c r="K1598" s="23" t="s">
        <v>7120</v>
      </c>
      <c r="L1598" s="49" t="e">
        <f>VLOOKUP(E1598&amp;F1598,団体コード!$A$1:$C$1743,3,FALSE)</f>
        <v>#N/A</v>
      </c>
      <c r="M1598" s="49" t="e">
        <f>VLOOKUP(E1598&amp;F1598,団体コード!$A$1:$C$1743,2,FALSE)</f>
        <v>#N/A</v>
      </c>
      <c r="N1598" s="51" t="e">
        <f>VLOOKUP(E1598,団体コード!$E$1:$F$48,2,FALSE)</f>
        <v>#N/A</v>
      </c>
      <c r="O1598" s="51" t="e">
        <f t="shared" si="51"/>
        <v>#N/A</v>
      </c>
      <c r="P1598" s="51">
        <v>1</v>
      </c>
      <c r="Q1598" s="51" t="s">
        <v>5341</v>
      </c>
      <c r="R1598" s="54" t="b">
        <v>1</v>
      </c>
      <c r="S1598" s="52" t="s">
        <v>7126</v>
      </c>
      <c r="T1598" s="67" t="s">
        <v>7127</v>
      </c>
      <c r="U1598" s="75" t="s">
        <v>5331</v>
      </c>
      <c r="V1598" s="47" t="s">
        <v>5331</v>
      </c>
      <c r="W1598" s="47" t="s">
        <v>5331</v>
      </c>
      <c r="X1598" s="47" t="s">
        <v>5331</v>
      </c>
      <c r="Y1598" s="47" t="s">
        <v>5331</v>
      </c>
      <c r="Z1598" s="28"/>
      <c r="AA1598" s="27"/>
      <c r="AB1598" s="27"/>
      <c r="AC1598" s="27"/>
      <c r="AD1598" s="30"/>
      <c r="AE1598" s="1"/>
      <c r="AF1598" s="23" t="s">
        <v>5331</v>
      </c>
      <c r="AG1598" s="26"/>
      <c r="AH1598" s="53"/>
    </row>
    <row r="1599" spans="1:34" ht="51.6" customHeight="1" x14ac:dyDescent="0.45">
      <c r="A1599" s="23">
        <v>1593</v>
      </c>
      <c r="B1599" s="25"/>
      <c r="C1599" s="25"/>
      <c r="D1599" s="29"/>
      <c r="E1599" s="1"/>
      <c r="F1599" s="1"/>
      <c r="G1599" s="25"/>
      <c r="H1599" s="71"/>
      <c r="I1599" s="83"/>
      <c r="J1599" s="50" t="str">
        <f t="shared" si="50"/>
        <v/>
      </c>
      <c r="K1599" s="23" t="s">
        <v>7120</v>
      </c>
      <c r="L1599" s="49" t="e">
        <f>VLOOKUP(E1599&amp;F1599,団体コード!$A$1:$C$1743,3,FALSE)</f>
        <v>#N/A</v>
      </c>
      <c r="M1599" s="49" t="e">
        <f>VLOOKUP(E1599&amp;F1599,団体コード!$A$1:$C$1743,2,FALSE)</f>
        <v>#N/A</v>
      </c>
      <c r="N1599" s="51" t="e">
        <f>VLOOKUP(E1599,団体コード!$E$1:$F$48,2,FALSE)</f>
        <v>#N/A</v>
      </c>
      <c r="O1599" s="51" t="e">
        <f t="shared" si="51"/>
        <v>#N/A</v>
      </c>
      <c r="P1599" s="51">
        <v>1</v>
      </c>
      <c r="Q1599" s="51" t="s">
        <v>5341</v>
      </c>
      <c r="R1599" s="54" t="b">
        <v>1</v>
      </c>
      <c r="S1599" s="52" t="s">
        <v>7126</v>
      </c>
      <c r="T1599" s="67" t="s">
        <v>7127</v>
      </c>
      <c r="U1599" s="75" t="s">
        <v>5331</v>
      </c>
      <c r="V1599" s="47" t="s">
        <v>5331</v>
      </c>
      <c r="W1599" s="47" t="s">
        <v>5331</v>
      </c>
      <c r="X1599" s="47" t="s">
        <v>5331</v>
      </c>
      <c r="Y1599" s="47" t="s">
        <v>5331</v>
      </c>
      <c r="Z1599" s="28"/>
      <c r="AA1599" s="27"/>
      <c r="AB1599" s="27"/>
      <c r="AC1599" s="27"/>
      <c r="AD1599" s="30"/>
      <c r="AE1599" s="1"/>
      <c r="AF1599" s="23" t="s">
        <v>5331</v>
      </c>
      <c r="AG1599" s="26"/>
      <c r="AH1599" s="53"/>
    </row>
    <row r="1600" spans="1:34" ht="51.6" customHeight="1" x14ac:dyDescent="0.45">
      <c r="A1600" s="23">
        <v>1594</v>
      </c>
      <c r="B1600" s="25"/>
      <c r="C1600" s="25"/>
      <c r="D1600" s="29"/>
      <c r="E1600" s="1"/>
      <c r="F1600" s="1"/>
      <c r="G1600" s="25"/>
      <c r="H1600" s="71"/>
      <c r="I1600" s="83"/>
      <c r="J1600" s="50" t="str">
        <f t="shared" si="50"/>
        <v/>
      </c>
      <c r="K1600" s="23" t="s">
        <v>7120</v>
      </c>
      <c r="L1600" s="49" t="e">
        <f>VLOOKUP(E1600&amp;F1600,団体コード!$A$1:$C$1743,3,FALSE)</f>
        <v>#N/A</v>
      </c>
      <c r="M1600" s="49" t="e">
        <f>VLOOKUP(E1600&amp;F1600,団体コード!$A$1:$C$1743,2,FALSE)</f>
        <v>#N/A</v>
      </c>
      <c r="N1600" s="51" t="e">
        <f>VLOOKUP(E1600,団体コード!$E$1:$F$48,2,FALSE)</f>
        <v>#N/A</v>
      </c>
      <c r="O1600" s="51" t="e">
        <f t="shared" si="51"/>
        <v>#N/A</v>
      </c>
      <c r="P1600" s="51">
        <v>1</v>
      </c>
      <c r="Q1600" s="51" t="s">
        <v>5341</v>
      </c>
      <c r="R1600" s="54" t="b">
        <v>1</v>
      </c>
      <c r="S1600" s="52" t="s">
        <v>7126</v>
      </c>
      <c r="T1600" s="67" t="s">
        <v>7127</v>
      </c>
      <c r="U1600" s="75" t="s">
        <v>5331</v>
      </c>
      <c r="V1600" s="47" t="s">
        <v>5331</v>
      </c>
      <c r="W1600" s="47" t="s">
        <v>5331</v>
      </c>
      <c r="X1600" s="47" t="s">
        <v>5331</v>
      </c>
      <c r="Y1600" s="47" t="s">
        <v>5331</v>
      </c>
      <c r="Z1600" s="28"/>
      <c r="AA1600" s="27"/>
      <c r="AB1600" s="27"/>
      <c r="AC1600" s="27"/>
      <c r="AD1600" s="30"/>
      <c r="AE1600" s="1"/>
      <c r="AF1600" s="23" t="s">
        <v>5331</v>
      </c>
      <c r="AG1600" s="26"/>
      <c r="AH1600" s="53"/>
    </row>
    <row r="1601" spans="1:34" ht="51.6" customHeight="1" x14ac:dyDescent="0.45">
      <c r="A1601" s="23">
        <v>1595</v>
      </c>
      <c r="B1601" s="25"/>
      <c r="C1601" s="25"/>
      <c r="D1601" s="29"/>
      <c r="E1601" s="1"/>
      <c r="F1601" s="1"/>
      <c r="G1601" s="25"/>
      <c r="H1601" s="71"/>
      <c r="I1601" s="83"/>
      <c r="J1601" s="50" t="str">
        <f t="shared" si="50"/>
        <v/>
      </c>
      <c r="K1601" s="23" t="s">
        <v>7120</v>
      </c>
      <c r="L1601" s="49" t="e">
        <f>VLOOKUP(E1601&amp;F1601,団体コード!$A$1:$C$1743,3,FALSE)</f>
        <v>#N/A</v>
      </c>
      <c r="M1601" s="49" t="e">
        <f>VLOOKUP(E1601&amp;F1601,団体コード!$A$1:$C$1743,2,FALSE)</f>
        <v>#N/A</v>
      </c>
      <c r="N1601" s="51" t="e">
        <f>VLOOKUP(E1601,団体コード!$E$1:$F$48,2,FALSE)</f>
        <v>#N/A</v>
      </c>
      <c r="O1601" s="51" t="e">
        <f t="shared" si="51"/>
        <v>#N/A</v>
      </c>
      <c r="P1601" s="51">
        <v>1</v>
      </c>
      <c r="Q1601" s="51" t="s">
        <v>5341</v>
      </c>
      <c r="R1601" s="54" t="b">
        <v>1</v>
      </c>
      <c r="S1601" s="52" t="s">
        <v>7126</v>
      </c>
      <c r="T1601" s="67" t="s">
        <v>7127</v>
      </c>
      <c r="U1601" s="75" t="s">
        <v>5331</v>
      </c>
      <c r="V1601" s="47" t="s">
        <v>5331</v>
      </c>
      <c r="W1601" s="47" t="s">
        <v>5331</v>
      </c>
      <c r="X1601" s="47" t="s">
        <v>5331</v>
      </c>
      <c r="Y1601" s="47" t="s">
        <v>5331</v>
      </c>
      <c r="Z1601" s="28"/>
      <c r="AA1601" s="27"/>
      <c r="AB1601" s="27"/>
      <c r="AC1601" s="27"/>
      <c r="AD1601" s="30"/>
      <c r="AE1601" s="1"/>
      <c r="AF1601" s="23" t="s">
        <v>5331</v>
      </c>
      <c r="AG1601" s="26"/>
      <c r="AH1601" s="53"/>
    </row>
    <row r="1602" spans="1:34" ht="51.6" customHeight="1" x14ac:dyDescent="0.45">
      <c r="A1602" s="23">
        <v>1596</v>
      </c>
      <c r="B1602" s="25"/>
      <c r="C1602" s="25"/>
      <c r="D1602" s="29"/>
      <c r="E1602" s="1"/>
      <c r="F1602" s="1"/>
      <c r="G1602" s="25"/>
      <c r="H1602" s="71"/>
      <c r="I1602" s="83"/>
      <c r="J1602" s="50" t="str">
        <f t="shared" si="50"/>
        <v/>
      </c>
      <c r="K1602" s="23" t="s">
        <v>7120</v>
      </c>
      <c r="L1602" s="49" t="e">
        <f>VLOOKUP(E1602&amp;F1602,団体コード!$A$1:$C$1743,3,FALSE)</f>
        <v>#N/A</v>
      </c>
      <c r="M1602" s="49" t="e">
        <f>VLOOKUP(E1602&amp;F1602,団体コード!$A$1:$C$1743,2,FALSE)</f>
        <v>#N/A</v>
      </c>
      <c r="N1602" s="51" t="e">
        <f>VLOOKUP(E1602,団体コード!$E$1:$F$48,2,FALSE)</f>
        <v>#N/A</v>
      </c>
      <c r="O1602" s="51" t="e">
        <f t="shared" si="51"/>
        <v>#N/A</v>
      </c>
      <c r="P1602" s="51">
        <v>1</v>
      </c>
      <c r="Q1602" s="51" t="s">
        <v>5341</v>
      </c>
      <c r="R1602" s="54" t="b">
        <v>1</v>
      </c>
      <c r="S1602" s="52" t="s">
        <v>7126</v>
      </c>
      <c r="T1602" s="67" t="s">
        <v>7127</v>
      </c>
      <c r="U1602" s="75" t="s">
        <v>5331</v>
      </c>
      <c r="V1602" s="47" t="s">
        <v>5331</v>
      </c>
      <c r="W1602" s="47" t="s">
        <v>5331</v>
      </c>
      <c r="X1602" s="47" t="s">
        <v>5331</v>
      </c>
      <c r="Y1602" s="47" t="s">
        <v>5331</v>
      </c>
      <c r="Z1602" s="28"/>
      <c r="AA1602" s="27"/>
      <c r="AB1602" s="27"/>
      <c r="AC1602" s="27"/>
      <c r="AD1602" s="30"/>
      <c r="AE1602" s="1"/>
      <c r="AF1602" s="23" t="s">
        <v>5331</v>
      </c>
      <c r="AG1602" s="26"/>
      <c r="AH1602" s="53"/>
    </row>
    <row r="1603" spans="1:34" ht="51.6" customHeight="1" x14ac:dyDescent="0.45">
      <c r="A1603" s="23">
        <v>1597</v>
      </c>
      <c r="B1603" s="25"/>
      <c r="C1603" s="25"/>
      <c r="D1603" s="29"/>
      <c r="E1603" s="1"/>
      <c r="F1603" s="1"/>
      <c r="G1603" s="25"/>
      <c r="H1603" s="71"/>
      <c r="I1603" s="83"/>
      <c r="J1603" s="50" t="str">
        <f t="shared" si="50"/>
        <v/>
      </c>
      <c r="K1603" s="23" t="s">
        <v>7120</v>
      </c>
      <c r="L1603" s="49" t="e">
        <f>VLOOKUP(E1603&amp;F1603,団体コード!$A$1:$C$1743,3,FALSE)</f>
        <v>#N/A</v>
      </c>
      <c r="M1603" s="49" t="e">
        <f>VLOOKUP(E1603&amp;F1603,団体コード!$A$1:$C$1743,2,FALSE)</f>
        <v>#N/A</v>
      </c>
      <c r="N1603" s="51" t="e">
        <f>VLOOKUP(E1603,団体コード!$E$1:$F$48,2,FALSE)</f>
        <v>#N/A</v>
      </c>
      <c r="O1603" s="51" t="e">
        <f t="shared" si="51"/>
        <v>#N/A</v>
      </c>
      <c r="P1603" s="51">
        <v>1</v>
      </c>
      <c r="Q1603" s="51" t="s">
        <v>5341</v>
      </c>
      <c r="R1603" s="54" t="b">
        <v>1</v>
      </c>
      <c r="S1603" s="52" t="s">
        <v>7126</v>
      </c>
      <c r="T1603" s="67" t="s">
        <v>7127</v>
      </c>
      <c r="U1603" s="75" t="s">
        <v>5331</v>
      </c>
      <c r="V1603" s="47" t="s">
        <v>5331</v>
      </c>
      <c r="W1603" s="47" t="s">
        <v>5331</v>
      </c>
      <c r="X1603" s="47" t="s">
        <v>5331</v>
      </c>
      <c r="Y1603" s="47" t="s">
        <v>5331</v>
      </c>
      <c r="Z1603" s="28"/>
      <c r="AA1603" s="27"/>
      <c r="AB1603" s="27"/>
      <c r="AC1603" s="27"/>
      <c r="AD1603" s="30"/>
      <c r="AE1603" s="1"/>
      <c r="AF1603" s="23" t="s">
        <v>5331</v>
      </c>
      <c r="AG1603" s="26"/>
      <c r="AH1603" s="53"/>
    </row>
    <row r="1604" spans="1:34" ht="51.6" customHeight="1" x14ac:dyDescent="0.45">
      <c r="A1604" s="23">
        <v>1598</v>
      </c>
      <c r="B1604" s="25"/>
      <c r="C1604" s="25"/>
      <c r="D1604" s="29"/>
      <c r="E1604" s="1"/>
      <c r="F1604" s="1"/>
      <c r="G1604" s="25"/>
      <c r="H1604" s="71"/>
      <c r="I1604" s="83"/>
      <c r="J1604" s="50" t="str">
        <f t="shared" si="50"/>
        <v/>
      </c>
      <c r="K1604" s="23" t="s">
        <v>7120</v>
      </c>
      <c r="L1604" s="49" t="e">
        <f>VLOOKUP(E1604&amp;F1604,団体コード!$A$1:$C$1743,3,FALSE)</f>
        <v>#N/A</v>
      </c>
      <c r="M1604" s="49" t="e">
        <f>VLOOKUP(E1604&amp;F1604,団体コード!$A$1:$C$1743,2,FALSE)</f>
        <v>#N/A</v>
      </c>
      <c r="N1604" s="51" t="e">
        <f>VLOOKUP(E1604,団体コード!$E$1:$F$48,2,FALSE)</f>
        <v>#N/A</v>
      </c>
      <c r="O1604" s="51" t="e">
        <f t="shared" si="51"/>
        <v>#N/A</v>
      </c>
      <c r="P1604" s="51">
        <v>1</v>
      </c>
      <c r="Q1604" s="51" t="s">
        <v>5341</v>
      </c>
      <c r="R1604" s="54" t="b">
        <v>1</v>
      </c>
      <c r="S1604" s="52" t="s">
        <v>7126</v>
      </c>
      <c r="T1604" s="67" t="s">
        <v>7127</v>
      </c>
      <c r="U1604" s="75" t="s">
        <v>5331</v>
      </c>
      <c r="V1604" s="47" t="s">
        <v>5331</v>
      </c>
      <c r="W1604" s="47" t="s">
        <v>5331</v>
      </c>
      <c r="X1604" s="47" t="s">
        <v>5331</v>
      </c>
      <c r="Y1604" s="47" t="s">
        <v>5331</v>
      </c>
      <c r="Z1604" s="28"/>
      <c r="AA1604" s="27"/>
      <c r="AB1604" s="27"/>
      <c r="AC1604" s="27"/>
      <c r="AD1604" s="30"/>
      <c r="AE1604" s="1"/>
      <c r="AF1604" s="23" t="s">
        <v>5331</v>
      </c>
      <c r="AG1604" s="26"/>
      <c r="AH1604" s="53"/>
    </row>
    <row r="1605" spans="1:34" ht="51.6" customHeight="1" x14ac:dyDescent="0.45">
      <c r="A1605" s="23">
        <v>1599</v>
      </c>
      <c r="B1605" s="25"/>
      <c r="C1605" s="25"/>
      <c r="D1605" s="29"/>
      <c r="E1605" s="1"/>
      <c r="F1605" s="1"/>
      <c r="G1605" s="25"/>
      <c r="H1605" s="71"/>
      <c r="I1605" s="83"/>
      <c r="J1605" s="50" t="str">
        <f t="shared" si="50"/>
        <v/>
      </c>
      <c r="K1605" s="23" t="s">
        <v>7120</v>
      </c>
      <c r="L1605" s="49" t="e">
        <f>VLOOKUP(E1605&amp;F1605,団体コード!$A$1:$C$1743,3,FALSE)</f>
        <v>#N/A</v>
      </c>
      <c r="M1605" s="49" t="e">
        <f>VLOOKUP(E1605&amp;F1605,団体コード!$A$1:$C$1743,2,FALSE)</f>
        <v>#N/A</v>
      </c>
      <c r="N1605" s="51" t="e">
        <f>VLOOKUP(E1605,団体コード!$E$1:$F$48,2,FALSE)</f>
        <v>#N/A</v>
      </c>
      <c r="O1605" s="51" t="e">
        <f t="shared" si="51"/>
        <v>#N/A</v>
      </c>
      <c r="P1605" s="51">
        <v>1</v>
      </c>
      <c r="Q1605" s="51" t="s">
        <v>5341</v>
      </c>
      <c r="R1605" s="54" t="b">
        <v>1</v>
      </c>
      <c r="S1605" s="52" t="s">
        <v>7126</v>
      </c>
      <c r="T1605" s="67" t="s">
        <v>7127</v>
      </c>
      <c r="U1605" s="75" t="s">
        <v>5331</v>
      </c>
      <c r="V1605" s="47" t="s">
        <v>5331</v>
      </c>
      <c r="W1605" s="47" t="s">
        <v>5331</v>
      </c>
      <c r="X1605" s="47" t="s">
        <v>5331</v>
      </c>
      <c r="Y1605" s="47" t="s">
        <v>5331</v>
      </c>
      <c r="Z1605" s="28"/>
      <c r="AA1605" s="27"/>
      <c r="AB1605" s="27"/>
      <c r="AC1605" s="27"/>
      <c r="AD1605" s="30"/>
      <c r="AE1605" s="1"/>
      <c r="AF1605" s="23" t="s">
        <v>5331</v>
      </c>
      <c r="AG1605" s="26"/>
      <c r="AH1605" s="53"/>
    </row>
    <row r="1606" spans="1:34" ht="51.6" customHeight="1" x14ac:dyDescent="0.45">
      <c r="A1606" s="23">
        <v>1600</v>
      </c>
      <c r="B1606" s="25"/>
      <c r="C1606" s="25"/>
      <c r="D1606" s="29"/>
      <c r="E1606" s="1"/>
      <c r="F1606" s="1"/>
      <c r="G1606" s="25"/>
      <c r="H1606" s="71"/>
      <c r="I1606" s="83"/>
      <c r="J1606" s="50" t="str">
        <f t="shared" si="50"/>
        <v/>
      </c>
      <c r="K1606" s="23" t="s">
        <v>7120</v>
      </c>
      <c r="L1606" s="49" t="e">
        <f>VLOOKUP(E1606&amp;F1606,団体コード!$A$1:$C$1743,3,FALSE)</f>
        <v>#N/A</v>
      </c>
      <c r="M1606" s="49" t="e">
        <f>VLOOKUP(E1606&amp;F1606,団体コード!$A$1:$C$1743,2,FALSE)</f>
        <v>#N/A</v>
      </c>
      <c r="N1606" s="51" t="e">
        <f>VLOOKUP(E1606,団体コード!$E$1:$F$48,2,FALSE)</f>
        <v>#N/A</v>
      </c>
      <c r="O1606" s="51" t="e">
        <f t="shared" si="51"/>
        <v>#N/A</v>
      </c>
      <c r="P1606" s="51">
        <v>1</v>
      </c>
      <c r="Q1606" s="51" t="s">
        <v>5341</v>
      </c>
      <c r="R1606" s="54" t="b">
        <v>1</v>
      </c>
      <c r="S1606" s="52" t="s">
        <v>7126</v>
      </c>
      <c r="T1606" s="67" t="s">
        <v>7127</v>
      </c>
      <c r="U1606" s="75" t="s">
        <v>5331</v>
      </c>
      <c r="V1606" s="47" t="s">
        <v>5331</v>
      </c>
      <c r="W1606" s="47" t="s">
        <v>5331</v>
      </c>
      <c r="X1606" s="47" t="s">
        <v>5331</v>
      </c>
      <c r="Y1606" s="47" t="s">
        <v>5331</v>
      </c>
      <c r="Z1606" s="28"/>
      <c r="AA1606" s="27"/>
      <c r="AB1606" s="27"/>
      <c r="AC1606" s="27"/>
      <c r="AD1606" s="30"/>
      <c r="AE1606" s="1"/>
      <c r="AF1606" s="23" t="s">
        <v>5331</v>
      </c>
      <c r="AG1606" s="26"/>
      <c r="AH1606" s="53"/>
    </row>
    <row r="1607" spans="1:34" ht="51.6" customHeight="1" x14ac:dyDescent="0.45">
      <c r="A1607" s="23">
        <v>1601</v>
      </c>
      <c r="B1607" s="25"/>
      <c r="C1607" s="25"/>
      <c r="D1607" s="29"/>
      <c r="E1607" s="1"/>
      <c r="F1607" s="1"/>
      <c r="G1607" s="25"/>
      <c r="H1607" s="71"/>
      <c r="I1607" s="83"/>
      <c r="J1607" s="50" t="str">
        <f t="shared" si="50"/>
        <v/>
      </c>
      <c r="K1607" s="23" t="s">
        <v>7120</v>
      </c>
      <c r="L1607" s="49" t="e">
        <f>VLOOKUP(E1607&amp;F1607,団体コード!$A$1:$C$1743,3,FALSE)</f>
        <v>#N/A</v>
      </c>
      <c r="M1607" s="49" t="e">
        <f>VLOOKUP(E1607&amp;F1607,団体コード!$A$1:$C$1743,2,FALSE)</f>
        <v>#N/A</v>
      </c>
      <c r="N1607" s="51" t="e">
        <f>VLOOKUP(E1607,団体コード!$E$1:$F$48,2,FALSE)</f>
        <v>#N/A</v>
      </c>
      <c r="O1607" s="51" t="e">
        <f t="shared" si="51"/>
        <v>#N/A</v>
      </c>
      <c r="P1607" s="51">
        <v>1</v>
      </c>
      <c r="Q1607" s="51" t="s">
        <v>5341</v>
      </c>
      <c r="R1607" s="54" t="b">
        <v>1</v>
      </c>
      <c r="S1607" s="52" t="s">
        <v>7126</v>
      </c>
      <c r="T1607" s="67" t="s">
        <v>7127</v>
      </c>
      <c r="U1607" s="75" t="s">
        <v>5331</v>
      </c>
      <c r="V1607" s="47" t="s">
        <v>5331</v>
      </c>
      <c r="W1607" s="47" t="s">
        <v>5331</v>
      </c>
      <c r="X1607" s="47" t="s">
        <v>5331</v>
      </c>
      <c r="Y1607" s="47" t="s">
        <v>5331</v>
      </c>
      <c r="Z1607" s="28"/>
      <c r="AA1607" s="27"/>
      <c r="AB1607" s="27"/>
      <c r="AC1607" s="27"/>
      <c r="AD1607" s="30"/>
      <c r="AE1607" s="1"/>
      <c r="AF1607" s="23" t="s">
        <v>5331</v>
      </c>
      <c r="AG1607" s="26"/>
      <c r="AH1607" s="53"/>
    </row>
    <row r="1608" spans="1:34" ht="51.6" customHeight="1" x14ac:dyDescent="0.45">
      <c r="A1608" s="23">
        <v>1602</v>
      </c>
      <c r="B1608" s="25"/>
      <c r="C1608" s="25"/>
      <c r="D1608" s="29"/>
      <c r="E1608" s="1"/>
      <c r="F1608" s="1"/>
      <c r="G1608" s="25"/>
      <c r="H1608" s="71"/>
      <c r="I1608" s="83"/>
      <c r="J1608" s="50" t="str">
        <f t="shared" ref="J1608:J1671" si="52">E1608&amp;F1608&amp;G1608</f>
        <v/>
      </c>
      <c r="K1608" s="23" t="s">
        <v>7120</v>
      </c>
      <c r="L1608" s="49" t="e">
        <f>VLOOKUP(E1608&amp;F1608,団体コード!$A$1:$C$1743,3,FALSE)</f>
        <v>#N/A</v>
      </c>
      <c r="M1608" s="49" t="e">
        <f>VLOOKUP(E1608&amp;F1608,団体コード!$A$1:$C$1743,2,FALSE)</f>
        <v>#N/A</v>
      </c>
      <c r="N1608" s="51" t="e">
        <f>VLOOKUP(E1608,団体コード!$E$1:$F$48,2,FALSE)</f>
        <v>#N/A</v>
      </c>
      <c r="O1608" s="51" t="e">
        <f t="shared" ref="O1608:O1671" si="53">N1608</f>
        <v>#N/A</v>
      </c>
      <c r="P1608" s="51">
        <v>1</v>
      </c>
      <c r="Q1608" s="51" t="s">
        <v>5341</v>
      </c>
      <c r="R1608" s="54" t="b">
        <v>1</v>
      </c>
      <c r="S1608" s="52" t="s">
        <v>7126</v>
      </c>
      <c r="T1608" s="67" t="s">
        <v>7127</v>
      </c>
      <c r="U1608" s="75" t="s">
        <v>5331</v>
      </c>
      <c r="V1608" s="47" t="s">
        <v>5331</v>
      </c>
      <c r="W1608" s="47" t="s">
        <v>5331</v>
      </c>
      <c r="X1608" s="47" t="s">
        <v>5331</v>
      </c>
      <c r="Y1608" s="47" t="s">
        <v>5331</v>
      </c>
      <c r="Z1608" s="28"/>
      <c r="AA1608" s="27"/>
      <c r="AB1608" s="27"/>
      <c r="AC1608" s="27"/>
      <c r="AD1608" s="30"/>
      <c r="AE1608" s="1"/>
      <c r="AF1608" s="23" t="s">
        <v>5331</v>
      </c>
      <c r="AG1608" s="26"/>
      <c r="AH1608" s="53"/>
    </row>
    <row r="1609" spans="1:34" ht="51.6" customHeight="1" x14ac:dyDescent="0.45">
      <c r="A1609" s="23">
        <v>1603</v>
      </c>
      <c r="B1609" s="25"/>
      <c r="C1609" s="25"/>
      <c r="D1609" s="29"/>
      <c r="E1609" s="1"/>
      <c r="F1609" s="1"/>
      <c r="G1609" s="25"/>
      <c r="H1609" s="71"/>
      <c r="I1609" s="83"/>
      <c r="J1609" s="50" t="str">
        <f t="shared" si="52"/>
        <v/>
      </c>
      <c r="K1609" s="23" t="s">
        <v>7120</v>
      </c>
      <c r="L1609" s="49" t="e">
        <f>VLOOKUP(E1609&amp;F1609,団体コード!$A$1:$C$1743,3,FALSE)</f>
        <v>#N/A</v>
      </c>
      <c r="M1609" s="49" t="e">
        <f>VLOOKUP(E1609&amp;F1609,団体コード!$A$1:$C$1743,2,FALSE)</f>
        <v>#N/A</v>
      </c>
      <c r="N1609" s="51" t="e">
        <f>VLOOKUP(E1609,団体コード!$E$1:$F$48,2,FALSE)</f>
        <v>#N/A</v>
      </c>
      <c r="O1609" s="51" t="e">
        <f t="shared" si="53"/>
        <v>#N/A</v>
      </c>
      <c r="P1609" s="51">
        <v>1</v>
      </c>
      <c r="Q1609" s="51" t="s">
        <v>5341</v>
      </c>
      <c r="R1609" s="54" t="b">
        <v>1</v>
      </c>
      <c r="S1609" s="52" t="s">
        <v>7126</v>
      </c>
      <c r="T1609" s="67" t="s">
        <v>7127</v>
      </c>
      <c r="U1609" s="75" t="s">
        <v>5331</v>
      </c>
      <c r="V1609" s="47" t="s">
        <v>5331</v>
      </c>
      <c r="W1609" s="47" t="s">
        <v>5331</v>
      </c>
      <c r="X1609" s="47" t="s">
        <v>5331</v>
      </c>
      <c r="Y1609" s="47" t="s">
        <v>5331</v>
      </c>
      <c r="Z1609" s="28"/>
      <c r="AA1609" s="27"/>
      <c r="AB1609" s="27"/>
      <c r="AC1609" s="27"/>
      <c r="AD1609" s="30"/>
      <c r="AE1609" s="1"/>
      <c r="AF1609" s="23" t="s">
        <v>5331</v>
      </c>
      <c r="AG1609" s="26"/>
      <c r="AH1609" s="53"/>
    </row>
    <row r="1610" spans="1:34" ht="51.6" customHeight="1" x14ac:dyDescent="0.45">
      <c r="A1610" s="23">
        <v>1604</v>
      </c>
      <c r="B1610" s="25"/>
      <c r="C1610" s="25"/>
      <c r="D1610" s="29"/>
      <c r="E1610" s="1"/>
      <c r="F1610" s="1"/>
      <c r="G1610" s="25"/>
      <c r="H1610" s="71"/>
      <c r="I1610" s="83"/>
      <c r="J1610" s="50" t="str">
        <f t="shared" si="52"/>
        <v/>
      </c>
      <c r="K1610" s="23" t="s">
        <v>7120</v>
      </c>
      <c r="L1610" s="49" t="e">
        <f>VLOOKUP(E1610&amp;F1610,団体コード!$A$1:$C$1743,3,FALSE)</f>
        <v>#N/A</v>
      </c>
      <c r="M1610" s="49" t="e">
        <f>VLOOKUP(E1610&amp;F1610,団体コード!$A$1:$C$1743,2,FALSE)</f>
        <v>#N/A</v>
      </c>
      <c r="N1610" s="51" t="e">
        <f>VLOOKUP(E1610,団体コード!$E$1:$F$48,2,FALSE)</f>
        <v>#N/A</v>
      </c>
      <c r="O1610" s="51" t="e">
        <f t="shared" si="53"/>
        <v>#N/A</v>
      </c>
      <c r="P1610" s="51">
        <v>1</v>
      </c>
      <c r="Q1610" s="51" t="s">
        <v>5341</v>
      </c>
      <c r="R1610" s="54" t="b">
        <v>1</v>
      </c>
      <c r="S1610" s="52" t="s">
        <v>7126</v>
      </c>
      <c r="T1610" s="67" t="s">
        <v>7127</v>
      </c>
      <c r="U1610" s="75" t="s">
        <v>5331</v>
      </c>
      <c r="V1610" s="47" t="s">
        <v>5331</v>
      </c>
      <c r="W1610" s="47" t="s">
        <v>5331</v>
      </c>
      <c r="X1610" s="47" t="s">
        <v>5331</v>
      </c>
      <c r="Y1610" s="47" t="s">
        <v>5331</v>
      </c>
      <c r="Z1610" s="28"/>
      <c r="AA1610" s="27"/>
      <c r="AB1610" s="27"/>
      <c r="AC1610" s="27"/>
      <c r="AD1610" s="30"/>
      <c r="AE1610" s="1"/>
      <c r="AF1610" s="23" t="s">
        <v>5331</v>
      </c>
      <c r="AG1610" s="26"/>
      <c r="AH1610" s="53"/>
    </row>
    <row r="1611" spans="1:34" ht="51.6" customHeight="1" x14ac:dyDescent="0.45">
      <c r="A1611" s="23">
        <v>1605</v>
      </c>
      <c r="B1611" s="25"/>
      <c r="C1611" s="25"/>
      <c r="D1611" s="29"/>
      <c r="E1611" s="1"/>
      <c r="F1611" s="1"/>
      <c r="G1611" s="25"/>
      <c r="H1611" s="71"/>
      <c r="I1611" s="83"/>
      <c r="J1611" s="50" t="str">
        <f t="shared" si="52"/>
        <v/>
      </c>
      <c r="K1611" s="23" t="s">
        <v>7120</v>
      </c>
      <c r="L1611" s="49" t="e">
        <f>VLOOKUP(E1611&amp;F1611,団体コード!$A$1:$C$1743,3,FALSE)</f>
        <v>#N/A</v>
      </c>
      <c r="M1611" s="49" t="e">
        <f>VLOOKUP(E1611&amp;F1611,団体コード!$A$1:$C$1743,2,FALSE)</f>
        <v>#N/A</v>
      </c>
      <c r="N1611" s="51" t="e">
        <f>VLOOKUP(E1611,団体コード!$E$1:$F$48,2,FALSE)</f>
        <v>#N/A</v>
      </c>
      <c r="O1611" s="51" t="e">
        <f t="shared" si="53"/>
        <v>#N/A</v>
      </c>
      <c r="P1611" s="51">
        <v>1</v>
      </c>
      <c r="Q1611" s="51" t="s">
        <v>5341</v>
      </c>
      <c r="R1611" s="54" t="b">
        <v>1</v>
      </c>
      <c r="S1611" s="52" t="s">
        <v>7126</v>
      </c>
      <c r="T1611" s="67" t="s">
        <v>7127</v>
      </c>
      <c r="U1611" s="75" t="s">
        <v>5331</v>
      </c>
      <c r="V1611" s="47" t="s">
        <v>5331</v>
      </c>
      <c r="W1611" s="47" t="s">
        <v>5331</v>
      </c>
      <c r="X1611" s="47" t="s">
        <v>5331</v>
      </c>
      <c r="Y1611" s="47" t="s">
        <v>5331</v>
      </c>
      <c r="Z1611" s="28"/>
      <c r="AA1611" s="27"/>
      <c r="AB1611" s="27"/>
      <c r="AC1611" s="27"/>
      <c r="AD1611" s="30"/>
      <c r="AE1611" s="1"/>
      <c r="AF1611" s="23" t="s">
        <v>5331</v>
      </c>
      <c r="AG1611" s="26"/>
      <c r="AH1611" s="53"/>
    </row>
    <row r="1612" spans="1:34" ht="51.6" customHeight="1" x14ac:dyDescent="0.45">
      <c r="A1612" s="23">
        <v>1606</v>
      </c>
      <c r="B1612" s="25"/>
      <c r="C1612" s="25"/>
      <c r="D1612" s="29"/>
      <c r="E1612" s="1"/>
      <c r="F1612" s="1"/>
      <c r="G1612" s="25"/>
      <c r="H1612" s="71"/>
      <c r="I1612" s="83"/>
      <c r="J1612" s="50" t="str">
        <f t="shared" si="52"/>
        <v/>
      </c>
      <c r="K1612" s="23" t="s">
        <v>7120</v>
      </c>
      <c r="L1612" s="49" t="e">
        <f>VLOOKUP(E1612&amp;F1612,団体コード!$A$1:$C$1743,3,FALSE)</f>
        <v>#N/A</v>
      </c>
      <c r="M1612" s="49" t="e">
        <f>VLOOKUP(E1612&amp;F1612,団体コード!$A$1:$C$1743,2,FALSE)</f>
        <v>#N/A</v>
      </c>
      <c r="N1612" s="51" t="e">
        <f>VLOOKUP(E1612,団体コード!$E$1:$F$48,2,FALSE)</f>
        <v>#N/A</v>
      </c>
      <c r="O1612" s="51" t="e">
        <f t="shared" si="53"/>
        <v>#N/A</v>
      </c>
      <c r="P1612" s="51">
        <v>1</v>
      </c>
      <c r="Q1612" s="51" t="s">
        <v>5341</v>
      </c>
      <c r="R1612" s="54" t="b">
        <v>1</v>
      </c>
      <c r="S1612" s="52" t="s">
        <v>7126</v>
      </c>
      <c r="T1612" s="67" t="s">
        <v>7127</v>
      </c>
      <c r="U1612" s="75" t="s">
        <v>5331</v>
      </c>
      <c r="V1612" s="47" t="s">
        <v>5331</v>
      </c>
      <c r="W1612" s="47" t="s">
        <v>5331</v>
      </c>
      <c r="X1612" s="47" t="s">
        <v>5331</v>
      </c>
      <c r="Y1612" s="47" t="s">
        <v>5331</v>
      </c>
      <c r="Z1612" s="28"/>
      <c r="AA1612" s="27"/>
      <c r="AB1612" s="27"/>
      <c r="AC1612" s="27"/>
      <c r="AD1612" s="30"/>
      <c r="AE1612" s="1"/>
      <c r="AF1612" s="23" t="s">
        <v>5331</v>
      </c>
      <c r="AG1612" s="26"/>
      <c r="AH1612" s="53"/>
    </row>
    <row r="1613" spans="1:34" ht="51.6" customHeight="1" x14ac:dyDescent="0.45">
      <c r="A1613" s="23">
        <v>1607</v>
      </c>
      <c r="B1613" s="25"/>
      <c r="C1613" s="25"/>
      <c r="D1613" s="29"/>
      <c r="E1613" s="1"/>
      <c r="F1613" s="1"/>
      <c r="G1613" s="25"/>
      <c r="H1613" s="71"/>
      <c r="I1613" s="83"/>
      <c r="J1613" s="50" t="str">
        <f t="shared" si="52"/>
        <v/>
      </c>
      <c r="K1613" s="23" t="s">
        <v>7120</v>
      </c>
      <c r="L1613" s="49" t="e">
        <f>VLOOKUP(E1613&amp;F1613,団体コード!$A$1:$C$1743,3,FALSE)</f>
        <v>#N/A</v>
      </c>
      <c r="M1613" s="49" t="e">
        <f>VLOOKUP(E1613&amp;F1613,団体コード!$A$1:$C$1743,2,FALSE)</f>
        <v>#N/A</v>
      </c>
      <c r="N1613" s="51" t="e">
        <f>VLOOKUP(E1613,団体コード!$E$1:$F$48,2,FALSE)</f>
        <v>#N/A</v>
      </c>
      <c r="O1613" s="51" t="e">
        <f t="shared" si="53"/>
        <v>#N/A</v>
      </c>
      <c r="P1613" s="51">
        <v>1</v>
      </c>
      <c r="Q1613" s="51" t="s">
        <v>5341</v>
      </c>
      <c r="R1613" s="54" t="b">
        <v>1</v>
      </c>
      <c r="S1613" s="52" t="s">
        <v>7126</v>
      </c>
      <c r="T1613" s="67" t="s">
        <v>7127</v>
      </c>
      <c r="U1613" s="75" t="s">
        <v>5331</v>
      </c>
      <c r="V1613" s="47" t="s">
        <v>5331</v>
      </c>
      <c r="W1613" s="47" t="s">
        <v>5331</v>
      </c>
      <c r="X1613" s="47" t="s">
        <v>5331</v>
      </c>
      <c r="Y1613" s="47" t="s">
        <v>5331</v>
      </c>
      <c r="Z1613" s="28"/>
      <c r="AA1613" s="27"/>
      <c r="AB1613" s="27"/>
      <c r="AC1613" s="27"/>
      <c r="AD1613" s="30"/>
      <c r="AE1613" s="1"/>
      <c r="AF1613" s="23" t="s">
        <v>5331</v>
      </c>
      <c r="AG1613" s="26"/>
      <c r="AH1613" s="53"/>
    </row>
    <row r="1614" spans="1:34" ht="51.6" customHeight="1" x14ac:dyDescent="0.45">
      <c r="A1614" s="23">
        <v>1608</v>
      </c>
      <c r="B1614" s="25"/>
      <c r="C1614" s="25"/>
      <c r="D1614" s="29"/>
      <c r="E1614" s="1"/>
      <c r="F1614" s="1"/>
      <c r="G1614" s="25"/>
      <c r="H1614" s="71"/>
      <c r="I1614" s="83"/>
      <c r="J1614" s="50" t="str">
        <f t="shared" si="52"/>
        <v/>
      </c>
      <c r="K1614" s="23" t="s">
        <v>7120</v>
      </c>
      <c r="L1614" s="49" t="e">
        <f>VLOOKUP(E1614&amp;F1614,団体コード!$A$1:$C$1743,3,FALSE)</f>
        <v>#N/A</v>
      </c>
      <c r="M1614" s="49" t="e">
        <f>VLOOKUP(E1614&amp;F1614,団体コード!$A$1:$C$1743,2,FALSE)</f>
        <v>#N/A</v>
      </c>
      <c r="N1614" s="51" t="e">
        <f>VLOOKUP(E1614,団体コード!$E$1:$F$48,2,FALSE)</f>
        <v>#N/A</v>
      </c>
      <c r="O1614" s="51" t="e">
        <f t="shared" si="53"/>
        <v>#N/A</v>
      </c>
      <c r="P1614" s="51">
        <v>1</v>
      </c>
      <c r="Q1614" s="51" t="s">
        <v>5341</v>
      </c>
      <c r="R1614" s="54" t="b">
        <v>1</v>
      </c>
      <c r="S1614" s="52" t="s">
        <v>7126</v>
      </c>
      <c r="T1614" s="67" t="s">
        <v>7127</v>
      </c>
      <c r="U1614" s="75" t="s">
        <v>5331</v>
      </c>
      <c r="V1614" s="47" t="s">
        <v>5331</v>
      </c>
      <c r="W1614" s="47" t="s">
        <v>5331</v>
      </c>
      <c r="X1614" s="47" t="s">
        <v>5331</v>
      </c>
      <c r="Y1614" s="47" t="s">
        <v>5331</v>
      </c>
      <c r="Z1614" s="28"/>
      <c r="AA1614" s="27"/>
      <c r="AB1614" s="27"/>
      <c r="AC1614" s="27"/>
      <c r="AD1614" s="30"/>
      <c r="AE1614" s="1"/>
      <c r="AF1614" s="23" t="s">
        <v>5331</v>
      </c>
      <c r="AG1614" s="26"/>
      <c r="AH1614" s="53"/>
    </row>
    <row r="1615" spans="1:34" ht="51.6" customHeight="1" x14ac:dyDescent="0.45">
      <c r="A1615" s="23">
        <v>1609</v>
      </c>
      <c r="B1615" s="25"/>
      <c r="C1615" s="25"/>
      <c r="D1615" s="29"/>
      <c r="E1615" s="1"/>
      <c r="F1615" s="1"/>
      <c r="G1615" s="25"/>
      <c r="H1615" s="71"/>
      <c r="I1615" s="83"/>
      <c r="J1615" s="50" t="str">
        <f t="shared" si="52"/>
        <v/>
      </c>
      <c r="K1615" s="23" t="s">
        <v>7120</v>
      </c>
      <c r="L1615" s="49" t="e">
        <f>VLOOKUP(E1615&amp;F1615,団体コード!$A$1:$C$1743,3,FALSE)</f>
        <v>#N/A</v>
      </c>
      <c r="M1615" s="49" t="e">
        <f>VLOOKUP(E1615&amp;F1615,団体コード!$A$1:$C$1743,2,FALSE)</f>
        <v>#N/A</v>
      </c>
      <c r="N1615" s="51" t="e">
        <f>VLOOKUP(E1615,団体コード!$E$1:$F$48,2,FALSE)</f>
        <v>#N/A</v>
      </c>
      <c r="O1615" s="51" t="e">
        <f t="shared" si="53"/>
        <v>#N/A</v>
      </c>
      <c r="P1615" s="51">
        <v>1</v>
      </c>
      <c r="Q1615" s="51" t="s">
        <v>5341</v>
      </c>
      <c r="R1615" s="54" t="b">
        <v>1</v>
      </c>
      <c r="S1615" s="52" t="s">
        <v>7126</v>
      </c>
      <c r="T1615" s="67" t="s">
        <v>7127</v>
      </c>
      <c r="U1615" s="75" t="s">
        <v>5331</v>
      </c>
      <c r="V1615" s="47" t="s">
        <v>5331</v>
      </c>
      <c r="W1615" s="47" t="s">
        <v>5331</v>
      </c>
      <c r="X1615" s="47" t="s">
        <v>5331</v>
      </c>
      <c r="Y1615" s="47" t="s">
        <v>5331</v>
      </c>
      <c r="Z1615" s="28"/>
      <c r="AA1615" s="27"/>
      <c r="AB1615" s="27"/>
      <c r="AC1615" s="27"/>
      <c r="AD1615" s="30"/>
      <c r="AE1615" s="1"/>
      <c r="AF1615" s="23" t="s">
        <v>5331</v>
      </c>
      <c r="AG1615" s="26"/>
      <c r="AH1615" s="53"/>
    </row>
    <row r="1616" spans="1:34" ht="51.6" customHeight="1" x14ac:dyDescent="0.45">
      <c r="A1616" s="23">
        <v>1610</v>
      </c>
      <c r="B1616" s="25"/>
      <c r="C1616" s="25"/>
      <c r="D1616" s="29"/>
      <c r="E1616" s="1"/>
      <c r="F1616" s="1"/>
      <c r="G1616" s="25"/>
      <c r="H1616" s="71"/>
      <c r="I1616" s="83"/>
      <c r="J1616" s="50" t="str">
        <f t="shared" si="52"/>
        <v/>
      </c>
      <c r="K1616" s="23" t="s">
        <v>7120</v>
      </c>
      <c r="L1616" s="49" t="e">
        <f>VLOOKUP(E1616&amp;F1616,団体コード!$A$1:$C$1743,3,FALSE)</f>
        <v>#N/A</v>
      </c>
      <c r="M1616" s="49" t="e">
        <f>VLOOKUP(E1616&amp;F1616,団体コード!$A$1:$C$1743,2,FALSE)</f>
        <v>#N/A</v>
      </c>
      <c r="N1616" s="51" t="e">
        <f>VLOOKUP(E1616,団体コード!$E$1:$F$48,2,FALSE)</f>
        <v>#N/A</v>
      </c>
      <c r="O1616" s="51" t="e">
        <f t="shared" si="53"/>
        <v>#N/A</v>
      </c>
      <c r="P1616" s="51">
        <v>1</v>
      </c>
      <c r="Q1616" s="51" t="s">
        <v>5341</v>
      </c>
      <c r="R1616" s="54" t="b">
        <v>1</v>
      </c>
      <c r="S1616" s="52" t="s">
        <v>7126</v>
      </c>
      <c r="T1616" s="67" t="s">
        <v>7127</v>
      </c>
      <c r="U1616" s="75" t="s">
        <v>5331</v>
      </c>
      <c r="V1616" s="47" t="s">
        <v>5331</v>
      </c>
      <c r="W1616" s="47" t="s">
        <v>5331</v>
      </c>
      <c r="X1616" s="47" t="s">
        <v>5331</v>
      </c>
      <c r="Y1616" s="47" t="s">
        <v>5331</v>
      </c>
      <c r="Z1616" s="28"/>
      <c r="AA1616" s="27"/>
      <c r="AB1616" s="27"/>
      <c r="AC1616" s="27"/>
      <c r="AD1616" s="30"/>
      <c r="AE1616" s="1"/>
      <c r="AF1616" s="23" t="s">
        <v>5331</v>
      </c>
      <c r="AG1616" s="26"/>
      <c r="AH1616" s="53"/>
    </row>
    <row r="1617" spans="1:34" ht="51.6" customHeight="1" x14ac:dyDescent="0.45">
      <c r="A1617" s="23">
        <v>1611</v>
      </c>
      <c r="B1617" s="25"/>
      <c r="C1617" s="25"/>
      <c r="D1617" s="29"/>
      <c r="E1617" s="1"/>
      <c r="F1617" s="1"/>
      <c r="G1617" s="25"/>
      <c r="H1617" s="71"/>
      <c r="I1617" s="83"/>
      <c r="J1617" s="50" t="str">
        <f t="shared" si="52"/>
        <v/>
      </c>
      <c r="K1617" s="23" t="s">
        <v>7120</v>
      </c>
      <c r="L1617" s="49" t="e">
        <f>VLOOKUP(E1617&amp;F1617,団体コード!$A$1:$C$1743,3,FALSE)</f>
        <v>#N/A</v>
      </c>
      <c r="M1617" s="49" t="e">
        <f>VLOOKUP(E1617&amp;F1617,団体コード!$A$1:$C$1743,2,FALSE)</f>
        <v>#N/A</v>
      </c>
      <c r="N1617" s="51" t="e">
        <f>VLOOKUP(E1617,団体コード!$E$1:$F$48,2,FALSE)</f>
        <v>#N/A</v>
      </c>
      <c r="O1617" s="51" t="e">
        <f t="shared" si="53"/>
        <v>#N/A</v>
      </c>
      <c r="P1617" s="51">
        <v>1</v>
      </c>
      <c r="Q1617" s="51" t="s">
        <v>5341</v>
      </c>
      <c r="R1617" s="54" t="b">
        <v>1</v>
      </c>
      <c r="S1617" s="52" t="s">
        <v>7126</v>
      </c>
      <c r="T1617" s="67" t="s">
        <v>7127</v>
      </c>
      <c r="U1617" s="75" t="s">
        <v>5331</v>
      </c>
      <c r="V1617" s="47" t="s">
        <v>5331</v>
      </c>
      <c r="W1617" s="47" t="s">
        <v>5331</v>
      </c>
      <c r="X1617" s="47" t="s">
        <v>5331</v>
      </c>
      <c r="Y1617" s="47" t="s">
        <v>5331</v>
      </c>
      <c r="Z1617" s="28"/>
      <c r="AA1617" s="27"/>
      <c r="AB1617" s="27"/>
      <c r="AC1617" s="27"/>
      <c r="AD1617" s="30"/>
      <c r="AE1617" s="1"/>
      <c r="AF1617" s="23" t="s">
        <v>5331</v>
      </c>
      <c r="AG1617" s="26"/>
      <c r="AH1617" s="53"/>
    </row>
    <row r="1618" spans="1:34" ht="51.6" customHeight="1" x14ac:dyDescent="0.45">
      <c r="A1618" s="23">
        <v>1612</v>
      </c>
      <c r="B1618" s="25"/>
      <c r="C1618" s="25"/>
      <c r="D1618" s="29"/>
      <c r="E1618" s="1"/>
      <c r="F1618" s="1"/>
      <c r="G1618" s="25"/>
      <c r="H1618" s="71"/>
      <c r="I1618" s="83"/>
      <c r="J1618" s="50" t="str">
        <f t="shared" si="52"/>
        <v/>
      </c>
      <c r="K1618" s="23" t="s">
        <v>7120</v>
      </c>
      <c r="L1618" s="49" t="e">
        <f>VLOOKUP(E1618&amp;F1618,団体コード!$A$1:$C$1743,3,FALSE)</f>
        <v>#N/A</v>
      </c>
      <c r="M1618" s="49" t="e">
        <f>VLOOKUP(E1618&amp;F1618,団体コード!$A$1:$C$1743,2,FALSE)</f>
        <v>#N/A</v>
      </c>
      <c r="N1618" s="51" t="e">
        <f>VLOOKUP(E1618,団体コード!$E$1:$F$48,2,FALSE)</f>
        <v>#N/A</v>
      </c>
      <c r="O1618" s="51" t="e">
        <f t="shared" si="53"/>
        <v>#N/A</v>
      </c>
      <c r="P1618" s="51">
        <v>1</v>
      </c>
      <c r="Q1618" s="51" t="s">
        <v>5341</v>
      </c>
      <c r="R1618" s="54" t="b">
        <v>1</v>
      </c>
      <c r="S1618" s="52" t="s">
        <v>7126</v>
      </c>
      <c r="T1618" s="67" t="s">
        <v>7127</v>
      </c>
      <c r="U1618" s="75" t="s">
        <v>5331</v>
      </c>
      <c r="V1618" s="47" t="s">
        <v>5331</v>
      </c>
      <c r="W1618" s="47" t="s">
        <v>5331</v>
      </c>
      <c r="X1618" s="47" t="s">
        <v>5331</v>
      </c>
      <c r="Y1618" s="47" t="s">
        <v>5331</v>
      </c>
      <c r="Z1618" s="28"/>
      <c r="AA1618" s="27"/>
      <c r="AB1618" s="27"/>
      <c r="AC1618" s="27"/>
      <c r="AD1618" s="30"/>
      <c r="AE1618" s="1"/>
      <c r="AF1618" s="23" t="s">
        <v>5331</v>
      </c>
      <c r="AG1618" s="26"/>
      <c r="AH1618" s="53"/>
    </row>
    <row r="1619" spans="1:34" ht="51.6" customHeight="1" x14ac:dyDescent="0.45">
      <c r="A1619" s="23">
        <v>1613</v>
      </c>
      <c r="B1619" s="25"/>
      <c r="C1619" s="25"/>
      <c r="D1619" s="29"/>
      <c r="E1619" s="1"/>
      <c r="F1619" s="1"/>
      <c r="G1619" s="25"/>
      <c r="H1619" s="71"/>
      <c r="I1619" s="83"/>
      <c r="J1619" s="50" t="str">
        <f t="shared" si="52"/>
        <v/>
      </c>
      <c r="K1619" s="23" t="s">
        <v>7120</v>
      </c>
      <c r="L1619" s="49" t="e">
        <f>VLOOKUP(E1619&amp;F1619,団体コード!$A$1:$C$1743,3,FALSE)</f>
        <v>#N/A</v>
      </c>
      <c r="M1619" s="49" t="e">
        <f>VLOOKUP(E1619&amp;F1619,団体コード!$A$1:$C$1743,2,FALSE)</f>
        <v>#N/A</v>
      </c>
      <c r="N1619" s="51" t="e">
        <f>VLOOKUP(E1619,団体コード!$E$1:$F$48,2,FALSE)</f>
        <v>#N/A</v>
      </c>
      <c r="O1619" s="51" t="e">
        <f t="shared" si="53"/>
        <v>#N/A</v>
      </c>
      <c r="P1619" s="51">
        <v>1</v>
      </c>
      <c r="Q1619" s="51" t="s">
        <v>5341</v>
      </c>
      <c r="R1619" s="54" t="b">
        <v>1</v>
      </c>
      <c r="S1619" s="52" t="s">
        <v>7126</v>
      </c>
      <c r="T1619" s="67" t="s">
        <v>7127</v>
      </c>
      <c r="U1619" s="75" t="s">
        <v>5331</v>
      </c>
      <c r="V1619" s="47" t="s">
        <v>5331</v>
      </c>
      <c r="W1619" s="47" t="s">
        <v>5331</v>
      </c>
      <c r="X1619" s="47" t="s">
        <v>5331</v>
      </c>
      <c r="Y1619" s="47" t="s">
        <v>5331</v>
      </c>
      <c r="Z1619" s="28"/>
      <c r="AA1619" s="27"/>
      <c r="AB1619" s="27"/>
      <c r="AC1619" s="27"/>
      <c r="AD1619" s="30"/>
      <c r="AE1619" s="1"/>
      <c r="AF1619" s="23" t="s">
        <v>5331</v>
      </c>
      <c r="AG1619" s="26"/>
      <c r="AH1619" s="53"/>
    </row>
    <row r="1620" spans="1:34" ht="51.6" customHeight="1" x14ac:dyDescent="0.45">
      <c r="A1620" s="23">
        <v>1614</v>
      </c>
      <c r="B1620" s="25"/>
      <c r="C1620" s="25"/>
      <c r="D1620" s="29"/>
      <c r="E1620" s="1"/>
      <c r="F1620" s="1"/>
      <c r="G1620" s="25"/>
      <c r="H1620" s="71"/>
      <c r="I1620" s="83"/>
      <c r="J1620" s="50" t="str">
        <f t="shared" si="52"/>
        <v/>
      </c>
      <c r="K1620" s="23" t="s">
        <v>7120</v>
      </c>
      <c r="L1620" s="49" t="e">
        <f>VLOOKUP(E1620&amp;F1620,団体コード!$A$1:$C$1743,3,FALSE)</f>
        <v>#N/A</v>
      </c>
      <c r="M1620" s="49" t="e">
        <f>VLOOKUP(E1620&amp;F1620,団体コード!$A$1:$C$1743,2,FALSE)</f>
        <v>#N/A</v>
      </c>
      <c r="N1620" s="51" t="e">
        <f>VLOOKUP(E1620,団体コード!$E$1:$F$48,2,FALSE)</f>
        <v>#N/A</v>
      </c>
      <c r="O1620" s="51" t="e">
        <f t="shared" si="53"/>
        <v>#N/A</v>
      </c>
      <c r="P1620" s="51">
        <v>1</v>
      </c>
      <c r="Q1620" s="51" t="s">
        <v>5341</v>
      </c>
      <c r="R1620" s="54" t="b">
        <v>1</v>
      </c>
      <c r="S1620" s="52" t="s">
        <v>7126</v>
      </c>
      <c r="T1620" s="67" t="s">
        <v>7127</v>
      </c>
      <c r="U1620" s="75" t="s">
        <v>5331</v>
      </c>
      <c r="V1620" s="47" t="s">
        <v>5331</v>
      </c>
      <c r="W1620" s="47" t="s">
        <v>5331</v>
      </c>
      <c r="X1620" s="47" t="s">
        <v>5331</v>
      </c>
      <c r="Y1620" s="47" t="s">
        <v>5331</v>
      </c>
      <c r="Z1620" s="28"/>
      <c r="AA1620" s="27"/>
      <c r="AB1620" s="27"/>
      <c r="AC1620" s="27"/>
      <c r="AD1620" s="30"/>
      <c r="AE1620" s="1"/>
      <c r="AF1620" s="23" t="s">
        <v>5331</v>
      </c>
      <c r="AG1620" s="26"/>
      <c r="AH1620" s="53"/>
    </row>
    <row r="1621" spans="1:34" ht="51.6" customHeight="1" x14ac:dyDescent="0.45">
      <c r="A1621" s="23">
        <v>1615</v>
      </c>
      <c r="B1621" s="25"/>
      <c r="C1621" s="25"/>
      <c r="D1621" s="29"/>
      <c r="E1621" s="1"/>
      <c r="F1621" s="1"/>
      <c r="G1621" s="25"/>
      <c r="H1621" s="71"/>
      <c r="I1621" s="83"/>
      <c r="J1621" s="50" t="str">
        <f t="shared" si="52"/>
        <v/>
      </c>
      <c r="K1621" s="23" t="s">
        <v>7120</v>
      </c>
      <c r="L1621" s="49" t="e">
        <f>VLOOKUP(E1621&amp;F1621,団体コード!$A$1:$C$1743,3,FALSE)</f>
        <v>#N/A</v>
      </c>
      <c r="M1621" s="49" t="e">
        <f>VLOOKUP(E1621&amp;F1621,団体コード!$A$1:$C$1743,2,FALSE)</f>
        <v>#N/A</v>
      </c>
      <c r="N1621" s="51" t="e">
        <f>VLOOKUP(E1621,団体コード!$E$1:$F$48,2,FALSE)</f>
        <v>#N/A</v>
      </c>
      <c r="O1621" s="51" t="e">
        <f t="shared" si="53"/>
        <v>#N/A</v>
      </c>
      <c r="P1621" s="51">
        <v>1</v>
      </c>
      <c r="Q1621" s="51" t="s">
        <v>5341</v>
      </c>
      <c r="R1621" s="54" t="b">
        <v>1</v>
      </c>
      <c r="S1621" s="52" t="s">
        <v>7126</v>
      </c>
      <c r="T1621" s="67" t="s">
        <v>7127</v>
      </c>
      <c r="U1621" s="75" t="s">
        <v>5331</v>
      </c>
      <c r="V1621" s="47" t="s">
        <v>5331</v>
      </c>
      <c r="W1621" s="47" t="s">
        <v>5331</v>
      </c>
      <c r="X1621" s="47" t="s">
        <v>5331</v>
      </c>
      <c r="Y1621" s="47" t="s">
        <v>5331</v>
      </c>
      <c r="Z1621" s="28"/>
      <c r="AA1621" s="27"/>
      <c r="AB1621" s="27"/>
      <c r="AC1621" s="27"/>
      <c r="AD1621" s="30"/>
      <c r="AE1621" s="1"/>
      <c r="AF1621" s="23" t="s">
        <v>5331</v>
      </c>
      <c r="AG1621" s="26"/>
      <c r="AH1621" s="53"/>
    </row>
    <row r="1622" spans="1:34" ht="51.6" customHeight="1" x14ac:dyDescent="0.45">
      <c r="A1622" s="23">
        <v>1616</v>
      </c>
      <c r="B1622" s="25"/>
      <c r="C1622" s="25"/>
      <c r="D1622" s="29"/>
      <c r="E1622" s="1"/>
      <c r="F1622" s="1"/>
      <c r="G1622" s="25"/>
      <c r="H1622" s="71"/>
      <c r="I1622" s="83"/>
      <c r="J1622" s="50" t="str">
        <f t="shared" si="52"/>
        <v/>
      </c>
      <c r="K1622" s="23" t="s">
        <v>7120</v>
      </c>
      <c r="L1622" s="49" t="e">
        <f>VLOOKUP(E1622&amp;F1622,団体コード!$A$1:$C$1743,3,FALSE)</f>
        <v>#N/A</v>
      </c>
      <c r="M1622" s="49" t="e">
        <f>VLOOKUP(E1622&amp;F1622,団体コード!$A$1:$C$1743,2,FALSE)</f>
        <v>#N/A</v>
      </c>
      <c r="N1622" s="51" t="e">
        <f>VLOOKUP(E1622,団体コード!$E$1:$F$48,2,FALSE)</f>
        <v>#N/A</v>
      </c>
      <c r="O1622" s="51" t="e">
        <f t="shared" si="53"/>
        <v>#N/A</v>
      </c>
      <c r="P1622" s="51">
        <v>1</v>
      </c>
      <c r="Q1622" s="51" t="s">
        <v>5341</v>
      </c>
      <c r="R1622" s="54" t="b">
        <v>1</v>
      </c>
      <c r="S1622" s="52" t="s">
        <v>7126</v>
      </c>
      <c r="T1622" s="67" t="s">
        <v>7127</v>
      </c>
      <c r="U1622" s="75" t="s">
        <v>5331</v>
      </c>
      <c r="V1622" s="47" t="s">
        <v>5331</v>
      </c>
      <c r="W1622" s="47" t="s">
        <v>5331</v>
      </c>
      <c r="X1622" s="47" t="s">
        <v>5331</v>
      </c>
      <c r="Y1622" s="47" t="s">
        <v>5331</v>
      </c>
      <c r="Z1622" s="28"/>
      <c r="AA1622" s="27"/>
      <c r="AB1622" s="27"/>
      <c r="AC1622" s="27"/>
      <c r="AD1622" s="30"/>
      <c r="AE1622" s="1"/>
      <c r="AF1622" s="23" t="s">
        <v>5331</v>
      </c>
      <c r="AG1622" s="26"/>
      <c r="AH1622" s="53"/>
    </row>
    <row r="1623" spans="1:34" ht="51.6" customHeight="1" x14ac:dyDescent="0.45">
      <c r="A1623" s="23">
        <v>1617</v>
      </c>
      <c r="B1623" s="25"/>
      <c r="C1623" s="25"/>
      <c r="D1623" s="29"/>
      <c r="E1623" s="1"/>
      <c r="F1623" s="1"/>
      <c r="G1623" s="25"/>
      <c r="H1623" s="71"/>
      <c r="I1623" s="83"/>
      <c r="J1623" s="50" t="str">
        <f t="shared" si="52"/>
        <v/>
      </c>
      <c r="K1623" s="23" t="s">
        <v>7120</v>
      </c>
      <c r="L1623" s="49" t="e">
        <f>VLOOKUP(E1623&amp;F1623,団体コード!$A$1:$C$1743,3,FALSE)</f>
        <v>#N/A</v>
      </c>
      <c r="M1623" s="49" t="e">
        <f>VLOOKUP(E1623&amp;F1623,団体コード!$A$1:$C$1743,2,FALSE)</f>
        <v>#N/A</v>
      </c>
      <c r="N1623" s="51" t="e">
        <f>VLOOKUP(E1623,団体コード!$E$1:$F$48,2,FALSE)</f>
        <v>#N/A</v>
      </c>
      <c r="O1623" s="51" t="e">
        <f t="shared" si="53"/>
        <v>#N/A</v>
      </c>
      <c r="P1623" s="51">
        <v>1</v>
      </c>
      <c r="Q1623" s="51" t="s">
        <v>5341</v>
      </c>
      <c r="R1623" s="54" t="b">
        <v>1</v>
      </c>
      <c r="S1623" s="52" t="s">
        <v>7126</v>
      </c>
      <c r="T1623" s="67" t="s">
        <v>7127</v>
      </c>
      <c r="U1623" s="75" t="s">
        <v>5331</v>
      </c>
      <c r="V1623" s="47" t="s">
        <v>5331</v>
      </c>
      <c r="W1623" s="47" t="s">
        <v>5331</v>
      </c>
      <c r="X1623" s="47" t="s">
        <v>5331</v>
      </c>
      <c r="Y1623" s="47" t="s">
        <v>5331</v>
      </c>
      <c r="Z1623" s="28"/>
      <c r="AA1623" s="27"/>
      <c r="AB1623" s="27"/>
      <c r="AC1623" s="27"/>
      <c r="AD1623" s="30"/>
      <c r="AE1623" s="1"/>
      <c r="AF1623" s="23" t="s">
        <v>5331</v>
      </c>
      <c r="AG1623" s="26"/>
      <c r="AH1623" s="53"/>
    </row>
    <row r="1624" spans="1:34" ht="51.6" customHeight="1" x14ac:dyDescent="0.45">
      <c r="A1624" s="23">
        <v>1618</v>
      </c>
      <c r="B1624" s="25"/>
      <c r="C1624" s="25"/>
      <c r="D1624" s="29"/>
      <c r="E1624" s="1"/>
      <c r="F1624" s="1"/>
      <c r="G1624" s="25"/>
      <c r="H1624" s="71"/>
      <c r="I1624" s="83"/>
      <c r="J1624" s="50" t="str">
        <f t="shared" si="52"/>
        <v/>
      </c>
      <c r="K1624" s="23" t="s">
        <v>7120</v>
      </c>
      <c r="L1624" s="49" t="e">
        <f>VLOOKUP(E1624&amp;F1624,団体コード!$A$1:$C$1743,3,FALSE)</f>
        <v>#N/A</v>
      </c>
      <c r="M1624" s="49" t="e">
        <f>VLOOKUP(E1624&amp;F1624,団体コード!$A$1:$C$1743,2,FALSE)</f>
        <v>#N/A</v>
      </c>
      <c r="N1624" s="51" t="e">
        <f>VLOOKUP(E1624,団体コード!$E$1:$F$48,2,FALSE)</f>
        <v>#N/A</v>
      </c>
      <c r="O1624" s="51" t="e">
        <f t="shared" si="53"/>
        <v>#N/A</v>
      </c>
      <c r="P1624" s="51">
        <v>1</v>
      </c>
      <c r="Q1624" s="51" t="s">
        <v>5341</v>
      </c>
      <c r="R1624" s="54" t="b">
        <v>1</v>
      </c>
      <c r="S1624" s="52" t="s">
        <v>7126</v>
      </c>
      <c r="T1624" s="67" t="s">
        <v>7127</v>
      </c>
      <c r="U1624" s="75" t="s">
        <v>5331</v>
      </c>
      <c r="V1624" s="47" t="s">
        <v>5331</v>
      </c>
      <c r="W1624" s="47" t="s">
        <v>5331</v>
      </c>
      <c r="X1624" s="47" t="s">
        <v>5331</v>
      </c>
      <c r="Y1624" s="47" t="s">
        <v>5331</v>
      </c>
      <c r="Z1624" s="28"/>
      <c r="AA1624" s="27"/>
      <c r="AB1624" s="27"/>
      <c r="AC1624" s="27"/>
      <c r="AD1624" s="30"/>
      <c r="AE1624" s="1"/>
      <c r="AF1624" s="23" t="s">
        <v>5331</v>
      </c>
      <c r="AG1624" s="26"/>
      <c r="AH1624" s="53"/>
    </row>
    <row r="1625" spans="1:34" ht="51.6" customHeight="1" x14ac:dyDescent="0.45">
      <c r="A1625" s="23">
        <v>1619</v>
      </c>
      <c r="B1625" s="25"/>
      <c r="C1625" s="25"/>
      <c r="D1625" s="29"/>
      <c r="E1625" s="1"/>
      <c r="F1625" s="1"/>
      <c r="G1625" s="25"/>
      <c r="H1625" s="71"/>
      <c r="I1625" s="83"/>
      <c r="J1625" s="50" t="str">
        <f t="shared" si="52"/>
        <v/>
      </c>
      <c r="K1625" s="23" t="s">
        <v>7120</v>
      </c>
      <c r="L1625" s="49" t="e">
        <f>VLOOKUP(E1625&amp;F1625,団体コード!$A$1:$C$1743,3,FALSE)</f>
        <v>#N/A</v>
      </c>
      <c r="M1625" s="49" t="e">
        <f>VLOOKUP(E1625&amp;F1625,団体コード!$A$1:$C$1743,2,FALSE)</f>
        <v>#N/A</v>
      </c>
      <c r="N1625" s="51" t="e">
        <f>VLOOKUP(E1625,団体コード!$E$1:$F$48,2,FALSE)</f>
        <v>#N/A</v>
      </c>
      <c r="O1625" s="51" t="e">
        <f t="shared" si="53"/>
        <v>#N/A</v>
      </c>
      <c r="P1625" s="51">
        <v>1</v>
      </c>
      <c r="Q1625" s="51" t="s">
        <v>5341</v>
      </c>
      <c r="R1625" s="54" t="b">
        <v>1</v>
      </c>
      <c r="S1625" s="52" t="s">
        <v>7126</v>
      </c>
      <c r="T1625" s="67" t="s">
        <v>7127</v>
      </c>
      <c r="U1625" s="75" t="s">
        <v>5331</v>
      </c>
      <c r="V1625" s="47" t="s">
        <v>5331</v>
      </c>
      <c r="W1625" s="47" t="s">
        <v>5331</v>
      </c>
      <c r="X1625" s="47" t="s">
        <v>5331</v>
      </c>
      <c r="Y1625" s="47" t="s">
        <v>5331</v>
      </c>
      <c r="Z1625" s="28"/>
      <c r="AA1625" s="27"/>
      <c r="AB1625" s="27"/>
      <c r="AC1625" s="27"/>
      <c r="AD1625" s="30"/>
      <c r="AE1625" s="1"/>
      <c r="AF1625" s="23" t="s">
        <v>5331</v>
      </c>
      <c r="AG1625" s="26"/>
      <c r="AH1625" s="53"/>
    </row>
    <row r="1626" spans="1:34" ht="51.6" customHeight="1" x14ac:dyDescent="0.45">
      <c r="A1626" s="23">
        <v>1620</v>
      </c>
      <c r="B1626" s="25"/>
      <c r="C1626" s="25"/>
      <c r="D1626" s="29"/>
      <c r="E1626" s="1"/>
      <c r="F1626" s="1"/>
      <c r="G1626" s="25"/>
      <c r="H1626" s="71"/>
      <c r="I1626" s="83"/>
      <c r="J1626" s="50" t="str">
        <f t="shared" si="52"/>
        <v/>
      </c>
      <c r="K1626" s="23" t="s">
        <v>7120</v>
      </c>
      <c r="L1626" s="49" t="e">
        <f>VLOOKUP(E1626&amp;F1626,団体コード!$A$1:$C$1743,3,FALSE)</f>
        <v>#N/A</v>
      </c>
      <c r="M1626" s="49" t="e">
        <f>VLOOKUP(E1626&amp;F1626,団体コード!$A$1:$C$1743,2,FALSE)</f>
        <v>#N/A</v>
      </c>
      <c r="N1626" s="51" t="e">
        <f>VLOOKUP(E1626,団体コード!$E$1:$F$48,2,FALSE)</f>
        <v>#N/A</v>
      </c>
      <c r="O1626" s="51" t="e">
        <f t="shared" si="53"/>
        <v>#N/A</v>
      </c>
      <c r="P1626" s="51">
        <v>1</v>
      </c>
      <c r="Q1626" s="51" t="s">
        <v>5341</v>
      </c>
      <c r="R1626" s="54" t="b">
        <v>1</v>
      </c>
      <c r="S1626" s="52" t="s">
        <v>7126</v>
      </c>
      <c r="T1626" s="67" t="s">
        <v>7127</v>
      </c>
      <c r="U1626" s="75" t="s">
        <v>5331</v>
      </c>
      <c r="V1626" s="47" t="s">
        <v>5331</v>
      </c>
      <c r="W1626" s="47" t="s">
        <v>5331</v>
      </c>
      <c r="X1626" s="47" t="s">
        <v>5331</v>
      </c>
      <c r="Y1626" s="47" t="s">
        <v>5331</v>
      </c>
      <c r="Z1626" s="28"/>
      <c r="AA1626" s="27"/>
      <c r="AB1626" s="27"/>
      <c r="AC1626" s="27"/>
      <c r="AD1626" s="30"/>
      <c r="AE1626" s="1"/>
      <c r="AF1626" s="23" t="s">
        <v>5331</v>
      </c>
      <c r="AG1626" s="26"/>
      <c r="AH1626" s="53"/>
    </row>
    <row r="1627" spans="1:34" ht="51.6" customHeight="1" x14ac:dyDescent="0.45">
      <c r="A1627" s="23">
        <v>1621</v>
      </c>
      <c r="B1627" s="25"/>
      <c r="C1627" s="25"/>
      <c r="D1627" s="29"/>
      <c r="E1627" s="1"/>
      <c r="F1627" s="1"/>
      <c r="G1627" s="25"/>
      <c r="H1627" s="71"/>
      <c r="I1627" s="83"/>
      <c r="J1627" s="50" t="str">
        <f t="shared" si="52"/>
        <v/>
      </c>
      <c r="K1627" s="23" t="s">
        <v>7120</v>
      </c>
      <c r="L1627" s="49" t="e">
        <f>VLOOKUP(E1627&amp;F1627,団体コード!$A$1:$C$1743,3,FALSE)</f>
        <v>#N/A</v>
      </c>
      <c r="M1627" s="49" t="e">
        <f>VLOOKUP(E1627&amp;F1627,団体コード!$A$1:$C$1743,2,FALSE)</f>
        <v>#N/A</v>
      </c>
      <c r="N1627" s="51" t="e">
        <f>VLOOKUP(E1627,団体コード!$E$1:$F$48,2,FALSE)</f>
        <v>#N/A</v>
      </c>
      <c r="O1627" s="51" t="e">
        <f t="shared" si="53"/>
        <v>#N/A</v>
      </c>
      <c r="P1627" s="51">
        <v>1</v>
      </c>
      <c r="Q1627" s="51" t="s">
        <v>5341</v>
      </c>
      <c r="R1627" s="54" t="b">
        <v>1</v>
      </c>
      <c r="S1627" s="52" t="s">
        <v>7126</v>
      </c>
      <c r="T1627" s="67" t="s">
        <v>7127</v>
      </c>
      <c r="U1627" s="75" t="s">
        <v>5331</v>
      </c>
      <c r="V1627" s="47" t="s">
        <v>5331</v>
      </c>
      <c r="W1627" s="47" t="s">
        <v>5331</v>
      </c>
      <c r="X1627" s="47" t="s">
        <v>5331</v>
      </c>
      <c r="Y1627" s="47" t="s">
        <v>5331</v>
      </c>
      <c r="Z1627" s="28"/>
      <c r="AA1627" s="27"/>
      <c r="AB1627" s="27"/>
      <c r="AC1627" s="27"/>
      <c r="AD1627" s="30"/>
      <c r="AE1627" s="1"/>
      <c r="AF1627" s="23" t="s">
        <v>5331</v>
      </c>
      <c r="AG1627" s="26"/>
      <c r="AH1627" s="53"/>
    </row>
    <row r="1628" spans="1:34" ht="51.6" customHeight="1" x14ac:dyDescent="0.45">
      <c r="A1628" s="23">
        <v>1622</v>
      </c>
      <c r="B1628" s="25"/>
      <c r="C1628" s="25"/>
      <c r="D1628" s="29"/>
      <c r="E1628" s="1"/>
      <c r="F1628" s="1"/>
      <c r="G1628" s="25"/>
      <c r="H1628" s="71"/>
      <c r="I1628" s="83"/>
      <c r="J1628" s="50" t="str">
        <f t="shared" si="52"/>
        <v/>
      </c>
      <c r="K1628" s="23" t="s">
        <v>7120</v>
      </c>
      <c r="L1628" s="49" t="e">
        <f>VLOOKUP(E1628&amp;F1628,団体コード!$A$1:$C$1743,3,FALSE)</f>
        <v>#N/A</v>
      </c>
      <c r="M1628" s="49" t="e">
        <f>VLOOKUP(E1628&amp;F1628,団体コード!$A$1:$C$1743,2,FALSE)</f>
        <v>#N/A</v>
      </c>
      <c r="N1628" s="51" t="e">
        <f>VLOOKUP(E1628,団体コード!$E$1:$F$48,2,FALSE)</f>
        <v>#N/A</v>
      </c>
      <c r="O1628" s="51" t="e">
        <f t="shared" si="53"/>
        <v>#N/A</v>
      </c>
      <c r="P1628" s="51">
        <v>1</v>
      </c>
      <c r="Q1628" s="51" t="s">
        <v>5341</v>
      </c>
      <c r="R1628" s="54" t="b">
        <v>1</v>
      </c>
      <c r="S1628" s="52" t="s">
        <v>7126</v>
      </c>
      <c r="T1628" s="67" t="s">
        <v>7127</v>
      </c>
      <c r="U1628" s="75" t="s">
        <v>5331</v>
      </c>
      <c r="V1628" s="47" t="s">
        <v>5331</v>
      </c>
      <c r="W1628" s="47" t="s">
        <v>5331</v>
      </c>
      <c r="X1628" s="47" t="s">
        <v>5331</v>
      </c>
      <c r="Y1628" s="47" t="s">
        <v>5331</v>
      </c>
      <c r="Z1628" s="28"/>
      <c r="AA1628" s="27"/>
      <c r="AB1628" s="27"/>
      <c r="AC1628" s="27"/>
      <c r="AD1628" s="30"/>
      <c r="AE1628" s="1"/>
      <c r="AF1628" s="23" t="s">
        <v>5331</v>
      </c>
      <c r="AG1628" s="26"/>
      <c r="AH1628" s="53"/>
    </row>
    <row r="1629" spans="1:34" ht="51.6" customHeight="1" x14ac:dyDescent="0.45">
      <c r="A1629" s="23">
        <v>1623</v>
      </c>
      <c r="B1629" s="25"/>
      <c r="C1629" s="25"/>
      <c r="D1629" s="29"/>
      <c r="E1629" s="1"/>
      <c r="F1629" s="1"/>
      <c r="G1629" s="25"/>
      <c r="H1629" s="71"/>
      <c r="I1629" s="83"/>
      <c r="J1629" s="50" t="str">
        <f t="shared" si="52"/>
        <v/>
      </c>
      <c r="K1629" s="23" t="s">
        <v>7120</v>
      </c>
      <c r="L1629" s="49" t="e">
        <f>VLOOKUP(E1629&amp;F1629,団体コード!$A$1:$C$1743,3,FALSE)</f>
        <v>#N/A</v>
      </c>
      <c r="M1629" s="49" t="e">
        <f>VLOOKUP(E1629&amp;F1629,団体コード!$A$1:$C$1743,2,FALSE)</f>
        <v>#N/A</v>
      </c>
      <c r="N1629" s="51" t="e">
        <f>VLOOKUP(E1629,団体コード!$E$1:$F$48,2,FALSE)</f>
        <v>#N/A</v>
      </c>
      <c r="O1629" s="51" t="e">
        <f t="shared" si="53"/>
        <v>#N/A</v>
      </c>
      <c r="P1629" s="51">
        <v>1</v>
      </c>
      <c r="Q1629" s="51" t="s">
        <v>5341</v>
      </c>
      <c r="R1629" s="54" t="b">
        <v>1</v>
      </c>
      <c r="S1629" s="52" t="s">
        <v>7126</v>
      </c>
      <c r="T1629" s="67" t="s">
        <v>7127</v>
      </c>
      <c r="U1629" s="75" t="s">
        <v>5331</v>
      </c>
      <c r="V1629" s="47" t="s">
        <v>5331</v>
      </c>
      <c r="W1629" s="47" t="s">
        <v>5331</v>
      </c>
      <c r="X1629" s="47" t="s">
        <v>5331</v>
      </c>
      <c r="Y1629" s="47" t="s">
        <v>5331</v>
      </c>
      <c r="Z1629" s="28"/>
      <c r="AA1629" s="27"/>
      <c r="AB1629" s="27"/>
      <c r="AC1629" s="27"/>
      <c r="AD1629" s="30"/>
      <c r="AE1629" s="1"/>
      <c r="AF1629" s="23" t="s">
        <v>5331</v>
      </c>
      <c r="AG1629" s="26"/>
      <c r="AH1629" s="53"/>
    </row>
    <row r="1630" spans="1:34" ht="51.6" customHeight="1" x14ac:dyDescent="0.45">
      <c r="A1630" s="23">
        <v>1624</v>
      </c>
      <c r="B1630" s="25"/>
      <c r="C1630" s="25"/>
      <c r="D1630" s="29"/>
      <c r="E1630" s="1"/>
      <c r="F1630" s="1"/>
      <c r="G1630" s="25"/>
      <c r="H1630" s="71"/>
      <c r="I1630" s="83"/>
      <c r="J1630" s="50" t="str">
        <f t="shared" si="52"/>
        <v/>
      </c>
      <c r="K1630" s="23" t="s">
        <v>7120</v>
      </c>
      <c r="L1630" s="49" t="e">
        <f>VLOOKUP(E1630&amp;F1630,団体コード!$A$1:$C$1743,3,FALSE)</f>
        <v>#N/A</v>
      </c>
      <c r="M1630" s="49" t="e">
        <f>VLOOKUP(E1630&amp;F1630,団体コード!$A$1:$C$1743,2,FALSE)</f>
        <v>#N/A</v>
      </c>
      <c r="N1630" s="51" t="e">
        <f>VLOOKUP(E1630,団体コード!$E$1:$F$48,2,FALSE)</f>
        <v>#N/A</v>
      </c>
      <c r="O1630" s="51" t="e">
        <f t="shared" si="53"/>
        <v>#N/A</v>
      </c>
      <c r="P1630" s="51">
        <v>1</v>
      </c>
      <c r="Q1630" s="51" t="s">
        <v>5341</v>
      </c>
      <c r="R1630" s="54" t="b">
        <v>1</v>
      </c>
      <c r="S1630" s="52" t="s">
        <v>7126</v>
      </c>
      <c r="T1630" s="67" t="s">
        <v>7127</v>
      </c>
      <c r="U1630" s="75" t="s">
        <v>5331</v>
      </c>
      <c r="V1630" s="47" t="s">
        <v>5331</v>
      </c>
      <c r="W1630" s="47" t="s">
        <v>5331</v>
      </c>
      <c r="X1630" s="47" t="s">
        <v>5331</v>
      </c>
      <c r="Y1630" s="47" t="s">
        <v>5331</v>
      </c>
      <c r="Z1630" s="28"/>
      <c r="AA1630" s="27"/>
      <c r="AB1630" s="27"/>
      <c r="AC1630" s="27"/>
      <c r="AD1630" s="30"/>
      <c r="AE1630" s="1"/>
      <c r="AF1630" s="23" t="s">
        <v>5331</v>
      </c>
      <c r="AG1630" s="26"/>
      <c r="AH1630" s="53"/>
    </row>
    <row r="1631" spans="1:34" ht="51.6" customHeight="1" x14ac:dyDescent="0.45">
      <c r="A1631" s="23">
        <v>1625</v>
      </c>
      <c r="B1631" s="25"/>
      <c r="C1631" s="25"/>
      <c r="D1631" s="29"/>
      <c r="E1631" s="1"/>
      <c r="F1631" s="1"/>
      <c r="G1631" s="25"/>
      <c r="H1631" s="71"/>
      <c r="I1631" s="83"/>
      <c r="J1631" s="50" t="str">
        <f t="shared" si="52"/>
        <v/>
      </c>
      <c r="K1631" s="23" t="s">
        <v>7120</v>
      </c>
      <c r="L1631" s="49" t="e">
        <f>VLOOKUP(E1631&amp;F1631,団体コード!$A$1:$C$1743,3,FALSE)</f>
        <v>#N/A</v>
      </c>
      <c r="M1631" s="49" t="e">
        <f>VLOOKUP(E1631&amp;F1631,団体コード!$A$1:$C$1743,2,FALSE)</f>
        <v>#N/A</v>
      </c>
      <c r="N1631" s="51" t="e">
        <f>VLOOKUP(E1631,団体コード!$E$1:$F$48,2,FALSE)</f>
        <v>#N/A</v>
      </c>
      <c r="O1631" s="51" t="e">
        <f t="shared" si="53"/>
        <v>#N/A</v>
      </c>
      <c r="P1631" s="51">
        <v>1</v>
      </c>
      <c r="Q1631" s="51" t="s">
        <v>5341</v>
      </c>
      <c r="R1631" s="54" t="b">
        <v>1</v>
      </c>
      <c r="S1631" s="52" t="s">
        <v>7126</v>
      </c>
      <c r="T1631" s="67" t="s">
        <v>7127</v>
      </c>
      <c r="U1631" s="75" t="s">
        <v>5331</v>
      </c>
      <c r="V1631" s="47" t="s">
        <v>5331</v>
      </c>
      <c r="W1631" s="47" t="s">
        <v>5331</v>
      </c>
      <c r="X1631" s="47" t="s">
        <v>5331</v>
      </c>
      <c r="Y1631" s="47" t="s">
        <v>5331</v>
      </c>
      <c r="Z1631" s="28"/>
      <c r="AA1631" s="27"/>
      <c r="AB1631" s="27"/>
      <c r="AC1631" s="27"/>
      <c r="AD1631" s="30"/>
      <c r="AE1631" s="1"/>
      <c r="AF1631" s="23" t="s">
        <v>5331</v>
      </c>
      <c r="AG1631" s="26"/>
      <c r="AH1631" s="53"/>
    </row>
    <row r="1632" spans="1:34" ht="51.6" customHeight="1" x14ac:dyDescent="0.45">
      <c r="A1632" s="23">
        <v>1626</v>
      </c>
      <c r="B1632" s="25"/>
      <c r="C1632" s="25"/>
      <c r="D1632" s="29"/>
      <c r="E1632" s="1"/>
      <c r="F1632" s="1"/>
      <c r="G1632" s="25"/>
      <c r="H1632" s="71"/>
      <c r="I1632" s="83"/>
      <c r="J1632" s="50" t="str">
        <f t="shared" si="52"/>
        <v/>
      </c>
      <c r="K1632" s="23" t="s">
        <v>7120</v>
      </c>
      <c r="L1632" s="49" t="e">
        <f>VLOOKUP(E1632&amp;F1632,団体コード!$A$1:$C$1743,3,FALSE)</f>
        <v>#N/A</v>
      </c>
      <c r="M1632" s="49" t="e">
        <f>VLOOKUP(E1632&amp;F1632,団体コード!$A$1:$C$1743,2,FALSE)</f>
        <v>#N/A</v>
      </c>
      <c r="N1632" s="51" t="e">
        <f>VLOOKUP(E1632,団体コード!$E$1:$F$48,2,FALSE)</f>
        <v>#N/A</v>
      </c>
      <c r="O1632" s="51" t="e">
        <f t="shared" si="53"/>
        <v>#N/A</v>
      </c>
      <c r="P1632" s="51">
        <v>1</v>
      </c>
      <c r="Q1632" s="51" t="s">
        <v>5341</v>
      </c>
      <c r="R1632" s="54" t="b">
        <v>1</v>
      </c>
      <c r="S1632" s="52" t="s">
        <v>7126</v>
      </c>
      <c r="T1632" s="67" t="s">
        <v>7127</v>
      </c>
      <c r="U1632" s="75" t="s">
        <v>5331</v>
      </c>
      <c r="V1632" s="47" t="s">
        <v>5331</v>
      </c>
      <c r="W1632" s="47" t="s">
        <v>5331</v>
      </c>
      <c r="X1632" s="47" t="s">
        <v>5331</v>
      </c>
      <c r="Y1632" s="47" t="s">
        <v>5331</v>
      </c>
      <c r="Z1632" s="28"/>
      <c r="AA1632" s="27"/>
      <c r="AB1632" s="27"/>
      <c r="AC1632" s="27"/>
      <c r="AD1632" s="30"/>
      <c r="AE1632" s="1"/>
      <c r="AF1632" s="23" t="s">
        <v>5331</v>
      </c>
      <c r="AG1632" s="26"/>
      <c r="AH1632" s="53"/>
    </row>
    <row r="1633" spans="1:34" ht="51.6" customHeight="1" x14ac:dyDescent="0.45">
      <c r="A1633" s="23">
        <v>1627</v>
      </c>
      <c r="B1633" s="25"/>
      <c r="C1633" s="25"/>
      <c r="D1633" s="29"/>
      <c r="E1633" s="1"/>
      <c r="F1633" s="1"/>
      <c r="G1633" s="25"/>
      <c r="H1633" s="71"/>
      <c r="I1633" s="83"/>
      <c r="J1633" s="50" t="str">
        <f t="shared" si="52"/>
        <v/>
      </c>
      <c r="K1633" s="23" t="s">
        <v>7120</v>
      </c>
      <c r="L1633" s="49" t="e">
        <f>VLOOKUP(E1633&amp;F1633,団体コード!$A$1:$C$1743,3,FALSE)</f>
        <v>#N/A</v>
      </c>
      <c r="M1633" s="49" t="e">
        <f>VLOOKUP(E1633&amp;F1633,団体コード!$A$1:$C$1743,2,FALSE)</f>
        <v>#N/A</v>
      </c>
      <c r="N1633" s="51" t="e">
        <f>VLOOKUP(E1633,団体コード!$E$1:$F$48,2,FALSE)</f>
        <v>#N/A</v>
      </c>
      <c r="O1633" s="51" t="e">
        <f t="shared" si="53"/>
        <v>#N/A</v>
      </c>
      <c r="P1633" s="51">
        <v>1</v>
      </c>
      <c r="Q1633" s="51" t="s">
        <v>5341</v>
      </c>
      <c r="R1633" s="54" t="b">
        <v>1</v>
      </c>
      <c r="S1633" s="52" t="s">
        <v>7126</v>
      </c>
      <c r="T1633" s="67" t="s">
        <v>7127</v>
      </c>
      <c r="U1633" s="75" t="s">
        <v>5331</v>
      </c>
      <c r="V1633" s="47" t="s">
        <v>5331</v>
      </c>
      <c r="W1633" s="47" t="s">
        <v>5331</v>
      </c>
      <c r="X1633" s="47" t="s">
        <v>5331</v>
      </c>
      <c r="Y1633" s="47" t="s">
        <v>5331</v>
      </c>
      <c r="Z1633" s="28"/>
      <c r="AA1633" s="27"/>
      <c r="AB1633" s="27"/>
      <c r="AC1633" s="27"/>
      <c r="AD1633" s="30"/>
      <c r="AE1633" s="1"/>
      <c r="AF1633" s="23" t="s">
        <v>5331</v>
      </c>
      <c r="AG1633" s="26"/>
      <c r="AH1633" s="53"/>
    </row>
    <row r="1634" spans="1:34" ht="51.6" customHeight="1" x14ac:dyDescent="0.45">
      <c r="A1634" s="23">
        <v>1628</v>
      </c>
      <c r="B1634" s="25"/>
      <c r="C1634" s="25"/>
      <c r="D1634" s="29"/>
      <c r="E1634" s="1"/>
      <c r="F1634" s="1"/>
      <c r="G1634" s="25"/>
      <c r="H1634" s="71"/>
      <c r="I1634" s="83"/>
      <c r="J1634" s="50" t="str">
        <f t="shared" si="52"/>
        <v/>
      </c>
      <c r="K1634" s="23" t="s">
        <v>7120</v>
      </c>
      <c r="L1634" s="49" t="e">
        <f>VLOOKUP(E1634&amp;F1634,団体コード!$A$1:$C$1743,3,FALSE)</f>
        <v>#N/A</v>
      </c>
      <c r="M1634" s="49" t="e">
        <f>VLOOKUP(E1634&amp;F1634,団体コード!$A$1:$C$1743,2,FALSE)</f>
        <v>#N/A</v>
      </c>
      <c r="N1634" s="51" t="e">
        <f>VLOOKUP(E1634,団体コード!$E$1:$F$48,2,FALSE)</f>
        <v>#N/A</v>
      </c>
      <c r="O1634" s="51" t="e">
        <f t="shared" si="53"/>
        <v>#N/A</v>
      </c>
      <c r="P1634" s="51">
        <v>1</v>
      </c>
      <c r="Q1634" s="51" t="s">
        <v>5341</v>
      </c>
      <c r="R1634" s="54" t="b">
        <v>1</v>
      </c>
      <c r="S1634" s="52" t="s">
        <v>7126</v>
      </c>
      <c r="T1634" s="67" t="s">
        <v>7127</v>
      </c>
      <c r="U1634" s="75" t="s">
        <v>5331</v>
      </c>
      <c r="V1634" s="47" t="s">
        <v>5331</v>
      </c>
      <c r="W1634" s="47" t="s">
        <v>5331</v>
      </c>
      <c r="X1634" s="47" t="s">
        <v>5331</v>
      </c>
      <c r="Y1634" s="47" t="s">
        <v>5331</v>
      </c>
      <c r="Z1634" s="28"/>
      <c r="AA1634" s="27"/>
      <c r="AB1634" s="27"/>
      <c r="AC1634" s="27"/>
      <c r="AD1634" s="30"/>
      <c r="AE1634" s="1"/>
      <c r="AF1634" s="23" t="s">
        <v>5331</v>
      </c>
      <c r="AG1634" s="26"/>
      <c r="AH1634" s="53"/>
    </row>
    <row r="1635" spans="1:34" ht="51.6" customHeight="1" x14ac:dyDescent="0.45">
      <c r="A1635" s="23">
        <v>1629</v>
      </c>
      <c r="B1635" s="25"/>
      <c r="C1635" s="25"/>
      <c r="D1635" s="29"/>
      <c r="E1635" s="1"/>
      <c r="F1635" s="1"/>
      <c r="G1635" s="25"/>
      <c r="H1635" s="71"/>
      <c r="I1635" s="83"/>
      <c r="J1635" s="50" t="str">
        <f t="shared" si="52"/>
        <v/>
      </c>
      <c r="K1635" s="23" t="s">
        <v>7120</v>
      </c>
      <c r="L1635" s="49" t="e">
        <f>VLOOKUP(E1635&amp;F1635,団体コード!$A$1:$C$1743,3,FALSE)</f>
        <v>#N/A</v>
      </c>
      <c r="M1635" s="49" t="e">
        <f>VLOOKUP(E1635&amp;F1635,団体コード!$A$1:$C$1743,2,FALSE)</f>
        <v>#N/A</v>
      </c>
      <c r="N1635" s="51" t="e">
        <f>VLOOKUP(E1635,団体コード!$E$1:$F$48,2,FALSE)</f>
        <v>#N/A</v>
      </c>
      <c r="O1635" s="51" t="e">
        <f t="shared" si="53"/>
        <v>#N/A</v>
      </c>
      <c r="P1635" s="51">
        <v>1</v>
      </c>
      <c r="Q1635" s="51" t="s">
        <v>5341</v>
      </c>
      <c r="R1635" s="54" t="b">
        <v>1</v>
      </c>
      <c r="S1635" s="52" t="s">
        <v>7126</v>
      </c>
      <c r="T1635" s="67" t="s">
        <v>7127</v>
      </c>
      <c r="U1635" s="75" t="s">
        <v>5331</v>
      </c>
      <c r="V1635" s="47" t="s">
        <v>5331</v>
      </c>
      <c r="W1635" s="47" t="s">
        <v>5331</v>
      </c>
      <c r="X1635" s="47" t="s">
        <v>5331</v>
      </c>
      <c r="Y1635" s="47" t="s">
        <v>5331</v>
      </c>
      <c r="Z1635" s="28"/>
      <c r="AA1635" s="27"/>
      <c r="AB1635" s="27"/>
      <c r="AC1635" s="27"/>
      <c r="AD1635" s="30"/>
      <c r="AE1635" s="1"/>
      <c r="AF1635" s="23" t="s">
        <v>5331</v>
      </c>
      <c r="AG1635" s="26"/>
      <c r="AH1635" s="53"/>
    </row>
    <row r="1636" spans="1:34" ht="51.6" customHeight="1" x14ac:dyDescent="0.45">
      <c r="A1636" s="23">
        <v>1630</v>
      </c>
      <c r="B1636" s="25"/>
      <c r="C1636" s="25"/>
      <c r="D1636" s="29"/>
      <c r="E1636" s="1"/>
      <c r="F1636" s="1"/>
      <c r="G1636" s="25"/>
      <c r="H1636" s="71"/>
      <c r="I1636" s="83"/>
      <c r="J1636" s="50" t="str">
        <f t="shared" si="52"/>
        <v/>
      </c>
      <c r="K1636" s="23" t="s">
        <v>7120</v>
      </c>
      <c r="L1636" s="49" t="e">
        <f>VLOOKUP(E1636&amp;F1636,団体コード!$A$1:$C$1743,3,FALSE)</f>
        <v>#N/A</v>
      </c>
      <c r="M1636" s="49" t="e">
        <f>VLOOKUP(E1636&amp;F1636,団体コード!$A$1:$C$1743,2,FALSE)</f>
        <v>#N/A</v>
      </c>
      <c r="N1636" s="51" t="e">
        <f>VLOOKUP(E1636,団体コード!$E$1:$F$48,2,FALSE)</f>
        <v>#N/A</v>
      </c>
      <c r="O1636" s="51" t="e">
        <f t="shared" si="53"/>
        <v>#N/A</v>
      </c>
      <c r="P1636" s="51">
        <v>1</v>
      </c>
      <c r="Q1636" s="51" t="s">
        <v>5341</v>
      </c>
      <c r="R1636" s="54" t="b">
        <v>1</v>
      </c>
      <c r="S1636" s="52" t="s">
        <v>7126</v>
      </c>
      <c r="T1636" s="67" t="s">
        <v>7127</v>
      </c>
      <c r="U1636" s="75" t="s">
        <v>5331</v>
      </c>
      <c r="V1636" s="47" t="s">
        <v>5331</v>
      </c>
      <c r="W1636" s="47" t="s">
        <v>5331</v>
      </c>
      <c r="X1636" s="47" t="s">
        <v>5331</v>
      </c>
      <c r="Y1636" s="47" t="s">
        <v>5331</v>
      </c>
      <c r="Z1636" s="28"/>
      <c r="AA1636" s="27"/>
      <c r="AB1636" s="27"/>
      <c r="AC1636" s="27"/>
      <c r="AD1636" s="30"/>
      <c r="AE1636" s="1"/>
      <c r="AF1636" s="23" t="s">
        <v>5331</v>
      </c>
      <c r="AG1636" s="26"/>
      <c r="AH1636" s="53"/>
    </row>
    <row r="1637" spans="1:34" ht="51.6" customHeight="1" x14ac:dyDescent="0.45">
      <c r="A1637" s="23">
        <v>1631</v>
      </c>
      <c r="B1637" s="25"/>
      <c r="C1637" s="25"/>
      <c r="D1637" s="29"/>
      <c r="E1637" s="1"/>
      <c r="F1637" s="1"/>
      <c r="G1637" s="25"/>
      <c r="H1637" s="71"/>
      <c r="I1637" s="83"/>
      <c r="J1637" s="50" t="str">
        <f t="shared" si="52"/>
        <v/>
      </c>
      <c r="K1637" s="23" t="s">
        <v>7120</v>
      </c>
      <c r="L1637" s="49" t="e">
        <f>VLOOKUP(E1637&amp;F1637,団体コード!$A$1:$C$1743,3,FALSE)</f>
        <v>#N/A</v>
      </c>
      <c r="M1637" s="49" t="e">
        <f>VLOOKUP(E1637&amp;F1637,団体コード!$A$1:$C$1743,2,FALSE)</f>
        <v>#N/A</v>
      </c>
      <c r="N1637" s="51" t="e">
        <f>VLOOKUP(E1637,団体コード!$E$1:$F$48,2,FALSE)</f>
        <v>#N/A</v>
      </c>
      <c r="O1637" s="51" t="e">
        <f t="shared" si="53"/>
        <v>#N/A</v>
      </c>
      <c r="P1637" s="51">
        <v>1</v>
      </c>
      <c r="Q1637" s="51" t="s">
        <v>5341</v>
      </c>
      <c r="R1637" s="54" t="b">
        <v>1</v>
      </c>
      <c r="S1637" s="52" t="s">
        <v>7126</v>
      </c>
      <c r="T1637" s="67" t="s">
        <v>7127</v>
      </c>
      <c r="U1637" s="75" t="s">
        <v>5331</v>
      </c>
      <c r="V1637" s="47" t="s">
        <v>5331</v>
      </c>
      <c r="W1637" s="47" t="s">
        <v>5331</v>
      </c>
      <c r="X1637" s="47" t="s">
        <v>5331</v>
      </c>
      <c r="Y1637" s="47" t="s">
        <v>5331</v>
      </c>
      <c r="Z1637" s="28"/>
      <c r="AA1637" s="27"/>
      <c r="AB1637" s="27"/>
      <c r="AC1637" s="27"/>
      <c r="AD1637" s="30"/>
      <c r="AE1637" s="1"/>
      <c r="AF1637" s="23" t="s">
        <v>5331</v>
      </c>
      <c r="AG1637" s="26"/>
      <c r="AH1637" s="53"/>
    </row>
    <row r="1638" spans="1:34" ht="51.6" customHeight="1" x14ac:dyDescent="0.45">
      <c r="A1638" s="23">
        <v>1632</v>
      </c>
      <c r="B1638" s="25"/>
      <c r="C1638" s="25"/>
      <c r="D1638" s="29"/>
      <c r="E1638" s="1"/>
      <c r="F1638" s="1"/>
      <c r="G1638" s="25"/>
      <c r="H1638" s="71"/>
      <c r="I1638" s="83"/>
      <c r="J1638" s="50" t="str">
        <f t="shared" si="52"/>
        <v/>
      </c>
      <c r="K1638" s="23" t="s">
        <v>7120</v>
      </c>
      <c r="L1638" s="49" t="e">
        <f>VLOOKUP(E1638&amp;F1638,団体コード!$A$1:$C$1743,3,FALSE)</f>
        <v>#N/A</v>
      </c>
      <c r="M1638" s="49" t="e">
        <f>VLOOKUP(E1638&amp;F1638,団体コード!$A$1:$C$1743,2,FALSE)</f>
        <v>#N/A</v>
      </c>
      <c r="N1638" s="51" t="e">
        <f>VLOOKUP(E1638,団体コード!$E$1:$F$48,2,FALSE)</f>
        <v>#N/A</v>
      </c>
      <c r="O1638" s="51" t="e">
        <f t="shared" si="53"/>
        <v>#N/A</v>
      </c>
      <c r="P1638" s="51">
        <v>1</v>
      </c>
      <c r="Q1638" s="51" t="s">
        <v>5341</v>
      </c>
      <c r="R1638" s="54" t="b">
        <v>1</v>
      </c>
      <c r="S1638" s="52" t="s">
        <v>7126</v>
      </c>
      <c r="T1638" s="67" t="s">
        <v>7127</v>
      </c>
      <c r="U1638" s="75" t="s">
        <v>5331</v>
      </c>
      <c r="V1638" s="47" t="s">
        <v>5331</v>
      </c>
      <c r="W1638" s="47" t="s">
        <v>5331</v>
      </c>
      <c r="X1638" s="47" t="s">
        <v>5331</v>
      </c>
      <c r="Y1638" s="47" t="s">
        <v>5331</v>
      </c>
      <c r="Z1638" s="28"/>
      <c r="AA1638" s="27"/>
      <c r="AB1638" s="27"/>
      <c r="AC1638" s="27"/>
      <c r="AD1638" s="30"/>
      <c r="AE1638" s="1"/>
      <c r="AF1638" s="23" t="s">
        <v>5331</v>
      </c>
      <c r="AG1638" s="26"/>
      <c r="AH1638" s="53"/>
    </row>
    <row r="1639" spans="1:34" ht="51.6" customHeight="1" x14ac:dyDescent="0.45">
      <c r="A1639" s="23">
        <v>1633</v>
      </c>
      <c r="B1639" s="25"/>
      <c r="C1639" s="25"/>
      <c r="D1639" s="29"/>
      <c r="E1639" s="1"/>
      <c r="F1639" s="1"/>
      <c r="G1639" s="25"/>
      <c r="H1639" s="71"/>
      <c r="I1639" s="83"/>
      <c r="J1639" s="50" t="str">
        <f t="shared" si="52"/>
        <v/>
      </c>
      <c r="K1639" s="23" t="s">
        <v>7120</v>
      </c>
      <c r="L1639" s="49" t="e">
        <f>VLOOKUP(E1639&amp;F1639,団体コード!$A$1:$C$1743,3,FALSE)</f>
        <v>#N/A</v>
      </c>
      <c r="M1639" s="49" t="e">
        <f>VLOOKUP(E1639&amp;F1639,団体コード!$A$1:$C$1743,2,FALSE)</f>
        <v>#N/A</v>
      </c>
      <c r="N1639" s="51" t="e">
        <f>VLOOKUP(E1639,団体コード!$E$1:$F$48,2,FALSE)</f>
        <v>#N/A</v>
      </c>
      <c r="O1639" s="51" t="e">
        <f t="shared" si="53"/>
        <v>#N/A</v>
      </c>
      <c r="P1639" s="51">
        <v>1</v>
      </c>
      <c r="Q1639" s="51" t="s">
        <v>5341</v>
      </c>
      <c r="R1639" s="54" t="b">
        <v>1</v>
      </c>
      <c r="S1639" s="52" t="s">
        <v>7126</v>
      </c>
      <c r="T1639" s="67" t="s">
        <v>7127</v>
      </c>
      <c r="U1639" s="75" t="s">
        <v>5331</v>
      </c>
      <c r="V1639" s="47" t="s">
        <v>5331</v>
      </c>
      <c r="W1639" s="47" t="s">
        <v>5331</v>
      </c>
      <c r="X1639" s="47" t="s">
        <v>5331</v>
      </c>
      <c r="Y1639" s="47" t="s">
        <v>5331</v>
      </c>
      <c r="Z1639" s="28"/>
      <c r="AA1639" s="27"/>
      <c r="AB1639" s="27"/>
      <c r="AC1639" s="27"/>
      <c r="AD1639" s="30"/>
      <c r="AE1639" s="1"/>
      <c r="AF1639" s="23" t="s">
        <v>5331</v>
      </c>
      <c r="AG1639" s="26"/>
      <c r="AH1639" s="53"/>
    </row>
    <row r="1640" spans="1:34" ht="51.6" customHeight="1" x14ac:dyDescent="0.45">
      <c r="A1640" s="23">
        <v>1634</v>
      </c>
      <c r="B1640" s="25"/>
      <c r="C1640" s="25"/>
      <c r="D1640" s="29"/>
      <c r="E1640" s="1"/>
      <c r="F1640" s="1"/>
      <c r="G1640" s="25"/>
      <c r="H1640" s="71"/>
      <c r="I1640" s="83"/>
      <c r="J1640" s="50" t="str">
        <f t="shared" si="52"/>
        <v/>
      </c>
      <c r="K1640" s="23" t="s">
        <v>7120</v>
      </c>
      <c r="L1640" s="49" t="e">
        <f>VLOOKUP(E1640&amp;F1640,団体コード!$A$1:$C$1743,3,FALSE)</f>
        <v>#N/A</v>
      </c>
      <c r="M1640" s="49" t="e">
        <f>VLOOKUP(E1640&amp;F1640,団体コード!$A$1:$C$1743,2,FALSE)</f>
        <v>#N/A</v>
      </c>
      <c r="N1640" s="51" t="e">
        <f>VLOOKUP(E1640,団体コード!$E$1:$F$48,2,FALSE)</f>
        <v>#N/A</v>
      </c>
      <c r="O1640" s="51" t="e">
        <f t="shared" si="53"/>
        <v>#N/A</v>
      </c>
      <c r="P1640" s="51">
        <v>1</v>
      </c>
      <c r="Q1640" s="51" t="s">
        <v>5341</v>
      </c>
      <c r="R1640" s="54" t="b">
        <v>1</v>
      </c>
      <c r="S1640" s="52" t="s">
        <v>7126</v>
      </c>
      <c r="T1640" s="67" t="s">
        <v>7127</v>
      </c>
      <c r="U1640" s="75" t="s">
        <v>5331</v>
      </c>
      <c r="V1640" s="47" t="s">
        <v>5331</v>
      </c>
      <c r="W1640" s="47" t="s">
        <v>5331</v>
      </c>
      <c r="X1640" s="47" t="s">
        <v>5331</v>
      </c>
      <c r="Y1640" s="47" t="s">
        <v>5331</v>
      </c>
      <c r="Z1640" s="28"/>
      <c r="AA1640" s="27"/>
      <c r="AB1640" s="27"/>
      <c r="AC1640" s="27"/>
      <c r="AD1640" s="30"/>
      <c r="AE1640" s="1"/>
      <c r="AF1640" s="23" t="s">
        <v>5331</v>
      </c>
      <c r="AG1640" s="26"/>
      <c r="AH1640" s="53"/>
    </row>
    <row r="1641" spans="1:34" ht="51.6" customHeight="1" x14ac:dyDescent="0.45">
      <c r="A1641" s="23">
        <v>1635</v>
      </c>
      <c r="B1641" s="25"/>
      <c r="C1641" s="25"/>
      <c r="D1641" s="29"/>
      <c r="E1641" s="1"/>
      <c r="F1641" s="1"/>
      <c r="G1641" s="25"/>
      <c r="H1641" s="71"/>
      <c r="I1641" s="83"/>
      <c r="J1641" s="50" t="str">
        <f t="shared" si="52"/>
        <v/>
      </c>
      <c r="K1641" s="23" t="s">
        <v>7120</v>
      </c>
      <c r="L1641" s="49" t="e">
        <f>VLOOKUP(E1641&amp;F1641,団体コード!$A$1:$C$1743,3,FALSE)</f>
        <v>#N/A</v>
      </c>
      <c r="M1641" s="49" t="e">
        <f>VLOOKUP(E1641&amp;F1641,団体コード!$A$1:$C$1743,2,FALSE)</f>
        <v>#N/A</v>
      </c>
      <c r="N1641" s="51" t="e">
        <f>VLOOKUP(E1641,団体コード!$E$1:$F$48,2,FALSE)</f>
        <v>#N/A</v>
      </c>
      <c r="O1641" s="51" t="e">
        <f t="shared" si="53"/>
        <v>#N/A</v>
      </c>
      <c r="P1641" s="51">
        <v>1</v>
      </c>
      <c r="Q1641" s="51" t="s">
        <v>5341</v>
      </c>
      <c r="R1641" s="54" t="b">
        <v>1</v>
      </c>
      <c r="S1641" s="52" t="s">
        <v>7126</v>
      </c>
      <c r="T1641" s="67" t="s">
        <v>7127</v>
      </c>
      <c r="U1641" s="75" t="s">
        <v>5331</v>
      </c>
      <c r="V1641" s="47" t="s">
        <v>5331</v>
      </c>
      <c r="W1641" s="47" t="s">
        <v>5331</v>
      </c>
      <c r="X1641" s="47" t="s">
        <v>5331</v>
      </c>
      <c r="Y1641" s="47" t="s">
        <v>5331</v>
      </c>
      <c r="Z1641" s="28"/>
      <c r="AA1641" s="27"/>
      <c r="AB1641" s="27"/>
      <c r="AC1641" s="27"/>
      <c r="AD1641" s="30"/>
      <c r="AE1641" s="1"/>
      <c r="AF1641" s="23" t="s">
        <v>5331</v>
      </c>
      <c r="AG1641" s="26"/>
      <c r="AH1641" s="53"/>
    </row>
    <row r="1642" spans="1:34" ht="51.6" customHeight="1" x14ac:dyDescent="0.45">
      <c r="A1642" s="23">
        <v>1636</v>
      </c>
      <c r="B1642" s="25"/>
      <c r="C1642" s="25"/>
      <c r="D1642" s="29"/>
      <c r="E1642" s="1"/>
      <c r="F1642" s="1"/>
      <c r="G1642" s="25"/>
      <c r="H1642" s="71"/>
      <c r="I1642" s="83"/>
      <c r="J1642" s="50" t="str">
        <f t="shared" si="52"/>
        <v/>
      </c>
      <c r="K1642" s="23" t="s">
        <v>7120</v>
      </c>
      <c r="L1642" s="49" t="e">
        <f>VLOOKUP(E1642&amp;F1642,団体コード!$A$1:$C$1743,3,FALSE)</f>
        <v>#N/A</v>
      </c>
      <c r="M1642" s="49" t="e">
        <f>VLOOKUP(E1642&amp;F1642,団体コード!$A$1:$C$1743,2,FALSE)</f>
        <v>#N/A</v>
      </c>
      <c r="N1642" s="51" t="e">
        <f>VLOOKUP(E1642,団体コード!$E$1:$F$48,2,FALSE)</f>
        <v>#N/A</v>
      </c>
      <c r="O1642" s="51" t="e">
        <f t="shared" si="53"/>
        <v>#N/A</v>
      </c>
      <c r="P1642" s="51">
        <v>1</v>
      </c>
      <c r="Q1642" s="51" t="s">
        <v>5341</v>
      </c>
      <c r="R1642" s="54" t="b">
        <v>1</v>
      </c>
      <c r="S1642" s="52" t="s">
        <v>7126</v>
      </c>
      <c r="T1642" s="67" t="s">
        <v>7127</v>
      </c>
      <c r="U1642" s="75" t="s">
        <v>5331</v>
      </c>
      <c r="V1642" s="47" t="s">
        <v>5331</v>
      </c>
      <c r="W1642" s="47" t="s">
        <v>5331</v>
      </c>
      <c r="X1642" s="47" t="s">
        <v>5331</v>
      </c>
      <c r="Y1642" s="47" t="s">
        <v>5331</v>
      </c>
      <c r="Z1642" s="28"/>
      <c r="AA1642" s="27"/>
      <c r="AB1642" s="27"/>
      <c r="AC1642" s="27"/>
      <c r="AD1642" s="30"/>
      <c r="AE1642" s="1"/>
      <c r="AF1642" s="23" t="s">
        <v>5331</v>
      </c>
      <c r="AG1642" s="26"/>
      <c r="AH1642" s="53"/>
    </row>
    <row r="1643" spans="1:34" ht="51.6" customHeight="1" x14ac:dyDescent="0.45">
      <c r="A1643" s="23">
        <v>1637</v>
      </c>
      <c r="B1643" s="25"/>
      <c r="C1643" s="25"/>
      <c r="D1643" s="29"/>
      <c r="E1643" s="1"/>
      <c r="F1643" s="1"/>
      <c r="G1643" s="25"/>
      <c r="H1643" s="71"/>
      <c r="I1643" s="83"/>
      <c r="J1643" s="50" t="str">
        <f t="shared" si="52"/>
        <v/>
      </c>
      <c r="K1643" s="23" t="s">
        <v>7120</v>
      </c>
      <c r="L1643" s="49" t="e">
        <f>VLOOKUP(E1643&amp;F1643,団体コード!$A$1:$C$1743,3,FALSE)</f>
        <v>#N/A</v>
      </c>
      <c r="M1643" s="49" t="e">
        <f>VLOOKUP(E1643&amp;F1643,団体コード!$A$1:$C$1743,2,FALSE)</f>
        <v>#N/A</v>
      </c>
      <c r="N1643" s="51" t="e">
        <f>VLOOKUP(E1643,団体コード!$E$1:$F$48,2,FALSE)</f>
        <v>#N/A</v>
      </c>
      <c r="O1643" s="51" t="e">
        <f t="shared" si="53"/>
        <v>#N/A</v>
      </c>
      <c r="P1643" s="51">
        <v>1</v>
      </c>
      <c r="Q1643" s="51" t="s">
        <v>5341</v>
      </c>
      <c r="R1643" s="54" t="b">
        <v>1</v>
      </c>
      <c r="S1643" s="52" t="s">
        <v>7126</v>
      </c>
      <c r="T1643" s="67" t="s">
        <v>7127</v>
      </c>
      <c r="U1643" s="75" t="s">
        <v>5331</v>
      </c>
      <c r="V1643" s="47" t="s">
        <v>5331</v>
      </c>
      <c r="W1643" s="47" t="s">
        <v>5331</v>
      </c>
      <c r="X1643" s="47" t="s">
        <v>5331</v>
      </c>
      <c r="Y1643" s="47" t="s">
        <v>5331</v>
      </c>
      <c r="Z1643" s="28"/>
      <c r="AA1643" s="27"/>
      <c r="AB1643" s="27"/>
      <c r="AC1643" s="27"/>
      <c r="AD1643" s="30"/>
      <c r="AE1643" s="1"/>
      <c r="AF1643" s="23" t="s">
        <v>5331</v>
      </c>
      <c r="AG1643" s="26"/>
      <c r="AH1643" s="53"/>
    </row>
    <row r="1644" spans="1:34" ht="51.6" customHeight="1" x14ac:dyDescent="0.45">
      <c r="A1644" s="23">
        <v>1638</v>
      </c>
      <c r="B1644" s="25"/>
      <c r="C1644" s="25"/>
      <c r="D1644" s="29"/>
      <c r="E1644" s="1"/>
      <c r="F1644" s="1"/>
      <c r="G1644" s="25"/>
      <c r="H1644" s="71"/>
      <c r="I1644" s="83"/>
      <c r="J1644" s="50" t="str">
        <f t="shared" si="52"/>
        <v/>
      </c>
      <c r="K1644" s="23" t="s">
        <v>7120</v>
      </c>
      <c r="L1644" s="49" t="e">
        <f>VLOOKUP(E1644&amp;F1644,団体コード!$A$1:$C$1743,3,FALSE)</f>
        <v>#N/A</v>
      </c>
      <c r="M1644" s="49" t="e">
        <f>VLOOKUP(E1644&amp;F1644,団体コード!$A$1:$C$1743,2,FALSE)</f>
        <v>#N/A</v>
      </c>
      <c r="N1644" s="51" t="e">
        <f>VLOOKUP(E1644,団体コード!$E$1:$F$48,2,FALSE)</f>
        <v>#N/A</v>
      </c>
      <c r="O1644" s="51" t="e">
        <f t="shared" si="53"/>
        <v>#N/A</v>
      </c>
      <c r="P1644" s="51">
        <v>1</v>
      </c>
      <c r="Q1644" s="51" t="s">
        <v>5341</v>
      </c>
      <c r="R1644" s="54" t="b">
        <v>1</v>
      </c>
      <c r="S1644" s="52" t="s">
        <v>7126</v>
      </c>
      <c r="T1644" s="67" t="s">
        <v>7127</v>
      </c>
      <c r="U1644" s="75" t="s">
        <v>5331</v>
      </c>
      <c r="V1644" s="47" t="s">
        <v>5331</v>
      </c>
      <c r="W1644" s="47" t="s">
        <v>5331</v>
      </c>
      <c r="X1644" s="47" t="s">
        <v>5331</v>
      </c>
      <c r="Y1644" s="47" t="s">
        <v>5331</v>
      </c>
      <c r="Z1644" s="28"/>
      <c r="AA1644" s="27"/>
      <c r="AB1644" s="27"/>
      <c r="AC1644" s="27"/>
      <c r="AD1644" s="30"/>
      <c r="AE1644" s="1"/>
      <c r="AF1644" s="23" t="s">
        <v>5331</v>
      </c>
      <c r="AG1644" s="26"/>
      <c r="AH1644" s="53"/>
    </row>
    <row r="1645" spans="1:34" ht="51.6" customHeight="1" x14ac:dyDescent="0.45">
      <c r="A1645" s="23">
        <v>1639</v>
      </c>
      <c r="B1645" s="25"/>
      <c r="C1645" s="25"/>
      <c r="D1645" s="29"/>
      <c r="E1645" s="1"/>
      <c r="F1645" s="1"/>
      <c r="G1645" s="25"/>
      <c r="H1645" s="71"/>
      <c r="I1645" s="83"/>
      <c r="J1645" s="50" t="str">
        <f t="shared" si="52"/>
        <v/>
      </c>
      <c r="K1645" s="23" t="s">
        <v>7120</v>
      </c>
      <c r="L1645" s="49" t="e">
        <f>VLOOKUP(E1645&amp;F1645,団体コード!$A$1:$C$1743,3,FALSE)</f>
        <v>#N/A</v>
      </c>
      <c r="M1645" s="49" t="e">
        <f>VLOOKUP(E1645&amp;F1645,団体コード!$A$1:$C$1743,2,FALSE)</f>
        <v>#N/A</v>
      </c>
      <c r="N1645" s="51" t="e">
        <f>VLOOKUP(E1645,団体コード!$E$1:$F$48,2,FALSE)</f>
        <v>#N/A</v>
      </c>
      <c r="O1645" s="51" t="e">
        <f t="shared" si="53"/>
        <v>#N/A</v>
      </c>
      <c r="P1645" s="51">
        <v>1</v>
      </c>
      <c r="Q1645" s="51" t="s">
        <v>5341</v>
      </c>
      <c r="R1645" s="54" t="b">
        <v>1</v>
      </c>
      <c r="S1645" s="52" t="s">
        <v>7126</v>
      </c>
      <c r="T1645" s="67" t="s">
        <v>7127</v>
      </c>
      <c r="U1645" s="75" t="s">
        <v>5331</v>
      </c>
      <c r="V1645" s="47" t="s">
        <v>5331</v>
      </c>
      <c r="W1645" s="47" t="s">
        <v>5331</v>
      </c>
      <c r="X1645" s="47" t="s">
        <v>5331</v>
      </c>
      <c r="Y1645" s="47" t="s">
        <v>5331</v>
      </c>
      <c r="Z1645" s="28"/>
      <c r="AA1645" s="27"/>
      <c r="AB1645" s="27"/>
      <c r="AC1645" s="27"/>
      <c r="AD1645" s="30"/>
      <c r="AE1645" s="1"/>
      <c r="AF1645" s="23" t="s">
        <v>5331</v>
      </c>
      <c r="AG1645" s="26"/>
      <c r="AH1645" s="53"/>
    </row>
    <row r="1646" spans="1:34" ht="51.6" customHeight="1" x14ac:dyDescent="0.45">
      <c r="A1646" s="23">
        <v>1640</v>
      </c>
      <c r="B1646" s="25"/>
      <c r="C1646" s="25"/>
      <c r="D1646" s="29"/>
      <c r="E1646" s="1"/>
      <c r="F1646" s="1"/>
      <c r="G1646" s="25"/>
      <c r="H1646" s="71"/>
      <c r="I1646" s="83"/>
      <c r="J1646" s="50" t="str">
        <f t="shared" si="52"/>
        <v/>
      </c>
      <c r="K1646" s="23" t="s">
        <v>7120</v>
      </c>
      <c r="L1646" s="49" t="e">
        <f>VLOOKUP(E1646&amp;F1646,団体コード!$A$1:$C$1743,3,FALSE)</f>
        <v>#N/A</v>
      </c>
      <c r="M1646" s="49" t="e">
        <f>VLOOKUP(E1646&amp;F1646,団体コード!$A$1:$C$1743,2,FALSE)</f>
        <v>#N/A</v>
      </c>
      <c r="N1646" s="51" t="e">
        <f>VLOOKUP(E1646,団体コード!$E$1:$F$48,2,FALSE)</f>
        <v>#N/A</v>
      </c>
      <c r="O1646" s="51" t="e">
        <f t="shared" si="53"/>
        <v>#N/A</v>
      </c>
      <c r="P1646" s="51">
        <v>1</v>
      </c>
      <c r="Q1646" s="51" t="s">
        <v>5341</v>
      </c>
      <c r="R1646" s="54" t="b">
        <v>1</v>
      </c>
      <c r="S1646" s="52" t="s">
        <v>7126</v>
      </c>
      <c r="T1646" s="67" t="s">
        <v>7127</v>
      </c>
      <c r="U1646" s="75" t="s">
        <v>5331</v>
      </c>
      <c r="V1646" s="47" t="s">
        <v>5331</v>
      </c>
      <c r="W1646" s="47" t="s">
        <v>5331</v>
      </c>
      <c r="X1646" s="47" t="s">
        <v>5331</v>
      </c>
      <c r="Y1646" s="47" t="s">
        <v>5331</v>
      </c>
      <c r="Z1646" s="28"/>
      <c r="AA1646" s="27"/>
      <c r="AB1646" s="27"/>
      <c r="AC1646" s="27"/>
      <c r="AD1646" s="30"/>
      <c r="AE1646" s="1"/>
      <c r="AF1646" s="23" t="s">
        <v>5331</v>
      </c>
      <c r="AG1646" s="26"/>
      <c r="AH1646" s="53"/>
    </row>
    <row r="1647" spans="1:34" ht="51.6" customHeight="1" x14ac:dyDescent="0.45">
      <c r="A1647" s="23">
        <v>1641</v>
      </c>
      <c r="B1647" s="25"/>
      <c r="C1647" s="25"/>
      <c r="D1647" s="29"/>
      <c r="E1647" s="1"/>
      <c r="F1647" s="1"/>
      <c r="G1647" s="25"/>
      <c r="H1647" s="71"/>
      <c r="I1647" s="83"/>
      <c r="J1647" s="50" t="str">
        <f t="shared" si="52"/>
        <v/>
      </c>
      <c r="K1647" s="23" t="s">
        <v>7120</v>
      </c>
      <c r="L1647" s="49" t="e">
        <f>VLOOKUP(E1647&amp;F1647,団体コード!$A$1:$C$1743,3,FALSE)</f>
        <v>#N/A</v>
      </c>
      <c r="M1647" s="49" t="e">
        <f>VLOOKUP(E1647&amp;F1647,団体コード!$A$1:$C$1743,2,FALSE)</f>
        <v>#N/A</v>
      </c>
      <c r="N1647" s="51" t="e">
        <f>VLOOKUP(E1647,団体コード!$E$1:$F$48,2,FALSE)</f>
        <v>#N/A</v>
      </c>
      <c r="O1647" s="51" t="e">
        <f t="shared" si="53"/>
        <v>#N/A</v>
      </c>
      <c r="P1647" s="51">
        <v>1</v>
      </c>
      <c r="Q1647" s="51" t="s">
        <v>5341</v>
      </c>
      <c r="R1647" s="54" t="b">
        <v>1</v>
      </c>
      <c r="S1647" s="52" t="s">
        <v>7126</v>
      </c>
      <c r="T1647" s="67" t="s">
        <v>7127</v>
      </c>
      <c r="U1647" s="75" t="s">
        <v>5331</v>
      </c>
      <c r="V1647" s="47" t="s">
        <v>5331</v>
      </c>
      <c r="W1647" s="47" t="s">
        <v>5331</v>
      </c>
      <c r="X1647" s="47" t="s">
        <v>5331</v>
      </c>
      <c r="Y1647" s="47" t="s">
        <v>5331</v>
      </c>
      <c r="Z1647" s="28"/>
      <c r="AA1647" s="27"/>
      <c r="AB1647" s="27"/>
      <c r="AC1647" s="27"/>
      <c r="AD1647" s="30"/>
      <c r="AE1647" s="1"/>
      <c r="AF1647" s="23" t="s">
        <v>5331</v>
      </c>
      <c r="AG1647" s="26"/>
      <c r="AH1647" s="53"/>
    </row>
    <row r="1648" spans="1:34" ht="51.6" customHeight="1" x14ac:dyDescent="0.45">
      <c r="A1648" s="23">
        <v>1642</v>
      </c>
      <c r="B1648" s="25"/>
      <c r="C1648" s="25"/>
      <c r="D1648" s="29"/>
      <c r="E1648" s="1"/>
      <c r="F1648" s="1"/>
      <c r="G1648" s="25"/>
      <c r="H1648" s="71"/>
      <c r="I1648" s="83"/>
      <c r="J1648" s="50" t="str">
        <f t="shared" si="52"/>
        <v/>
      </c>
      <c r="K1648" s="23" t="s">
        <v>7120</v>
      </c>
      <c r="L1648" s="49" t="e">
        <f>VLOOKUP(E1648&amp;F1648,団体コード!$A$1:$C$1743,3,FALSE)</f>
        <v>#N/A</v>
      </c>
      <c r="M1648" s="49" t="e">
        <f>VLOOKUP(E1648&amp;F1648,団体コード!$A$1:$C$1743,2,FALSE)</f>
        <v>#N/A</v>
      </c>
      <c r="N1648" s="51" t="e">
        <f>VLOOKUP(E1648,団体コード!$E$1:$F$48,2,FALSE)</f>
        <v>#N/A</v>
      </c>
      <c r="O1648" s="51" t="e">
        <f t="shared" si="53"/>
        <v>#N/A</v>
      </c>
      <c r="P1648" s="51">
        <v>1</v>
      </c>
      <c r="Q1648" s="51" t="s">
        <v>5341</v>
      </c>
      <c r="R1648" s="54" t="b">
        <v>1</v>
      </c>
      <c r="S1648" s="52" t="s">
        <v>7126</v>
      </c>
      <c r="T1648" s="67" t="s">
        <v>7127</v>
      </c>
      <c r="U1648" s="75" t="s">
        <v>5331</v>
      </c>
      <c r="V1648" s="47" t="s">
        <v>5331</v>
      </c>
      <c r="W1648" s="47" t="s">
        <v>5331</v>
      </c>
      <c r="X1648" s="47" t="s">
        <v>5331</v>
      </c>
      <c r="Y1648" s="47" t="s">
        <v>5331</v>
      </c>
      <c r="Z1648" s="28"/>
      <c r="AA1648" s="27"/>
      <c r="AB1648" s="27"/>
      <c r="AC1648" s="27"/>
      <c r="AD1648" s="30"/>
      <c r="AE1648" s="1"/>
      <c r="AF1648" s="23" t="s">
        <v>5331</v>
      </c>
      <c r="AG1648" s="26"/>
      <c r="AH1648" s="53"/>
    </row>
    <row r="1649" spans="1:34" ht="51.6" customHeight="1" x14ac:dyDescent="0.45">
      <c r="A1649" s="23">
        <v>1643</v>
      </c>
      <c r="B1649" s="25"/>
      <c r="C1649" s="25"/>
      <c r="D1649" s="29"/>
      <c r="E1649" s="1"/>
      <c r="F1649" s="1"/>
      <c r="G1649" s="25"/>
      <c r="H1649" s="71"/>
      <c r="I1649" s="83"/>
      <c r="J1649" s="50" t="str">
        <f t="shared" si="52"/>
        <v/>
      </c>
      <c r="K1649" s="23" t="s">
        <v>7120</v>
      </c>
      <c r="L1649" s="49" t="e">
        <f>VLOOKUP(E1649&amp;F1649,団体コード!$A$1:$C$1743,3,FALSE)</f>
        <v>#N/A</v>
      </c>
      <c r="M1649" s="49" t="e">
        <f>VLOOKUP(E1649&amp;F1649,団体コード!$A$1:$C$1743,2,FALSE)</f>
        <v>#N/A</v>
      </c>
      <c r="N1649" s="51" t="e">
        <f>VLOOKUP(E1649,団体コード!$E$1:$F$48,2,FALSE)</f>
        <v>#N/A</v>
      </c>
      <c r="O1649" s="51" t="e">
        <f t="shared" si="53"/>
        <v>#N/A</v>
      </c>
      <c r="P1649" s="51">
        <v>1</v>
      </c>
      <c r="Q1649" s="51" t="s">
        <v>5341</v>
      </c>
      <c r="R1649" s="54" t="b">
        <v>1</v>
      </c>
      <c r="S1649" s="52" t="s">
        <v>7126</v>
      </c>
      <c r="T1649" s="67" t="s">
        <v>7127</v>
      </c>
      <c r="U1649" s="75" t="s">
        <v>5331</v>
      </c>
      <c r="V1649" s="47" t="s">
        <v>5331</v>
      </c>
      <c r="W1649" s="47" t="s">
        <v>5331</v>
      </c>
      <c r="X1649" s="47" t="s">
        <v>5331</v>
      </c>
      <c r="Y1649" s="47" t="s">
        <v>5331</v>
      </c>
      <c r="Z1649" s="28"/>
      <c r="AA1649" s="27"/>
      <c r="AB1649" s="27"/>
      <c r="AC1649" s="27"/>
      <c r="AD1649" s="30"/>
      <c r="AE1649" s="1"/>
      <c r="AF1649" s="23" t="s">
        <v>5331</v>
      </c>
      <c r="AG1649" s="26"/>
      <c r="AH1649" s="53"/>
    </row>
    <row r="1650" spans="1:34" ht="51.6" customHeight="1" x14ac:dyDescent="0.45">
      <c r="A1650" s="23">
        <v>1644</v>
      </c>
      <c r="B1650" s="25"/>
      <c r="C1650" s="25"/>
      <c r="D1650" s="29"/>
      <c r="E1650" s="1"/>
      <c r="F1650" s="1"/>
      <c r="G1650" s="25"/>
      <c r="H1650" s="71"/>
      <c r="I1650" s="83"/>
      <c r="J1650" s="50" t="str">
        <f t="shared" si="52"/>
        <v/>
      </c>
      <c r="K1650" s="23" t="s">
        <v>7120</v>
      </c>
      <c r="L1650" s="49" t="e">
        <f>VLOOKUP(E1650&amp;F1650,団体コード!$A$1:$C$1743,3,FALSE)</f>
        <v>#N/A</v>
      </c>
      <c r="M1650" s="49" t="e">
        <f>VLOOKUP(E1650&amp;F1650,団体コード!$A$1:$C$1743,2,FALSE)</f>
        <v>#N/A</v>
      </c>
      <c r="N1650" s="51" t="e">
        <f>VLOOKUP(E1650,団体コード!$E$1:$F$48,2,FALSE)</f>
        <v>#N/A</v>
      </c>
      <c r="O1650" s="51" t="e">
        <f t="shared" si="53"/>
        <v>#N/A</v>
      </c>
      <c r="P1650" s="51">
        <v>1</v>
      </c>
      <c r="Q1650" s="51" t="s">
        <v>5341</v>
      </c>
      <c r="R1650" s="54" t="b">
        <v>1</v>
      </c>
      <c r="S1650" s="52" t="s">
        <v>7126</v>
      </c>
      <c r="T1650" s="67" t="s">
        <v>7127</v>
      </c>
      <c r="U1650" s="75" t="s">
        <v>5331</v>
      </c>
      <c r="V1650" s="47" t="s">
        <v>5331</v>
      </c>
      <c r="W1650" s="47" t="s">
        <v>5331</v>
      </c>
      <c r="X1650" s="47" t="s">
        <v>5331</v>
      </c>
      <c r="Y1650" s="47" t="s">
        <v>5331</v>
      </c>
      <c r="Z1650" s="28"/>
      <c r="AA1650" s="27"/>
      <c r="AB1650" s="27"/>
      <c r="AC1650" s="27"/>
      <c r="AD1650" s="30"/>
      <c r="AE1650" s="1"/>
      <c r="AF1650" s="23" t="s">
        <v>5331</v>
      </c>
      <c r="AG1650" s="26"/>
      <c r="AH1650" s="53"/>
    </row>
    <row r="1651" spans="1:34" ht="51.6" customHeight="1" x14ac:dyDescent="0.45">
      <c r="A1651" s="23">
        <v>1645</v>
      </c>
      <c r="B1651" s="25"/>
      <c r="C1651" s="25"/>
      <c r="D1651" s="29"/>
      <c r="E1651" s="1"/>
      <c r="F1651" s="1"/>
      <c r="G1651" s="25"/>
      <c r="H1651" s="71"/>
      <c r="I1651" s="83"/>
      <c r="J1651" s="50" t="str">
        <f t="shared" si="52"/>
        <v/>
      </c>
      <c r="K1651" s="23" t="s">
        <v>7120</v>
      </c>
      <c r="L1651" s="49" t="e">
        <f>VLOOKUP(E1651&amp;F1651,団体コード!$A$1:$C$1743,3,FALSE)</f>
        <v>#N/A</v>
      </c>
      <c r="M1651" s="49" t="e">
        <f>VLOOKUP(E1651&amp;F1651,団体コード!$A$1:$C$1743,2,FALSE)</f>
        <v>#N/A</v>
      </c>
      <c r="N1651" s="51" t="e">
        <f>VLOOKUP(E1651,団体コード!$E$1:$F$48,2,FALSE)</f>
        <v>#N/A</v>
      </c>
      <c r="O1651" s="51" t="e">
        <f t="shared" si="53"/>
        <v>#N/A</v>
      </c>
      <c r="P1651" s="51">
        <v>1</v>
      </c>
      <c r="Q1651" s="51" t="s">
        <v>5341</v>
      </c>
      <c r="R1651" s="54" t="b">
        <v>1</v>
      </c>
      <c r="S1651" s="52" t="s">
        <v>7126</v>
      </c>
      <c r="T1651" s="67" t="s">
        <v>7127</v>
      </c>
      <c r="U1651" s="75" t="s">
        <v>5331</v>
      </c>
      <c r="V1651" s="47" t="s">
        <v>5331</v>
      </c>
      <c r="W1651" s="47" t="s">
        <v>5331</v>
      </c>
      <c r="X1651" s="47" t="s">
        <v>5331</v>
      </c>
      <c r="Y1651" s="47" t="s">
        <v>5331</v>
      </c>
      <c r="Z1651" s="28"/>
      <c r="AA1651" s="27"/>
      <c r="AB1651" s="27"/>
      <c r="AC1651" s="27"/>
      <c r="AD1651" s="30"/>
      <c r="AE1651" s="1"/>
      <c r="AF1651" s="23" t="s">
        <v>5331</v>
      </c>
      <c r="AG1651" s="26"/>
      <c r="AH1651" s="53"/>
    </row>
    <row r="1652" spans="1:34" ht="51.6" customHeight="1" x14ac:dyDescent="0.45">
      <c r="A1652" s="23">
        <v>1646</v>
      </c>
      <c r="B1652" s="25"/>
      <c r="C1652" s="25"/>
      <c r="D1652" s="29"/>
      <c r="E1652" s="1"/>
      <c r="F1652" s="1"/>
      <c r="G1652" s="25"/>
      <c r="H1652" s="71"/>
      <c r="I1652" s="83"/>
      <c r="J1652" s="50" t="str">
        <f t="shared" si="52"/>
        <v/>
      </c>
      <c r="K1652" s="23" t="s">
        <v>7120</v>
      </c>
      <c r="L1652" s="49" t="e">
        <f>VLOOKUP(E1652&amp;F1652,団体コード!$A$1:$C$1743,3,FALSE)</f>
        <v>#N/A</v>
      </c>
      <c r="M1652" s="49" t="e">
        <f>VLOOKUP(E1652&amp;F1652,団体コード!$A$1:$C$1743,2,FALSE)</f>
        <v>#N/A</v>
      </c>
      <c r="N1652" s="51" t="e">
        <f>VLOOKUP(E1652,団体コード!$E$1:$F$48,2,FALSE)</f>
        <v>#N/A</v>
      </c>
      <c r="O1652" s="51" t="e">
        <f t="shared" si="53"/>
        <v>#N/A</v>
      </c>
      <c r="P1652" s="51">
        <v>1</v>
      </c>
      <c r="Q1652" s="51" t="s">
        <v>5341</v>
      </c>
      <c r="R1652" s="54" t="b">
        <v>1</v>
      </c>
      <c r="S1652" s="52" t="s">
        <v>7126</v>
      </c>
      <c r="T1652" s="67" t="s">
        <v>7127</v>
      </c>
      <c r="U1652" s="75" t="s">
        <v>5331</v>
      </c>
      <c r="V1652" s="47" t="s">
        <v>5331</v>
      </c>
      <c r="W1652" s="47" t="s">
        <v>5331</v>
      </c>
      <c r="X1652" s="47" t="s">
        <v>5331</v>
      </c>
      <c r="Y1652" s="47" t="s">
        <v>5331</v>
      </c>
      <c r="Z1652" s="28"/>
      <c r="AA1652" s="27"/>
      <c r="AB1652" s="27"/>
      <c r="AC1652" s="27"/>
      <c r="AD1652" s="30"/>
      <c r="AE1652" s="1"/>
      <c r="AF1652" s="23" t="s">
        <v>5331</v>
      </c>
      <c r="AG1652" s="26"/>
      <c r="AH1652" s="53"/>
    </row>
    <row r="1653" spans="1:34" ht="51.6" customHeight="1" x14ac:dyDescent="0.45">
      <c r="A1653" s="23">
        <v>1647</v>
      </c>
      <c r="B1653" s="25"/>
      <c r="C1653" s="25"/>
      <c r="D1653" s="29"/>
      <c r="E1653" s="1"/>
      <c r="F1653" s="1"/>
      <c r="G1653" s="25"/>
      <c r="H1653" s="71"/>
      <c r="I1653" s="83"/>
      <c r="J1653" s="50" t="str">
        <f t="shared" si="52"/>
        <v/>
      </c>
      <c r="K1653" s="23" t="s">
        <v>7120</v>
      </c>
      <c r="L1653" s="49" t="e">
        <f>VLOOKUP(E1653&amp;F1653,団体コード!$A$1:$C$1743,3,FALSE)</f>
        <v>#N/A</v>
      </c>
      <c r="M1653" s="49" t="e">
        <f>VLOOKUP(E1653&amp;F1653,団体コード!$A$1:$C$1743,2,FALSE)</f>
        <v>#N/A</v>
      </c>
      <c r="N1653" s="51" t="e">
        <f>VLOOKUP(E1653,団体コード!$E$1:$F$48,2,FALSE)</f>
        <v>#N/A</v>
      </c>
      <c r="O1653" s="51" t="e">
        <f t="shared" si="53"/>
        <v>#N/A</v>
      </c>
      <c r="P1653" s="51">
        <v>1</v>
      </c>
      <c r="Q1653" s="51" t="s">
        <v>5341</v>
      </c>
      <c r="R1653" s="54" t="b">
        <v>1</v>
      </c>
      <c r="S1653" s="52" t="s">
        <v>7126</v>
      </c>
      <c r="T1653" s="67" t="s">
        <v>7127</v>
      </c>
      <c r="U1653" s="75" t="s">
        <v>5331</v>
      </c>
      <c r="V1653" s="47" t="s">
        <v>5331</v>
      </c>
      <c r="W1653" s="47" t="s">
        <v>5331</v>
      </c>
      <c r="X1653" s="47" t="s">
        <v>5331</v>
      </c>
      <c r="Y1653" s="47" t="s">
        <v>5331</v>
      </c>
      <c r="Z1653" s="28"/>
      <c r="AA1653" s="27"/>
      <c r="AB1653" s="27"/>
      <c r="AC1653" s="27"/>
      <c r="AD1653" s="30"/>
      <c r="AE1653" s="1"/>
      <c r="AF1653" s="23" t="s">
        <v>5331</v>
      </c>
      <c r="AG1653" s="26"/>
      <c r="AH1653" s="53"/>
    </row>
    <row r="1654" spans="1:34" ht="51.6" customHeight="1" x14ac:dyDescent="0.45">
      <c r="A1654" s="23">
        <v>1648</v>
      </c>
      <c r="B1654" s="25"/>
      <c r="C1654" s="25"/>
      <c r="D1654" s="29"/>
      <c r="E1654" s="1"/>
      <c r="F1654" s="1"/>
      <c r="G1654" s="25"/>
      <c r="H1654" s="71"/>
      <c r="I1654" s="83"/>
      <c r="J1654" s="50" t="str">
        <f t="shared" si="52"/>
        <v/>
      </c>
      <c r="K1654" s="23" t="s">
        <v>7120</v>
      </c>
      <c r="L1654" s="49" t="e">
        <f>VLOOKUP(E1654&amp;F1654,団体コード!$A$1:$C$1743,3,FALSE)</f>
        <v>#N/A</v>
      </c>
      <c r="M1654" s="49" t="e">
        <f>VLOOKUP(E1654&amp;F1654,団体コード!$A$1:$C$1743,2,FALSE)</f>
        <v>#N/A</v>
      </c>
      <c r="N1654" s="51" t="e">
        <f>VLOOKUP(E1654,団体コード!$E$1:$F$48,2,FALSE)</f>
        <v>#N/A</v>
      </c>
      <c r="O1654" s="51" t="e">
        <f t="shared" si="53"/>
        <v>#N/A</v>
      </c>
      <c r="P1654" s="51">
        <v>1</v>
      </c>
      <c r="Q1654" s="51" t="s">
        <v>5341</v>
      </c>
      <c r="R1654" s="54" t="b">
        <v>1</v>
      </c>
      <c r="S1654" s="52" t="s">
        <v>7126</v>
      </c>
      <c r="T1654" s="67" t="s">
        <v>7127</v>
      </c>
      <c r="U1654" s="75" t="s">
        <v>5331</v>
      </c>
      <c r="V1654" s="47" t="s">
        <v>5331</v>
      </c>
      <c r="W1654" s="47" t="s">
        <v>5331</v>
      </c>
      <c r="X1654" s="47" t="s">
        <v>5331</v>
      </c>
      <c r="Y1654" s="47" t="s">
        <v>5331</v>
      </c>
      <c r="Z1654" s="28"/>
      <c r="AA1654" s="27"/>
      <c r="AB1654" s="27"/>
      <c r="AC1654" s="27"/>
      <c r="AD1654" s="30"/>
      <c r="AE1654" s="1"/>
      <c r="AF1654" s="23" t="s">
        <v>5331</v>
      </c>
      <c r="AG1654" s="26"/>
      <c r="AH1654" s="53"/>
    </row>
    <row r="1655" spans="1:34" ht="51.6" customHeight="1" x14ac:dyDescent="0.45">
      <c r="A1655" s="23">
        <v>1649</v>
      </c>
      <c r="B1655" s="25"/>
      <c r="C1655" s="25"/>
      <c r="D1655" s="29"/>
      <c r="E1655" s="1"/>
      <c r="F1655" s="1"/>
      <c r="G1655" s="25"/>
      <c r="H1655" s="71"/>
      <c r="I1655" s="83"/>
      <c r="J1655" s="50" t="str">
        <f t="shared" si="52"/>
        <v/>
      </c>
      <c r="K1655" s="23" t="s">
        <v>7120</v>
      </c>
      <c r="L1655" s="49" t="e">
        <f>VLOOKUP(E1655&amp;F1655,団体コード!$A$1:$C$1743,3,FALSE)</f>
        <v>#N/A</v>
      </c>
      <c r="M1655" s="49" t="e">
        <f>VLOOKUP(E1655&amp;F1655,団体コード!$A$1:$C$1743,2,FALSE)</f>
        <v>#N/A</v>
      </c>
      <c r="N1655" s="51" t="e">
        <f>VLOOKUP(E1655,団体コード!$E$1:$F$48,2,FALSE)</f>
        <v>#N/A</v>
      </c>
      <c r="O1655" s="51" t="e">
        <f t="shared" si="53"/>
        <v>#N/A</v>
      </c>
      <c r="P1655" s="51">
        <v>1</v>
      </c>
      <c r="Q1655" s="51" t="s">
        <v>5341</v>
      </c>
      <c r="R1655" s="54" t="b">
        <v>1</v>
      </c>
      <c r="S1655" s="52" t="s">
        <v>7126</v>
      </c>
      <c r="T1655" s="67" t="s">
        <v>7127</v>
      </c>
      <c r="U1655" s="75" t="s">
        <v>5331</v>
      </c>
      <c r="V1655" s="47" t="s">
        <v>5331</v>
      </c>
      <c r="W1655" s="47" t="s">
        <v>5331</v>
      </c>
      <c r="X1655" s="47" t="s">
        <v>5331</v>
      </c>
      <c r="Y1655" s="47" t="s">
        <v>5331</v>
      </c>
      <c r="Z1655" s="28"/>
      <c r="AA1655" s="27"/>
      <c r="AB1655" s="27"/>
      <c r="AC1655" s="27"/>
      <c r="AD1655" s="30"/>
      <c r="AE1655" s="1"/>
      <c r="AF1655" s="23" t="s">
        <v>5331</v>
      </c>
      <c r="AG1655" s="26"/>
      <c r="AH1655" s="53"/>
    </row>
    <row r="1656" spans="1:34" ht="51.6" customHeight="1" x14ac:dyDescent="0.45">
      <c r="A1656" s="23">
        <v>1650</v>
      </c>
      <c r="B1656" s="25"/>
      <c r="C1656" s="25"/>
      <c r="D1656" s="29"/>
      <c r="E1656" s="1"/>
      <c r="F1656" s="1"/>
      <c r="G1656" s="25"/>
      <c r="H1656" s="71"/>
      <c r="I1656" s="83"/>
      <c r="J1656" s="50" t="str">
        <f t="shared" si="52"/>
        <v/>
      </c>
      <c r="K1656" s="23" t="s">
        <v>7120</v>
      </c>
      <c r="L1656" s="49" t="e">
        <f>VLOOKUP(E1656&amp;F1656,団体コード!$A$1:$C$1743,3,FALSE)</f>
        <v>#N/A</v>
      </c>
      <c r="M1656" s="49" t="e">
        <f>VLOOKUP(E1656&amp;F1656,団体コード!$A$1:$C$1743,2,FALSE)</f>
        <v>#N/A</v>
      </c>
      <c r="N1656" s="51" t="e">
        <f>VLOOKUP(E1656,団体コード!$E$1:$F$48,2,FALSE)</f>
        <v>#N/A</v>
      </c>
      <c r="O1656" s="51" t="e">
        <f t="shared" si="53"/>
        <v>#N/A</v>
      </c>
      <c r="P1656" s="51">
        <v>1</v>
      </c>
      <c r="Q1656" s="51" t="s">
        <v>5341</v>
      </c>
      <c r="R1656" s="54" t="b">
        <v>1</v>
      </c>
      <c r="S1656" s="52" t="s">
        <v>7126</v>
      </c>
      <c r="T1656" s="67" t="s">
        <v>7127</v>
      </c>
      <c r="U1656" s="75" t="s">
        <v>5331</v>
      </c>
      <c r="V1656" s="47" t="s">
        <v>5331</v>
      </c>
      <c r="W1656" s="47" t="s">
        <v>5331</v>
      </c>
      <c r="X1656" s="47" t="s">
        <v>5331</v>
      </c>
      <c r="Y1656" s="47" t="s">
        <v>5331</v>
      </c>
      <c r="Z1656" s="28"/>
      <c r="AA1656" s="27"/>
      <c r="AB1656" s="27"/>
      <c r="AC1656" s="27"/>
      <c r="AD1656" s="30"/>
      <c r="AE1656" s="1"/>
      <c r="AF1656" s="23" t="s">
        <v>5331</v>
      </c>
      <c r="AG1656" s="26"/>
      <c r="AH1656" s="53"/>
    </row>
    <row r="1657" spans="1:34" ht="51.6" customHeight="1" x14ac:dyDescent="0.45">
      <c r="A1657" s="23">
        <v>1651</v>
      </c>
      <c r="B1657" s="25"/>
      <c r="C1657" s="25"/>
      <c r="D1657" s="29"/>
      <c r="E1657" s="1"/>
      <c r="F1657" s="1"/>
      <c r="G1657" s="25"/>
      <c r="H1657" s="71"/>
      <c r="I1657" s="83"/>
      <c r="J1657" s="50" t="str">
        <f t="shared" si="52"/>
        <v/>
      </c>
      <c r="K1657" s="23" t="s">
        <v>7120</v>
      </c>
      <c r="L1657" s="49" t="e">
        <f>VLOOKUP(E1657&amp;F1657,団体コード!$A$1:$C$1743,3,FALSE)</f>
        <v>#N/A</v>
      </c>
      <c r="M1657" s="49" t="e">
        <f>VLOOKUP(E1657&amp;F1657,団体コード!$A$1:$C$1743,2,FALSE)</f>
        <v>#N/A</v>
      </c>
      <c r="N1657" s="51" t="e">
        <f>VLOOKUP(E1657,団体コード!$E$1:$F$48,2,FALSE)</f>
        <v>#N/A</v>
      </c>
      <c r="O1657" s="51" t="e">
        <f t="shared" si="53"/>
        <v>#N/A</v>
      </c>
      <c r="P1657" s="51">
        <v>1</v>
      </c>
      <c r="Q1657" s="51" t="s">
        <v>5341</v>
      </c>
      <c r="R1657" s="54" t="b">
        <v>1</v>
      </c>
      <c r="S1657" s="52" t="s">
        <v>7126</v>
      </c>
      <c r="T1657" s="67" t="s">
        <v>7127</v>
      </c>
      <c r="U1657" s="75" t="s">
        <v>5331</v>
      </c>
      <c r="V1657" s="47" t="s">
        <v>5331</v>
      </c>
      <c r="W1657" s="47" t="s">
        <v>5331</v>
      </c>
      <c r="X1657" s="47" t="s">
        <v>5331</v>
      </c>
      <c r="Y1657" s="47" t="s">
        <v>5331</v>
      </c>
      <c r="Z1657" s="28"/>
      <c r="AA1657" s="27"/>
      <c r="AB1657" s="27"/>
      <c r="AC1657" s="27"/>
      <c r="AD1657" s="30"/>
      <c r="AE1657" s="1"/>
      <c r="AF1657" s="23" t="s">
        <v>5331</v>
      </c>
      <c r="AG1657" s="26"/>
      <c r="AH1657" s="53"/>
    </row>
    <row r="1658" spans="1:34" ht="51.6" customHeight="1" x14ac:dyDescent="0.45">
      <c r="A1658" s="23">
        <v>1652</v>
      </c>
      <c r="B1658" s="25"/>
      <c r="C1658" s="25"/>
      <c r="D1658" s="29"/>
      <c r="E1658" s="1"/>
      <c r="F1658" s="1"/>
      <c r="G1658" s="25"/>
      <c r="H1658" s="71"/>
      <c r="I1658" s="83"/>
      <c r="J1658" s="50" t="str">
        <f t="shared" si="52"/>
        <v/>
      </c>
      <c r="K1658" s="23" t="s">
        <v>7120</v>
      </c>
      <c r="L1658" s="49" t="e">
        <f>VLOOKUP(E1658&amp;F1658,団体コード!$A$1:$C$1743,3,FALSE)</f>
        <v>#N/A</v>
      </c>
      <c r="M1658" s="49" t="e">
        <f>VLOOKUP(E1658&amp;F1658,団体コード!$A$1:$C$1743,2,FALSE)</f>
        <v>#N/A</v>
      </c>
      <c r="N1658" s="51" t="e">
        <f>VLOOKUP(E1658,団体コード!$E$1:$F$48,2,FALSE)</f>
        <v>#N/A</v>
      </c>
      <c r="O1658" s="51" t="e">
        <f t="shared" si="53"/>
        <v>#N/A</v>
      </c>
      <c r="P1658" s="51">
        <v>1</v>
      </c>
      <c r="Q1658" s="51" t="s">
        <v>5341</v>
      </c>
      <c r="R1658" s="54" t="b">
        <v>1</v>
      </c>
      <c r="S1658" s="52" t="s">
        <v>7126</v>
      </c>
      <c r="T1658" s="67" t="s">
        <v>7127</v>
      </c>
      <c r="U1658" s="75" t="s">
        <v>5331</v>
      </c>
      <c r="V1658" s="47" t="s">
        <v>5331</v>
      </c>
      <c r="W1658" s="47" t="s">
        <v>5331</v>
      </c>
      <c r="X1658" s="47" t="s">
        <v>5331</v>
      </c>
      <c r="Y1658" s="47" t="s">
        <v>5331</v>
      </c>
      <c r="Z1658" s="28"/>
      <c r="AA1658" s="27"/>
      <c r="AB1658" s="27"/>
      <c r="AC1658" s="27"/>
      <c r="AD1658" s="30"/>
      <c r="AE1658" s="1"/>
      <c r="AF1658" s="23" t="s">
        <v>5331</v>
      </c>
      <c r="AG1658" s="26"/>
      <c r="AH1658" s="53"/>
    </row>
    <row r="1659" spans="1:34" ht="51.6" customHeight="1" x14ac:dyDescent="0.45">
      <c r="A1659" s="23">
        <v>1653</v>
      </c>
      <c r="B1659" s="25"/>
      <c r="C1659" s="25"/>
      <c r="D1659" s="29"/>
      <c r="E1659" s="1"/>
      <c r="F1659" s="1"/>
      <c r="G1659" s="25"/>
      <c r="H1659" s="71"/>
      <c r="I1659" s="83"/>
      <c r="J1659" s="50" t="str">
        <f t="shared" si="52"/>
        <v/>
      </c>
      <c r="K1659" s="23" t="s">
        <v>7120</v>
      </c>
      <c r="L1659" s="49" t="e">
        <f>VLOOKUP(E1659&amp;F1659,団体コード!$A$1:$C$1743,3,FALSE)</f>
        <v>#N/A</v>
      </c>
      <c r="M1659" s="49" t="e">
        <f>VLOOKUP(E1659&amp;F1659,団体コード!$A$1:$C$1743,2,FALSE)</f>
        <v>#N/A</v>
      </c>
      <c r="N1659" s="51" t="e">
        <f>VLOOKUP(E1659,団体コード!$E$1:$F$48,2,FALSE)</f>
        <v>#N/A</v>
      </c>
      <c r="O1659" s="51" t="e">
        <f t="shared" si="53"/>
        <v>#N/A</v>
      </c>
      <c r="P1659" s="51">
        <v>1</v>
      </c>
      <c r="Q1659" s="51" t="s">
        <v>5341</v>
      </c>
      <c r="R1659" s="54" t="b">
        <v>1</v>
      </c>
      <c r="S1659" s="52" t="s">
        <v>7126</v>
      </c>
      <c r="T1659" s="67" t="s">
        <v>7127</v>
      </c>
      <c r="U1659" s="75" t="s">
        <v>5331</v>
      </c>
      <c r="V1659" s="47" t="s">
        <v>5331</v>
      </c>
      <c r="W1659" s="47" t="s">
        <v>5331</v>
      </c>
      <c r="X1659" s="47" t="s">
        <v>5331</v>
      </c>
      <c r="Y1659" s="47" t="s">
        <v>5331</v>
      </c>
      <c r="Z1659" s="28"/>
      <c r="AA1659" s="27"/>
      <c r="AB1659" s="27"/>
      <c r="AC1659" s="27"/>
      <c r="AD1659" s="30"/>
      <c r="AE1659" s="1"/>
      <c r="AF1659" s="23" t="s">
        <v>5331</v>
      </c>
      <c r="AG1659" s="26"/>
      <c r="AH1659" s="53"/>
    </row>
    <row r="1660" spans="1:34" ht="51.6" customHeight="1" x14ac:dyDescent="0.45">
      <c r="A1660" s="23">
        <v>1654</v>
      </c>
      <c r="B1660" s="25"/>
      <c r="C1660" s="25"/>
      <c r="D1660" s="29"/>
      <c r="E1660" s="1"/>
      <c r="F1660" s="1"/>
      <c r="G1660" s="25"/>
      <c r="H1660" s="71"/>
      <c r="I1660" s="83"/>
      <c r="J1660" s="50" t="str">
        <f t="shared" si="52"/>
        <v/>
      </c>
      <c r="K1660" s="23" t="s">
        <v>7120</v>
      </c>
      <c r="L1660" s="49" t="e">
        <f>VLOOKUP(E1660&amp;F1660,団体コード!$A$1:$C$1743,3,FALSE)</f>
        <v>#N/A</v>
      </c>
      <c r="M1660" s="49" t="e">
        <f>VLOOKUP(E1660&amp;F1660,団体コード!$A$1:$C$1743,2,FALSE)</f>
        <v>#N/A</v>
      </c>
      <c r="N1660" s="51" t="e">
        <f>VLOOKUP(E1660,団体コード!$E$1:$F$48,2,FALSE)</f>
        <v>#N/A</v>
      </c>
      <c r="O1660" s="51" t="e">
        <f t="shared" si="53"/>
        <v>#N/A</v>
      </c>
      <c r="P1660" s="51">
        <v>1</v>
      </c>
      <c r="Q1660" s="51" t="s">
        <v>5341</v>
      </c>
      <c r="R1660" s="54" t="b">
        <v>1</v>
      </c>
      <c r="S1660" s="52" t="s">
        <v>7126</v>
      </c>
      <c r="T1660" s="67" t="s">
        <v>7127</v>
      </c>
      <c r="U1660" s="75" t="s">
        <v>5331</v>
      </c>
      <c r="V1660" s="47" t="s">
        <v>5331</v>
      </c>
      <c r="W1660" s="47" t="s">
        <v>5331</v>
      </c>
      <c r="X1660" s="47" t="s">
        <v>5331</v>
      </c>
      <c r="Y1660" s="47" t="s">
        <v>5331</v>
      </c>
      <c r="Z1660" s="28"/>
      <c r="AA1660" s="27"/>
      <c r="AB1660" s="27"/>
      <c r="AC1660" s="27"/>
      <c r="AD1660" s="30"/>
      <c r="AE1660" s="1"/>
      <c r="AF1660" s="23" t="s">
        <v>5331</v>
      </c>
      <c r="AG1660" s="26"/>
      <c r="AH1660" s="53"/>
    </row>
    <row r="1661" spans="1:34" ht="51.6" customHeight="1" x14ac:dyDescent="0.45">
      <c r="A1661" s="23">
        <v>1655</v>
      </c>
      <c r="B1661" s="25"/>
      <c r="C1661" s="25"/>
      <c r="D1661" s="29"/>
      <c r="E1661" s="1"/>
      <c r="F1661" s="1"/>
      <c r="G1661" s="25"/>
      <c r="H1661" s="71"/>
      <c r="I1661" s="83"/>
      <c r="J1661" s="50" t="str">
        <f t="shared" si="52"/>
        <v/>
      </c>
      <c r="K1661" s="23" t="s">
        <v>7120</v>
      </c>
      <c r="L1661" s="49" t="e">
        <f>VLOOKUP(E1661&amp;F1661,団体コード!$A$1:$C$1743,3,FALSE)</f>
        <v>#N/A</v>
      </c>
      <c r="M1661" s="49" t="e">
        <f>VLOOKUP(E1661&amp;F1661,団体コード!$A$1:$C$1743,2,FALSE)</f>
        <v>#N/A</v>
      </c>
      <c r="N1661" s="51" t="e">
        <f>VLOOKUP(E1661,団体コード!$E$1:$F$48,2,FALSE)</f>
        <v>#N/A</v>
      </c>
      <c r="O1661" s="51" t="e">
        <f t="shared" si="53"/>
        <v>#N/A</v>
      </c>
      <c r="P1661" s="51">
        <v>1</v>
      </c>
      <c r="Q1661" s="51" t="s">
        <v>5341</v>
      </c>
      <c r="R1661" s="54" t="b">
        <v>1</v>
      </c>
      <c r="S1661" s="52" t="s">
        <v>7126</v>
      </c>
      <c r="T1661" s="67" t="s">
        <v>7127</v>
      </c>
      <c r="U1661" s="75" t="s">
        <v>5331</v>
      </c>
      <c r="V1661" s="47" t="s">
        <v>5331</v>
      </c>
      <c r="W1661" s="47" t="s">
        <v>5331</v>
      </c>
      <c r="X1661" s="47" t="s">
        <v>5331</v>
      </c>
      <c r="Y1661" s="47" t="s">
        <v>5331</v>
      </c>
      <c r="Z1661" s="28"/>
      <c r="AA1661" s="27"/>
      <c r="AB1661" s="27"/>
      <c r="AC1661" s="27"/>
      <c r="AD1661" s="30"/>
      <c r="AE1661" s="1"/>
      <c r="AF1661" s="23" t="s">
        <v>5331</v>
      </c>
      <c r="AG1661" s="26"/>
      <c r="AH1661" s="53"/>
    </row>
    <row r="1662" spans="1:34" ht="51.6" customHeight="1" x14ac:dyDescent="0.45">
      <c r="A1662" s="23">
        <v>1656</v>
      </c>
      <c r="B1662" s="25"/>
      <c r="C1662" s="25"/>
      <c r="D1662" s="29"/>
      <c r="E1662" s="1"/>
      <c r="F1662" s="1"/>
      <c r="G1662" s="25"/>
      <c r="H1662" s="71"/>
      <c r="I1662" s="83"/>
      <c r="J1662" s="50" t="str">
        <f t="shared" si="52"/>
        <v/>
      </c>
      <c r="K1662" s="23" t="s">
        <v>7120</v>
      </c>
      <c r="L1662" s="49" t="e">
        <f>VLOOKUP(E1662&amp;F1662,団体コード!$A$1:$C$1743,3,FALSE)</f>
        <v>#N/A</v>
      </c>
      <c r="M1662" s="49" t="e">
        <f>VLOOKUP(E1662&amp;F1662,団体コード!$A$1:$C$1743,2,FALSE)</f>
        <v>#N/A</v>
      </c>
      <c r="N1662" s="51" t="e">
        <f>VLOOKUP(E1662,団体コード!$E$1:$F$48,2,FALSE)</f>
        <v>#N/A</v>
      </c>
      <c r="O1662" s="51" t="e">
        <f t="shared" si="53"/>
        <v>#N/A</v>
      </c>
      <c r="P1662" s="51">
        <v>1</v>
      </c>
      <c r="Q1662" s="51" t="s">
        <v>5341</v>
      </c>
      <c r="R1662" s="54" t="b">
        <v>1</v>
      </c>
      <c r="S1662" s="52" t="s">
        <v>7126</v>
      </c>
      <c r="T1662" s="67" t="s">
        <v>7127</v>
      </c>
      <c r="U1662" s="75" t="s">
        <v>5331</v>
      </c>
      <c r="V1662" s="47" t="s">
        <v>5331</v>
      </c>
      <c r="W1662" s="47" t="s">
        <v>5331</v>
      </c>
      <c r="X1662" s="47" t="s">
        <v>5331</v>
      </c>
      <c r="Y1662" s="47" t="s">
        <v>5331</v>
      </c>
      <c r="Z1662" s="28"/>
      <c r="AA1662" s="27"/>
      <c r="AB1662" s="27"/>
      <c r="AC1662" s="27"/>
      <c r="AD1662" s="30"/>
      <c r="AE1662" s="1"/>
      <c r="AF1662" s="23" t="s">
        <v>5331</v>
      </c>
      <c r="AG1662" s="26"/>
      <c r="AH1662" s="53"/>
    </row>
    <row r="1663" spans="1:34" ht="51.6" customHeight="1" x14ac:dyDescent="0.45">
      <c r="A1663" s="23">
        <v>1657</v>
      </c>
      <c r="B1663" s="25"/>
      <c r="C1663" s="25"/>
      <c r="D1663" s="29"/>
      <c r="E1663" s="1"/>
      <c r="F1663" s="1"/>
      <c r="G1663" s="25"/>
      <c r="H1663" s="71"/>
      <c r="I1663" s="83"/>
      <c r="J1663" s="50" t="str">
        <f t="shared" si="52"/>
        <v/>
      </c>
      <c r="K1663" s="23" t="s">
        <v>7120</v>
      </c>
      <c r="L1663" s="49" t="e">
        <f>VLOOKUP(E1663&amp;F1663,団体コード!$A$1:$C$1743,3,FALSE)</f>
        <v>#N/A</v>
      </c>
      <c r="M1663" s="49" t="e">
        <f>VLOOKUP(E1663&amp;F1663,団体コード!$A$1:$C$1743,2,FALSE)</f>
        <v>#N/A</v>
      </c>
      <c r="N1663" s="51" t="e">
        <f>VLOOKUP(E1663,団体コード!$E$1:$F$48,2,FALSE)</f>
        <v>#N/A</v>
      </c>
      <c r="O1663" s="51" t="e">
        <f t="shared" si="53"/>
        <v>#N/A</v>
      </c>
      <c r="P1663" s="51">
        <v>1</v>
      </c>
      <c r="Q1663" s="51" t="s">
        <v>5341</v>
      </c>
      <c r="R1663" s="54" t="b">
        <v>1</v>
      </c>
      <c r="S1663" s="52" t="s">
        <v>7126</v>
      </c>
      <c r="T1663" s="67" t="s">
        <v>7127</v>
      </c>
      <c r="U1663" s="75" t="s">
        <v>5331</v>
      </c>
      <c r="V1663" s="47" t="s">
        <v>5331</v>
      </c>
      <c r="W1663" s="47" t="s">
        <v>5331</v>
      </c>
      <c r="X1663" s="47" t="s">
        <v>5331</v>
      </c>
      <c r="Y1663" s="47" t="s">
        <v>5331</v>
      </c>
      <c r="Z1663" s="28"/>
      <c r="AA1663" s="27"/>
      <c r="AB1663" s="27"/>
      <c r="AC1663" s="27"/>
      <c r="AD1663" s="30"/>
      <c r="AE1663" s="1"/>
      <c r="AF1663" s="23" t="s">
        <v>5331</v>
      </c>
      <c r="AG1663" s="26"/>
      <c r="AH1663" s="53"/>
    </row>
    <row r="1664" spans="1:34" ht="51.6" customHeight="1" x14ac:dyDescent="0.45">
      <c r="A1664" s="23">
        <v>1658</v>
      </c>
      <c r="B1664" s="25"/>
      <c r="C1664" s="25"/>
      <c r="D1664" s="29"/>
      <c r="E1664" s="1"/>
      <c r="F1664" s="1"/>
      <c r="G1664" s="25"/>
      <c r="H1664" s="71"/>
      <c r="I1664" s="83"/>
      <c r="J1664" s="50" t="str">
        <f t="shared" si="52"/>
        <v/>
      </c>
      <c r="K1664" s="23" t="s">
        <v>7120</v>
      </c>
      <c r="L1664" s="49" t="e">
        <f>VLOOKUP(E1664&amp;F1664,団体コード!$A$1:$C$1743,3,FALSE)</f>
        <v>#N/A</v>
      </c>
      <c r="M1664" s="49" t="e">
        <f>VLOOKUP(E1664&amp;F1664,団体コード!$A$1:$C$1743,2,FALSE)</f>
        <v>#N/A</v>
      </c>
      <c r="N1664" s="51" t="e">
        <f>VLOOKUP(E1664,団体コード!$E$1:$F$48,2,FALSE)</f>
        <v>#N/A</v>
      </c>
      <c r="O1664" s="51" t="e">
        <f t="shared" si="53"/>
        <v>#N/A</v>
      </c>
      <c r="P1664" s="51">
        <v>1</v>
      </c>
      <c r="Q1664" s="51" t="s">
        <v>5341</v>
      </c>
      <c r="R1664" s="54" t="b">
        <v>1</v>
      </c>
      <c r="S1664" s="52" t="s">
        <v>7126</v>
      </c>
      <c r="T1664" s="67" t="s">
        <v>7127</v>
      </c>
      <c r="U1664" s="75" t="s">
        <v>5331</v>
      </c>
      <c r="V1664" s="47" t="s">
        <v>5331</v>
      </c>
      <c r="W1664" s="47" t="s">
        <v>5331</v>
      </c>
      <c r="X1664" s="47" t="s">
        <v>5331</v>
      </c>
      <c r="Y1664" s="47" t="s">
        <v>5331</v>
      </c>
      <c r="Z1664" s="28"/>
      <c r="AA1664" s="27"/>
      <c r="AB1664" s="27"/>
      <c r="AC1664" s="27"/>
      <c r="AD1664" s="30"/>
      <c r="AE1664" s="1"/>
      <c r="AF1664" s="23" t="s">
        <v>5331</v>
      </c>
      <c r="AG1664" s="26"/>
      <c r="AH1664" s="53"/>
    </row>
    <row r="1665" spans="1:34" ht="51.6" customHeight="1" x14ac:dyDescent="0.45">
      <c r="A1665" s="23">
        <v>1659</v>
      </c>
      <c r="B1665" s="25"/>
      <c r="C1665" s="25"/>
      <c r="D1665" s="29"/>
      <c r="E1665" s="1"/>
      <c r="F1665" s="1"/>
      <c r="G1665" s="25"/>
      <c r="H1665" s="71"/>
      <c r="I1665" s="83"/>
      <c r="J1665" s="50" t="str">
        <f t="shared" si="52"/>
        <v/>
      </c>
      <c r="K1665" s="23" t="s">
        <v>7120</v>
      </c>
      <c r="L1665" s="49" t="e">
        <f>VLOOKUP(E1665&amp;F1665,団体コード!$A$1:$C$1743,3,FALSE)</f>
        <v>#N/A</v>
      </c>
      <c r="M1665" s="49" t="e">
        <f>VLOOKUP(E1665&amp;F1665,団体コード!$A$1:$C$1743,2,FALSE)</f>
        <v>#N/A</v>
      </c>
      <c r="N1665" s="51" t="e">
        <f>VLOOKUP(E1665,団体コード!$E$1:$F$48,2,FALSE)</f>
        <v>#N/A</v>
      </c>
      <c r="O1665" s="51" t="e">
        <f t="shared" si="53"/>
        <v>#N/A</v>
      </c>
      <c r="P1665" s="51">
        <v>1</v>
      </c>
      <c r="Q1665" s="51" t="s">
        <v>5341</v>
      </c>
      <c r="R1665" s="54" t="b">
        <v>1</v>
      </c>
      <c r="S1665" s="52" t="s">
        <v>7126</v>
      </c>
      <c r="T1665" s="67" t="s">
        <v>7127</v>
      </c>
      <c r="U1665" s="75" t="s">
        <v>5331</v>
      </c>
      <c r="V1665" s="47" t="s">
        <v>5331</v>
      </c>
      <c r="W1665" s="47" t="s">
        <v>5331</v>
      </c>
      <c r="X1665" s="47" t="s">
        <v>5331</v>
      </c>
      <c r="Y1665" s="47" t="s">
        <v>5331</v>
      </c>
      <c r="Z1665" s="28"/>
      <c r="AA1665" s="27"/>
      <c r="AB1665" s="27"/>
      <c r="AC1665" s="27"/>
      <c r="AD1665" s="30"/>
      <c r="AE1665" s="1"/>
      <c r="AF1665" s="23" t="s">
        <v>5331</v>
      </c>
      <c r="AG1665" s="26"/>
      <c r="AH1665" s="53"/>
    </row>
    <row r="1666" spans="1:34" ht="51.6" customHeight="1" x14ac:dyDescent="0.45">
      <c r="A1666" s="23">
        <v>1660</v>
      </c>
      <c r="B1666" s="25"/>
      <c r="C1666" s="25"/>
      <c r="D1666" s="29"/>
      <c r="E1666" s="1"/>
      <c r="F1666" s="1"/>
      <c r="G1666" s="25"/>
      <c r="H1666" s="71"/>
      <c r="I1666" s="83"/>
      <c r="J1666" s="50" t="str">
        <f t="shared" si="52"/>
        <v/>
      </c>
      <c r="K1666" s="23" t="s">
        <v>7120</v>
      </c>
      <c r="L1666" s="49" t="e">
        <f>VLOOKUP(E1666&amp;F1666,団体コード!$A$1:$C$1743,3,FALSE)</f>
        <v>#N/A</v>
      </c>
      <c r="M1666" s="49" t="e">
        <f>VLOOKUP(E1666&amp;F1666,団体コード!$A$1:$C$1743,2,FALSE)</f>
        <v>#N/A</v>
      </c>
      <c r="N1666" s="51" t="e">
        <f>VLOOKUP(E1666,団体コード!$E$1:$F$48,2,FALSE)</f>
        <v>#N/A</v>
      </c>
      <c r="O1666" s="51" t="e">
        <f t="shared" si="53"/>
        <v>#N/A</v>
      </c>
      <c r="P1666" s="51">
        <v>1</v>
      </c>
      <c r="Q1666" s="51" t="s">
        <v>5341</v>
      </c>
      <c r="R1666" s="54" t="b">
        <v>1</v>
      </c>
      <c r="S1666" s="52" t="s">
        <v>7126</v>
      </c>
      <c r="T1666" s="67" t="s">
        <v>7127</v>
      </c>
      <c r="U1666" s="75" t="s">
        <v>5331</v>
      </c>
      <c r="V1666" s="47" t="s">
        <v>5331</v>
      </c>
      <c r="W1666" s="47" t="s">
        <v>5331</v>
      </c>
      <c r="X1666" s="47" t="s">
        <v>5331</v>
      </c>
      <c r="Y1666" s="47" t="s">
        <v>5331</v>
      </c>
      <c r="Z1666" s="28"/>
      <c r="AA1666" s="27"/>
      <c r="AB1666" s="27"/>
      <c r="AC1666" s="27"/>
      <c r="AD1666" s="30"/>
      <c r="AE1666" s="1"/>
      <c r="AF1666" s="23" t="s">
        <v>5331</v>
      </c>
      <c r="AG1666" s="26"/>
      <c r="AH1666" s="53"/>
    </row>
    <row r="1667" spans="1:34" ht="51.6" customHeight="1" x14ac:dyDescent="0.45">
      <c r="A1667" s="23">
        <v>1661</v>
      </c>
      <c r="B1667" s="25"/>
      <c r="C1667" s="25"/>
      <c r="D1667" s="29"/>
      <c r="E1667" s="1"/>
      <c r="F1667" s="1"/>
      <c r="G1667" s="25"/>
      <c r="H1667" s="71"/>
      <c r="I1667" s="83"/>
      <c r="J1667" s="50" t="str">
        <f t="shared" si="52"/>
        <v/>
      </c>
      <c r="K1667" s="23" t="s">
        <v>7120</v>
      </c>
      <c r="L1667" s="49" t="e">
        <f>VLOOKUP(E1667&amp;F1667,団体コード!$A$1:$C$1743,3,FALSE)</f>
        <v>#N/A</v>
      </c>
      <c r="M1667" s="49" t="e">
        <f>VLOOKUP(E1667&amp;F1667,団体コード!$A$1:$C$1743,2,FALSE)</f>
        <v>#N/A</v>
      </c>
      <c r="N1667" s="51" t="e">
        <f>VLOOKUP(E1667,団体コード!$E$1:$F$48,2,FALSE)</f>
        <v>#N/A</v>
      </c>
      <c r="O1667" s="51" t="e">
        <f t="shared" si="53"/>
        <v>#N/A</v>
      </c>
      <c r="P1667" s="51">
        <v>1</v>
      </c>
      <c r="Q1667" s="51" t="s">
        <v>5341</v>
      </c>
      <c r="R1667" s="54" t="b">
        <v>1</v>
      </c>
      <c r="S1667" s="52" t="s">
        <v>7126</v>
      </c>
      <c r="T1667" s="67" t="s">
        <v>7127</v>
      </c>
      <c r="U1667" s="75" t="s">
        <v>5331</v>
      </c>
      <c r="V1667" s="47" t="s">
        <v>5331</v>
      </c>
      <c r="W1667" s="47" t="s">
        <v>5331</v>
      </c>
      <c r="X1667" s="47" t="s">
        <v>5331</v>
      </c>
      <c r="Y1667" s="47" t="s">
        <v>5331</v>
      </c>
      <c r="Z1667" s="28"/>
      <c r="AA1667" s="27"/>
      <c r="AB1667" s="27"/>
      <c r="AC1667" s="27"/>
      <c r="AD1667" s="30"/>
      <c r="AE1667" s="1"/>
      <c r="AF1667" s="23" t="s">
        <v>5331</v>
      </c>
      <c r="AG1667" s="26"/>
      <c r="AH1667" s="53"/>
    </row>
    <row r="1668" spans="1:34" ht="51.6" customHeight="1" x14ac:dyDescent="0.45">
      <c r="A1668" s="23">
        <v>1662</v>
      </c>
      <c r="B1668" s="25"/>
      <c r="C1668" s="25"/>
      <c r="D1668" s="29"/>
      <c r="E1668" s="1"/>
      <c r="F1668" s="1"/>
      <c r="G1668" s="25"/>
      <c r="H1668" s="71"/>
      <c r="I1668" s="83"/>
      <c r="J1668" s="50" t="str">
        <f t="shared" si="52"/>
        <v/>
      </c>
      <c r="K1668" s="23" t="s">
        <v>7120</v>
      </c>
      <c r="L1668" s="49" t="e">
        <f>VLOOKUP(E1668&amp;F1668,団体コード!$A$1:$C$1743,3,FALSE)</f>
        <v>#N/A</v>
      </c>
      <c r="M1668" s="49" t="e">
        <f>VLOOKUP(E1668&amp;F1668,団体コード!$A$1:$C$1743,2,FALSE)</f>
        <v>#N/A</v>
      </c>
      <c r="N1668" s="51" t="e">
        <f>VLOOKUP(E1668,団体コード!$E$1:$F$48,2,FALSE)</f>
        <v>#N/A</v>
      </c>
      <c r="O1668" s="51" t="e">
        <f t="shared" si="53"/>
        <v>#N/A</v>
      </c>
      <c r="P1668" s="51">
        <v>1</v>
      </c>
      <c r="Q1668" s="51" t="s">
        <v>5341</v>
      </c>
      <c r="R1668" s="54" t="b">
        <v>1</v>
      </c>
      <c r="S1668" s="52" t="s">
        <v>7126</v>
      </c>
      <c r="T1668" s="67" t="s">
        <v>7127</v>
      </c>
      <c r="U1668" s="75" t="s">
        <v>5331</v>
      </c>
      <c r="V1668" s="47" t="s">
        <v>5331</v>
      </c>
      <c r="W1668" s="47" t="s">
        <v>5331</v>
      </c>
      <c r="X1668" s="47" t="s">
        <v>5331</v>
      </c>
      <c r="Y1668" s="47" t="s">
        <v>5331</v>
      </c>
      <c r="Z1668" s="28"/>
      <c r="AA1668" s="27"/>
      <c r="AB1668" s="27"/>
      <c r="AC1668" s="27"/>
      <c r="AD1668" s="30"/>
      <c r="AE1668" s="1"/>
      <c r="AF1668" s="23" t="s">
        <v>5331</v>
      </c>
      <c r="AG1668" s="26"/>
      <c r="AH1668" s="53"/>
    </row>
    <row r="1669" spans="1:34" ht="51.6" customHeight="1" x14ac:dyDescent="0.45">
      <c r="A1669" s="23">
        <v>1663</v>
      </c>
      <c r="B1669" s="25"/>
      <c r="C1669" s="25"/>
      <c r="D1669" s="29"/>
      <c r="E1669" s="1"/>
      <c r="F1669" s="1"/>
      <c r="G1669" s="25"/>
      <c r="H1669" s="71"/>
      <c r="I1669" s="83"/>
      <c r="J1669" s="50" t="str">
        <f t="shared" si="52"/>
        <v/>
      </c>
      <c r="K1669" s="23" t="s">
        <v>7120</v>
      </c>
      <c r="L1669" s="49" t="e">
        <f>VLOOKUP(E1669&amp;F1669,団体コード!$A$1:$C$1743,3,FALSE)</f>
        <v>#N/A</v>
      </c>
      <c r="M1669" s="49" t="e">
        <f>VLOOKUP(E1669&amp;F1669,団体コード!$A$1:$C$1743,2,FALSE)</f>
        <v>#N/A</v>
      </c>
      <c r="N1669" s="51" t="e">
        <f>VLOOKUP(E1669,団体コード!$E$1:$F$48,2,FALSE)</f>
        <v>#N/A</v>
      </c>
      <c r="O1669" s="51" t="e">
        <f t="shared" si="53"/>
        <v>#N/A</v>
      </c>
      <c r="P1669" s="51">
        <v>1</v>
      </c>
      <c r="Q1669" s="51" t="s">
        <v>5341</v>
      </c>
      <c r="R1669" s="54" t="b">
        <v>1</v>
      </c>
      <c r="S1669" s="52" t="s">
        <v>7126</v>
      </c>
      <c r="T1669" s="67" t="s">
        <v>7127</v>
      </c>
      <c r="U1669" s="75" t="s">
        <v>5331</v>
      </c>
      <c r="V1669" s="47" t="s">
        <v>5331</v>
      </c>
      <c r="W1669" s="47" t="s">
        <v>5331</v>
      </c>
      <c r="X1669" s="47" t="s">
        <v>5331</v>
      </c>
      <c r="Y1669" s="47" t="s">
        <v>5331</v>
      </c>
      <c r="Z1669" s="28"/>
      <c r="AA1669" s="27"/>
      <c r="AB1669" s="27"/>
      <c r="AC1669" s="27"/>
      <c r="AD1669" s="30"/>
      <c r="AE1669" s="1"/>
      <c r="AF1669" s="23" t="s">
        <v>5331</v>
      </c>
      <c r="AG1669" s="26"/>
      <c r="AH1669" s="53"/>
    </row>
    <row r="1670" spans="1:34" ht="51.6" customHeight="1" x14ac:dyDescent="0.45">
      <c r="A1670" s="23">
        <v>1664</v>
      </c>
      <c r="B1670" s="25"/>
      <c r="C1670" s="25"/>
      <c r="D1670" s="29"/>
      <c r="E1670" s="1"/>
      <c r="F1670" s="1"/>
      <c r="G1670" s="25"/>
      <c r="H1670" s="71"/>
      <c r="I1670" s="83"/>
      <c r="J1670" s="50" t="str">
        <f t="shared" si="52"/>
        <v/>
      </c>
      <c r="K1670" s="23" t="s">
        <v>7120</v>
      </c>
      <c r="L1670" s="49" t="e">
        <f>VLOOKUP(E1670&amp;F1670,団体コード!$A$1:$C$1743,3,FALSE)</f>
        <v>#N/A</v>
      </c>
      <c r="M1670" s="49" t="e">
        <f>VLOOKUP(E1670&amp;F1670,団体コード!$A$1:$C$1743,2,FALSE)</f>
        <v>#N/A</v>
      </c>
      <c r="N1670" s="51" t="e">
        <f>VLOOKUP(E1670,団体コード!$E$1:$F$48,2,FALSE)</f>
        <v>#N/A</v>
      </c>
      <c r="O1670" s="51" t="e">
        <f t="shared" si="53"/>
        <v>#N/A</v>
      </c>
      <c r="P1670" s="51">
        <v>1</v>
      </c>
      <c r="Q1670" s="51" t="s">
        <v>5341</v>
      </c>
      <c r="R1670" s="54" t="b">
        <v>1</v>
      </c>
      <c r="S1670" s="52" t="s">
        <v>7126</v>
      </c>
      <c r="T1670" s="67" t="s">
        <v>7127</v>
      </c>
      <c r="U1670" s="75" t="s">
        <v>5331</v>
      </c>
      <c r="V1670" s="47" t="s">
        <v>5331</v>
      </c>
      <c r="W1670" s="47" t="s">
        <v>5331</v>
      </c>
      <c r="X1670" s="47" t="s">
        <v>5331</v>
      </c>
      <c r="Y1670" s="47" t="s">
        <v>5331</v>
      </c>
      <c r="Z1670" s="28"/>
      <c r="AA1670" s="27"/>
      <c r="AB1670" s="27"/>
      <c r="AC1670" s="27"/>
      <c r="AD1670" s="30"/>
      <c r="AE1670" s="1"/>
      <c r="AF1670" s="23" t="s">
        <v>5331</v>
      </c>
      <c r="AG1670" s="26"/>
      <c r="AH1670" s="53"/>
    </row>
    <row r="1671" spans="1:34" ht="51.6" customHeight="1" x14ac:dyDescent="0.45">
      <c r="A1671" s="23">
        <v>1665</v>
      </c>
      <c r="B1671" s="25"/>
      <c r="C1671" s="25"/>
      <c r="D1671" s="29"/>
      <c r="E1671" s="1"/>
      <c r="F1671" s="1"/>
      <c r="G1671" s="25"/>
      <c r="H1671" s="71"/>
      <c r="I1671" s="83"/>
      <c r="J1671" s="50" t="str">
        <f t="shared" si="52"/>
        <v/>
      </c>
      <c r="K1671" s="23" t="s">
        <v>7120</v>
      </c>
      <c r="L1671" s="49" t="e">
        <f>VLOOKUP(E1671&amp;F1671,団体コード!$A$1:$C$1743,3,FALSE)</f>
        <v>#N/A</v>
      </c>
      <c r="M1671" s="49" t="e">
        <f>VLOOKUP(E1671&amp;F1671,団体コード!$A$1:$C$1743,2,FALSE)</f>
        <v>#N/A</v>
      </c>
      <c r="N1671" s="51" t="e">
        <f>VLOOKUP(E1671,団体コード!$E$1:$F$48,2,FALSE)</f>
        <v>#N/A</v>
      </c>
      <c r="O1671" s="51" t="e">
        <f t="shared" si="53"/>
        <v>#N/A</v>
      </c>
      <c r="P1671" s="51">
        <v>1</v>
      </c>
      <c r="Q1671" s="51" t="s">
        <v>5341</v>
      </c>
      <c r="R1671" s="54" t="b">
        <v>1</v>
      </c>
      <c r="S1671" s="52" t="s">
        <v>7126</v>
      </c>
      <c r="T1671" s="67" t="s">
        <v>7127</v>
      </c>
      <c r="U1671" s="75" t="s">
        <v>5331</v>
      </c>
      <c r="V1671" s="47" t="s">
        <v>5331</v>
      </c>
      <c r="W1671" s="47" t="s">
        <v>5331</v>
      </c>
      <c r="X1671" s="47" t="s">
        <v>5331</v>
      </c>
      <c r="Y1671" s="47" t="s">
        <v>5331</v>
      </c>
      <c r="Z1671" s="28"/>
      <c r="AA1671" s="27"/>
      <c r="AB1671" s="27"/>
      <c r="AC1671" s="27"/>
      <c r="AD1671" s="30"/>
      <c r="AE1671" s="1"/>
      <c r="AF1671" s="23" t="s">
        <v>5331</v>
      </c>
      <c r="AG1671" s="26"/>
      <c r="AH1671" s="53"/>
    </row>
    <row r="1672" spans="1:34" ht="51.6" customHeight="1" x14ac:dyDescent="0.45">
      <c r="A1672" s="23">
        <v>1666</v>
      </c>
      <c r="B1672" s="25"/>
      <c r="C1672" s="25"/>
      <c r="D1672" s="29"/>
      <c r="E1672" s="1"/>
      <c r="F1672" s="1"/>
      <c r="G1672" s="25"/>
      <c r="H1672" s="71"/>
      <c r="I1672" s="83"/>
      <c r="J1672" s="50" t="str">
        <f t="shared" ref="J1672:J1735" si="54">E1672&amp;F1672&amp;G1672</f>
        <v/>
      </c>
      <c r="K1672" s="23" t="s">
        <v>7120</v>
      </c>
      <c r="L1672" s="49" t="e">
        <f>VLOOKUP(E1672&amp;F1672,団体コード!$A$1:$C$1743,3,FALSE)</f>
        <v>#N/A</v>
      </c>
      <c r="M1672" s="49" t="e">
        <f>VLOOKUP(E1672&amp;F1672,団体コード!$A$1:$C$1743,2,FALSE)</f>
        <v>#N/A</v>
      </c>
      <c r="N1672" s="51" t="e">
        <f>VLOOKUP(E1672,団体コード!$E$1:$F$48,2,FALSE)</f>
        <v>#N/A</v>
      </c>
      <c r="O1672" s="51" t="e">
        <f t="shared" ref="O1672:O1735" si="55">N1672</f>
        <v>#N/A</v>
      </c>
      <c r="P1672" s="51">
        <v>1</v>
      </c>
      <c r="Q1672" s="51" t="s">
        <v>5341</v>
      </c>
      <c r="R1672" s="54" t="b">
        <v>1</v>
      </c>
      <c r="S1672" s="52" t="s">
        <v>7126</v>
      </c>
      <c r="T1672" s="67" t="s">
        <v>7127</v>
      </c>
      <c r="U1672" s="75" t="s">
        <v>5331</v>
      </c>
      <c r="V1672" s="47" t="s">
        <v>5331</v>
      </c>
      <c r="W1672" s="47" t="s">
        <v>5331</v>
      </c>
      <c r="X1672" s="47" t="s">
        <v>5331</v>
      </c>
      <c r="Y1672" s="47" t="s">
        <v>5331</v>
      </c>
      <c r="Z1672" s="28"/>
      <c r="AA1672" s="27"/>
      <c r="AB1672" s="27"/>
      <c r="AC1672" s="27"/>
      <c r="AD1672" s="30"/>
      <c r="AE1672" s="1"/>
      <c r="AF1672" s="23" t="s">
        <v>5331</v>
      </c>
      <c r="AG1672" s="26"/>
      <c r="AH1672" s="53"/>
    </row>
    <row r="1673" spans="1:34" ht="51.6" customHeight="1" x14ac:dyDescent="0.45">
      <c r="A1673" s="23">
        <v>1667</v>
      </c>
      <c r="B1673" s="25"/>
      <c r="C1673" s="25"/>
      <c r="D1673" s="29"/>
      <c r="E1673" s="1"/>
      <c r="F1673" s="1"/>
      <c r="G1673" s="25"/>
      <c r="H1673" s="71"/>
      <c r="I1673" s="83"/>
      <c r="J1673" s="50" t="str">
        <f t="shared" si="54"/>
        <v/>
      </c>
      <c r="K1673" s="23" t="s">
        <v>7120</v>
      </c>
      <c r="L1673" s="49" t="e">
        <f>VLOOKUP(E1673&amp;F1673,団体コード!$A$1:$C$1743,3,FALSE)</f>
        <v>#N/A</v>
      </c>
      <c r="M1673" s="49" t="e">
        <f>VLOOKUP(E1673&amp;F1673,団体コード!$A$1:$C$1743,2,FALSE)</f>
        <v>#N/A</v>
      </c>
      <c r="N1673" s="51" t="e">
        <f>VLOOKUP(E1673,団体コード!$E$1:$F$48,2,FALSE)</f>
        <v>#N/A</v>
      </c>
      <c r="O1673" s="51" t="e">
        <f t="shared" si="55"/>
        <v>#N/A</v>
      </c>
      <c r="P1673" s="51">
        <v>1</v>
      </c>
      <c r="Q1673" s="51" t="s">
        <v>5341</v>
      </c>
      <c r="R1673" s="54" t="b">
        <v>1</v>
      </c>
      <c r="S1673" s="52" t="s">
        <v>7126</v>
      </c>
      <c r="T1673" s="67" t="s">
        <v>7127</v>
      </c>
      <c r="U1673" s="75" t="s">
        <v>5331</v>
      </c>
      <c r="V1673" s="47" t="s">
        <v>5331</v>
      </c>
      <c r="W1673" s="47" t="s">
        <v>5331</v>
      </c>
      <c r="X1673" s="47" t="s">
        <v>5331</v>
      </c>
      <c r="Y1673" s="47" t="s">
        <v>5331</v>
      </c>
      <c r="Z1673" s="28"/>
      <c r="AA1673" s="27"/>
      <c r="AB1673" s="27"/>
      <c r="AC1673" s="27"/>
      <c r="AD1673" s="30"/>
      <c r="AE1673" s="1"/>
      <c r="AF1673" s="23" t="s">
        <v>5331</v>
      </c>
      <c r="AG1673" s="26"/>
      <c r="AH1673" s="53"/>
    </row>
    <row r="1674" spans="1:34" ht="51.6" customHeight="1" x14ac:dyDescent="0.45">
      <c r="A1674" s="23">
        <v>1668</v>
      </c>
      <c r="B1674" s="25"/>
      <c r="C1674" s="25"/>
      <c r="D1674" s="29"/>
      <c r="E1674" s="1"/>
      <c r="F1674" s="1"/>
      <c r="G1674" s="25"/>
      <c r="H1674" s="71"/>
      <c r="I1674" s="83"/>
      <c r="J1674" s="50" t="str">
        <f t="shared" si="54"/>
        <v/>
      </c>
      <c r="K1674" s="23" t="s">
        <v>7120</v>
      </c>
      <c r="L1674" s="49" t="e">
        <f>VLOOKUP(E1674&amp;F1674,団体コード!$A$1:$C$1743,3,FALSE)</f>
        <v>#N/A</v>
      </c>
      <c r="M1674" s="49" t="e">
        <f>VLOOKUP(E1674&amp;F1674,団体コード!$A$1:$C$1743,2,FALSE)</f>
        <v>#N/A</v>
      </c>
      <c r="N1674" s="51" t="e">
        <f>VLOOKUP(E1674,団体コード!$E$1:$F$48,2,FALSE)</f>
        <v>#N/A</v>
      </c>
      <c r="O1674" s="51" t="e">
        <f t="shared" si="55"/>
        <v>#N/A</v>
      </c>
      <c r="P1674" s="51">
        <v>1</v>
      </c>
      <c r="Q1674" s="51" t="s">
        <v>5341</v>
      </c>
      <c r="R1674" s="54" t="b">
        <v>1</v>
      </c>
      <c r="S1674" s="52" t="s">
        <v>7126</v>
      </c>
      <c r="T1674" s="67" t="s">
        <v>7127</v>
      </c>
      <c r="U1674" s="75" t="s">
        <v>5331</v>
      </c>
      <c r="V1674" s="47" t="s">
        <v>5331</v>
      </c>
      <c r="W1674" s="47" t="s">
        <v>5331</v>
      </c>
      <c r="X1674" s="47" t="s">
        <v>5331</v>
      </c>
      <c r="Y1674" s="47" t="s">
        <v>5331</v>
      </c>
      <c r="Z1674" s="28"/>
      <c r="AA1674" s="27"/>
      <c r="AB1674" s="27"/>
      <c r="AC1674" s="27"/>
      <c r="AD1674" s="30"/>
      <c r="AE1674" s="1"/>
      <c r="AF1674" s="23" t="s">
        <v>5331</v>
      </c>
      <c r="AG1674" s="26"/>
      <c r="AH1674" s="53"/>
    </row>
    <row r="1675" spans="1:34" ht="51.6" customHeight="1" x14ac:dyDescent="0.45">
      <c r="A1675" s="23">
        <v>1669</v>
      </c>
      <c r="B1675" s="25"/>
      <c r="C1675" s="25"/>
      <c r="D1675" s="29"/>
      <c r="E1675" s="1"/>
      <c r="F1675" s="1"/>
      <c r="G1675" s="25"/>
      <c r="H1675" s="71"/>
      <c r="I1675" s="83"/>
      <c r="J1675" s="50" t="str">
        <f t="shared" si="54"/>
        <v/>
      </c>
      <c r="K1675" s="23" t="s">
        <v>7120</v>
      </c>
      <c r="L1675" s="49" t="e">
        <f>VLOOKUP(E1675&amp;F1675,団体コード!$A$1:$C$1743,3,FALSE)</f>
        <v>#N/A</v>
      </c>
      <c r="M1675" s="49" t="e">
        <f>VLOOKUP(E1675&amp;F1675,団体コード!$A$1:$C$1743,2,FALSE)</f>
        <v>#N/A</v>
      </c>
      <c r="N1675" s="51" t="e">
        <f>VLOOKUP(E1675,団体コード!$E$1:$F$48,2,FALSE)</f>
        <v>#N/A</v>
      </c>
      <c r="O1675" s="51" t="e">
        <f t="shared" si="55"/>
        <v>#N/A</v>
      </c>
      <c r="P1675" s="51">
        <v>1</v>
      </c>
      <c r="Q1675" s="51" t="s">
        <v>5341</v>
      </c>
      <c r="R1675" s="54" t="b">
        <v>1</v>
      </c>
      <c r="S1675" s="52" t="s">
        <v>7126</v>
      </c>
      <c r="T1675" s="67" t="s">
        <v>7127</v>
      </c>
      <c r="U1675" s="75" t="s">
        <v>5331</v>
      </c>
      <c r="V1675" s="47" t="s">
        <v>5331</v>
      </c>
      <c r="W1675" s="47" t="s">
        <v>5331</v>
      </c>
      <c r="X1675" s="47" t="s">
        <v>5331</v>
      </c>
      <c r="Y1675" s="47" t="s">
        <v>5331</v>
      </c>
      <c r="Z1675" s="28"/>
      <c r="AA1675" s="27"/>
      <c r="AB1675" s="27"/>
      <c r="AC1675" s="27"/>
      <c r="AD1675" s="30"/>
      <c r="AE1675" s="1"/>
      <c r="AF1675" s="23" t="s">
        <v>5331</v>
      </c>
      <c r="AG1675" s="26"/>
      <c r="AH1675" s="53"/>
    </row>
    <row r="1676" spans="1:34" ht="51.6" customHeight="1" x14ac:dyDescent="0.45">
      <c r="A1676" s="23">
        <v>1670</v>
      </c>
      <c r="B1676" s="25"/>
      <c r="C1676" s="25"/>
      <c r="D1676" s="29"/>
      <c r="E1676" s="1"/>
      <c r="F1676" s="1"/>
      <c r="G1676" s="25"/>
      <c r="H1676" s="71"/>
      <c r="I1676" s="83"/>
      <c r="J1676" s="50" t="str">
        <f t="shared" si="54"/>
        <v/>
      </c>
      <c r="K1676" s="23" t="s">
        <v>7120</v>
      </c>
      <c r="L1676" s="49" t="e">
        <f>VLOOKUP(E1676&amp;F1676,団体コード!$A$1:$C$1743,3,FALSE)</f>
        <v>#N/A</v>
      </c>
      <c r="M1676" s="49" t="e">
        <f>VLOOKUP(E1676&amp;F1676,団体コード!$A$1:$C$1743,2,FALSE)</f>
        <v>#N/A</v>
      </c>
      <c r="N1676" s="51" t="e">
        <f>VLOOKUP(E1676,団体コード!$E$1:$F$48,2,FALSE)</f>
        <v>#N/A</v>
      </c>
      <c r="O1676" s="51" t="e">
        <f t="shared" si="55"/>
        <v>#N/A</v>
      </c>
      <c r="P1676" s="51">
        <v>1</v>
      </c>
      <c r="Q1676" s="51" t="s">
        <v>5341</v>
      </c>
      <c r="R1676" s="54" t="b">
        <v>1</v>
      </c>
      <c r="S1676" s="52" t="s">
        <v>7126</v>
      </c>
      <c r="T1676" s="67" t="s">
        <v>7127</v>
      </c>
      <c r="U1676" s="75" t="s">
        <v>5331</v>
      </c>
      <c r="V1676" s="47" t="s">
        <v>5331</v>
      </c>
      <c r="W1676" s="47" t="s">
        <v>5331</v>
      </c>
      <c r="X1676" s="47" t="s">
        <v>5331</v>
      </c>
      <c r="Y1676" s="47" t="s">
        <v>5331</v>
      </c>
      <c r="Z1676" s="28"/>
      <c r="AA1676" s="27"/>
      <c r="AB1676" s="27"/>
      <c r="AC1676" s="27"/>
      <c r="AD1676" s="30"/>
      <c r="AE1676" s="1"/>
      <c r="AF1676" s="23" t="s">
        <v>5331</v>
      </c>
      <c r="AG1676" s="26"/>
      <c r="AH1676" s="53"/>
    </row>
    <row r="1677" spans="1:34" ht="51.6" customHeight="1" x14ac:dyDescent="0.45">
      <c r="A1677" s="23">
        <v>1671</v>
      </c>
      <c r="B1677" s="25"/>
      <c r="C1677" s="25"/>
      <c r="D1677" s="29"/>
      <c r="E1677" s="1"/>
      <c r="F1677" s="1"/>
      <c r="G1677" s="25"/>
      <c r="H1677" s="71"/>
      <c r="I1677" s="83"/>
      <c r="J1677" s="50" t="str">
        <f t="shared" si="54"/>
        <v/>
      </c>
      <c r="K1677" s="23" t="s">
        <v>7120</v>
      </c>
      <c r="L1677" s="49" t="e">
        <f>VLOOKUP(E1677&amp;F1677,団体コード!$A$1:$C$1743,3,FALSE)</f>
        <v>#N/A</v>
      </c>
      <c r="M1677" s="49" t="e">
        <f>VLOOKUP(E1677&amp;F1677,団体コード!$A$1:$C$1743,2,FALSE)</f>
        <v>#N/A</v>
      </c>
      <c r="N1677" s="51" t="e">
        <f>VLOOKUP(E1677,団体コード!$E$1:$F$48,2,FALSE)</f>
        <v>#N/A</v>
      </c>
      <c r="O1677" s="51" t="e">
        <f t="shared" si="55"/>
        <v>#N/A</v>
      </c>
      <c r="P1677" s="51">
        <v>1</v>
      </c>
      <c r="Q1677" s="51" t="s">
        <v>5341</v>
      </c>
      <c r="R1677" s="54" t="b">
        <v>1</v>
      </c>
      <c r="S1677" s="52" t="s">
        <v>7126</v>
      </c>
      <c r="T1677" s="67" t="s">
        <v>7127</v>
      </c>
      <c r="U1677" s="75" t="s">
        <v>5331</v>
      </c>
      <c r="V1677" s="47" t="s">
        <v>5331</v>
      </c>
      <c r="W1677" s="47" t="s">
        <v>5331</v>
      </c>
      <c r="X1677" s="47" t="s">
        <v>5331</v>
      </c>
      <c r="Y1677" s="47" t="s">
        <v>5331</v>
      </c>
      <c r="Z1677" s="28"/>
      <c r="AA1677" s="27"/>
      <c r="AB1677" s="27"/>
      <c r="AC1677" s="27"/>
      <c r="AD1677" s="30"/>
      <c r="AE1677" s="1"/>
      <c r="AF1677" s="23" t="s">
        <v>5331</v>
      </c>
      <c r="AG1677" s="26"/>
      <c r="AH1677" s="53"/>
    </row>
    <row r="1678" spans="1:34" ht="51.6" customHeight="1" x14ac:dyDescent="0.45">
      <c r="A1678" s="23">
        <v>1672</v>
      </c>
      <c r="B1678" s="25"/>
      <c r="C1678" s="25"/>
      <c r="D1678" s="29"/>
      <c r="E1678" s="1"/>
      <c r="F1678" s="1"/>
      <c r="G1678" s="25"/>
      <c r="H1678" s="71"/>
      <c r="I1678" s="83"/>
      <c r="J1678" s="50" t="str">
        <f t="shared" si="54"/>
        <v/>
      </c>
      <c r="K1678" s="23" t="s">
        <v>7120</v>
      </c>
      <c r="L1678" s="49" t="e">
        <f>VLOOKUP(E1678&amp;F1678,団体コード!$A$1:$C$1743,3,FALSE)</f>
        <v>#N/A</v>
      </c>
      <c r="M1678" s="49" t="e">
        <f>VLOOKUP(E1678&amp;F1678,団体コード!$A$1:$C$1743,2,FALSE)</f>
        <v>#N/A</v>
      </c>
      <c r="N1678" s="51" t="e">
        <f>VLOOKUP(E1678,団体コード!$E$1:$F$48,2,FALSE)</f>
        <v>#N/A</v>
      </c>
      <c r="O1678" s="51" t="e">
        <f t="shared" si="55"/>
        <v>#N/A</v>
      </c>
      <c r="P1678" s="51">
        <v>1</v>
      </c>
      <c r="Q1678" s="51" t="s">
        <v>5341</v>
      </c>
      <c r="R1678" s="54" t="b">
        <v>1</v>
      </c>
      <c r="S1678" s="52" t="s">
        <v>7126</v>
      </c>
      <c r="T1678" s="67" t="s">
        <v>7127</v>
      </c>
      <c r="U1678" s="75" t="s">
        <v>5331</v>
      </c>
      <c r="V1678" s="47" t="s">
        <v>5331</v>
      </c>
      <c r="W1678" s="47" t="s">
        <v>5331</v>
      </c>
      <c r="X1678" s="47" t="s">
        <v>5331</v>
      </c>
      <c r="Y1678" s="47" t="s">
        <v>5331</v>
      </c>
      <c r="Z1678" s="28"/>
      <c r="AA1678" s="27"/>
      <c r="AB1678" s="27"/>
      <c r="AC1678" s="27"/>
      <c r="AD1678" s="30"/>
      <c r="AE1678" s="1"/>
      <c r="AF1678" s="23" t="s">
        <v>5331</v>
      </c>
      <c r="AG1678" s="26"/>
      <c r="AH1678" s="53"/>
    </row>
    <row r="1679" spans="1:34" ht="51.6" customHeight="1" x14ac:dyDescent="0.45">
      <c r="A1679" s="23">
        <v>1673</v>
      </c>
      <c r="B1679" s="25"/>
      <c r="C1679" s="25"/>
      <c r="D1679" s="29"/>
      <c r="E1679" s="1"/>
      <c r="F1679" s="1"/>
      <c r="G1679" s="25"/>
      <c r="H1679" s="71"/>
      <c r="I1679" s="83"/>
      <c r="J1679" s="50" t="str">
        <f t="shared" si="54"/>
        <v/>
      </c>
      <c r="K1679" s="23" t="s">
        <v>7120</v>
      </c>
      <c r="L1679" s="49" t="e">
        <f>VLOOKUP(E1679&amp;F1679,団体コード!$A$1:$C$1743,3,FALSE)</f>
        <v>#N/A</v>
      </c>
      <c r="M1679" s="49" t="e">
        <f>VLOOKUP(E1679&amp;F1679,団体コード!$A$1:$C$1743,2,FALSE)</f>
        <v>#N/A</v>
      </c>
      <c r="N1679" s="51" t="e">
        <f>VLOOKUP(E1679,団体コード!$E$1:$F$48,2,FALSE)</f>
        <v>#N/A</v>
      </c>
      <c r="O1679" s="51" t="e">
        <f t="shared" si="55"/>
        <v>#N/A</v>
      </c>
      <c r="P1679" s="51">
        <v>1</v>
      </c>
      <c r="Q1679" s="51" t="s">
        <v>5341</v>
      </c>
      <c r="R1679" s="54" t="b">
        <v>1</v>
      </c>
      <c r="S1679" s="52" t="s">
        <v>7126</v>
      </c>
      <c r="T1679" s="67" t="s">
        <v>7127</v>
      </c>
      <c r="U1679" s="75" t="s">
        <v>5331</v>
      </c>
      <c r="V1679" s="47" t="s">
        <v>5331</v>
      </c>
      <c r="W1679" s="47" t="s">
        <v>5331</v>
      </c>
      <c r="X1679" s="47" t="s">
        <v>5331</v>
      </c>
      <c r="Y1679" s="47" t="s">
        <v>5331</v>
      </c>
      <c r="Z1679" s="28"/>
      <c r="AA1679" s="27"/>
      <c r="AB1679" s="27"/>
      <c r="AC1679" s="27"/>
      <c r="AD1679" s="30"/>
      <c r="AE1679" s="1"/>
      <c r="AF1679" s="23" t="s">
        <v>5331</v>
      </c>
      <c r="AG1679" s="26"/>
      <c r="AH1679" s="53"/>
    </row>
    <row r="1680" spans="1:34" ht="51.6" customHeight="1" x14ac:dyDescent="0.45">
      <c r="A1680" s="23">
        <v>1674</v>
      </c>
      <c r="B1680" s="25"/>
      <c r="C1680" s="25"/>
      <c r="D1680" s="29"/>
      <c r="E1680" s="1"/>
      <c r="F1680" s="1"/>
      <c r="G1680" s="25"/>
      <c r="H1680" s="71"/>
      <c r="I1680" s="83"/>
      <c r="J1680" s="50" t="str">
        <f t="shared" si="54"/>
        <v/>
      </c>
      <c r="K1680" s="23" t="s">
        <v>7120</v>
      </c>
      <c r="L1680" s="49" t="e">
        <f>VLOOKUP(E1680&amp;F1680,団体コード!$A$1:$C$1743,3,FALSE)</f>
        <v>#N/A</v>
      </c>
      <c r="M1680" s="49" t="e">
        <f>VLOOKUP(E1680&amp;F1680,団体コード!$A$1:$C$1743,2,FALSE)</f>
        <v>#N/A</v>
      </c>
      <c r="N1680" s="51" t="e">
        <f>VLOOKUP(E1680,団体コード!$E$1:$F$48,2,FALSE)</f>
        <v>#N/A</v>
      </c>
      <c r="O1680" s="51" t="e">
        <f t="shared" si="55"/>
        <v>#N/A</v>
      </c>
      <c r="P1680" s="51">
        <v>1</v>
      </c>
      <c r="Q1680" s="51" t="s">
        <v>5341</v>
      </c>
      <c r="R1680" s="54" t="b">
        <v>1</v>
      </c>
      <c r="S1680" s="52" t="s">
        <v>7126</v>
      </c>
      <c r="T1680" s="67" t="s">
        <v>7127</v>
      </c>
      <c r="U1680" s="75" t="s">
        <v>5331</v>
      </c>
      <c r="V1680" s="47" t="s">
        <v>5331</v>
      </c>
      <c r="W1680" s="47" t="s">
        <v>5331</v>
      </c>
      <c r="X1680" s="47" t="s">
        <v>5331</v>
      </c>
      <c r="Y1680" s="47" t="s">
        <v>5331</v>
      </c>
      <c r="Z1680" s="28"/>
      <c r="AA1680" s="27"/>
      <c r="AB1680" s="27"/>
      <c r="AC1680" s="27"/>
      <c r="AD1680" s="30"/>
      <c r="AE1680" s="1"/>
      <c r="AF1680" s="23" t="s">
        <v>5331</v>
      </c>
      <c r="AG1680" s="26"/>
      <c r="AH1680" s="53"/>
    </row>
    <row r="1681" spans="1:34" ht="51.6" customHeight="1" x14ac:dyDescent="0.45">
      <c r="A1681" s="23">
        <v>1675</v>
      </c>
      <c r="B1681" s="25"/>
      <c r="C1681" s="25"/>
      <c r="D1681" s="29"/>
      <c r="E1681" s="1"/>
      <c r="F1681" s="1"/>
      <c r="G1681" s="25"/>
      <c r="H1681" s="71"/>
      <c r="I1681" s="83"/>
      <c r="J1681" s="50" t="str">
        <f t="shared" si="54"/>
        <v/>
      </c>
      <c r="K1681" s="23" t="s">
        <v>7120</v>
      </c>
      <c r="L1681" s="49" t="e">
        <f>VLOOKUP(E1681&amp;F1681,団体コード!$A$1:$C$1743,3,FALSE)</f>
        <v>#N/A</v>
      </c>
      <c r="M1681" s="49" t="e">
        <f>VLOOKUP(E1681&amp;F1681,団体コード!$A$1:$C$1743,2,FALSE)</f>
        <v>#N/A</v>
      </c>
      <c r="N1681" s="51" t="e">
        <f>VLOOKUP(E1681,団体コード!$E$1:$F$48,2,FALSE)</f>
        <v>#N/A</v>
      </c>
      <c r="O1681" s="51" t="e">
        <f t="shared" si="55"/>
        <v>#N/A</v>
      </c>
      <c r="P1681" s="51">
        <v>1</v>
      </c>
      <c r="Q1681" s="51" t="s">
        <v>5341</v>
      </c>
      <c r="R1681" s="54" t="b">
        <v>1</v>
      </c>
      <c r="S1681" s="52" t="s">
        <v>7126</v>
      </c>
      <c r="T1681" s="67" t="s">
        <v>7127</v>
      </c>
      <c r="U1681" s="75" t="s">
        <v>5331</v>
      </c>
      <c r="V1681" s="47" t="s">
        <v>5331</v>
      </c>
      <c r="W1681" s="47" t="s">
        <v>5331</v>
      </c>
      <c r="X1681" s="47" t="s">
        <v>5331</v>
      </c>
      <c r="Y1681" s="47" t="s">
        <v>5331</v>
      </c>
      <c r="Z1681" s="28"/>
      <c r="AA1681" s="27"/>
      <c r="AB1681" s="27"/>
      <c r="AC1681" s="27"/>
      <c r="AD1681" s="30"/>
      <c r="AE1681" s="1"/>
      <c r="AF1681" s="23" t="s">
        <v>5331</v>
      </c>
      <c r="AG1681" s="26"/>
      <c r="AH1681" s="53"/>
    </row>
    <row r="1682" spans="1:34" ht="51.6" customHeight="1" x14ac:dyDescent="0.45">
      <c r="A1682" s="23">
        <v>1676</v>
      </c>
      <c r="B1682" s="25"/>
      <c r="C1682" s="25"/>
      <c r="D1682" s="29"/>
      <c r="E1682" s="1"/>
      <c r="F1682" s="1"/>
      <c r="G1682" s="25"/>
      <c r="H1682" s="71"/>
      <c r="I1682" s="83"/>
      <c r="J1682" s="50" t="str">
        <f t="shared" si="54"/>
        <v/>
      </c>
      <c r="K1682" s="23" t="s">
        <v>7120</v>
      </c>
      <c r="L1682" s="49" t="e">
        <f>VLOOKUP(E1682&amp;F1682,団体コード!$A$1:$C$1743,3,FALSE)</f>
        <v>#N/A</v>
      </c>
      <c r="M1682" s="49" t="e">
        <f>VLOOKUP(E1682&amp;F1682,団体コード!$A$1:$C$1743,2,FALSE)</f>
        <v>#N/A</v>
      </c>
      <c r="N1682" s="51" t="e">
        <f>VLOOKUP(E1682,団体コード!$E$1:$F$48,2,FALSE)</f>
        <v>#N/A</v>
      </c>
      <c r="O1682" s="51" t="e">
        <f t="shared" si="55"/>
        <v>#N/A</v>
      </c>
      <c r="P1682" s="51">
        <v>1</v>
      </c>
      <c r="Q1682" s="51" t="s">
        <v>5341</v>
      </c>
      <c r="R1682" s="54" t="b">
        <v>1</v>
      </c>
      <c r="S1682" s="52" t="s">
        <v>7126</v>
      </c>
      <c r="T1682" s="67" t="s">
        <v>7127</v>
      </c>
      <c r="U1682" s="75" t="s">
        <v>5331</v>
      </c>
      <c r="V1682" s="47" t="s">
        <v>5331</v>
      </c>
      <c r="W1682" s="47" t="s">
        <v>5331</v>
      </c>
      <c r="X1682" s="47" t="s">
        <v>5331</v>
      </c>
      <c r="Y1682" s="47" t="s">
        <v>5331</v>
      </c>
      <c r="Z1682" s="28"/>
      <c r="AA1682" s="27"/>
      <c r="AB1682" s="27"/>
      <c r="AC1682" s="27"/>
      <c r="AD1682" s="30"/>
      <c r="AE1682" s="1"/>
      <c r="AF1682" s="23" t="s">
        <v>5331</v>
      </c>
      <c r="AG1682" s="26"/>
      <c r="AH1682" s="53"/>
    </row>
    <row r="1683" spans="1:34" ht="51.6" customHeight="1" x14ac:dyDescent="0.45">
      <c r="A1683" s="23">
        <v>1677</v>
      </c>
      <c r="B1683" s="25"/>
      <c r="C1683" s="25"/>
      <c r="D1683" s="29"/>
      <c r="E1683" s="1"/>
      <c r="F1683" s="1"/>
      <c r="G1683" s="25"/>
      <c r="H1683" s="71"/>
      <c r="I1683" s="83"/>
      <c r="J1683" s="50" t="str">
        <f t="shared" si="54"/>
        <v/>
      </c>
      <c r="K1683" s="23" t="s">
        <v>7120</v>
      </c>
      <c r="L1683" s="49" t="e">
        <f>VLOOKUP(E1683&amp;F1683,団体コード!$A$1:$C$1743,3,FALSE)</f>
        <v>#N/A</v>
      </c>
      <c r="M1683" s="49" t="e">
        <f>VLOOKUP(E1683&amp;F1683,団体コード!$A$1:$C$1743,2,FALSE)</f>
        <v>#N/A</v>
      </c>
      <c r="N1683" s="51" t="e">
        <f>VLOOKUP(E1683,団体コード!$E$1:$F$48,2,FALSE)</f>
        <v>#N/A</v>
      </c>
      <c r="O1683" s="51" t="e">
        <f t="shared" si="55"/>
        <v>#N/A</v>
      </c>
      <c r="P1683" s="51">
        <v>1</v>
      </c>
      <c r="Q1683" s="51" t="s">
        <v>5341</v>
      </c>
      <c r="R1683" s="54" t="b">
        <v>1</v>
      </c>
      <c r="S1683" s="52" t="s">
        <v>7126</v>
      </c>
      <c r="T1683" s="67" t="s">
        <v>7127</v>
      </c>
      <c r="U1683" s="75" t="s">
        <v>5331</v>
      </c>
      <c r="V1683" s="47" t="s">
        <v>5331</v>
      </c>
      <c r="W1683" s="47" t="s">
        <v>5331</v>
      </c>
      <c r="X1683" s="47" t="s">
        <v>5331</v>
      </c>
      <c r="Y1683" s="47" t="s">
        <v>5331</v>
      </c>
      <c r="Z1683" s="28"/>
      <c r="AA1683" s="27"/>
      <c r="AB1683" s="27"/>
      <c r="AC1683" s="27"/>
      <c r="AD1683" s="30"/>
      <c r="AE1683" s="1"/>
      <c r="AF1683" s="23" t="s">
        <v>5331</v>
      </c>
      <c r="AG1683" s="26"/>
      <c r="AH1683" s="53"/>
    </row>
    <row r="1684" spans="1:34" ht="51.6" customHeight="1" x14ac:dyDescent="0.45">
      <c r="A1684" s="23">
        <v>1678</v>
      </c>
      <c r="B1684" s="25"/>
      <c r="C1684" s="25"/>
      <c r="D1684" s="29"/>
      <c r="E1684" s="1"/>
      <c r="F1684" s="1"/>
      <c r="G1684" s="25"/>
      <c r="H1684" s="71"/>
      <c r="I1684" s="83"/>
      <c r="J1684" s="50" t="str">
        <f t="shared" si="54"/>
        <v/>
      </c>
      <c r="K1684" s="23" t="s">
        <v>7120</v>
      </c>
      <c r="L1684" s="49" t="e">
        <f>VLOOKUP(E1684&amp;F1684,団体コード!$A$1:$C$1743,3,FALSE)</f>
        <v>#N/A</v>
      </c>
      <c r="M1684" s="49" t="e">
        <f>VLOOKUP(E1684&amp;F1684,団体コード!$A$1:$C$1743,2,FALSE)</f>
        <v>#N/A</v>
      </c>
      <c r="N1684" s="51" t="e">
        <f>VLOOKUP(E1684,団体コード!$E$1:$F$48,2,FALSE)</f>
        <v>#N/A</v>
      </c>
      <c r="O1684" s="51" t="e">
        <f t="shared" si="55"/>
        <v>#N/A</v>
      </c>
      <c r="P1684" s="51">
        <v>1</v>
      </c>
      <c r="Q1684" s="51" t="s">
        <v>5341</v>
      </c>
      <c r="R1684" s="54" t="b">
        <v>1</v>
      </c>
      <c r="S1684" s="52" t="s">
        <v>7126</v>
      </c>
      <c r="T1684" s="67" t="s">
        <v>7127</v>
      </c>
      <c r="U1684" s="75" t="s">
        <v>5331</v>
      </c>
      <c r="V1684" s="47" t="s">
        <v>5331</v>
      </c>
      <c r="W1684" s="47" t="s">
        <v>5331</v>
      </c>
      <c r="X1684" s="47" t="s">
        <v>5331</v>
      </c>
      <c r="Y1684" s="47" t="s">
        <v>5331</v>
      </c>
      <c r="Z1684" s="28"/>
      <c r="AA1684" s="27"/>
      <c r="AB1684" s="27"/>
      <c r="AC1684" s="27"/>
      <c r="AD1684" s="30"/>
      <c r="AE1684" s="1"/>
      <c r="AF1684" s="23" t="s">
        <v>5331</v>
      </c>
      <c r="AG1684" s="26"/>
      <c r="AH1684" s="53"/>
    </row>
    <row r="1685" spans="1:34" ht="51.6" customHeight="1" x14ac:dyDescent="0.45">
      <c r="A1685" s="23">
        <v>1679</v>
      </c>
      <c r="B1685" s="25"/>
      <c r="C1685" s="25"/>
      <c r="D1685" s="29"/>
      <c r="E1685" s="1"/>
      <c r="F1685" s="1"/>
      <c r="G1685" s="25"/>
      <c r="H1685" s="71"/>
      <c r="I1685" s="83"/>
      <c r="J1685" s="50" t="str">
        <f t="shared" si="54"/>
        <v/>
      </c>
      <c r="K1685" s="23" t="s">
        <v>7120</v>
      </c>
      <c r="L1685" s="49" t="e">
        <f>VLOOKUP(E1685&amp;F1685,団体コード!$A$1:$C$1743,3,FALSE)</f>
        <v>#N/A</v>
      </c>
      <c r="M1685" s="49" t="e">
        <f>VLOOKUP(E1685&amp;F1685,団体コード!$A$1:$C$1743,2,FALSE)</f>
        <v>#N/A</v>
      </c>
      <c r="N1685" s="51" t="e">
        <f>VLOOKUP(E1685,団体コード!$E$1:$F$48,2,FALSE)</f>
        <v>#N/A</v>
      </c>
      <c r="O1685" s="51" t="e">
        <f t="shared" si="55"/>
        <v>#N/A</v>
      </c>
      <c r="P1685" s="51">
        <v>1</v>
      </c>
      <c r="Q1685" s="51" t="s">
        <v>5341</v>
      </c>
      <c r="R1685" s="54" t="b">
        <v>1</v>
      </c>
      <c r="S1685" s="52" t="s">
        <v>7126</v>
      </c>
      <c r="T1685" s="67" t="s">
        <v>7127</v>
      </c>
      <c r="U1685" s="75" t="s">
        <v>5331</v>
      </c>
      <c r="V1685" s="47" t="s">
        <v>5331</v>
      </c>
      <c r="W1685" s="47" t="s">
        <v>5331</v>
      </c>
      <c r="X1685" s="47" t="s">
        <v>5331</v>
      </c>
      <c r="Y1685" s="47" t="s">
        <v>5331</v>
      </c>
      <c r="Z1685" s="28"/>
      <c r="AA1685" s="27"/>
      <c r="AB1685" s="27"/>
      <c r="AC1685" s="27"/>
      <c r="AD1685" s="30"/>
      <c r="AE1685" s="1"/>
      <c r="AF1685" s="23" t="s">
        <v>5331</v>
      </c>
      <c r="AG1685" s="26"/>
      <c r="AH1685" s="53"/>
    </row>
    <row r="1686" spans="1:34" ht="51.6" customHeight="1" x14ac:dyDescent="0.45">
      <c r="A1686" s="23">
        <v>1680</v>
      </c>
      <c r="B1686" s="25"/>
      <c r="C1686" s="25"/>
      <c r="D1686" s="29"/>
      <c r="E1686" s="1"/>
      <c r="F1686" s="1"/>
      <c r="G1686" s="25"/>
      <c r="H1686" s="71"/>
      <c r="I1686" s="83"/>
      <c r="J1686" s="50" t="str">
        <f t="shared" si="54"/>
        <v/>
      </c>
      <c r="K1686" s="23" t="s">
        <v>7120</v>
      </c>
      <c r="L1686" s="49" t="e">
        <f>VLOOKUP(E1686&amp;F1686,団体コード!$A$1:$C$1743,3,FALSE)</f>
        <v>#N/A</v>
      </c>
      <c r="M1686" s="49" t="e">
        <f>VLOOKUP(E1686&amp;F1686,団体コード!$A$1:$C$1743,2,FALSE)</f>
        <v>#N/A</v>
      </c>
      <c r="N1686" s="51" t="e">
        <f>VLOOKUP(E1686,団体コード!$E$1:$F$48,2,FALSE)</f>
        <v>#N/A</v>
      </c>
      <c r="O1686" s="51" t="e">
        <f t="shared" si="55"/>
        <v>#N/A</v>
      </c>
      <c r="P1686" s="51">
        <v>1</v>
      </c>
      <c r="Q1686" s="51" t="s">
        <v>5341</v>
      </c>
      <c r="R1686" s="54" t="b">
        <v>1</v>
      </c>
      <c r="S1686" s="52" t="s">
        <v>7126</v>
      </c>
      <c r="T1686" s="67" t="s">
        <v>7127</v>
      </c>
      <c r="U1686" s="75" t="s">
        <v>5331</v>
      </c>
      <c r="V1686" s="47" t="s">
        <v>5331</v>
      </c>
      <c r="W1686" s="47" t="s">
        <v>5331</v>
      </c>
      <c r="X1686" s="47" t="s">
        <v>5331</v>
      </c>
      <c r="Y1686" s="47" t="s">
        <v>5331</v>
      </c>
      <c r="Z1686" s="28"/>
      <c r="AA1686" s="27"/>
      <c r="AB1686" s="27"/>
      <c r="AC1686" s="27"/>
      <c r="AD1686" s="30"/>
      <c r="AE1686" s="1"/>
      <c r="AF1686" s="23" t="s">
        <v>5331</v>
      </c>
      <c r="AG1686" s="26"/>
      <c r="AH1686" s="53"/>
    </row>
    <row r="1687" spans="1:34" ht="51.6" customHeight="1" x14ac:dyDescent="0.45">
      <c r="A1687" s="23">
        <v>1681</v>
      </c>
      <c r="B1687" s="25"/>
      <c r="C1687" s="25"/>
      <c r="D1687" s="29"/>
      <c r="E1687" s="1"/>
      <c r="F1687" s="1"/>
      <c r="G1687" s="25"/>
      <c r="H1687" s="71"/>
      <c r="I1687" s="83"/>
      <c r="J1687" s="50" t="str">
        <f t="shared" si="54"/>
        <v/>
      </c>
      <c r="K1687" s="23" t="s">
        <v>7120</v>
      </c>
      <c r="L1687" s="49" t="e">
        <f>VLOOKUP(E1687&amp;F1687,団体コード!$A$1:$C$1743,3,FALSE)</f>
        <v>#N/A</v>
      </c>
      <c r="M1687" s="49" t="e">
        <f>VLOOKUP(E1687&amp;F1687,団体コード!$A$1:$C$1743,2,FALSE)</f>
        <v>#N/A</v>
      </c>
      <c r="N1687" s="51" t="e">
        <f>VLOOKUP(E1687,団体コード!$E$1:$F$48,2,FALSE)</f>
        <v>#N/A</v>
      </c>
      <c r="O1687" s="51" t="e">
        <f t="shared" si="55"/>
        <v>#N/A</v>
      </c>
      <c r="P1687" s="51">
        <v>1</v>
      </c>
      <c r="Q1687" s="51" t="s">
        <v>5341</v>
      </c>
      <c r="R1687" s="54" t="b">
        <v>1</v>
      </c>
      <c r="S1687" s="52" t="s">
        <v>7126</v>
      </c>
      <c r="T1687" s="67" t="s">
        <v>7127</v>
      </c>
      <c r="U1687" s="75" t="s">
        <v>5331</v>
      </c>
      <c r="V1687" s="47" t="s">
        <v>5331</v>
      </c>
      <c r="W1687" s="47" t="s">
        <v>5331</v>
      </c>
      <c r="X1687" s="47" t="s">
        <v>5331</v>
      </c>
      <c r="Y1687" s="47" t="s">
        <v>5331</v>
      </c>
      <c r="Z1687" s="28"/>
      <c r="AA1687" s="27"/>
      <c r="AB1687" s="27"/>
      <c r="AC1687" s="27"/>
      <c r="AD1687" s="30"/>
      <c r="AE1687" s="1"/>
      <c r="AF1687" s="23" t="s">
        <v>5331</v>
      </c>
      <c r="AG1687" s="26"/>
      <c r="AH1687" s="53"/>
    </row>
    <row r="1688" spans="1:34" ht="51.6" customHeight="1" x14ac:dyDescent="0.45">
      <c r="A1688" s="23">
        <v>1682</v>
      </c>
      <c r="B1688" s="25"/>
      <c r="C1688" s="25"/>
      <c r="D1688" s="29"/>
      <c r="E1688" s="1"/>
      <c r="F1688" s="1"/>
      <c r="G1688" s="25"/>
      <c r="H1688" s="71"/>
      <c r="I1688" s="83"/>
      <c r="J1688" s="50" t="str">
        <f t="shared" si="54"/>
        <v/>
      </c>
      <c r="K1688" s="23" t="s">
        <v>7120</v>
      </c>
      <c r="L1688" s="49" t="e">
        <f>VLOOKUP(E1688&amp;F1688,団体コード!$A$1:$C$1743,3,FALSE)</f>
        <v>#N/A</v>
      </c>
      <c r="M1688" s="49" t="e">
        <f>VLOOKUP(E1688&amp;F1688,団体コード!$A$1:$C$1743,2,FALSE)</f>
        <v>#N/A</v>
      </c>
      <c r="N1688" s="51" t="e">
        <f>VLOOKUP(E1688,団体コード!$E$1:$F$48,2,FALSE)</f>
        <v>#N/A</v>
      </c>
      <c r="O1688" s="51" t="e">
        <f t="shared" si="55"/>
        <v>#N/A</v>
      </c>
      <c r="P1688" s="51">
        <v>1</v>
      </c>
      <c r="Q1688" s="51" t="s">
        <v>5341</v>
      </c>
      <c r="R1688" s="54" t="b">
        <v>1</v>
      </c>
      <c r="S1688" s="52" t="s">
        <v>7126</v>
      </c>
      <c r="T1688" s="67" t="s">
        <v>7127</v>
      </c>
      <c r="U1688" s="75" t="s">
        <v>5331</v>
      </c>
      <c r="V1688" s="47" t="s">
        <v>5331</v>
      </c>
      <c r="W1688" s="47" t="s">
        <v>5331</v>
      </c>
      <c r="X1688" s="47" t="s">
        <v>5331</v>
      </c>
      <c r="Y1688" s="47" t="s">
        <v>5331</v>
      </c>
      <c r="Z1688" s="28"/>
      <c r="AA1688" s="27"/>
      <c r="AB1688" s="27"/>
      <c r="AC1688" s="27"/>
      <c r="AD1688" s="30"/>
      <c r="AE1688" s="1"/>
      <c r="AF1688" s="23" t="s">
        <v>5331</v>
      </c>
      <c r="AG1688" s="26"/>
      <c r="AH1688" s="53"/>
    </row>
    <row r="1689" spans="1:34" ht="51.6" customHeight="1" x14ac:dyDescent="0.45">
      <c r="A1689" s="23">
        <v>1683</v>
      </c>
      <c r="B1689" s="25"/>
      <c r="C1689" s="25"/>
      <c r="D1689" s="29"/>
      <c r="E1689" s="1"/>
      <c r="F1689" s="1"/>
      <c r="G1689" s="25"/>
      <c r="H1689" s="71"/>
      <c r="I1689" s="83"/>
      <c r="J1689" s="50" t="str">
        <f t="shared" si="54"/>
        <v/>
      </c>
      <c r="K1689" s="23" t="s">
        <v>7120</v>
      </c>
      <c r="L1689" s="49" t="e">
        <f>VLOOKUP(E1689&amp;F1689,団体コード!$A$1:$C$1743,3,FALSE)</f>
        <v>#N/A</v>
      </c>
      <c r="M1689" s="49" t="e">
        <f>VLOOKUP(E1689&amp;F1689,団体コード!$A$1:$C$1743,2,FALSE)</f>
        <v>#N/A</v>
      </c>
      <c r="N1689" s="51" t="e">
        <f>VLOOKUP(E1689,団体コード!$E$1:$F$48,2,FALSE)</f>
        <v>#N/A</v>
      </c>
      <c r="O1689" s="51" t="e">
        <f t="shared" si="55"/>
        <v>#N/A</v>
      </c>
      <c r="P1689" s="51">
        <v>1</v>
      </c>
      <c r="Q1689" s="51" t="s">
        <v>5341</v>
      </c>
      <c r="R1689" s="54" t="b">
        <v>1</v>
      </c>
      <c r="S1689" s="52" t="s">
        <v>7126</v>
      </c>
      <c r="T1689" s="67" t="s">
        <v>7127</v>
      </c>
      <c r="U1689" s="75" t="s">
        <v>5331</v>
      </c>
      <c r="V1689" s="47" t="s">
        <v>5331</v>
      </c>
      <c r="W1689" s="47" t="s">
        <v>5331</v>
      </c>
      <c r="X1689" s="47" t="s">
        <v>5331</v>
      </c>
      <c r="Y1689" s="47" t="s">
        <v>5331</v>
      </c>
      <c r="Z1689" s="28"/>
      <c r="AA1689" s="27"/>
      <c r="AB1689" s="27"/>
      <c r="AC1689" s="27"/>
      <c r="AD1689" s="30"/>
      <c r="AE1689" s="1"/>
      <c r="AF1689" s="23" t="s">
        <v>5331</v>
      </c>
      <c r="AG1689" s="26"/>
      <c r="AH1689" s="53"/>
    </row>
    <row r="1690" spans="1:34" ht="51.6" customHeight="1" x14ac:dyDescent="0.45">
      <c r="A1690" s="23">
        <v>1684</v>
      </c>
      <c r="B1690" s="25"/>
      <c r="C1690" s="25"/>
      <c r="D1690" s="29"/>
      <c r="E1690" s="1"/>
      <c r="F1690" s="1"/>
      <c r="G1690" s="25"/>
      <c r="H1690" s="71"/>
      <c r="I1690" s="83"/>
      <c r="J1690" s="50" t="str">
        <f t="shared" si="54"/>
        <v/>
      </c>
      <c r="K1690" s="23" t="s">
        <v>7120</v>
      </c>
      <c r="L1690" s="49" t="e">
        <f>VLOOKUP(E1690&amp;F1690,団体コード!$A$1:$C$1743,3,FALSE)</f>
        <v>#N/A</v>
      </c>
      <c r="M1690" s="49" t="e">
        <f>VLOOKUP(E1690&amp;F1690,団体コード!$A$1:$C$1743,2,FALSE)</f>
        <v>#N/A</v>
      </c>
      <c r="N1690" s="51" t="e">
        <f>VLOOKUP(E1690,団体コード!$E$1:$F$48,2,FALSE)</f>
        <v>#N/A</v>
      </c>
      <c r="O1690" s="51" t="e">
        <f t="shared" si="55"/>
        <v>#N/A</v>
      </c>
      <c r="P1690" s="51">
        <v>1</v>
      </c>
      <c r="Q1690" s="51" t="s">
        <v>5341</v>
      </c>
      <c r="R1690" s="54" t="b">
        <v>1</v>
      </c>
      <c r="S1690" s="52" t="s">
        <v>7126</v>
      </c>
      <c r="T1690" s="67" t="s">
        <v>7127</v>
      </c>
      <c r="U1690" s="75" t="s">
        <v>5331</v>
      </c>
      <c r="V1690" s="47" t="s">
        <v>5331</v>
      </c>
      <c r="W1690" s="47" t="s">
        <v>5331</v>
      </c>
      <c r="X1690" s="47" t="s">
        <v>5331</v>
      </c>
      <c r="Y1690" s="47" t="s">
        <v>5331</v>
      </c>
      <c r="Z1690" s="28"/>
      <c r="AA1690" s="27"/>
      <c r="AB1690" s="27"/>
      <c r="AC1690" s="27"/>
      <c r="AD1690" s="30"/>
      <c r="AE1690" s="1"/>
      <c r="AF1690" s="23" t="s">
        <v>5331</v>
      </c>
      <c r="AG1690" s="26"/>
      <c r="AH1690" s="53"/>
    </row>
    <row r="1691" spans="1:34" ht="51.6" customHeight="1" x14ac:dyDescent="0.45">
      <c r="A1691" s="23">
        <v>1685</v>
      </c>
      <c r="B1691" s="25"/>
      <c r="C1691" s="25"/>
      <c r="D1691" s="29"/>
      <c r="E1691" s="1"/>
      <c r="F1691" s="1"/>
      <c r="G1691" s="25"/>
      <c r="H1691" s="71"/>
      <c r="I1691" s="83"/>
      <c r="J1691" s="50" t="str">
        <f t="shared" si="54"/>
        <v/>
      </c>
      <c r="K1691" s="23" t="s">
        <v>7120</v>
      </c>
      <c r="L1691" s="49" t="e">
        <f>VLOOKUP(E1691&amp;F1691,団体コード!$A$1:$C$1743,3,FALSE)</f>
        <v>#N/A</v>
      </c>
      <c r="M1691" s="49" t="e">
        <f>VLOOKUP(E1691&amp;F1691,団体コード!$A$1:$C$1743,2,FALSE)</f>
        <v>#N/A</v>
      </c>
      <c r="N1691" s="51" t="e">
        <f>VLOOKUP(E1691,団体コード!$E$1:$F$48,2,FALSE)</f>
        <v>#N/A</v>
      </c>
      <c r="O1691" s="51" t="e">
        <f t="shared" si="55"/>
        <v>#N/A</v>
      </c>
      <c r="P1691" s="51">
        <v>1</v>
      </c>
      <c r="Q1691" s="51" t="s">
        <v>5341</v>
      </c>
      <c r="R1691" s="54" t="b">
        <v>1</v>
      </c>
      <c r="S1691" s="52" t="s">
        <v>7126</v>
      </c>
      <c r="T1691" s="67" t="s">
        <v>7127</v>
      </c>
      <c r="U1691" s="75" t="s">
        <v>5331</v>
      </c>
      <c r="V1691" s="47" t="s">
        <v>5331</v>
      </c>
      <c r="W1691" s="47" t="s">
        <v>5331</v>
      </c>
      <c r="X1691" s="47" t="s">
        <v>5331</v>
      </c>
      <c r="Y1691" s="47" t="s">
        <v>5331</v>
      </c>
      <c r="Z1691" s="28"/>
      <c r="AA1691" s="27"/>
      <c r="AB1691" s="27"/>
      <c r="AC1691" s="27"/>
      <c r="AD1691" s="30"/>
      <c r="AE1691" s="1"/>
      <c r="AF1691" s="23" t="s">
        <v>5331</v>
      </c>
      <c r="AG1691" s="26"/>
      <c r="AH1691" s="53"/>
    </row>
    <row r="1692" spans="1:34" ht="51.6" customHeight="1" x14ac:dyDescent="0.45">
      <c r="A1692" s="23">
        <v>1686</v>
      </c>
      <c r="B1692" s="25"/>
      <c r="C1692" s="25"/>
      <c r="D1692" s="29"/>
      <c r="E1692" s="1"/>
      <c r="F1692" s="1"/>
      <c r="G1692" s="25"/>
      <c r="H1692" s="71"/>
      <c r="I1692" s="83"/>
      <c r="J1692" s="50" t="str">
        <f t="shared" si="54"/>
        <v/>
      </c>
      <c r="K1692" s="23" t="s">
        <v>7120</v>
      </c>
      <c r="L1692" s="49" t="e">
        <f>VLOOKUP(E1692&amp;F1692,団体コード!$A$1:$C$1743,3,FALSE)</f>
        <v>#N/A</v>
      </c>
      <c r="M1692" s="49" t="e">
        <f>VLOOKUP(E1692&amp;F1692,団体コード!$A$1:$C$1743,2,FALSE)</f>
        <v>#N/A</v>
      </c>
      <c r="N1692" s="51" t="e">
        <f>VLOOKUP(E1692,団体コード!$E$1:$F$48,2,FALSE)</f>
        <v>#N/A</v>
      </c>
      <c r="O1692" s="51" t="e">
        <f t="shared" si="55"/>
        <v>#N/A</v>
      </c>
      <c r="P1692" s="51">
        <v>1</v>
      </c>
      <c r="Q1692" s="51" t="s">
        <v>5341</v>
      </c>
      <c r="R1692" s="54" t="b">
        <v>1</v>
      </c>
      <c r="S1692" s="52" t="s">
        <v>7126</v>
      </c>
      <c r="T1692" s="67" t="s">
        <v>7127</v>
      </c>
      <c r="U1692" s="75" t="s">
        <v>5331</v>
      </c>
      <c r="V1692" s="47" t="s">
        <v>5331</v>
      </c>
      <c r="W1692" s="47" t="s">
        <v>5331</v>
      </c>
      <c r="X1692" s="47" t="s">
        <v>5331</v>
      </c>
      <c r="Y1692" s="47" t="s">
        <v>5331</v>
      </c>
      <c r="Z1692" s="28"/>
      <c r="AA1692" s="27"/>
      <c r="AB1692" s="27"/>
      <c r="AC1692" s="27"/>
      <c r="AD1692" s="30"/>
      <c r="AE1692" s="1"/>
      <c r="AF1692" s="23" t="s">
        <v>5331</v>
      </c>
      <c r="AG1692" s="26"/>
      <c r="AH1692" s="53"/>
    </row>
    <row r="1693" spans="1:34" ht="51.6" customHeight="1" x14ac:dyDescent="0.45">
      <c r="A1693" s="23">
        <v>1687</v>
      </c>
      <c r="B1693" s="25"/>
      <c r="C1693" s="25"/>
      <c r="D1693" s="29"/>
      <c r="E1693" s="1"/>
      <c r="F1693" s="1"/>
      <c r="G1693" s="25"/>
      <c r="H1693" s="71"/>
      <c r="I1693" s="83"/>
      <c r="J1693" s="50" t="str">
        <f t="shared" si="54"/>
        <v/>
      </c>
      <c r="K1693" s="23" t="s">
        <v>7120</v>
      </c>
      <c r="L1693" s="49" t="e">
        <f>VLOOKUP(E1693&amp;F1693,団体コード!$A$1:$C$1743,3,FALSE)</f>
        <v>#N/A</v>
      </c>
      <c r="M1693" s="49" t="e">
        <f>VLOOKUP(E1693&amp;F1693,団体コード!$A$1:$C$1743,2,FALSE)</f>
        <v>#N/A</v>
      </c>
      <c r="N1693" s="51" t="e">
        <f>VLOOKUP(E1693,団体コード!$E$1:$F$48,2,FALSE)</f>
        <v>#N/A</v>
      </c>
      <c r="O1693" s="51" t="e">
        <f t="shared" si="55"/>
        <v>#N/A</v>
      </c>
      <c r="P1693" s="51">
        <v>1</v>
      </c>
      <c r="Q1693" s="51" t="s">
        <v>5341</v>
      </c>
      <c r="R1693" s="54" t="b">
        <v>1</v>
      </c>
      <c r="S1693" s="52" t="s">
        <v>7126</v>
      </c>
      <c r="T1693" s="67" t="s">
        <v>7127</v>
      </c>
      <c r="U1693" s="75" t="s">
        <v>5331</v>
      </c>
      <c r="V1693" s="47" t="s">
        <v>5331</v>
      </c>
      <c r="W1693" s="47" t="s">
        <v>5331</v>
      </c>
      <c r="X1693" s="47" t="s">
        <v>5331</v>
      </c>
      <c r="Y1693" s="47" t="s">
        <v>5331</v>
      </c>
      <c r="Z1693" s="28"/>
      <c r="AA1693" s="27"/>
      <c r="AB1693" s="27"/>
      <c r="AC1693" s="27"/>
      <c r="AD1693" s="30"/>
      <c r="AE1693" s="1"/>
      <c r="AF1693" s="23" t="s">
        <v>5331</v>
      </c>
      <c r="AG1693" s="26"/>
      <c r="AH1693" s="53"/>
    </row>
    <row r="1694" spans="1:34" ht="51.6" customHeight="1" x14ac:dyDescent="0.45">
      <c r="A1694" s="23">
        <v>1688</v>
      </c>
      <c r="B1694" s="25"/>
      <c r="C1694" s="25"/>
      <c r="D1694" s="29"/>
      <c r="E1694" s="1"/>
      <c r="F1694" s="1"/>
      <c r="G1694" s="25"/>
      <c r="H1694" s="71"/>
      <c r="I1694" s="83"/>
      <c r="J1694" s="50" t="str">
        <f t="shared" si="54"/>
        <v/>
      </c>
      <c r="K1694" s="23" t="s">
        <v>7120</v>
      </c>
      <c r="L1694" s="49" t="e">
        <f>VLOOKUP(E1694&amp;F1694,団体コード!$A$1:$C$1743,3,FALSE)</f>
        <v>#N/A</v>
      </c>
      <c r="M1694" s="49" t="e">
        <f>VLOOKUP(E1694&amp;F1694,団体コード!$A$1:$C$1743,2,FALSE)</f>
        <v>#N/A</v>
      </c>
      <c r="N1694" s="51" t="e">
        <f>VLOOKUP(E1694,団体コード!$E$1:$F$48,2,FALSE)</f>
        <v>#N/A</v>
      </c>
      <c r="O1694" s="51" t="e">
        <f t="shared" si="55"/>
        <v>#N/A</v>
      </c>
      <c r="P1694" s="51">
        <v>1</v>
      </c>
      <c r="Q1694" s="51" t="s">
        <v>5341</v>
      </c>
      <c r="R1694" s="54" t="b">
        <v>1</v>
      </c>
      <c r="S1694" s="52" t="s">
        <v>7126</v>
      </c>
      <c r="T1694" s="67" t="s">
        <v>7127</v>
      </c>
      <c r="U1694" s="75" t="s">
        <v>5331</v>
      </c>
      <c r="V1694" s="47" t="s">
        <v>5331</v>
      </c>
      <c r="W1694" s="47" t="s">
        <v>5331</v>
      </c>
      <c r="X1694" s="47" t="s">
        <v>5331</v>
      </c>
      <c r="Y1694" s="47" t="s">
        <v>5331</v>
      </c>
      <c r="Z1694" s="28"/>
      <c r="AA1694" s="27"/>
      <c r="AB1694" s="27"/>
      <c r="AC1694" s="27"/>
      <c r="AD1694" s="30"/>
      <c r="AE1694" s="1"/>
      <c r="AF1694" s="23" t="s">
        <v>5331</v>
      </c>
      <c r="AG1694" s="26"/>
      <c r="AH1694" s="53"/>
    </row>
    <row r="1695" spans="1:34" ht="51.6" customHeight="1" x14ac:dyDescent="0.45">
      <c r="A1695" s="23">
        <v>1689</v>
      </c>
      <c r="B1695" s="25"/>
      <c r="C1695" s="25"/>
      <c r="D1695" s="29"/>
      <c r="E1695" s="1"/>
      <c r="F1695" s="1"/>
      <c r="G1695" s="25"/>
      <c r="H1695" s="71"/>
      <c r="I1695" s="83"/>
      <c r="J1695" s="50" t="str">
        <f t="shared" si="54"/>
        <v/>
      </c>
      <c r="K1695" s="23" t="s">
        <v>7120</v>
      </c>
      <c r="L1695" s="49" t="e">
        <f>VLOOKUP(E1695&amp;F1695,団体コード!$A$1:$C$1743,3,FALSE)</f>
        <v>#N/A</v>
      </c>
      <c r="M1695" s="49" t="e">
        <f>VLOOKUP(E1695&amp;F1695,団体コード!$A$1:$C$1743,2,FALSE)</f>
        <v>#N/A</v>
      </c>
      <c r="N1695" s="51" t="e">
        <f>VLOOKUP(E1695,団体コード!$E$1:$F$48,2,FALSE)</f>
        <v>#N/A</v>
      </c>
      <c r="O1695" s="51" t="e">
        <f t="shared" si="55"/>
        <v>#N/A</v>
      </c>
      <c r="P1695" s="51">
        <v>1</v>
      </c>
      <c r="Q1695" s="51" t="s">
        <v>5341</v>
      </c>
      <c r="R1695" s="54" t="b">
        <v>1</v>
      </c>
      <c r="S1695" s="52" t="s">
        <v>7126</v>
      </c>
      <c r="T1695" s="67" t="s">
        <v>7127</v>
      </c>
      <c r="U1695" s="75" t="s">
        <v>5331</v>
      </c>
      <c r="V1695" s="47" t="s">
        <v>5331</v>
      </c>
      <c r="W1695" s="47" t="s">
        <v>5331</v>
      </c>
      <c r="X1695" s="47" t="s">
        <v>5331</v>
      </c>
      <c r="Y1695" s="47" t="s">
        <v>5331</v>
      </c>
      <c r="Z1695" s="28"/>
      <c r="AA1695" s="27"/>
      <c r="AB1695" s="27"/>
      <c r="AC1695" s="27"/>
      <c r="AD1695" s="30"/>
      <c r="AE1695" s="1"/>
      <c r="AF1695" s="23" t="s">
        <v>5331</v>
      </c>
      <c r="AG1695" s="26"/>
      <c r="AH1695" s="53"/>
    </row>
    <row r="1696" spans="1:34" ht="51.6" customHeight="1" x14ac:dyDescent="0.45">
      <c r="A1696" s="23">
        <v>1690</v>
      </c>
      <c r="B1696" s="25"/>
      <c r="C1696" s="25"/>
      <c r="D1696" s="29"/>
      <c r="E1696" s="1"/>
      <c r="F1696" s="1"/>
      <c r="G1696" s="25"/>
      <c r="H1696" s="71"/>
      <c r="I1696" s="83"/>
      <c r="J1696" s="50" t="str">
        <f t="shared" si="54"/>
        <v/>
      </c>
      <c r="K1696" s="23" t="s">
        <v>7120</v>
      </c>
      <c r="L1696" s="49" t="e">
        <f>VLOOKUP(E1696&amp;F1696,団体コード!$A$1:$C$1743,3,FALSE)</f>
        <v>#N/A</v>
      </c>
      <c r="M1696" s="49" t="e">
        <f>VLOOKUP(E1696&amp;F1696,団体コード!$A$1:$C$1743,2,FALSE)</f>
        <v>#N/A</v>
      </c>
      <c r="N1696" s="51" t="e">
        <f>VLOOKUP(E1696,団体コード!$E$1:$F$48,2,FALSE)</f>
        <v>#N/A</v>
      </c>
      <c r="O1696" s="51" t="e">
        <f t="shared" si="55"/>
        <v>#N/A</v>
      </c>
      <c r="P1696" s="51">
        <v>1</v>
      </c>
      <c r="Q1696" s="51" t="s">
        <v>5341</v>
      </c>
      <c r="R1696" s="54" t="b">
        <v>1</v>
      </c>
      <c r="S1696" s="52" t="s">
        <v>7126</v>
      </c>
      <c r="T1696" s="67" t="s">
        <v>7127</v>
      </c>
      <c r="U1696" s="75" t="s">
        <v>5331</v>
      </c>
      <c r="V1696" s="47" t="s">
        <v>5331</v>
      </c>
      <c r="W1696" s="47" t="s">
        <v>5331</v>
      </c>
      <c r="X1696" s="47" t="s">
        <v>5331</v>
      </c>
      <c r="Y1696" s="47" t="s">
        <v>5331</v>
      </c>
      <c r="Z1696" s="28"/>
      <c r="AA1696" s="27"/>
      <c r="AB1696" s="27"/>
      <c r="AC1696" s="27"/>
      <c r="AD1696" s="30"/>
      <c r="AE1696" s="1"/>
      <c r="AF1696" s="23" t="s">
        <v>5331</v>
      </c>
      <c r="AG1696" s="26"/>
      <c r="AH1696" s="53"/>
    </row>
    <row r="1697" spans="1:34" ht="51.6" customHeight="1" x14ac:dyDescent="0.45">
      <c r="A1697" s="23">
        <v>1691</v>
      </c>
      <c r="B1697" s="25"/>
      <c r="C1697" s="25"/>
      <c r="D1697" s="29"/>
      <c r="E1697" s="1"/>
      <c r="F1697" s="1"/>
      <c r="G1697" s="25"/>
      <c r="H1697" s="71"/>
      <c r="I1697" s="83"/>
      <c r="J1697" s="50" t="str">
        <f t="shared" si="54"/>
        <v/>
      </c>
      <c r="K1697" s="23" t="s">
        <v>7120</v>
      </c>
      <c r="L1697" s="49" t="e">
        <f>VLOOKUP(E1697&amp;F1697,団体コード!$A$1:$C$1743,3,FALSE)</f>
        <v>#N/A</v>
      </c>
      <c r="M1697" s="49" t="e">
        <f>VLOOKUP(E1697&amp;F1697,団体コード!$A$1:$C$1743,2,FALSE)</f>
        <v>#N/A</v>
      </c>
      <c r="N1697" s="51" t="e">
        <f>VLOOKUP(E1697,団体コード!$E$1:$F$48,2,FALSE)</f>
        <v>#N/A</v>
      </c>
      <c r="O1697" s="51" t="e">
        <f t="shared" si="55"/>
        <v>#N/A</v>
      </c>
      <c r="P1697" s="51">
        <v>1</v>
      </c>
      <c r="Q1697" s="51" t="s">
        <v>5341</v>
      </c>
      <c r="R1697" s="54" t="b">
        <v>1</v>
      </c>
      <c r="S1697" s="52" t="s">
        <v>7126</v>
      </c>
      <c r="T1697" s="67" t="s">
        <v>7127</v>
      </c>
      <c r="U1697" s="75" t="s">
        <v>5331</v>
      </c>
      <c r="V1697" s="47" t="s">
        <v>5331</v>
      </c>
      <c r="W1697" s="47" t="s">
        <v>5331</v>
      </c>
      <c r="X1697" s="47" t="s">
        <v>5331</v>
      </c>
      <c r="Y1697" s="47" t="s">
        <v>5331</v>
      </c>
      <c r="Z1697" s="28"/>
      <c r="AA1697" s="27"/>
      <c r="AB1697" s="27"/>
      <c r="AC1697" s="27"/>
      <c r="AD1697" s="30"/>
      <c r="AE1697" s="1"/>
      <c r="AF1697" s="23" t="s">
        <v>5331</v>
      </c>
      <c r="AG1697" s="26"/>
      <c r="AH1697" s="53"/>
    </row>
    <row r="1698" spans="1:34" ht="51.6" customHeight="1" x14ac:dyDescent="0.45">
      <c r="A1698" s="23">
        <v>1692</v>
      </c>
      <c r="B1698" s="25"/>
      <c r="C1698" s="25"/>
      <c r="D1698" s="29"/>
      <c r="E1698" s="1"/>
      <c r="F1698" s="1"/>
      <c r="G1698" s="25"/>
      <c r="H1698" s="71"/>
      <c r="I1698" s="83"/>
      <c r="J1698" s="50" t="str">
        <f t="shared" si="54"/>
        <v/>
      </c>
      <c r="K1698" s="23" t="s">
        <v>7120</v>
      </c>
      <c r="L1698" s="49" t="e">
        <f>VLOOKUP(E1698&amp;F1698,団体コード!$A$1:$C$1743,3,FALSE)</f>
        <v>#N/A</v>
      </c>
      <c r="M1698" s="49" t="e">
        <f>VLOOKUP(E1698&amp;F1698,団体コード!$A$1:$C$1743,2,FALSE)</f>
        <v>#N/A</v>
      </c>
      <c r="N1698" s="51" t="e">
        <f>VLOOKUP(E1698,団体コード!$E$1:$F$48,2,FALSE)</f>
        <v>#N/A</v>
      </c>
      <c r="O1698" s="51" t="e">
        <f t="shared" si="55"/>
        <v>#N/A</v>
      </c>
      <c r="P1698" s="51">
        <v>1</v>
      </c>
      <c r="Q1698" s="51" t="s">
        <v>5341</v>
      </c>
      <c r="R1698" s="54" t="b">
        <v>1</v>
      </c>
      <c r="S1698" s="52" t="s">
        <v>7126</v>
      </c>
      <c r="T1698" s="67" t="s">
        <v>7127</v>
      </c>
      <c r="U1698" s="75" t="s">
        <v>5331</v>
      </c>
      <c r="V1698" s="47" t="s">
        <v>5331</v>
      </c>
      <c r="W1698" s="47" t="s">
        <v>5331</v>
      </c>
      <c r="X1698" s="47" t="s">
        <v>5331</v>
      </c>
      <c r="Y1698" s="47" t="s">
        <v>5331</v>
      </c>
      <c r="Z1698" s="28"/>
      <c r="AA1698" s="27"/>
      <c r="AB1698" s="27"/>
      <c r="AC1698" s="27"/>
      <c r="AD1698" s="30"/>
      <c r="AE1698" s="1"/>
      <c r="AF1698" s="23" t="s">
        <v>5331</v>
      </c>
      <c r="AG1698" s="26"/>
      <c r="AH1698" s="53"/>
    </row>
    <row r="1699" spans="1:34" ht="51.6" customHeight="1" x14ac:dyDescent="0.45">
      <c r="A1699" s="23">
        <v>1693</v>
      </c>
      <c r="B1699" s="25"/>
      <c r="C1699" s="25"/>
      <c r="D1699" s="29"/>
      <c r="E1699" s="1"/>
      <c r="F1699" s="1"/>
      <c r="G1699" s="25"/>
      <c r="H1699" s="71"/>
      <c r="I1699" s="83"/>
      <c r="J1699" s="50" t="str">
        <f t="shared" si="54"/>
        <v/>
      </c>
      <c r="K1699" s="23" t="s">
        <v>7120</v>
      </c>
      <c r="L1699" s="49" t="e">
        <f>VLOOKUP(E1699&amp;F1699,団体コード!$A$1:$C$1743,3,FALSE)</f>
        <v>#N/A</v>
      </c>
      <c r="M1699" s="49" t="e">
        <f>VLOOKUP(E1699&amp;F1699,団体コード!$A$1:$C$1743,2,FALSE)</f>
        <v>#N/A</v>
      </c>
      <c r="N1699" s="51" t="e">
        <f>VLOOKUP(E1699,団体コード!$E$1:$F$48,2,FALSE)</f>
        <v>#N/A</v>
      </c>
      <c r="O1699" s="51" t="e">
        <f t="shared" si="55"/>
        <v>#N/A</v>
      </c>
      <c r="P1699" s="51">
        <v>1</v>
      </c>
      <c r="Q1699" s="51" t="s">
        <v>5341</v>
      </c>
      <c r="R1699" s="54" t="b">
        <v>1</v>
      </c>
      <c r="S1699" s="52" t="s">
        <v>7126</v>
      </c>
      <c r="T1699" s="67" t="s">
        <v>7127</v>
      </c>
      <c r="U1699" s="75" t="s">
        <v>5331</v>
      </c>
      <c r="V1699" s="47" t="s">
        <v>5331</v>
      </c>
      <c r="W1699" s="47" t="s">
        <v>5331</v>
      </c>
      <c r="X1699" s="47" t="s">
        <v>5331</v>
      </c>
      <c r="Y1699" s="47" t="s">
        <v>5331</v>
      </c>
      <c r="Z1699" s="28"/>
      <c r="AA1699" s="27"/>
      <c r="AB1699" s="27"/>
      <c r="AC1699" s="27"/>
      <c r="AD1699" s="30"/>
      <c r="AE1699" s="1"/>
      <c r="AF1699" s="23" t="s">
        <v>5331</v>
      </c>
      <c r="AG1699" s="26"/>
      <c r="AH1699" s="53"/>
    </row>
    <row r="1700" spans="1:34" ht="51.6" customHeight="1" x14ac:dyDescent="0.45">
      <c r="A1700" s="23">
        <v>1694</v>
      </c>
      <c r="B1700" s="25"/>
      <c r="C1700" s="25"/>
      <c r="D1700" s="29"/>
      <c r="E1700" s="1"/>
      <c r="F1700" s="1"/>
      <c r="G1700" s="25"/>
      <c r="H1700" s="71"/>
      <c r="I1700" s="83"/>
      <c r="J1700" s="50" t="str">
        <f t="shared" si="54"/>
        <v/>
      </c>
      <c r="K1700" s="23" t="s">
        <v>7120</v>
      </c>
      <c r="L1700" s="49" t="e">
        <f>VLOOKUP(E1700&amp;F1700,団体コード!$A$1:$C$1743,3,FALSE)</f>
        <v>#N/A</v>
      </c>
      <c r="M1700" s="49" t="e">
        <f>VLOOKUP(E1700&amp;F1700,団体コード!$A$1:$C$1743,2,FALSE)</f>
        <v>#N/A</v>
      </c>
      <c r="N1700" s="51" t="e">
        <f>VLOOKUP(E1700,団体コード!$E$1:$F$48,2,FALSE)</f>
        <v>#N/A</v>
      </c>
      <c r="O1700" s="51" t="e">
        <f t="shared" si="55"/>
        <v>#N/A</v>
      </c>
      <c r="P1700" s="51">
        <v>1</v>
      </c>
      <c r="Q1700" s="51" t="s">
        <v>5341</v>
      </c>
      <c r="R1700" s="54" t="b">
        <v>1</v>
      </c>
      <c r="S1700" s="52" t="s">
        <v>7126</v>
      </c>
      <c r="T1700" s="67" t="s">
        <v>7127</v>
      </c>
      <c r="U1700" s="75" t="s">
        <v>5331</v>
      </c>
      <c r="V1700" s="47" t="s">
        <v>5331</v>
      </c>
      <c r="W1700" s="47" t="s">
        <v>5331</v>
      </c>
      <c r="X1700" s="47" t="s">
        <v>5331</v>
      </c>
      <c r="Y1700" s="47" t="s">
        <v>5331</v>
      </c>
      <c r="Z1700" s="28"/>
      <c r="AA1700" s="27"/>
      <c r="AB1700" s="27"/>
      <c r="AC1700" s="27"/>
      <c r="AD1700" s="30"/>
      <c r="AE1700" s="1"/>
      <c r="AF1700" s="23" t="s">
        <v>5331</v>
      </c>
      <c r="AG1700" s="26"/>
      <c r="AH1700" s="53"/>
    </row>
    <row r="1701" spans="1:34" ht="51.6" customHeight="1" x14ac:dyDescent="0.45">
      <c r="A1701" s="23">
        <v>1695</v>
      </c>
      <c r="B1701" s="25"/>
      <c r="C1701" s="25"/>
      <c r="D1701" s="29"/>
      <c r="E1701" s="1"/>
      <c r="F1701" s="1"/>
      <c r="G1701" s="25"/>
      <c r="H1701" s="71"/>
      <c r="I1701" s="83"/>
      <c r="J1701" s="50" t="str">
        <f t="shared" si="54"/>
        <v/>
      </c>
      <c r="K1701" s="23" t="s">
        <v>7120</v>
      </c>
      <c r="L1701" s="49" t="e">
        <f>VLOOKUP(E1701&amp;F1701,団体コード!$A$1:$C$1743,3,FALSE)</f>
        <v>#N/A</v>
      </c>
      <c r="M1701" s="49" t="e">
        <f>VLOOKUP(E1701&amp;F1701,団体コード!$A$1:$C$1743,2,FALSE)</f>
        <v>#N/A</v>
      </c>
      <c r="N1701" s="51" t="e">
        <f>VLOOKUP(E1701,団体コード!$E$1:$F$48,2,FALSE)</f>
        <v>#N/A</v>
      </c>
      <c r="O1701" s="51" t="e">
        <f t="shared" si="55"/>
        <v>#N/A</v>
      </c>
      <c r="P1701" s="51">
        <v>1</v>
      </c>
      <c r="Q1701" s="51" t="s">
        <v>5341</v>
      </c>
      <c r="R1701" s="54" t="b">
        <v>1</v>
      </c>
      <c r="S1701" s="52" t="s">
        <v>7126</v>
      </c>
      <c r="T1701" s="67" t="s">
        <v>7127</v>
      </c>
      <c r="U1701" s="75" t="s">
        <v>5331</v>
      </c>
      <c r="V1701" s="47" t="s">
        <v>5331</v>
      </c>
      <c r="W1701" s="47" t="s">
        <v>5331</v>
      </c>
      <c r="X1701" s="47" t="s">
        <v>5331</v>
      </c>
      <c r="Y1701" s="47" t="s">
        <v>5331</v>
      </c>
      <c r="Z1701" s="28"/>
      <c r="AA1701" s="27"/>
      <c r="AB1701" s="27"/>
      <c r="AC1701" s="27"/>
      <c r="AD1701" s="30"/>
      <c r="AE1701" s="1"/>
      <c r="AF1701" s="23" t="s">
        <v>5331</v>
      </c>
      <c r="AG1701" s="26"/>
      <c r="AH1701" s="53"/>
    </row>
    <row r="1702" spans="1:34" ht="51.6" customHeight="1" x14ac:dyDescent="0.45">
      <c r="A1702" s="23">
        <v>1696</v>
      </c>
      <c r="B1702" s="25"/>
      <c r="C1702" s="25"/>
      <c r="D1702" s="29"/>
      <c r="E1702" s="1"/>
      <c r="F1702" s="1"/>
      <c r="G1702" s="25"/>
      <c r="H1702" s="71"/>
      <c r="I1702" s="83"/>
      <c r="J1702" s="50" t="str">
        <f t="shared" si="54"/>
        <v/>
      </c>
      <c r="K1702" s="23" t="s">
        <v>7120</v>
      </c>
      <c r="L1702" s="49" t="e">
        <f>VLOOKUP(E1702&amp;F1702,団体コード!$A$1:$C$1743,3,FALSE)</f>
        <v>#N/A</v>
      </c>
      <c r="M1702" s="49" t="e">
        <f>VLOOKUP(E1702&amp;F1702,団体コード!$A$1:$C$1743,2,FALSE)</f>
        <v>#N/A</v>
      </c>
      <c r="N1702" s="51" t="e">
        <f>VLOOKUP(E1702,団体コード!$E$1:$F$48,2,FALSE)</f>
        <v>#N/A</v>
      </c>
      <c r="O1702" s="51" t="e">
        <f t="shared" si="55"/>
        <v>#N/A</v>
      </c>
      <c r="P1702" s="51">
        <v>1</v>
      </c>
      <c r="Q1702" s="51" t="s">
        <v>5341</v>
      </c>
      <c r="R1702" s="54" t="b">
        <v>1</v>
      </c>
      <c r="S1702" s="52" t="s">
        <v>7126</v>
      </c>
      <c r="T1702" s="67" t="s">
        <v>7127</v>
      </c>
      <c r="U1702" s="75" t="s">
        <v>5331</v>
      </c>
      <c r="V1702" s="47" t="s">
        <v>5331</v>
      </c>
      <c r="W1702" s="47" t="s">
        <v>5331</v>
      </c>
      <c r="X1702" s="47" t="s">
        <v>5331</v>
      </c>
      <c r="Y1702" s="47" t="s">
        <v>5331</v>
      </c>
      <c r="Z1702" s="28"/>
      <c r="AA1702" s="27"/>
      <c r="AB1702" s="27"/>
      <c r="AC1702" s="27"/>
      <c r="AD1702" s="30"/>
      <c r="AE1702" s="1"/>
      <c r="AF1702" s="23" t="s">
        <v>5331</v>
      </c>
      <c r="AG1702" s="26"/>
      <c r="AH1702" s="53"/>
    </row>
    <row r="1703" spans="1:34" ht="51.6" customHeight="1" x14ac:dyDescent="0.45">
      <c r="A1703" s="23">
        <v>1697</v>
      </c>
      <c r="B1703" s="25"/>
      <c r="C1703" s="25"/>
      <c r="D1703" s="29"/>
      <c r="E1703" s="1"/>
      <c r="F1703" s="1"/>
      <c r="G1703" s="25"/>
      <c r="H1703" s="71"/>
      <c r="I1703" s="83"/>
      <c r="J1703" s="50" t="str">
        <f t="shared" si="54"/>
        <v/>
      </c>
      <c r="K1703" s="23" t="s">
        <v>7120</v>
      </c>
      <c r="L1703" s="49" t="e">
        <f>VLOOKUP(E1703&amp;F1703,団体コード!$A$1:$C$1743,3,FALSE)</f>
        <v>#N/A</v>
      </c>
      <c r="M1703" s="49" t="e">
        <f>VLOOKUP(E1703&amp;F1703,団体コード!$A$1:$C$1743,2,FALSE)</f>
        <v>#N/A</v>
      </c>
      <c r="N1703" s="51" t="e">
        <f>VLOOKUP(E1703,団体コード!$E$1:$F$48,2,FALSE)</f>
        <v>#N/A</v>
      </c>
      <c r="O1703" s="51" t="e">
        <f t="shared" si="55"/>
        <v>#N/A</v>
      </c>
      <c r="P1703" s="51">
        <v>1</v>
      </c>
      <c r="Q1703" s="51" t="s">
        <v>5341</v>
      </c>
      <c r="R1703" s="54" t="b">
        <v>1</v>
      </c>
      <c r="S1703" s="52" t="s">
        <v>7126</v>
      </c>
      <c r="T1703" s="67" t="s">
        <v>7127</v>
      </c>
      <c r="U1703" s="75" t="s">
        <v>5331</v>
      </c>
      <c r="V1703" s="47" t="s">
        <v>5331</v>
      </c>
      <c r="W1703" s="47" t="s">
        <v>5331</v>
      </c>
      <c r="X1703" s="47" t="s">
        <v>5331</v>
      </c>
      <c r="Y1703" s="47" t="s">
        <v>5331</v>
      </c>
      <c r="Z1703" s="28"/>
      <c r="AA1703" s="27"/>
      <c r="AB1703" s="27"/>
      <c r="AC1703" s="27"/>
      <c r="AD1703" s="30"/>
      <c r="AE1703" s="1"/>
      <c r="AF1703" s="23" t="s">
        <v>5331</v>
      </c>
      <c r="AG1703" s="26"/>
      <c r="AH1703" s="53"/>
    </row>
    <row r="1704" spans="1:34" ht="51.6" customHeight="1" x14ac:dyDescent="0.45">
      <c r="A1704" s="23">
        <v>1698</v>
      </c>
      <c r="B1704" s="25"/>
      <c r="C1704" s="25"/>
      <c r="D1704" s="29"/>
      <c r="E1704" s="1"/>
      <c r="F1704" s="1"/>
      <c r="G1704" s="25"/>
      <c r="H1704" s="71"/>
      <c r="I1704" s="83"/>
      <c r="J1704" s="50" t="str">
        <f t="shared" si="54"/>
        <v/>
      </c>
      <c r="K1704" s="23" t="s">
        <v>7120</v>
      </c>
      <c r="L1704" s="49" t="e">
        <f>VLOOKUP(E1704&amp;F1704,団体コード!$A$1:$C$1743,3,FALSE)</f>
        <v>#N/A</v>
      </c>
      <c r="M1704" s="49" t="e">
        <f>VLOOKUP(E1704&amp;F1704,団体コード!$A$1:$C$1743,2,FALSE)</f>
        <v>#N/A</v>
      </c>
      <c r="N1704" s="51" t="e">
        <f>VLOOKUP(E1704,団体コード!$E$1:$F$48,2,FALSE)</f>
        <v>#N/A</v>
      </c>
      <c r="O1704" s="51" t="e">
        <f t="shared" si="55"/>
        <v>#N/A</v>
      </c>
      <c r="P1704" s="51">
        <v>1</v>
      </c>
      <c r="Q1704" s="51" t="s">
        <v>5341</v>
      </c>
      <c r="R1704" s="54" t="b">
        <v>1</v>
      </c>
      <c r="S1704" s="52" t="s">
        <v>7126</v>
      </c>
      <c r="T1704" s="67" t="s">
        <v>7127</v>
      </c>
      <c r="U1704" s="75" t="s">
        <v>5331</v>
      </c>
      <c r="V1704" s="47" t="s">
        <v>5331</v>
      </c>
      <c r="W1704" s="47" t="s">
        <v>5331</v>
      </c>
      <c r="X1704" s="47" t="s">
        <v>5331</v>
      </c>
      <c r="Y1704" s="47" t="s">
        <v>5331</v>
      </c>
      <c r="Z1704" s="28"/>
      <c r="AA1704" s="27"/>
      <c r="AB1704" s="27"/>
      <c r="AC1704" s="27"/>
      <c r="AD1704" s="30"/>
      <c r="AE1704" s="1"/>
      <c r="AF1704" s="23" t="s">
        <v>5331</v>
      </c>
      <c r="AG1704" s="26"/>
      <c r="AH1704" s="53"/>
    </row>
    <row r="1705" spans="1:34" ht="51.6" customHeight="1" x14ac:dyDescent="0.45">
      <c r="A1705" s="23">
        <v>1699</v>
      </c>
      <c r="B1705" s="25"/>
      <c r="C1705" s="25"/>
      <c r="D1705" s="29"/>
      <c r="E1705" s="1"/>
      <c r="F1705" s="1"/>
      <c r="G1705" s="25"/>
      <c r="H1705" s="71"/>
      <c r="I1705" s="83"/>
      <c r="J1705" s="50" t="str">
        <f t="shared" si="54"/>
        <v/>
      </c>
      <c r="K1705" s="23" t="s">
        <v>7120</v>
      </c>
      <c r="L1705" s="49" t="e">
        <f>VLOOKUP(E1705&amp;F1705,団体コード!$A$1:$C$1743,3,FALSE)</f>
        <v>#N/A</v>
      </c>
      <c r="M1705" s="49" t="e">
        <f>VLOOKUP(E1705&amp;F1705,団体コード!$A$1:$C$1743,2,FALSE)</f>
        <v>#N/A</v>
      </c>
      <c r="N1705" s="51" t="e">
        <f>VLOOKUP(E1705,団体コード!$E$1:$F$48,2,FALSE)</f>
        <v>#N/A</v>
      </c>
      <c r="O1705" s="51" t="e">
        <f t="shared" si="55"/>
        <v>#N/A</v>
      </c>
      <c r="P1705" s="51">
        <v>1</v>
      </c>
      <c r="Q1705" s="51" t="s">
        <v>5341</v>
      </c>
      <c r="R1705" s="54" t="b">
        <v>1</v>
      </c>
      <c r="S1705" s="52" t="s">
        <v>7126</v>
      </c>
      <c r="T1705" s="67" t="s">
        <v>7127</v>
      </c>
      <c r="U1705" s="75" t="s">
        <v>5331</v>
      </c>
      <c r="V1705" s="47" t="s">
        <v>5331</v>
      </c>
      <c r="W1705" s="47" t="s">
        <v>5331</v>
      </c>
      <c r="X1705" s="47" t="s">
        <v>5331</v>
      </c>
      <c r="Y1705" s="47" t="s">
        <v>5331</v>
      </c>
      <c r="Z1705" s="28"/>
      <c r="AA1705" s="27"/>
      <c r="AB1705" s="27"/>
      <c r="AC1705" s="27"/>
      <c r="AD1705" s="30"/>
      <c r="AE1705" s="1"/>
      <c r="AF1705" s="23" t="s">
        <v>5331</v>
      </c>
      <c r="AG1705" s="26"/>
      <c r="AH1705" s="53"/>
    </row>
    <row r="1706" spans="1:34" ht="51.6" customHeight="1" x14ac:dyDescent="0.45">
      <c r="A1706" s="23">
        <v>1700</v>
      </c>
      <c r="B1706" s="25"/>
      <c r="C1706" s="25"/>
      <c r="D1706" s="29"/>
      <c r="E1706" s="1"/>
      <c r="F1706" s="1"/>
      <c r="G1706" s="25"/>
      <c r="H1706" s="71"/>
      <c r="I1706" s="83"/>
      <c r="J1706" s="50" t="str">
        <f t="shared" si="54"/>
        <v/>
      </c>
      <c r="K1706" s="23" t="s">
        <v>7120</v>
      </c>
      <c r="L1706" s="49" t="e">
        <f>VLOOKUP(E1706&amp;F1706,団体コード!$A$1:$C$1743,3,FALSE)</f>
        <v>#N/A</v>
      </c>
      <c r="M1706" s="49" t="e">
        <f>VLOOKUP(E1706&amp;F1706,団体コード!$A$1:$C$1743,2,FALSE)</f>
        <v>#N/A</v>
      </c>
      <c r="N1706" s="51" t="e">
        <f>VLOOKUP(E1706,団体コード!$E$1:$F$48,2,FALSE)</f>
        <v>#N/A</v>
      </c>
      <c r="O1706" s="51" t="e">
        <f t="shared" si="55"/>
        <v>#N/A</v>
      </c>
      <c r="P1706" s="51">
        <v>1</v>
      </c>
      <c r="Q1706" s="51" t="s">
        <v>5341</v>
      </c>
      <c r="R1706" s="54" t="b">
        <v>1</v>
      </c>
      <c r="S1706" s="52" t="s">
        <v>7126</v>
      </c>
      <c r="T1706" s="67" t="s">
        <v>7127</v>
      </c>
      <c r="U1706" s="75" t="s">
        <v>5331</v>
      </c>
      <c r="V1706" s="47" t="s">
        <v>5331</v>
      </c>
      <c r="W1706" s="47" t="s">
        <v>5331</v>
      </c>
      <c r="X1706" s="47" t="s">
        <v>5331</v>
      </c>
      <c r="Y1706" s="47" t="s">
        <v>5331</v>
      </c>
      <c r="Z1706" s="28"/>
      <c r="AA1706" s="27"/>
      <c r="AB1706" s="27"/>
      <c r="AC1706" s="27"/>
      <c r="AD1706" s="30"/>
      <c r="AE1706" s="1"/>
      <c r="AF1706" s="23" t="s">
        <v>5331</v>
      </c>
      <c r="AG1706" s="26"/>
      <c r="AH1706" s="53"/>
    </row>
    <row r="1707" spans="1:34" ht="51.6" customHeight="1" x14ac:dyDescent="0.45">
      <c r="A1707" s="23">
        <v>1701</v>
      </c>
      <c r="B1707" s="25"/>
      <c r="C1707" s="25"/>
      <c r="D1707" s="29"/>
      <c r="E1707" s="1"/>
      <c r="F1707" s="1"/>
      <c r="G1707" s="25"/>
      <c r="H1707" s="71"/>
      <c r="I1707" s="83"/>
      <c r="J1707" s="50" t="str">
        <f t="shared" si="54"/>
        <v/>
      </c>
      <c r="K1707" s="23" t="s">
        <v>7120</v>
      </c>
      <c r="L1707" s="49" t="e">
        <f>VLOOKUP(E1707&amp;F1707,団体コード!$A$1:$C$1743,3,FALSE)</f>
        <v>#N/A</v>
      </c>
      <c r="M1707" s="49" t="e">
        <f>VLOOKUP(E1707&amp;F1707,団体コード!$A$1:$C$1743,2,FALSE)</f>
        <v>#N/A</v>
      </c>
      <c r="N1707" s="51" t="e">
        <f>VLOOKUP(E1707,団体コード!$E$1:$F$48,2,FALSE)</f>
        <v>#N/A</v>
      </c>
      <c r="O1707" s="51" t="e">
        <f t="shared" si="55"/>
        <v>#N/A</v>
      </c>
      <c r="P1707" s="51">
        <v>1</v>
      </c>
      <c r="Q1707" s="51" t="s">
        <v>5341</v>
      </c>
      <c r="R1707" s="54" t="b">
        <v>1</v>
      </c>
      <c r="S1707" s="52" t="s">
        <v>7126</v>
      </c>
      <c r="T1707" s="67" t="s">
        <v>7127</v>
      </c>
      <c r="U1707" s="75" t="s">
        <v>5331</v>
      </c>
      <c r="V1707" s="47" t="s">
        <v>5331</v>
      </c>
      <c r="W1707" s="47" t="s">
        <v>5331</v>
      </c>
      <c r="X1707" s="47" t="s">
        <v>5331</v>
      </c>
      <c r="Y1707" s="47" t="s">
        <v>5331</v>
      </c>
      <c r="Z1707" s="28"/>
      <c r="AA1707" s="27"/>
      <c r="AB1707" s="27"/>
      <c r="AC1707" s="27"/>
      <c r="AD1707" s="30"/>
      <c r="AE1707" s="1"/>
      <c r="AF1707" s="23" t="s">
        <v>5331</v>
      </c>
      <c r="AG1707" s="26"/>
      <c r="AH1707" s="53"/>
    </row>
    <row r="1708" spans="1:34" ht="51.6" customHeight="1" x14ac:dyDescent="0.45">
      <c r="A1708" s="23">
        <v>1702</v>
      </c>
      <c r="B1708" s="25"/>
      <c r="C1708" s="25"/>
      <c r="D1708" s="29"/>
      <c r="E1708" s="1"/>
      <c r="F1708" s="1"/>
      <c r="G1708" s="25"/>
      <c r="H1708" s="71"/>
      <c r="I1708" s="83"/>
      <c r="J1708" s="50" t="str">
        <f t="shared" si="54"/>
        <v/>
      </c>
      <c r="K1708" s="23" t="s">
        <v>7120</v>
      </c>
      <c r="L1708" s="49" t="e">
        <f>VLOOKUP(E1708&amp;F1708,団体コード!$A$1:$C$1743,3,FALSE)</f>
        <v>#N/A</v>
      </c>
      <c r="M1708" s="49" t="e">
        <f>VLOOKUP(E1708&amp;F1708,団体コード!$A$1:$C$1743,2,FALSE)</f>
        <v>#N/A</v>
      </c>
      <c r="N1708" s="51" t="e">
        <f>VLOOKUP(E1708,団体コード!$E$1:$F$48,2,FALSE)</f>
        <v>#N/A</v>
      </c>
      <c r="O1708" s="51" t="e">
        <f t="shared" si="55"/>
        <v>#N/A</v>
      </c>
      <c r="P1708" s="51">
        <v>1</v>
      </c>
      <c r="Q1708" s="51" t="s">
        <v>5341</v>
      </c>
      <c r="R1708" s="54" t="b">
        <v>1</v>
      </c>
      <c r="S1708" s="52" t="s">
        <v>7126</v>
      </c>
      <c r="T1708" s="67" t="s">
        <v>7127</v>
      </c>
      <c r="U1708" s="75" t="s">
        <v>5331</v>
      </c>
      <c r="V1708" s="47" t="s">
        <v>5331</v>
      </c>
      <c r="W1708" s="47" t="s">
        <v>5331</v>
      </c>
      <c r="X1708" s="47" t="s">
        <v>5331</v>
      </c>
      <c r="Y1708" s="47" t="s">
        <v>5331</v>
      </c>
      <c r="Z1708" s="28"/>
      <c r="AA1708" s="27"/>
      <c r="AB1708" s="27"/>
      <c r="AC1708" s="27"/>
      <c r="AD1708" s="30"/>
      <c r="AE1708" s="1"/>
      <c r="AF1708" s="23" t="s">
        <v>5331</v>
      </c>
      <c r="AG1708" s="26"/>
      <c r="AH1708" s="53"/>
    </row>
    <row r="1709" spans="1:34" ht="51.6" customHeight="1" x14ac:dyDescent="0.45">
      <c r="A1709" s="23">
        <v>1703</v>
      </c>
      <c r="B1709" s="25"/>
      <c r="C1709" s="25"/>
      <c r="D1709" s="29"/>
      <c r="E1709" s="1"/>
      <c r="F1709" s="1"/>
      <c r="G1709" s="25"/>
      <c r="H1709" s="71"/>
      <c r="I1709" s="83"/>
      <c r="J1709" s="50" t="str">
        <f t="shared" si="54"/>
        <v/>
      </c>
      <c r="K1709" s="23" t="s">
        <v>7120</v>
      </c>
      <c r="L1709" s="49" t="e">
        <f>VLOOKUP(E1709&amp;F1709,団体コード!$A$1:$C$1743,3,FALSE)</f>
        <v>#N/A</v>
      </c>
      <c r="M1709" s="49" t="e">
        <f>VLOOKUP(E1709&amp;F1709,団体コード!$A$1:$C$1743,2,FALSE)</f>
        <v>#N/A</v>
      </c>
      <c r="N1709" s="51" t="e">
        <f>VLOOKUP(E1709,団体コード!$E$1:$F$48,2,FALSE)</f>
        <v>#N/A</v>
      </c>
      <c r="O1709" s="51" t="e">
        <f t="shared" si="55"/>
        <v>#N/A</v>
      </c>
      <c r="P1709" s="51">
        <v>1</v>
      </c>
      <c r="Q1709" s="51" t="s">
        <v>5341</v>
      </c>
      <c r="R1709" s="54" t="b">
        <v>1</v>
      </c>
      <c r="S1709" s="52" t="s">
        <v>7126</v>
      </c>
      <c r="T1709" s="67" t="s">
        <v>7127</v>
      </c>
      <c r="U1709" s="75" t="s">
        <v>5331</v>
      </c>
      <c r="V1709" s="47" t="s">
        <v>5331</v>
      </c>
      <c r="W1709" s="47" t="s">
        <v>5331</v>
      </c>
      <c r="X1709" s="47" t="s">
        <v>5331</v>
      </c>
      <c r="Y1709" s="47" t="s">
        <v>5331</v>
      </c>
      <c r="Z1709" s="28"/>
      <c r="AA1709" s="27"/>
      <c r="AB1709" s="27"/>
      <c r="AC1709" s="27"/>
      <c r="AD1709" s="30"/>
      <c r="AE1709" s="1"/>
      <c r="AF1709" s="23" t="s">
        <v>5331</v>
      </c>
      <c r="AG1709" s="26"/>
      <c r="AH1709" s="53"/>
    </row>
    <row r="1710" spans="1:34" ht="51.6" customHeight="1" x14ac:dyDescent="0.45">
      <c r="A1710" s="23">
        <v>1704</v>
      </c>
      <c r="B1710" s="25"/>
      <c r="C1710" s="25"/>
      <c r="D1710" s="29"/>
      <c r="E1710" s="1"/>
      <c r="F1710" s="1"/>
      <c r="G1710" s="25"/>
      <c r="H1710" s="71"/>
      <c r="I1710" s="83"/>
      <c r="J1710" s="50" t="str">
        <f t="shared" si="54"/>
        <v/>
      </c>
      <c r="K1710" s="23" t="s">
        <v>7120</v>
      </c>
      <c r="L1710" s="49" t="e">
        <f>VLOOKUP(E1710&amp;F1710,団体コード!$A$1:$C$1743,3,FALSE)</f>
        <v>#N/A</v>
      </c>
      <c r="M1710" s="49" t="e">
        <f>VLOOKUP(E1710&amp;F1710,団体コード!$A$1:$C$1743,2,FALSE)</f>
        <v>#N/A</v>
      </c>
      <c r="N1710" s="51" t="e">
        <f>VLOOKUP(E1710,団体コード!$E$1:$F$48,2,FALSE)</f>
        <v>#N/A</v>
      </c>
      <c r="O1710" s="51" t="e">
        <f t="shared" si="55"/>
        <v>#N/A</v>
      </c>
      <c r="P1710" s="51">
        <v>1</v>
      </c>
      <c r="Q1710" s="51" t="s">
        <v>5341</v>
      </c>
      <c r="R1710" s="54" t="b">
        <v>1</v>
      </c>
      <c r="S1710" s="52" t="s">
        <v>7126</v>
      </c>
      <c r="T1710" s="67" t="s">
        <v>7127</v>
      </c>
      <c r="U1710" s="75" t="s">
        <v>5331</v>
      </c>
      <c r="V1710" s="47" t="s">
        <v>5331</v>
      </c>
      <c r="W1710" s="47" t="s">
        <v>5331</v>
      </c>
      <c r="X1710" s="47" t="s">
        <v>5331</v>
      </c>
      <c r="Y1710" s="47" t="s">
        <v>5331</v>
      </c>
      <c r="Z1710" s="28"/>
      <c r="AA1710" s="27"/>
      <c r="AB1710" s="27"/>
      <c r="AC1710" s="27"/>
      <c r="AD1710" s="30"/>
      <c r="AE1710" s="1"/>
      <c r="AF1710" s="23" t="s">
        <v>5331</v>
      </c>
      <c r="AG1710" s="26"/>
      <c r="AH1710" s="53"/>
    </row>
    <row r="1711" spans="1:34" ht="51.6" customHeight="1" x14ac:dyDescent="0.45">
      <c r="A1711" s="23">
        <v>1705</v>
      </c>
      <c r="B1711" s="25"/>
      <c r="C1711" s="25"/>
      <c r="D1711" s="29"/>
      <c r="E1711" s="1"/>
      <c r="F1711" s="1"/>
      <c r="G1711" s="25"/>
      <c r="H1711" s="71"/>
      <c r="I1711" s="83"/>
      <c r="J1711" s="50" t="str">
        <f t="shared" si="54"/>
        <v/>
      </c>
      <c r="K1711" s="23" t="s">
        <v>7120</v>
      </c>
      <c r="L1711" s="49" t="e">
        <f>VLOOKUP(E1711&amp;F1711,団体コード!$A$1:$C$1743,3,FALSE)</f>
        <v>#N/A</v>
      </c>
      <c r="M1711" s="49" t="e">
        <f>VLOOKUP(E1711&amp;F1711,団体コード!$A$1:$C$1743,2,FALSE)</f>
        <v>#N/A</v>
      </c>
      <c r="N1711" s="51" t="e">
        <f>VLOOKUP(E1711,団体コード!$E$1:$F$48,2,FALSE)</f>
        <v>#N/A</v>
      </c>
      <c r="O1711" s="51" t="e">
        <f t="shared" si="55"/>
        <v>#N/A</v>
      </c>
      <c r="P1711" s="51">
        <v>1</v>
      </c>
      <c r="Q1711" s="51" t="s">
        <v>5341</v>
      </c>
      <c r="R1711" s="54" t="b">
        <v>1</v>
      </c>
      <c r="S1711" s="52" t="s">
        <v>7126</v>
      </c>
      <c r="T1711" s="67" t="s">
        <v>7127</v>
      </c>
      <c r="U1711" s="75" t="s">
        <v>5331</v>
      </c>
      <c r="V1711" s="47" t="s">
        <v>5331</v>
      </c>
      <c r="W1711" s="47" t="s">
        <v>5331</v>
      </c>
      <c r="X1711" s="47" t="s">
        <v>5331</v>
      </c>
      <c r="Y1711" s="47" t="s">
        <v>5331</v>
      </c>
      <c r="Z1711" s="28"/>
      <c r="AA1711" s="27"/>
      <c r="AB1711" s="27"/>
      <c r="AC1711" s="27"/>
      <c r="AD1711" s="30"/>
      <c r="AE1711" s="1"/>
      <c r="AF1711" s="23" t="s">
        <v>5331</v>
      </c>
      <c r="AG1711" s="26"/>
      <c r="AH1711" s="53"/>
    </row>
    <row r="1712" spans="1:34" ht="51.6" customHeight="1" x14ac:dyDescent="0.45">
      <c r="A1712" s="23">
        <v>1706</v>
      </c>
      <c r="B1712" s="25"/>
      <c r="C1712" s="25"/>
      <c r="D1712" s="29"/>
      <c r="E1712" s="1"/>
      <c r="F1712" s="1"/>
      <c r="G1712" s="25"/>
      <c r="H1712" s="71"/>
      <c r="I1712" s="83"/>
      <c r="J1712" s="50" t="str">
        <f t="shared" si="54"/>
        <v/>
      </c>
      <c r="K1712" s="23" t="s">
        <v>7120</v>
      </c>
      <c r="L1712" s="49" t="e">
        <f>VLOOKUP(E1712&amp;F1712,団体コード!$A$1:$C$1743,3,FALSE)</f>
        <v>#N/A</v>
      </c>
      <c r="M1712" s="49" t="e">
        <f>VLOOKUP(E1712&amp;F1712,団体コード!$A$1:$C$1743,2,FALSE)</f>
        <v>#N/A</v>
      </c>
      <c r="N1712" s="51" t="e">
        <f>VLOOKUP(E1712,団体コード!$E$1:$F$48,2,FALSE)</f>
        <v>#N/A</v>
      </c>
      <c r="O1712" s="51" t="e">
        <f t="shared" si="55"/>
        <v>#N/A</v>
      </c>
      <c r="P1712" s="51">
        <v>1</v>
      </c>
      <c r="Q1712" s="51" t="s">
        <v>5341</v>
      </c>
      <c r="R1712" s="54" t="b">
        <v>1</v>
      </c>
      <c r="S1712" s="52" t="s">
        <v>7126</v>
      </c>
      <c r="T1712" s="67" t="s">
        <v>7127</v>
      </c>
      <c r="U1712" s="75" t="s">
        <v>5331</v>
      </c>
      <c r="V1712" s="47" t="s">
        <v>5331</v>
      </c>
      <c r="W1712" s="47" t="s">
        <v>5331</v>
      </c>
      <c r="X1712" s="47" t="s">
        <v>5331</v>
      </c>
      <c r="Y1712" s="47" t="s">
        <v>5331</v>
      </c>
      <c r="Z1712" s="28"/>
      <c r="AA1712" s="27"/>
      <c r="AB1712" s="27"/>
      <c r="AC1712" s="27"/>
      <c r="AD1712" s="30"/>
      <c r="AE1712" s="1"/>
      <c r="AF1712" s="23" t="s">
        <v>5331</v>
      </c>
      <c r="AG1712" s="26"/>
      <c r="AH1712" s="53"/>
    </row>
    <row r="1713" spans="1:34" ht="51.6" customHeight="1" x14ac:dyDescent="0.45">
      <c r="A1713" s="23">
        <v>1707</v>
      </c>
      <c r="B1713" s="25"/>
      <c r="C1713" s="25"/>
      <c r="D1713" s="29"/>
      <c r="E1713" s="1"/>
      <c r="F1713" s="1"/>
      <c r="G1713" s="25"/>
      <c r="H1713" s="71"/>
      <c r="I1713" s="83"/>
      <c r="J1713" s="50" t="str">
        <f t="shared" si="54"/>
        <v/>
      </c>
      <c r="K1713" s="23" t="s">
        <v>7120</v>
      </c>
      <c r="L1713" s="49" t="e">
        <f>VLOOKUP(E1713&amp;F1713,団体コード!$A$1:$C$1743,3,FALSE)</f>
        <v>#N/A</v>
      </c>
      <c r="M1713" s="49" t="e">
        <f>VLOOKUP(E1713&amp;F1713,団体コード!$A$1:$C$1743,2,FALSE)</f>
        <v>#N/A</v>
      </c>
      <c r="N1713" s="51" t="e">
        <f>VLOOKUP(E1713,団体コード!$E$1:$F$48,2,FALSE)</f>
        <v>#N/A</v>
      </c>
      <c r="O1713" s="51" t="e">
        <f t="shared" si="55"/>
        <v>#N/A</v>
      </c>
      <c r="P1713" s="51">
        <v>1</v>
      </c>
      <c r="Q1713" s="51" t="s">
        <v>5341</v>
      </c>
      <c r="R1713" s="54" t="b">
        <v>1</v>
      </c>
      <c r="S1713" s="52" t="s">
        <v>7126</v>
      </c>
      <c r="T1713" s="67" t="s">
        <v>7127</v>
      </c>
      <c r="U1713" s="75" t="s">
        <v>5331</v>
      </c>
      <c r="V1713" s="47" t="s">
        <v>5331</v>
      </c>
      <c r="W1713" s="47" t="s">
        <v>5331</v>
      </c>
      <c r="X1713" s="47" t="s">
        <v>5331</v>
      </c>
      <c r="Y1713" s="47" t="s">
        <v>5331</v>
      </c>
      <c r="Z1713" s="28"/>
      <c r="AA1713" s="27"/>
      <c r="AB1713" s="27"/>
      <c r="AC1713" s="27"/>
      <c r="AD1713" s="30"/>
      <c r="AE1713" s="1"/>
      <c r="AF1713" s="23" t="s">
        <v>5331</v>
      </c>
      <c r="AG1713" s="26"/>
      <c r="AH1713" s="53"/>
    </row>
    <row r="1714" spans="1:34" ht="51.6" customHeight="1" x14ac:dyDescent="0.45">
      <c r="A1714" s="23">
        <v>1708</v>
      </c>
      <c r="B1714" s="25"/>
      <c r="C1714" s="25"/>
      <c r="D1714" s="29"/>
      <c r="E1714" s="1"/>
      <c r="F1714" s="1"/>
      <c r="G1714" s="25"/>
      <c r="H1714" s="71"/>
      <c r="I1714" s="83"/>
      <c r="J1714" s="50" t="str">
        <f t="shared" si="54"/>
        <v/>
      </c>
      <c r="K1714" s="23" t="s">
        <v>7120</v>
      </c>
      <c r="L1714" s="49" t="e">
        <f>VLOOKUP(E1714&amp;F1714,団体コード!$A$1:$C$1743,3,FALSE)</f>
        <v>#N/A</v>
      </c>
      <c r="M1714" s="49" t="e">
        <f>VLOOKUP(E1714&amp;F1714,団体コード!$A$1:$C$1743,2,FALSE)</f>
        <v>#N/A</v>
      </c>
      <c r="N1714" s="51" t="e">
        <f>VLOOKUP(E1714,団体コード!$E$1:$F$48,2,FALSE)</f>
        <v>#N/A</v>
      </c>
      <c r="O1714" s="51" t="e">
        <f t="shared" si="55"/>
        <v>#N/A</v>
      </c>
      <c r="P1714" s="51">
        <v>1</v>
      </c>
      <c r="Q1714" s="51" t="s">
        <v>5341</v>
      </c>
      <c r="R1714" s="54" t="b">
        <v>1</v>
      </c>
      <c r="S1714" s="52" t="s">
        <v>7126</v>
      </c>
      <c r="T1714" s="67" t="s">
        <v>7127</v>
      </c>
      <c r="U1714" s="75" t="s">
        <v>5331</v>
      </c>
      <c r="V1714" s="47" t="s">
        <v>5331</v>
      </c>
      <c r="W1714" s="47" t="s">
        <v>5331</v>
      </c>
      <c r="X1714" s="47" t="s">
        <v>5331</v>
      </c>
      <c r="Y1714" s="47" t="s">
        <v>5331</v>
      </c>
      <c r="Z1714" s="28"/>
      <c r="AA1714" s="27"/>
      <c r="AB1714" s="27"/>
      <c r="AC1714" s="27"/>
      <c r="AD1714" s="30"/>
      <c r="AE1714" s="1"/>
      <c r="AF1714" s="23" t="s">
        <v>5331</v>
      </c>
      <c r="AG1714" s="26"/>
      <c r="AH1714" s="53"/>
    </row>
    <row r="1715" spans="1:34" ht="51.6" customHeight="1" x14ac:dyDescent="0.45">
      <c r="A1715" s="23">
        <v>1709</v>
      </c>
      <c r="B1715" s="25"/>
      <c r="C1715" s="25"/>
      <c r="D1715" s="29"/>
      <c r="E1715" s="1"/>
      <c r="F1715" s="1"/>
      <c r="G1715" s="25"/>
      <c r="H1715" s="71"/>
      <c r="I1715" s="83"/>
      <c r="J1715" s="50" t="str">
        <f t="shared" si="54"/>
        <v/>
      </c>
      <c r="K1715" s="23" t="s">
        <v>7120</v>
      </c>
      <c r="L1715" s="49" t="e">
        <f>VLOOKUP(E1715&amp;F1715,団体コード!$A$1:$C$1743,3,FALSE)</f>
        <v>#N/A</v>
      </c>
      <c r="M1715" s="49" t="e">
        <f>VLOOKUP(E1715&amp;F1715,団体コード!$A$1:$C$1743,2,FALSE)</f>
        <v>#N/A</v>
      </c>
      <c r="N1715" s="51" t="e">
        <f>VLOOKUP(E1715,団体コード!$E$1:$F$48,2,FALSE)</f>
        <v>#N/A</v>
      </c>
      <c r="O1715" s="51" t="e">
        <f t="shared" si="55"/>
        <v>#N/A</v>
      </c>
      <c r="P1715" s="51">
        <v>1</v>
      </c>
      <c r="Q1715" s="51" t="s">
        <v>5341</v>
      </c>
      <c r="R1715" s="54" t="b">
        <v>1</v>
      </c>
      <c r="S1715" s="52" t="s">
        <v>7126</v>
      </c>
      <c r="T1715" s="67" t="s">
        <v>7127</v>
      </c>
      <c r="U1715" s="75" t="s">
        <v>5331</v>
      </c>
      <c r="V1715" s="47" t="s">
        <v>5331</v>
      </c>
      <c r="W1715" s="47" t="s">
        <v>5331</v>
      </c>
      <c r="X1715" s="47" t="s">
        <v>5331</v>
      </c>
      <c r="Y1715" s="47" t="s">
        <v>5331</v>
      </c>
      <c r="Z1715" s="28"/>
      <c r="AA1715" s="27"/>
      <c r="AB1715" s="27"/>
      <c r="AC1715" s="27"/>
      <c r="AD1715" s="30"/>
      <c r="AE1715" s="1"/>
      <c r="AF1715" s="23" t="s">
        <v>5331</v>
      </c>
      <c r="AG1715" s="26"/>
      <c r="AH1715" s="53"/>
    </row>
    <row r="1716" spans="1:34" ht="51.6" customHeight="1" x14ac:dyDescent="0.45">
      <c r="A1716" s="23">
        <v>1710</v>
      </c>
      <c r="B1716" s="25"/>
      <c r="C1716" s="25"/>
      <c r="D1716" s="29"/>
      <c r="E1716" s="1"/>
      <c r="F1716" s="1"/>
      <c r="G1716" s="25"/>
      <c r="H1716" s="71"/>
      <c r="I1716" s="83"/>
      <c r="J1716" s="50" t="str">
        <f t="shared" si="54"/>
        <v/>
      </c>
      <c r="K1716" s="23" t="s">
        <v>7120</v>
      </c>
      <c r="L1716" s="49" t="e">
        <f>VLOOKUP(E1716&amp;F1716,団体コード!$A$1:$C$1743,3,FALSE)</f>
        <v>#N/A</v>
      </c>
      <c r="M1716" s="49" t="e">
        <f>VLOOKUP(E1716&amp;F1716,団体コード!$A$1:$C$1743,2,FALSE)</f>
        <v>#N/A</v>
      </c>
      <c r="N1716" s="51" t="e">
        <f>VLOOKUP(E1716,団体コード!$E$1:$F$48,2,FALSE)</f>
        <v>#N/A</v>
      </c>
      <c r="O1716" s="51" t="e">
        <f t="shared" si="55"/>
        <v>#N/A</v>
      </c>
      <c r="P1716" s="51">
        <v>1</v>
      </c>
      <c r="Q1716" s="51" t="s">
        <v>5341</v>
      </c>
      <c r="R1716" s="54" t="b">
        <v>1</v>
      </c>
      <c r="S1716" s="52" t="s">
        <v>7126</v>
      </c>
      <c r="T1716" s="67" t="s">
        <v>7127</v>
      </c>
      <c r="U1716" s="75" t="s">
        <v>5331</v>
      </c>
      <c r="V1716" s="47" t="s">
        <v>5331</v>
      </c>
      <c r="W1716" s="47" t="s">
        <v>5331</v>
      </c>
      <c r="X1716" s="47" t="s">
        <v>5331</v>
      </c>
      <c r="Y1716" s="47" t="s">
        <v>5331</v>
      </c>
      <c r="Z1716" s="28"/>
      <c r="AA1716" s="27"/>
      <c r="AB1716" s="27"/>
      <c r="AC1716" s="27"/>
      <c r="AD1716" s="30"/>
      <c r="AE1716" s="1"/>
      <c r="AF1716" s="23" t="s">
        <v>5331</v>
      </c>
      <c r="AG1716" s="26"/>
      <c r="AH1716" s="53"/>
    </row>
    <row r="1717" spans="1:34" ht="51.6" customHeight="1" x14ac:dyDescent="0.45">
      <c r="A1717" s="23">
        <v>1711</v>
      </c>
      <c r="B1717" s="25"/>
      <c r="C1717" s="25"/>
      <c r="D1717" s="29"/>
      <c r="E1717" s="1"/>
      <c r="F1717" s="1"/>
      <c r="G1717" s="25"/>
      <c r="H1717" s="71"/>
      <c r="I1717" s="83"/>
      <c r="J1717" s="50" t="str">
        <f t="shared" si="54"/>
        <v/>
      </c>
      <c r="K1717" s="23" t="s">
        <v>7120</v>
      </c>
      <c r="L1717" s="49" t="e">
        <f>VLOOKUP(E1717&amp;F1717,団体コード!$A$1:$C$1743,3,FALSE)</f>
        <v>#N/A</v>
      </c>
      <c r="M1717" s="49" t="e">
        <f>VLOOKUP(E1717&amp;F1717,団体コード!$A$1:$C$1743,2,FALSE)</f>
        <v>#N/A</v>
      </c>
      <c r="N1717" s="51" t="e">
        <f>VLOOKUP(E1717,団体コード!$E$1:$F$48,2,FALSE)</f>
        <v>#N/A</v>
      </c>
      <c r="O1717" s="51" t="e">
        <f t="shared" si="55"/>
        <v>#N/A</v>
      </c>
      <c r="P1717" s="51">
        <v>1</v>
      </c>
      <c r="Q1717" s="51" t="s">
        <v>5341</v>
      </c>
      <c r="R1717" s="54" t="b">
        <v>1</v>
      </c>
      <c r="S1717" s="52" t="s">
        <v>7126</v>
      </c>
      <c r="T1717" s="67" t="s">
        <v>7127</v>
      </c>
      <c r="U1717" s="75" t="s">
        <v>5331</v>
      </c>
      <c r="V1717" s="47" t="s">
        <v>5331</v>
      </c>
      <c r="W1717" s="47" t="s">
        <v>5331</v>
      </c>
      <c r="X1717" s="47" t="s">
        <v>5331</v>
      </c>
      <c r="Y1717" s="47" t="s">
        <v>5331</v>
      </c>
      <c r="Z1717" s="28"/>
      <c r="AA1717" s="27"/>
      <c r="AB1717" s="27"/>
      <c r="AC1717" s="27"/>
      <c r="AD1717" s="30"/>
      <c r="AE1717" s="1"/>
      <c r="AF1717" s="23" t="s">
        <v>5331</v>
      </c>
      <c r="AG1717" s="26"/>
      <c r="AH1717" s="53"/>
    </row>
    <row r="1718" spans="1:34" ht="51.6" customHeight="1" x14ac:dyDescent="0.45">
      <c r="A1718" s="23">
        <v>1712</v>
      </c>
      <c r="B1718" s="25"/>
      <c r="C1718" s="25"/>
      <c r="D1718" s="29"/>
      <c r="E1718" s="1"/>
      <c r="F1718" s="1"/>
      <c r="G1718" s="25"/>
      <c r="H1718" s="71"/>
      <c r="I1718" s="83"/>
      <c r="J1718" s="50" t="str">
        <f t="shared" si="54"/>
        <v/>
      </c>
      <c r="K1718" s="23" t="s">
        <v>7120</v>
      </c>
      <c r="L1718" s="49" t="e">
        <f>VLOOKUP(E1718&amp;F1718,団体コード!$A$1:$C$1743,3,FALSE)</f>
        <v>#N/A</v>
      </c>
      <c r="M1718" s="49" t="e">
        <f>VLOOKUP(E1718&amp;F1718,団体コード!$A$1:$C$1743,2,FALSE)</f>
        <v>#N/A</v>
      </c>
      <c r="N1718" s="51" t="e">
        <f>VLOOKUP(E1718,団体コード!$E$1:$F$48,2,FALSE)</f>
        <v>#N/A</v>
      </c>
      <c r="O1718" s="51" t="e">
        <f t="shared" si="55"/>
        <v>#N/A</v>
      </c>
      <c r="P1718" s="51">
        <v>1</v>
      </c>
      <c r="Q1718" s="51" t="s">
        <v>5341</v>
      </c>
      <c r="R1718" s="54" t="b">
        <v>1</v>
      </c>
      <c r="S1718" s="52" t="s">
        <v>7126</v>
      </c>
      <c r="T1718" s="67" t="s">
        <v>7127</v>
      </c>
      <c r="U1718" s="75" t="s">
        <v>5331</v>
      </c>
      <c r="V1718" s="47" t="s">
        <v>5331</v>
      </c>
      <c r="W1718" s="47" t="s">
        <v>5331</v>
      </c>
      <c r="X1718" s="47" t="s">
        <v>5331</v>
      </c>
      <c r="Y1718" s="47" t="s">
        <v>5331</v>
      </c>
      <c r="Z1718" s="28"/>
      <c r="AA1718" s="27"/>
      <c r="AB1718" s="27"/>
      <c r="AC1718" s="27"/>
      <c r="AD1718" s="30"/>
      <c r="AE1718" s="1"/>
      <c r="AF1718" s="23" t="s">
        <v>5331</v>
      </c>
      <c r="AG1718" s="26"/>
      <c r="AH1718" s="53"/>
    </row>
    <row r="1719" spans="1:34" ht="51.6" customHeight="1" x14ac:dyDescent="0.45">
      <c r="A1719" s="23">
        <v>1713</v>
      </c>
      <c r="B1719" s="25"/>
      <c r="C1719" s="25"/>
      <c r="D1719" s="29"/>
      <c r="E1719" s="1"/>
      <c r="F1719" s="1"/>
      <c r="G1719" s="25"/>
      <c r="H1719" s="71"/>
      <c r="I1719" s="83"/>
      <c r="J1719" s="50" t="str">
        <f t="shared" si="54"/>
        <v/>
      </c>
      <c r="K1719" s="23" t="s">
        <v>7120</v>
      </c>
      <c r="L1719" s="49" t="e">
        <f>VLOOKUP(E1719&amp;F1719,団体コード!$A$1:$C$1743,3,FALSE)</f>
        <v>#N/A</v>
      </c>
      <c r="M1719" s="49" t="e">
        <f>VLOOKUP(E1719&amp;F1719,団体コード!$A$1:$C$1743,2,FALSE)</f>
        <v>#N/A</v>
      </c>
      <c r="N1719" s="51" t="e">
        <f>VLOOKUP(E1719,団体コード!$E$1:$F$48,2,FALSE)</f>
        <v>#N/A</v>
      </c>
      <c r="O1719" s="51" t="e">
        <f t="shared" si="55"/>
        <v>#N/A</v>
      </c>
      <c r="P1719" s="51">
        <v>1</v>
      </c>
      <c r="Q1719" s="51" t="s">
        <v>5341</v>
      </c>
      <c r="R1719" s="54" t="b">
        <v>1</v>
      </c>
      <c r="S1719" s="52" t="s">
        <v>7126</v>
      </c>
      <c r="T1719" s="67" t="s">
        <v>7127</v>
      </c>
      <c r="U1719" s="75" t="s">
        <v>5331</v>
      </c>
      <c r="V1719" s="47" t="s">
        <v>5331</v>
      </c>
      <c r="W1719" s="47" t="s">
        <v>5331</v>
      </c>
      <c r="X1719" s="47" t="s">
        <v>5331</v>
      </c>
      <c r="Y1719" s="47" t="s">
        <v>5331</v>
      </c>
      <c r="Z1719" s="28"/>
      <c r="AA1719" s="27"/>
      <c r="AB1719" s="27"/>
      <c r="AC1719" s="27"/>
      <c r="AD1719" s="30"/>
      <c r="AE1719" s="1"/>
      <c r="AF1719" s="23" t="s">
        <v>5331</v>
      </c>
      <c r="AG1719" s="26"/>
      <c r="AH1719" s="53"/>
    </row>
    <row r="1720" spans="1:34" ht="51.6" customHeight="1" x14ac:dyDescent="0.45">
      <c r="A1720" s="23">
        <v>1714</v>
      </c>
      <c r="B1720" s="25"/>
      <c r="C1720" s="25"/>
      <c r="D1720" s="29"/>
      <c r="E1720" s="1"/>
      <c r="F1720" s="1"/>
      <c r="G1720" s="25"/>
      <c r="H1720" s="71"/>
      <c r="I1720" s="83"/>
      <c r="J1720" s="50" t="str">
        <f t="shared" si="54"/>
        <v/>
      </c>
      <c r="K1720" s="23" t="s">
        <v>7120</v>
      </c>
      <c r="L1720" s="49" t="e">
        <f>VLOOKUP(E1720&amp;F1720,団体コード!$A$1:$C$1743,3,FALSE)</f>
        <v>#N/A</v>
      </c>
      <c r="M1720" s="49" t="e">
        <f>VLOOKUP(E1720&amp;F1720,団体コード!$A$1:$C$1743,2,FALSE)</f>
        <v>#N/A</v>
      </c>
      <c r="N1720" s="51" t="e">
        <f>VLOOKUP(E1720,団体コード!$E$1:$F$48,2,FALSE)</f>
        <v>#N/A</v>
      </c>
      <c r="O1720" s="51" t="e">
        <f t="shared" si="55"/>
        <v>#N/A</v>
      </c>
      <c r="P1720" s="51">
        <v>1</v>
      </c>
      <c r="Q1720" s="51" t="s">
        <v>5341</v>
      </c>
      <c r="R1720" s="54" t="b">
        <v>1</v>
      </c>
      <c r="S1720" s="52" t="s">
        <v>7126</v>
      </c>
      <c r="T1720" s="67" t="s">
        <v>7127</v>
      </c>
      <c r="U1720" s="75" t="s">
        <v>5331</v>
      </c>
      <c r="V1720" s="47" t="s">
        <v>5331</v>
      </c>
      <c r="W1720" s="47" t="s">
        <v>5331</v>
      </c>
      <c r="X1720" s="47" t="s">
        <v>5331</v>
      </c>
      <c r="Y1720" s="47" t="s">
        <v>5331</v>
      </c>
      <c r="Z1720" s="28"/>
      <c r="AA1720" s="27"/>
      <c r="AB1720" s="27"/>
      <c r="AC1720" s="27"/>
      <c r="AD1720" s="30"/>
      <c r="AE1720" s="1"/>
      <c r="AF1720" s="23" t="s">
        <v>5331</v>
      </c>
      <c r="AG1720" s="26"/>
      <c r="AH1720" s="53"/>
    </row>
    <row r="1721" spans="1:34" ht="51.6" customHeight="1" x14ac:dyDescent="0.45">
      <c r="A1721" s="23">
        <v>1715</v>
      </c>
      <c r="B1721" s="25"/>
      <c r="C1721" s="25"/>
      <c r="D1721" s="29"/>
      <c r="E1721" s="1"/>
      <c r="F1721" s="1"/>
      <c r="G1721" s="25"/>
      <c r="H1721" s="71"/>
      <c r="I1721" s="83"/>
      <c r="J1721" s="50" t="str">
        <f t="shared" si="54"/>
        <v/>
      </c>
      <c r="K1721" s="23" t="s">
        <v>7120</v>
      </c>
      <c r="L1721" s="49" t="e">
        <f>VLOOKUP(E1721&amp;F1721,団体コード!$A$1:$C$1743,3,FALSE)</f>
        <v>#N/A</v>
      </c>
      <c r="M1721" s="49" t="e">
        <f>VLOOKUP(E1721&amp;F1721,団体コード!$A$1:$C$1743,2,FALSE)</f>
        <v>#N/A</v>
      </c>
      <c r="N1721" s="51" t="e">
        <f>VLOOKUP(E1721,団体コード!$E$1:$F$48,2,FALSE)</f>
        <v>#N/A</v>
      </c>
      <c r="O1721" s="51" t="e">
        <f t="shared" si="55"/>
        <v>#N/A</v>
      </c>
      <c r="P1721" s="51">
        <v>1</v>
      </c>
      <c r="Q1721" s="51" t="s">
        <v>5341</v>
      </c>
      <c r="R1721" s="54" t="b">
        <v>1</v>
      </c>
      <c r="S1721" s="52" t="s">
        <v>7126</v>
      </c>
      <c r="T1721" s="67" t="s">
        <v>7127</v>
      </c>
      <c r="U1721" s="75" t="s">
        <v>5331</v>
      </c>
      <c r="V1721" s="47" t="s">
        <v>5331</v>
      </c>
      <c r="W1721" s="47" t="s">
        <v>5331</v>
      </c>
      <c r="X1721" s="47" t="s">
        <v>5331</v>
      </c>
      <c r="Y1721" s="47" t="s">
        <v>5331</v>
      </c>
      <c r="Z1721" s="28"/>
      <c r="AA1721" s="27"/>
      <c r="AB1721" s="27"/>
      <c r="AC1721" s="27"/>
      <c r="AD1721" s="30"/>
      <c r="AE1721" s="1"/>
      <c r="AF1721" s="23" t="s">
        <v>5331</v>
      </c>
      <c r="AG1721" s="26"/>
      <c r="AH1721" s="53"/>
    </row>
    <row r="1722" spans="1:34" ht="51.6" customHeight="1" x14ac:dyDescent="0.45">
      <c r="A1722" s="23">
        <v>1716</v>
      </c>
      <c r="B1722" s="25"/>
      <c r="C1722" s="25"/>
      <c r="D1722" s="29"/>
      <c r="E1722" s="1"/>
      <c r="F1722" s="1"/>
      <c r="G1722" s="25"/>
      <c r="H1722" s="71"/>
      <c r="I1722" s="83"/>
      <c r="J1722" s="50" t="str">
        <f t="shared" si="54"/>
        <v/>
      </c>
      <c r="K1722" s="23" t="s">
        <v>7120</v>
      </c>
      <c r="L1722" s="49" t="e">
        <f>VLOOKUP(E1722&amp;F1722,団体コード!$A$1:$C$1743,3,FALSE)</f>
        <v>#N/A</v>
      </c>
      <c r="M1722" s="49" t="e">
        <f>VLOOKUP(E1722&amp;F1722,団体コード!$A$1:$C$1743,2,FALSE)</f>
        <v>#N/A</v>
      </c>
      <c r="N1722" s="51" t="e">
        <f>VLOOKUP(E1722,団体コード!$E$1:$F$48,2,FALSE)</f>
        <v>#N/A</v>
      </c>
      <c r="O1722" s="51" t="e">
        <f t="shared" si="55"/>
        <v>#N/A</v>
      </c>
      <c r="P1722" s="51">
        <v>1</v>
      </c>
      <c r="Q1722" s="51" t="s">
        <v>5341</v>
      </c>
      <c r="R1722" s="54" t="b">
        <v>1</v>
      </c>
      <c r="S1722" s="52" t="s">
        <v>7126</v>
      </c>
      <c r="T1722" s="67" t="s">
        <v>7127</v>
      </c>
      <c r="U1722" s="75" t="s">
        <v>5331</v>
      </c>
      <c r="V1722" s="47" t="s">
        <v>5331</v>
      </c>
      <c r="W1722" s="47" t="s">
        <v>5331</v>
      </c>
      <c r="X1722" s="47" t="s">
        <v>5331</v>
      </c>
      <c r="Y1722" s="47" t="s">
        <v>5331</v>
      </c>
      <c r="Z1722" s="28"/>
      <c r="AA1722" s="27"/>
      <c r="AB1722" s="27"/>
      <c r="AC1722" s="27"/>
      <c r="AD1722" s="30"/>
      <c r="AE1722" s="1"/>
      <c r="AF1722" s="23" t="s">
        <v>5331</v>
      </c>
      <c r="AG1722" s="26"/>
      <c r="AH1722" s="53"/>
    </row>
    <row r="1723" spans="1:34" ht="51.6" customHeight="1" x14ac:dyDescent="0.45">
      <c r="A1723" s="23">
        <v>1717</v>
      </c>
      <c r="B1723" s="25"/>
      <c r="C1723" s="25"/>
      <c r="D1723" s="29"/>
      <c r="E1723" s="1"/>
      <c r="F1723" s="1"/>
      <c r="G1723" s="25"/>
      <c r="H1723" s="71"/>
      <c r="I1723" s="83"/>
      <c r="J1723" s="50" t="str">
        <f t="shared" si="54"/>
        <v/>
      </c>
      <c r="K1723" s="23" t="s">
        <v>7120</v>
      </c>
      <c r="L1723" s="49" t="e">
        <f>VLOOKUP(E1723&amp;F1723,団体コード!$A$1:$C$1743,3,FALSE)</f>
        <v>#N/A</v>
      </c>
      <c r="M1723" s="49" t="e">
        <f>VLOOKUP(E1723&amp;F1723,団体コード!$A$1:$C$1743,2,FALSE)</f>
        <v>#N/A</v>
      </c>
      <c r="N1723" s="51" t="e">
        <f>VLOOKUP(E1723,団体コード!$E$1:$F$48,2,FALSE)</f>
        <v>#N/A</v>
      </c>
      <c r="O1723" s="51" t="e">
        <f t="shared" si="55"/>
        <v>#N/A</v>
      </c>
      <c r="P1723" s="51">
        <v>1</v>
      </c>
      <c r="Q1723" s="51" t="s">
        <v>5341</v>
      </c>
      <c r="R1723" s="54" t="b">
        <v>1</v>
      </c>
      <c r="S1723" s="52" t="s">
        <v>7126</v>
      </c>
      <c r="T1723" s="67" t="s">
        <v>7127</v>
      </c>
      <c r="U1723" s="75" t="s">
        <v>5331</v>
      </c>
      <c r="V1723" s="47" t="s">
        <v>5331</v>
      </c>
      <c r="W1723" s="47" t="s">
        <v>5331</v>
      </c>
      <c r="X1723" s="47" t="s">
        <v>5331</v>
      </c>
      <c r="Y1723" s="47" t="s">
        <v>5331</v>
      </c>
      <c r="Z1723" s="28"/>
      <c r="AA1723" s="27"/>
      <c r="AB1723" s="27"/>
      <c r="AC1723" s="27"/>
      <c r="AD1723" s="30"/>
      <c r="AE1723" s="1"/>
      <c r="AF1723" s="23" t="s">
        <v>5331</v>
      </c>
      <c r="AG1723" s="26"/>
      <c r="AH1723" s="53"/>
    </row>
    <row r="1724" spans="1:34" ht="51.6" customHeight="1" x14ac:dyDescent="0.45">
      <c r="A1724" s="23">
        <v>1718</v>
      </c>
      <c r="B1724" s="25"/>
      <c r="C1724" s="25"/>
      <c r="D1724" s="29"/>
      <c r="E1724" s="1"/>
      <c r="F1724" s="1"/>
      <c r="G1724" s="25"/>
      <c r="H1724" s="71"/>
      <c r="I1724" s="83"/>
      <c r="J1724" s="50" t="str">
        <f t="shared" si="54"/>
        <v/>
      </c>
      <c r="K1724" s="23" t="s">
        <v>7120</v>
      </c>
      <c r="L1724" s="49" t="e">
        <f>VLOOKUP(E1724&amp;F1724,団体コード!$A$1:$C$1743,3,FALSE)</f>
        <v>#N/A</v>
      </c>
      <c r="M1724" s="49" t="e">
        <f>VLOOKUP(E1724&amp;F1724,団体コード!$A$1:$C$1743,2,FALSE)</f>
        <v>#N/A</v>
      </c>
      <c r="N1724" s="51" t="e">
        <f>VLOOKUP(E1724,団体コード!$E$1:$F$48,2,FALSE)</f>
        <v>#N/A</v>
      </c>
      <c r="O1724" s="51" t="e">
        <f t="shared" si="55"/>
        <v>#N/A</v>
      </c>
      <c r="P1724" s="51">
        <v>1</v>
      </c>
      <c r="Q1724" s="51" t="s">
        <v>5341</v>
      </c>
      <c r="R1724" s="54" t="b">
        <v>1</v>
      </c>
      <c r="S1724" s="52" t="s">
        <v>7126</v>
      </c>
      <c r="T1724" s="67" t="s">
        <v>7127</v>
      </c>
      <c r="U1724" s="75" t="s">
        <v>5331</v>
      </c>
      <c r="V1724" s="47" t="s">
        <v>5331</v>
      </c>
      <c r="W1724" s="47" t="s">
        <v>5331</v>
      </c>
      <c r="X1724" s="47" t="s">
        <v>5331</v>
      </c>
      <c r="Y1724" s="47" t="s">
        <v>5331</v>
      </c>
      <c r="Z1724" s="28"/>
      <c r="AA1724" s="27"/>
      <c r="AB1724" s="27"/>
      <c r="AC1724" s="27"/>
      <c r="AD1724" s="30"/>
      <c r="AE1724" s="1"/>
      <c r="AF1724" s="23" t="s">
        <v>5331</v>
      </c>
      <c r="AG1724" s="26"/>
      <c r="AH1724" s="53"/>
    </row>
    <row r="1725" spans="1:34" ht="51.6" customHeight="1" x14ac:dyDescent="0.45">
      <c r="A1725" s="23">
        <v>1719</v>
      </c>
      <c r="B1725" s="25"/>
      <c r="C1725" s="25"/>
      <c r="D1725" s="29"/>
      <c r="E1725" s="1"/>
      <c r="F1725" s="1"/>
      <c r="G1725" s="25"/>
      <c r="H1725" s="71"/>
      <c r="I1725" s="83"/>
      <c r="J1725" s="50" t="str">
        <f t="shared" si="54"/>
        <v/>
      </c>
      <c r="K1725" s="23" t="s">
        <v>7120</v>
      </c>
      <c r="L1725" s="49" t="e">
        <f>VLOOKUP(E1725&amp;F1725,団体コード!$A$1:$C$1743,3,FALSE)</f>
        <v>#N/A</v>
      </c>
      <c r="M1725" s="49" t="e">
        <f>VLOOKUP(E1725&amp;F1725,団体コード!$A$1:$C$1743,2,FALSE)</f>
        <v>#N/A</v>
      </c>
      <c r="N1725" s="51" t="e">
        <f>VLOOKUP(E1725,団体コード!$E$1:$F$48,2,FALSE)</f>
        <v>#N/A</v>
      </c>
      <c r="O1725" s="51" t="e">
        <f t="shared" si="55"/>
        <v>#N/A</v>
      </c>
      <c r="P1725" s="51">
        <v>1</v>
      </c>
      <c r="Q1725" s="51" t="s">
        <v>5341</v>
      </c>
      <c r="R1725" s="54" t="b">
        <v>1</v>
      </c>
      <c r="S1725" s="52" t="s">
        <v>7126</v>
      </c>
      <c r="T1725" s="67" t="s">
        <v>7127</v>
      </c>
      <c r="U1725" s="75" t="s">
        <v>5331</v>
      </c>
      <c r="V1725" s="47" t="s">
        <v>5331</v>
      </c>
      <c r="W1725" s="47" t="s">
        <v>5331</v>
      </c>
      <c r="X1725" s="47" t="s">
        <v>5331</v>
      </c>
      <c r="Y1725" s="47" t="s">
        <v>5331</v>
      </c>
      <c r="Z1725" s="28"/>
      <c r="AA1725" s="27"/>
      <c r="AB1725" s="27"/>
      <c r="AC1725" s="27"/>
      <c r="AD1725" s="30"/>
      <c r="AE1725" s="1"/>
      <c r="AF1725" s="23" t="s">
        <v>5331</v>
      </c>
      <c r="AG1725" s="26"/>
      <c r="AH1725" s="53"/>
    </row>
    <row r="1726" spans="1:34" ht="51.6" customHeight="1" x14ac:dyDescent="0.45">
      <c r="A1726" s="23">
        <v>1720</v>
      </c>
      <c r="B1726" s="25"/>
      <c r="C1726" s="25"/>
      <c r="D1726" s="29"/>
      <c r="E1726" s="1"/>
      <c r="F1726" s="1"/>
      <c r="G1726" s="25"/>
      <c r="H1726" s="71"/>
      <c r="I1726" s="83"/>
      <c r="J1726" s="50" t="str">
        <f t="shared" si="54"/>
        <v/>
      </c>
      <c r="K1726" s="23" t="s">
        <v>7120</v>
      </c>
      <c r="L1726" s="49" t="e">
        <f>VLOOKUP(E1726&amp;F1726,団体コード!$A$1:$C$1743,3,FALSE)</f>
        <v>#N/A</v>
      </c>
      <c r="M1726" s="49" t="e">
        <f>VLOOKUP(E1726&amp;F1726,団体コード!$A$1:$C$1743,2,FALSE)</f>
        <v>#N/A</v>
      </c>
      <c r="N1726" s="51" t="e">
        <f>VLOOKUP(E1726,団体コード!$E$1:$F$48,2,FALSE)</f>
        <v>#N/A</v>
      </c>
      <c r="O1726" s="51" t="e">
        <f t="shared" si="55"/>
        <v>#N/A</v>
      </c>
      <c r="P1726" s="51">
        <v>1</v>
      </c>
      <c r="Q1726" s="51" t="s">
        <v>5341</v>
      </c>
      <c r="R1726" s="54" t="b">
        <v>1</v>
      </c>
      <c r="S1726" s="52" t="s">
        <v>7126</v>
      </c>
      <c r="T1726" s="67" t="s">
        <v>7127</v>
      </c>
      <c r="U1726" s="75" t="s">
        <v>5331</v>
      </c>
      <c r="V1726" s="47" t="s">
        <v>5331</v>
      </c>
      <c r="W1726" s="47" t="s">
        <v>5331</v>
      </c>
      <c r="X1726" s="47" t="s">
        <v>5331</v>
      </c>
      <c r="Y1726" s="47" t="s">
        <v>5331</v>
      </c>
      <c r="Z1726" s="28"/>
      <c r="AA1726" s="27"/>
      <c r="AB1726" s="27"/>
      <c r="AC1726" s="27"/>
      <c r="AD1726" s="30"/>
      <c r="AE1726" s="1"/>
      <c r="AF1726" s="23" t="s">
        <v>5331</v>
      </c>
      <c r="AG1726" s="26"/>
      <c r="AH1726" s="53"/>
    </row>
    <row r="1727" spans="1:34" ht="51.6" customHeight="1" x14ac:dyDescent="0.45">
      <c r="A1727" s="23">
        <v>1721</v>
      </c>
      <c r="B1727" s="25"/>
      <c r="C1727" s="25"/>
      <c r="D1727" s="29"/>
      <c r="E1727" s="1"/>
      <c r="F1727" s="1"/>
      <c r="G1727" s="25"/>
      <c r="H1727" s="71"/>
      <c r="I1727" s="83"/>
      <c r="J1727" s="50" t="str">
        <f t="shared" si="54"/>
        <v/>
      </c>
      <c r="K1727" s="23" t="s">
        <v>7120</v>
      </c>
      <c r="L1727" s="49" t="e">
        <f>VLOOKUP(E1727&amp;F1727,団体コード!$A$1:$C$1743,3,FALSE)</f>
        <v>#N/A</v>
      </c>
      <c r="M1727" s="49" t="e">
        <f>VLOOKUP(E1727&amp;F1727,団体コード!$A$1:$C$1743,2,FALSE)</f>
        <v>#N/A</v>
      </c>
      <c r="N1727" s="51" t="e">
        <f>VLOOKUP(E1727,団体コード!$E$1:$F$48,2,FALSE)</f>
        <v>#N/A</v>
      </c>
      <c r="O1727" s="51" t="e">
        <f t="shared" si="55"/>
        <v>#N/A</v>
      </c>
      <c r="P1727" s="51">
        <v>1</v>
      </c>
      <c r="Q1727" s="51" t="s">
        <v>5341</v>
      </c>
      <c r="R1727" s="54" t="b">
        <v>1</v>
      </c>
      <c r="S1727" s="52" t="s">
        <v>7126</v>
      </c>
      <c r="T1727" s="67" t="s">
        <v>7127</v>
      </c>
      <c r="U1727" s="75" t="s">
        <v>5331</v>
      </c>
      <c r="V1727" s="47" t="s">
        <v>5331</v>
      </c>
      <c r="W1727" s="47" t="s">
        <v>5331</v>
      </c>
      <c r="X1727" s="47" t="s">
        <v>5331</v>
      </c>
      <c r="Y1727" s="47" t="s">
        <v>5331</v>
      </c>
      <c r="Z1727" s="28"/>
      <c r="AA1727" s="27"/>
      <c r="AB1727" s="27"/>
      <c r="AC1727" s="27"/>
      <c r="AD1727" s="30"/>
      <c r="AE1727" s="1"/>
      <c r="AF1727" s="23" t="s">
        <v>5331</v>
      </c>
      <c r="AG1727" s="26"/>
      <c r="AH1727" s="53"/>
    </row>
    <row r="1728" spans="1:34" ht="51.6" customHeight="1" x14ac:dyDescent="0.45">
      <c r="A1728" s="23">
        <v>1722</v>
      </c>
      <c r="B1728" s="25"/>
      <c r="C1728" s="25"/>
      <c r="D1728" s="29"/>
      <c r="E1728" s="1"/>
      <c r="F1728" s="1"/>
      <c r="G1728" s="25"/>
      <c r="H1728" s="71"/>
      <c r="I1728" s="83"/>
      <c r="J1728" s="50" t="str">
        <f t="shared" si="54"/>
        <v/>
      </c>
      <c r="K1728" s="23" t="s">
        <v>7120</v>
      </c>
      <c r="L1728" s="49" t="e">
        <f>VLOOKUP(E1728&amp;F1728,団体コード!$A$1:$C$1743,3,FALSE)</f>
        <v>#N/A</v>
      </c>
      <c r="M1728" s="49" t="e">
        <f>VLOOKUP(E1728&amp;F1728,団体コード!$A$1:$C$1743,2,FALSE)</f>
        <v>#N/A</v>
      </c>
      <c r="N1728" s="51" t="e">
        <f>VLOOKUP(E1728,団体コード!$E$1:$F$48,2,FALSE)</f>
        <v>#N/A</v>
      </c>
      <c r="O1728" s="51" t="e">
        <f t="shared" si="55"/>
        <v>#N/A</v>
      </c>
      <c r="P1728" s="51">
        <v>1</v>
      </c>
      <c r="Q1728" s="51" t="s">
        <v>5341</v>
      </c>
      <c r="R1728" s="54" t="b">
        <v>1</v>
      </c>
      <c r="S1728" s="52" t="s">
        <v>7126</v>
      </c>
      <c r="T1728" s="67" t="s">
        <v>7127</v>
      </c>
      <c r="U1728" s="75" t="s">
        <v>5331</v>
      </c>
      <c r="V1728" s="47" t="s">
        <v>5331</v>
      </c>
      <c r="W1728" s="47" t="s">
        <v>5331</v>
      </c>
      <c r="X1728" s="47" t="s">
        <v>5331</v>
      </c>
      <c r="Y1728" s="47" t="s">
        <v>5331</v>
      </c>
      <c r="Z1728" s="28"/>
      <c r="AA1728" s="27"/>
      <c r="AB1728" s="27"/>
      <c r="AC1728" s="27"/>
      <c r="AD1728" s="30"/>
      <c r="AE1728" s="1"/>
      <c r="AF1728" s="23" t="s">
        <v>5331</v>
      </c>
      <c r="AG1728" s="26"/>
      <c r="AH1728" s="53"/>
    </row>
    <row r="1729" spans="1:34" ht="51.6" customHeight="1" x14ac:dyDescent="0.45">
      <c r="A1729" s="23">
        <v>1723</v>
      </c>
      <c r="B1729" s="25"/>
      <c r="C1729" s="25"/>
      <c r="D1729" s="29"/>
      <c r="E1729" s="1"/>
      <c r="F1729" s="1"/>
      <c r="G1729" s="25"/>
      <c r="H1729" s="71"/>
      <c r="I1729" s="83"/>
      <c r="J1729" s="50" t="str">
        <f t="shared" si="54"/>
        <v/>
      </c>
      <c r="K1729" s="23" t="s">
        <v>7120</v>
      </c>
      <c r="L1729" s="49" t="e">
        <f>VLOOKUP(E1729&amp;F1729,団体コード!$A$1:$C$1743,3,FALSE)</f>
        <v>#N/A</v>
      </c>
      <c r="M1729" s="49" t="e">
        <f>VLOOKUP(E1729&amp;F1729,団体コード!$A$1:$C$1743,2,FALSE)</f>
        <v>#N/A</v>
      </c>
      <c r="N1729" s="51" t="e">
        <f>VLOOKUP(E1729,団体コード!$E$1:$F$48,2,FALSE)</f>
        <v>#N/A</v>
      </c>
      <c r="O1729" s="51" t="e">
        <f t="shared" si="55"/>
        <v>#N/A</v>
      </c>
      <c r="P1729" s="51">
        <v>1</v>
      </c>
      <c r="Q1729" s="51" t="s">
        <v>5341</v>
      </c>
      <c r="R1729" s="54" t="b">
        <v>1</v>
      </c>
      <c r="S1729" s="52" t="s">
        <v>7126</v>
      </c>
      <c r="T1729" s="67" t="s">
        <v>7127</v>
      </c>
      <c r="U1729" s="75" t="s">
        <v>5331</v>
      </c>
      <c r="V1729" s="47" t="s">
        <v>5331</v>
      </c>
      <c r="W1729" s="47" t="s">
        <v>5331</v>
      </c>
      <c r="X1729" s="47" t="s">
        <v>5331</v>
      </c>
      <c r="Y1729" s="47" t="s">
        <v>5331</v>
      </c>
      <c r="Z1729" s="28"/>
      <c r="AA1729" s="27"/>
      <c r="AB1729" s="27"/>
      <c r="AC1729" s="27"/>
      <c r="AD1729" s="30"/>
      <c r="AE1729" s="1"/>
      <c r="AF1729" s="23" t="s">
        <v>5331</v>
      </c>
      <c r="AG1729" s="26"/>
      <c r="AH1729" s="53"/>
    </row>
    <row r="1730" spans="1:34" ht="51.6" customHeight="1" x14ac:dyDescent="0.45">
      <c r="A1730" s="23">
        <v>1724</v>
      </c>
      <c r="B1730" s="25"/>
      <c r="C1730" s="25"/>
      <c r="D1730" s="29"/>
      <c r="E1730" s="1"/>
      <c r="F1730" s="1"/>
      <c r="G1730" s="25"/>
      <c r="H1730" s="71"/>
      <c r="I1730" s="83"/>
      <c r="J1730" s="50" t="str">
        <f t="shared" si="54"/>
        <v/>
      </c>
      <c r="K1730" s="23" t="s">
        <v>7120</v>
      </c>
      <c r="L1730" s="49" t="e">
        <f>VLOOKUP(E1730&amp;F1730,団体コード!$A$1:$C$1743,3,FALSE)</f>
        <v>#N/A</v>
      </c>
      <c r="M1730" s="49" t="e">
        <f>VLOOKUP(E1730&amp;F1730,団体コード!$A$1:$C$1743,2,FALSE)</f>
        <v>#N/A</v>
      </c>
      <c r="N1730" s="51" t="e">
        <f>VLOOKUP(E1730,団体コード!$E$1:$F$48,2,FALSE)</f>
        <v>#N/A</v>
      </c>
      <c r="O1730" s="51" t="e">
        <f t="shared" si="55"/>
        <v>#N/A</v>
      </c>
      <c r="P1730" s="51">
        <v>1</v>
      </c>
      <c r="Q1730" s="51" t="s">
        <v>5341</v>
      </c>
      <c r="R1730" s="54" t="b">
        <v>1</v>
      </c>
      <c r="S1730" s="52" t="s">
        <v>7126</v>
      </c>
      <c r="T1730" s="67" t="s">
        <v>7127</v>
      </c>
      <c r="U1730" s="75" t="s">
        <v>5331</v>
      </c>
      <c r="V1730" s="47" t="s">
        <v>5331</v>
      </c>
      <c r="W1730" s="47" t="s">
        <v>5331</v>
      </c>
      <c r="X1730" s="47" t="s">
        <v>5331</v>
      </c>
      <c r="Y1730" s="47" t="s">
        <v>5331</v>
      </c>
      <c r="Z1730" s="28"/>
      <c r="AA1730" s="27"/>
      <c r="AB1730" s="27"/>
      <c r="AC1730" s="27"/>
      <c r="AD1730" s="30"/>
      <c r="AE1730" s="1"/>
      <c r="AF1730" s="23" t="s">
        <v>5331</v>
      </c>
      <c r="AG1730" s="26"/>
      <c r="AH1730" s="53"/>
    </row>
    <row r="1731" spans="1:34" ht="51.6" customHeight="1" x14ac:dyDescent="0.45">
      <c r="A1731" s="23">
        <v>1725</v>
      </c>
      <c r="B1731" s="25"/>
      <c r="C1731" s="25"/>
      <c r="D1731" s="29"/>
      <c r="E1731" s="1"/>
      <c r="F1731" s="1"/>
      <c r="G1731" s="25"/>
      <c r="H1731" s="71"/>
      <c r="I1731" s="83"/>
      <c r="J1731" s="50" t="str">
        <f t="shared" si="54"/>
        <v/>
      </c>
      <c r="K1731" s="23" t="s">
        <v>7120</v>
      </c>
      <c r="L1731" s="49" t="e">
        <f>VLOOKUP(E1731&amp;F1731,団体コード!$A$1:$C$1743,3,FALSE)</f>
        <v>#N/A</v>
      </c>
      <c r="M1731" s="49" t="e">
        <f>VLOOKUP(E1731&amp;F1731,団体コード!$A$1:$C$1743,2,FALSE)</f>
        <v>#N/A</v>
      </c>
      <c r="N1731" s="51" t="e">
        <f>VLOOKUP(E1731,団体コード!$E$1:$F$48,2,FALSE)</f>
        <v>#N/A</v>
      </c>
      <c r="O1731" s="51" t="e">
        <f t="shared" si="55"/>
        <v>#N/A</v>
      </c>
      <c r="P1731" s="51">
        <v>1</v>
      </c>
      <c r="Q1731" s="51" t="s">
        <v>5341</v>
      </c>
      <c r="R1731" s="54" t="b">
        <v>1</v>
      </c>
      <c r="S1731" s="52" t="s">
        <v>7126</v>
      </c>
      <c r="T1731" s="67" t="s">
        <v>7127</v>
      </c>
      <c r="U1731" s="75" t="s">
        <v>5331</v>
      </c>
      <c r="V1731" s="47" t="s">
        <v>5331</v>
      </c>
      <c r="W1731" s="47" t="s">
        <v>5331</v>
      </c>
      <c r="X1731" s="47" t="s">
        <v>5331</v>
      </c>
      <c r="Y1731" s="47" t="s">
        <v>5331</v>
      </c>
      <c r="Z1731" s="28"/>
      <c r="AA1731" s="27"/>
      <c r="AB1731" s="27"/>
      <c r="AC1731" s="27"/>
      <c r="AD1731" s="30"/>
      <c r="AE1731" s="1"/>
      <c r="AF1731" s="23" t="s">
        <v>5331</v>
      </c>
      <c r="AG1731" s="26"/>
      <c r="AH1731" s="53"/>
    </row>
    <row r="1732" spans="1:34" ht="51.6" customHeight="1" x14ac:dyDescent="0.45">
      <c r="A1732" s="23">
        <v>1726</v>
      </c>
      <c r="B1732" s="25"/>
      <c r="C1732" s="25"/>
      <c r="D1732" s="29"/>
      <c r="E1732" s="1"/>
      <c r="F1732" s="1"/>
      <c r="G1732" s="25"/>
      <c r="H1732" s="71"/>
      <c r="I1732" s="83"/>
      <c r="J1732" s="50" t="str">
        <f t="shared" si="54"/>
        <v/>
      </c>
      <c r="K1732" s="23" t="s">
        <v>7120</v>
      </c>
      <c r="L1732" s="49" t="e">
        <f>VLOOKUP(E1732&amp;F1732,団体コード!$A$1:$C$1743,3,FALSE)</f>
        <v>#N/A</v>
      </c>
      <c r="M1732" s="49" t="e">
        <f>VLOOKUP(E1732&amp;F1732,団体コード!$A$1:$C$1743,2,FALSE)</f>
        <v>#N/A</v>
      </c>
      <c r="N1732" s="51" t="e">
        <f>VLOOKUP(E1732,団体コード!$E$1:$F$48,2,FALSE)</f>
        <v>#N/A</v>
      </c>
      <c r="O1732" s="51" t="e">
        <f t="shared" si="55"/>
        <v>#N/A</v>
      </c>
      <c r="P1732" s="51">
        <v>1</v>
      </c>
      <c r="Q1732" s="51" t="s">
        <v>5341</v>
      </c>
      <c r="R1732" s="54" t="b">
        <v>1</v>
      </c>
      <c r="S1732" s="52" t="s">
        <v>7126</v>
      </c>
      <c r="T1732" s="67" t="s">
        <v>7127</v>
      </c>
      <c r="U1732" s="75" t="s">
        <v>5331</v>
      </c>
      <c r="V1732" s="47" t="s">
        <v>5331</v>
      </c>
      <c r="W1732" s="47" t="s">
        <v>5331</v>
      </c>
      <c r="X1732" s="47" t="s">
        <v>5331</v>
      </c>
      <c r="Y1732" s="47" t="s">
        <v>5331</v>
      </c>
      <c r="Z1732" s="28"/>
      <c r="AA1732" s="27"/>
      <c r="AB1732" s="27"/>
      <c r="AC1732" s="27"/>
      <c r="AD1732" s="30"/>
      <c r="AE1732" s="1"/>
      <c r="AF1732" s="23" t="s">
        <v>5331</v>
      </c>
      <c r="AG1732" s="26"/>
      <c r="AH1732" s="53"/>
    </row>
    <row r="1733" spans="1:34" ht="51.6" customHeight="1" x14ac:dyDescent="0.45">
      <c r="A1733" s="23">
        <v>1727</v>
      </c>
      <c r="B1733" s="25"/>
      <c r="C1733" s="25"/>
      <c r="D1733" s="29"/>
      <c r="E1733" s="1"/>
      <c r="F1733" s="1"/>
      <c r="G1733" s="25"/>
      <c r="H1733" s="71"/>
      <c r="I1733" s="83"/>
      <c r="J1733" s="50" t="str">
        <f t="shared" si="54"/>
        <v/>
      </c>
      <c r="K1733" s="23" t="s">
        <v>7120</v>
      </c>
      <c r="L1733" s="49" t="e">
        <f>VLOOKUP(E1733&amp;F1733,団体コード!$A$1:$C$1743,3,FALSE)</f>
        <v>#N/A</v>
      </c>
      <c r="M1733" s="49" t="e">
        <f>VLOOKUP(E1733&amp;F1733,団体コード!$A$1:$C$1743,2,FALSE)</f>
        <v>#N/A</v>
      </c>
      <c r="N1733" s="51" t="e">
        <f>VLOOKUP(E1733,団体コード!$E$1:$F$48,2,FALSE)</f>
        <v>#N/A</v>
      </c>
      <c r="O1733" s="51" t="e">
        <f t="shared" si="55"/>
        <v>#N/A</v>
      </c>
      <c r="P1733" s="51">
        <v>1</v>
      </c>
      <c r="Q1733" s="51" t="s">
        <v>5341</v>
      </c>
      <c r="R1733" s="54" t="b">
        <v>1</v>
      </c>
      <c r="S1733" s="52" t="s">
        <v>7126</v>
      </c>
      <c r="T1733" s="67" t="s">
        <v>7127</v>
      </c>
      <c r="U1733" s="75" t="s">
        <v>5331</v>
      </c>
      <c r="V1733" s="47" t="s">
        <v>5331</v>
      </c>
      <c r="W1733" s="47" t="s">
        <v>5331</v>
      </c>
      <c r="X1733" s="47" t="s">
        <v>5331</v>
      </c>
      <c r="Y1733" s="47" t="s">
        <v>5331</v>
      </c>
      <c r="Z1733" s="28"/>
      <c r="AA1733" s="27"/>
      <c r="AB1733" s="27"/>
      <c r="AC1733" s="27"/>
      <c r="AD1733" s="30"/>
      <c r="AE1733" s="1"/>
      <c r="AF1733" s="23" t="s">
        <v>5331</v>
      </c>
      <c r="AG1733" s="26"/>
      <c r="AH1733" s="53"/>
    </row>
    <row r="1734" spans="1:34" ht="51.6" customHeight="1" x14ac:dyDescent="0.45">
      <c r="A1734" s="23">
        <v>1728</v>
      </c>
      <c r="B1734" s="25"/>
      <c r="C1734" s="25"/>
      <c r="D1734" s="29"/>
      <c r="E1734" s="1"/>
      <c r="F1734" s="1"/>
      <c r="G1734" s="25"/>
      <c r="H1734" s="71"/>
      <c r="I1734" s="83"/>
      <c r="J1734" s="50" t="str">
        <f t="shared" si="54"/>
        <v/>
      </c>
      <c r="K1734" s="23" t="s">
        <v>7120</v>
      </c>
      <c r="L1734" s="49" t="e">
        <f>VLOOKUP(E1734&amp;F1734,団体コード!$A$1:$C$1743,3,FALSE)</f>
        <v>#N/A</v>
      </c>
      <c r="M1734" s="49" t="e">
        <f>VLOOKUP(E1734&amp;F1734,団体コード!$A$1:$C$1743,2,FALSE)</f>
        <v>#N/A</v>
      </c>
      <c r="N1734" s="51" t="e">
        <f>VLOOKUP(E1734,団体コード!$E$1:$F$48,2,FALSE)</f>
        <v>#N/A</v>
      </c>
      <c r="O1734" s="51" t="e">
        <f t="shared" si="55"/>
        <v>#N/A</v>
      </c>
      <c r="P1734" s="51">
        <v>1</v>
      </c>
      <c r="Q1734" s="51" t="s">
        <v>5341</v>
      </c>
      <c r="R1734" s="54" t="b">
        <v>1</v>
      </c>
      <c r="S1734" s="52" t="s">
        <v>7126</v>
      </c>
      <c r="T1734" s="67" t="s">
        <v>7127</v>
      </c>
      <c r="U1734" s="75" t="s">
        <v>5331</v>
      </c>
      <c r="V1734" s="47" t="s">
        <v>5331</v>
      </c>
      <c r="W1734" s="47" t="s">
        <v>5331</v>
      </c>
      <c r="X1734" s="47" t="s">
        <v>5331</v>
      </c>
      <c r="Y1734" s="47" t="s">
        <v>5331</v>
      </c>
      <c r="Z1734" s="28"/>
      <c r="AA1734" s="27"/>
      <c r="AB1734" s="27"/>
      <c r="AC1734" s="27"/>
      <c r="AD1734" s="30"/>
      <c r="AE1734" s="1"/>
      <c r="AF1734" s="23" t="s">
        <v>5331</v>
      </c>
      <c r="AG1734" s="26"/>
      <c r="AH1734" s="53"/>
    </row>
    <row r="1735" spans="1:34" ht="51.6" customHeight="1" x14ac:dyDescent="0.45">
      <c r="A1735" s="23">
        <v>1729</v>
      </c>
      <c r="B1735" s="25"/>
      <c r="C1735" s="25"/>
      <c r="D1735" s="29"/>
      <c r="E1735" s="1"/>
      <c r="F1735" s="1"/>
      <c r="G1735" s="25"/>
      <c r="H1735" s="71"/>
      <c r="I1735" s="83"/>
      <c r="J1735" s="50" t="str">
        <f t="shared" si="54"/>
        <v/>
      </c>
      <c r="K1735" s="23" t="s">
        <v>7120</v>
      </c>
      <c r="L1735" s="49" t="e">
        <f>VLOOKUP(E1735&amp;F1735,団体コード!$A$1:$C$1743,3,FALSE)</f>
        <v>#N/A</v>
      </c>
      <c r="M1735" s="49" t="e">
        <f>VLOOKUP(E1735&amp;F1735,団体コード!$A$1:$C$1743,2,FALSE)</f>
        <v>#N/A</v>
      </c>
      <c r="N1735" s="51" t="e">
        <f>VLOOKUP(E1735,団体コード!$E$1:$F$48,2,FALSE)</f>
        <v>#N/A</v>
      </c>
      <c r="O1735" s="51" t="e">
        <f t="shared" si="55"/>
        <v>#N/A</v>
      </c>
      <c r="P1735" s="51">
        <v>1</v>
      </c>
      <c r="Q1735" s="51" t="s">
        <v>5341</v>
      </c>
      <c r="R1735" s="54" t="b">
        <v>1</v>
      </c>
      <c r="S1735" s="52" t="s">
        <v>7126</v>
      </c>
      <c r="T1735" s="67" t="s">
        <v>7127</v>
      </c>
      <c r="U1735" s="75" t="s">
        <v>5331</v>
      </c>
      <c r="V1735" s="47" t="s">
        <v>5331</v>
      </c>
      <c r="W1735" s="47" t="s">
        <v>5331</v>
      </c>
      <c r="X1735" s="47" t="s">
        <v>5331</v>
      </c>
      <c r="Y1735" s="47" t="s">
        <v>5331</v>
      </c>
      <c r="Z1735" s="28"/>
      <c r="AA1735" s="27"/>
      <c r="AB1735" s="27"/>
      <c r="AC1735" s="27"/>
      <c r="AD1735" s="30"/>
      <c r="AE1735" s="1"/>
      <c r="AF1735" s="23" t="s">
        <v>5331</v>
      </c>
      <c r="AG1735" s="26"/>
      <c r="AH1735" s="53"/>
    </row>
    <row r="1736" spans="1:34" ht="51.6" customHeight="1" x14ac:dyDescent="0.45">
      <c r="A1736" s="23">
        <v>1730</v>
      </c>
      <c r="B1736" s="25"/>
      <c r="C1736" s="25"/>
      <c r="D1736" s="29"/>
      <c r="E1736" s="1"/>
      <c r="F1736" s="1"/>
      <c r="G1736" s="25"/>
      <c r="H1736" s="71"/>
      <c r="I1736" s="83"/>
      <c r="J1736" s="50" t="str">
        <f t="shared" ref="J1736:J1799" si="56">E1736&amp;F1736&amp;G1736</f>
        <v/>
      </c>
      <c r="K1736" s="23" t="s">
        <v>7120</v>
      </c>
      <c r="L1736" s="49" t="e">
        <f>VLOOKUP(E1736&amp;F1736,団体コード!$A$1:$C$1743,3,FALSE)</f>
        <v>#N/A</v>
      </c>
      <c r="M1736" s="49" t="e">
        <f>VLOOKUP(E1736&amp;F1736,団体コード!$A$1:$C$1743,2,FALSE)</f>
        <v>#N/A</v>
      </c>
      <c r="N1736" s="51" t="e">
        <f>VLOOKUP(E1736,団体コード!$E$1:$F$48,2,FALSE)</f>
        <v>#N/A</v>
      </c>
      <c r="O1736" s="51" t="e">
        <f t="shared" ref="O1736:O1799" si="57">N1736</f>
        <v>#N/A</v>
      </c>
      <c r="P1736" s="51">
        <v>1</v>
      </c>
      <c r="Q1736" s="51" t="s">
        <v>5341</v>
      </c>
      <c r="R1736" s="54" t="b">
        <v>1</v>
      </c>
      <c r="S1736" s="52" t="s">
        <v>7126</v>
      </c>
      <c r="T1736" s="67" t="s">
        <v>7127</v>
      </c>
      <c r="U1736" s="75" t="s">
        <v>5331</v>
      </c>
      <c r="V1736" s="47" t="s">
        <v>5331</v>
      </c>
      <c r="W1736" s="47" t="s">
        <v>5331</v>
      </c>
      <c r="X1736" s="47" t="s">
        <v>5331</v>
      </c>
      <c r="Y1736" s="47" t="s">
        <v>5331</v>
      </c>
      <c r="Z1736" s="28"/>
      <c r="AA1736" s="27"/>
      <c r="AB1736" s="27"/>
      <c r="AC1736" s="27"/>
      <c r="AD1736" s="30"/>
      <c r="AE1736" s="1"/>
      <c r="AF1736" s="23" t="s">
        <v>5331</v>
      </c>
      <c r="AG1736" s="26"/>
      <c r="AH1736" s="53"/>
    </row>
    <row r="1737" spans="1:34" ht="51.6" customHeight="1" x14ac:dyDescent="0.45">
      <c r="A1737" s="23">
        <v>1731</v>
      </c>
      <c r="B1737" s="25"/>
      <c r="C1737" s="25"/>
      <c r="D1737" s="29"/>
      <c r="E1737" s="1"/>
      <c r="F1737" s="1"/>
      <c r="G1737" s="25"/>
      <c r="H1737" s="71"/>
      <c r="I1737" s="83"/>
      <c r="J1737" s="50" t="str">
        <f t="shared" si="56"/>
        <v/>
      </c>
      <c r="K1737" s="23" t="s">
        <v>7120</v>
      </c>
      <c r="L1737" s="49" t="e">
        <f>VLOOKUP(E1737&amp;F1737,団体コード!$A$1:$C$1743,3,FALSE)</f>
        <v>#N/A</v>
      </c>
      <c r="M1737" s="49" t="e">
        <f>VLOOKUP(E1737&amp;F1737,団体コード!$A$1:$C$1743,2,FALSE)</f>
        <v>#N/A</v>
      </c>
      <c r="N1737" s="51" t="e">
        <f>VLOOKUP(E1737,団体コード!$E$1:$F$48,2,FALSE)</f>
        <v>#N/A</v>
      </c>
      <c r="O1737" s="51" t="e">
        <f t="shared" si="57"/>
        <v>#N/A</v>
      </c>
      <c r="P1737" s="51">
        <v>1</v>
      </c>
      <c r="Q1737" s="51" t="s">
        <v>5341</v>
      </c>
      <c r="R1737" s="54" t="b">
        <v>1</v>
      </c>
      <c r="S1737" s="52" t="s">
        <v>7126</v>
      </c>
      <c r="T1737" s="67" t="s">
        <v>7127</v>
      </c>
      <c r="U1737" s="75" t="s">
        <v>5331</v>
      </c>
      <c r="V1737" s="47" t="s">
        <v>5331</v>
      </c>
      <c r="W1737" s="47" t="s">
        <v>5331</v>
      </c>
      <c r="X1737" s="47" t="s">
        <v>5331</v>
      </c>
      <c r="Y1737" s="47" t="s">
        <v>5331</v>
      </c>
      <c r="Z1737" s="28"/>
      <c r="AA1737" s="27"/>
      <c r="AB1737" s="27"/>
      <c r="AC1737" s="27"/>
      <c r="AD1737" s="30"/>
      <c r="AE1737" s="1"/>
      <c r="AF1737" s="23" t="s">
        <v>5331</v>
      </c>
      <c r="AG1737" s="26"/>
      <c r="AH1737" s="53"/>
    </row>
    <row r="1738" spans="1:34" ht="51.6" customHeight="1" x14ac:dyDescent="0.45">
      <c r="A1738" s="23">
        <v>1732</v>
      </c>
      <c r="B1738" s="25"/>
      <c r="C1738" s="25"/>
      <c r="D1738" s="29"/>
      <c r="E1738" s="1"/>
      <c r="F1738" s="1"/>
      <c r="G1738" s="25"/>
      <c r="H1738" s="71"/>
      <c r="I1738" s="83"/>
      <c r="J1738" s="50" t="str">
        <f t="shared" si="56"/>
        <v/>
      </c>
      <c r="K1738" s="23" t="s">
        <v>7120</v>
      </c>
      <c r="L1738" s="49" t="e">
        <f>VLOOKUP(E1738&amp;F1738,団体コード!$A$1:$C$1743,3,FALSE)</f>
        <v>#N/A</v>
      </c>
      <c r="M1738" s="49" t="e">
        <f>VLOOKUP(E1738&amp;F1738,団体コード!$A$1:$C$1743,2,FALSE)</f>
        <v>#N/A</v>
      </c>
      <c r="N1738" s="51" t="e">
        <f>VLOOKUP(E1738,団体コード!$E$1:$F$48,2,FALSE)</f>
        <v>#N/A</v>
      </c>
      <c r="O1738" s="51" t="e">
        <f t="shared" si="57"/>
        <v>#N/A</v>
      </c>
      <c r="P1738" s="51">
        <v>1</v>
      </c>
      <c r="Q1738" s="51" t="s">
        <v>5341</v>
      </c>
      <c r="R1738" s="54" t="b">
        <v>1</v>
      </c>
      <c r="S1738" s="52" t="s">
        <v>7126</v>
      </c>
      <c r="T1738" s="67" t="s">
        <v>7127</v>
      </c>
      <c r="U1738" s="75" t="s">
        <v>5331</v>
      </c>
      <c r="V1738" s="47" t="s">
        <v>5331</v>
      </c>
      <c r="W1738" s="47" t="s">
        <v>5331</v>
      </c>
      <c r="X1738" s="47" t="s">
        <v>5331</v>
      </c>
      <c r="Y1738" s="47" t="s">
        <v>5331</v>
      </c>
      <c r="Z1738" s="28"/>
      <c r="AA1738" s="27"/>
      <c r="AB1738" s="27"/>
      <c r="AC1738" s="27"/>
      <c r="AD1738" s="30"/>
      <c r="AE1738" s="1"/>
      <c r="AF1738" s="23" t="s">
        <v>5331</v>
      </c>
      <c r="AG1738" s="26"/>
      <c r="AH1738" s="53"/>
    </row>
    <row r="1739" spans="1:34" ht="51.6" customHeight="1" x14ac:dyDescent="0.45">
      <c r="A1739" s="23">
        <v>1733</v>
      </c>
      <c r="B1739" s="25"/>
      <c r="C1739" s="25"/>
      <c r="D1739" s="29"/>
      <c r="E1739" s="1"/>
      <c r="F1739" s="1"/>
      <c r="G1739" s="25"/>
      <c r="H1739" s="71"/>
      <c r="I1739" s="83"/>
      <c r="J1739" s="50" t="str">
        <f t="shared" si="56"/>
        <v/>
      </c>
      <c r="K1739" s="23" t="s">
        <v>7120</v>
      </c>
      <c r="L1739" s="49" t="e">
        <f>VLOOKUP(E1739&amp;F1739,団体コード!$A$1:$C$1743,3,FALSE)</f>
        <v>#N/A</v>
      </c>
      <c r="M1739" s="49" t="e">
        <f>VLOOKUP(E1739&amp;F1739,団体コード!$A$1:$C$1743,2,FALSE)</f>
        <v>#N/A</v>
      </c>
      <c r="N1739" s="51" t="e">
        <f>VLOOKUP(E1739,団体コード!$E$1:$F$48,2,FALSE)</f>
        <v>#N/A</v>
      </c>
      <c r="O1739" s="51" t="e">
        <f t="shared" si="57"/>
        <v>#N/A</v>
      </c>
      <c r="P1739" s="51">
        <v>1</v>
      </c>
      <c r="Q1739" s="51" t="s">
        <v>5341</v>
      </c>
      <c r="R1739" s="54" t="b">
        <v>1</v>
      </c>
      <c r="S1739" s="52" t="s">
        <v>7126</v>
      </c>
      <c r="T1739" s="67" t="s">
        <v>7127</v>
      </c>
      <c r="U1739" s="75" t="s">
        <v>5331</v>
      </c>
      <c r="V1739" s="47" t="s">
        <v>5331</v>
      </c>
      <c r="W1739" s="47" t="s">
        <v>5331</v>
      </c>
      <c r="X1739" s="47" t="s">
        <v>5331</v>
      </c>
      <c r="Y1739" s="47" t="s">
        <v>5331</v>
      </c>
      <c r="Z1739" s="28"/>
      <c r="AA1739" s="27"/>
      <c r="AB1739" s="27"/>
      <c r="AC1739" s="27"/>
      <c r="AD1739" s="30"/>
      <c r="AE1739" s="1"/>
      <c r="AF1739" s="23" t="s">
        <v>5331</v>
      </c>
      <c r="AG1739" s="26"/>
      <c r="AH1739" s="53"/>
    </row>
    <row r="1740" spans="1:34" ht="51.6" customHeight="1" x14ac:dyDescent="0.45">
      <c r="A1740" s="23">
        <v>1734</v>
      </c>
      <c r="B1740" s="25"/>
      <c r="C1740" s="25"/>
      <c r="D1740" s="29"/>
      <c r="E1740" s="1"/>
      <c r="F1740" s="1"/>
      <c r="G1740" s="25"/>
      <c r="H1740" s="71"/>
      <c r="I1740" s="83"/>
      <c r="J1740" s="50" t="str">
        <f t="shared" si="56"/>
        <v/>
      </c>
      <c r="K1740" s="23" t="s">
        <v>7120</v>
      </c>
      <c r="L1740" s="49" t="e">
        <f>VLOOKUP(E1740&amp;F1740,団体コード!$A$1:$C$1743,3,FALSE)</f>
        <v>#N/A</v>
      </c>
      <c r="M1740" s="49" t="e">
        <f>VLOOKUP(E1740&amp;F1740,団体コード!$A$1:$C$1743,2,FALSE)</f>
        <v>#N/A</v>
      </c>
      <c r="N1740" s="51" t="e">
        <f>VLOOKUP(E1740,団体コード!$E$1:$F$48,2,FALSE)</f>
        <v>#N/A</v>
      </c>
      <c r="O1740" s="51" t="e">
        <f t="shared" si="57"/>
        <v>#N/A</v>
      </c>
      <c r="P1740" s="51">
        <v>1</v>
      </c>
      <c r="Q1740" s="51" t="s">
        <v>5341</v>
      </c>
      <c r="R1740" s="54" t="b">
        <v>1</v>
      </c>
      <c r="S1740" s="52" t="s">
        <v>7126</v>
      </c>
      <c r="T1740" s="67" t="s">
        <v>7127</v>
      </c>
      <c r="U1740" s="75" t="s">
        <v>5331</v>
      </c>
      <c r="V1740" s="47" t="s">
        <v>5331</v>
      </c>
      <c r="W1740" s="47" t="s">
        <v>5331</v>
      </c>
      <c r="X1740" s="47" t="s">
        <v>5331</v>
      </c>
      <c r="Y1740" s="47" t="s">
        <v>5331</v>
      </c>
      <c r="Z1740" s="28"/>
      <c r="AA1740" s="27"/>
      <c r="AB1740" s="27"/>
      <c r="AC1740" s="27"/>
      <c r="AD1740" s="30"/>
      <c r="AE1740" s="1"/>
      <c r="AF1740" s="23" t="s">
        <v>5331</v>
      </c>
      <c r="AG1740" s="26"/>
      <c r="AH1740" s="53"/>
    </row>
    <row r="1741" spans="1:34" ht="51.6" customHeight="1" x14ac:dyDescent="0.45">
      <c r="A1741" s="23">
        <v>1735</v>
      </c>
      <c r="B1741" s="25"/>
      <c r="C1741" s="25"/>
      <c r="D1741" s="29"/>
      <c r="E1741" s="1"/>
      <c r="F1741" s="1"/>
      <c r="G1741" s="25"/>
      <c r="H1741" s="71"/>
      <c r="I1741" s="83"/>
      <c r="J1741" s="50" t="str">
        <f t="shared" si="56"/>
        <v/>
      </c>
      <c r="K1741" s="23" t="s">
        <v>7120</v>
      </c>
      <c r="L1741" s="49" t="e">
        <f>VLOOKUP(E1741&amp;F1741,団体コード!$A$1:$C$1743,3,FALSE)</f>
        <v>#N/A</v>
      </c>
      <c r="M1741" s="49" t="e">
        <f>VLOOKUP(E1741&amp;F1741,団体コード!$A$1:$C$1743,2,FALSE)</f>
        <v>#N/A</v>
      </c>
      <c r="N1741" s="51" t="e">
        <f>VLOOKUP(E1741,団体コード!$E$1:$F$48,2,FALSE)</f>
        <v>#N/A</v>
      </c>
      <c r="O1741" s="51" t="e">
        <f t="shared" si="57"/>
        <v>#N/A</v>
      </c>
      <c r="P1741" s="51">
        <v>1</v>
      </c>
      <c r="Q1741" s="51" t="s">
        <v>5341</v>
      </c>
      <c r="R1741" s="54" t="b">
        <v>1</v>
      </c>
      <c r="S1741" s="52" t="s">
        <v>7126</v>
      </c>
      <c r="T1741" s="67" t="s">
        <v>7127</v>
      </c>
      <c r="U1741" s="75" t="s">
        <v>5331</v>
      </c>
      <c r="V1741" s="47" t="s">
        <v>5331</v>
      </c>
      <c r="W1741" s="47" t="s">
        <v>5331</v>
      </c>
      <c r="X1741" s="47" t="s">
        <v>5331</v>
      </c>
      <c r="Y1741" s="47" t="s">
        <v>5331</v>
      </c>
      <c r="Z1741" s="28"/>
      <c r="AA1741" s="27"/>
      <c r="AB1741" s="27"/>
      <c r="AC1741" s="27"/>
      <c r="AD1741" s="30"/>
      <c r="AE1741" s="1"/>
      <c r="AF1741" s="23" t="s">
        <v>5331</v>
      </c>
      <c r="AG1741" s="26"/>
      <c r="AH1741" s="53"/>
    </row>
    <row r="1742" spans="1:34" ht="51.6" customHeight="1" x14ac:dyDescent="0.45">
      <c r="A1742" s="23">
        <v>1736</v>
      </c>
      <c r="B1742" s="25"/>
      <c r="C1742" s="25"/>
      <c r="D1742" s="29"/>
      <c r="E1742" s="1"/>
      <c r="F1742" s="1"/>
      <c r="G1742" s="25"/>
      <c r="H1742" s="71"/>
      <c r="I1742" s="83"/>
      <c r="J1742" s="50" t="str">
        <f t="shared" si="56"/>
        <v/>
      </c>
      <c r="K1742" s="23" t="s">
        <v>7120</v>
      </c>
      <c r="L1742" s="49" t="e">
        <f>VLOOKUP(E1742&amp;F1742,団体コード!$A$1:$C$1743,3,FALSE)</f>
        <v>#N/A</v>
      </c>
      <c r="M1742" s="49" t="e">
        <f>VLOOKUP(E1742&amp;F1742,団体コード!$A$1:$C$1743,2,FALSE)</f>
        <v>#N/A</v>
      </c>
      <c r="N1742" s="51" t="e">
        <f>VLOOKUP(E1742,団体コード!$E$1:$F$48,2,FALSE)</f>
        <v>#N/A</v>
      </c>
      <c r="O1742" s="51" t="e">
        <f t="shared" si="57"/>
        <v>#N/A</v>
      </c>
      <c r="P1742" s="51">
        <v>1</v>
      </c>
      <c r="Q1742" s="51" t="s">
        <v>5341</v>
      </c>
      <c r="R1742" s="54" t="b">
        <v>1</v>
      </c>
      <c r="S1742" s="52" t="s">
        <v>7126</v>
      </c>
      <c r="T1742" s="67" t="s">
        <v>7127</v>
      </c>
      <c r="U1742" s="75" t="s">
        <v>5331</v>
      </c>
      <c r="V1742" s="47" t="s">
        <v>5331</v>
      </c>
      <c r="W1742" s="47" t="s">
        <v>5331</v>
      </c>
      <c r="X1742" s="47" t="s">
        <v>5331</v>
      </c>
      <c r="Y1742" s="47" t="s">
        <v>5331</v>
      </c>
      <c r="Z1742" s="28"/>
      <c r="AA1742" s="27"/>
      <c r="AB1742" s="27"/>
      <c r="AC1742" s="27"/>
      <c r="AD1742" s="30"/>
      <c r="AE1742" s="1"/>
      <c r="AF1742" s="23" t="s">
        <v>5331</v>
      </c>
      <c r="AG1742" s="26"/>
      <c r="AH1742" s="53"/>
    </row>
    <row r="1743" spans="1:34" ht="51.6" customHeight="1" x14ac:dyDescent="0.45">
      <c r="A1743" s="23">
        <v>1737</v>
      </c>
      <c r="B1743" s="25"/>
      <c r="C1743" s="25"/>
      <c r="D1743" s="29"/>
      <c r="E1743" s="1"/>
      <c r="F1743" s="1"/>
      <c r="G1743" s="25"/>
      <c r="H1743" s="71"/>
      <c r="I1743" s="83"/>
      <c r="J1743" s="50" t="str">
        <f t="shared" si="56"/>
        <v/>
      </c>
      <c r="K1743" s="23" t="s">
        <v>7120</v>
      </c>
      <c r="L1743" s="49" t="e">
        <f>VLOOKUP(E1743&amp;F1743,団体コード!$A$1:$C$1743,3,FALSE)</f>
        <v>#N/A</v>
      </c>
      <c r="M1743" s="49" t="e">
        <f>VLOOKUP(E1743&amp;F1743,団体コード!$A$1:$C$1743,2,FALSE)</f>
        <v>#N/A</v>
      </c>
      <c r="N1743" s="51" t="e">
        <f>VLOOKUP(E1743,団体コード!$E$1:$F$48,2,FALSE)</f>
        <v>#N/A</v>
      </c>
      <c r="O1743" s="51" t="e">
        <f t="shared" si="57"/>
        <v>#N/A</v>
      </c>
      <c r="P1743" s="51">
        <v>1</v>
      </c>
      <c r="Q1743" s="51" t="s">
        <v>5341</v>
      </c>
      <c r="R1743" s="54" t="b">
        <v>1</v>
      </c>
      <c r="S1743" s="52" t="s">
        <v>7126</v>
      </c>
      <c r="T1743" s="67" t="s">
        <v>7127</v>
      </c>
      <c r="U1743" s="75" t="s">
        <v>5331</v>
      </c>
      <c r="V1743" s="47" t="s">
        <v>5331</v>
      </c>
      <c r="W1743" s="47" t="s">
        <v>5331</v>
      </c>
      <c r="X1743" s="47" t="s">
        <v>5331</v>
      </c>
      <c r="Y1743" s="47" t="s">
        <v>5331</v>
      </c>
      <c r="Z1743" s="28"/>
      <c r="AA1743" s="27"/>
      <c r="AB1743" s="27"/>
      <c r="AC1743" s="27"/>
      <c r="AD1743" s="30"/>
      <c r="AE1743" s="1"/>
      <c r="AF1743" s="23" t="s">
        <v>5331</v>
      </c>
      <c r="AG1743" s="26"/>
      <c r="AH1743" s="53"/>
    </row>
    <row r="1744" spans="1:34" ht="51.6" customHeight="1" x14ac:dyDescent="0.45">
      <c r="A1744" s="23">
        <v>1738</v>
      </c>
      <c r="B1744" s="25"/>
      <c r="C1744" s="25"/>
      <c r="D1744" s="29"/>
      <c r="E1744" s="1"/>
      <c r="F1744" s="1"/>
      <c r="G1744" s="25"/>
      <c r="H1744" s="71"/>
      <c r="I1744" s="83"/>
      <c r="J1744" s="50" t="str">
        <f t="shared" si="56"/>
        <v/>
      </c>
      <c r="K1744" s="23" t="s">
        <v>7120</v>
      </c>
      <c r="L1744" s="49" t="e">
        <f>VLOOKUP(E1744&amp;F1744,団体コード!$A$1:$C$1743,3,FALSE)</f>
        <v>#N/A</v>
      </c>
      <c r="M1744" s="49" t="e">
        <f>VLOOKUP(E1744&amp;F1744,団体コード!$A$1:$C$1743,2,FALSE)</f>
        <v>#N/A</v>
      </c>
      <c r="N1744" s="51" t="e">
        <f>VLOOKUP(E1744,団体コード!$E$1:$F$48,2,FALSE)</f>
        <v>#N/A</v>
      </c>
      <c r="O1744" s="51" t="e">
        <f t="shared" si="57"/>
        <v>#N/A</v>
      </c>
      <c r="P1744" s="51">
        <v>1</v>
      </c>
      <c r="Q1744" s="51" t="s">
        <v>5341</v>
      </c>
      <c r="R1744" s="54" t="b">
        <v>1</v>
      </c>
      <c r="S1744" s="52" t="s">
        <v>7126</v>
      </c>
      <c r="T1744" s="67" t="s">
        <v>7127</v>
      </c>
      <c r="U1744" s="75" t="s">
        <v>5331</v>
      </c>
      <c r="V1744" s="47" t="s">
        <v>5331</v>
      </c>
      <c r="W1744" s="47" t="s">
        <v>5331</v>
      </c>
      <c r="X1744" s="47" t="s">
        <v>5331</v>
      </c>
      <c r="Y1744" s="47" t="s">
        <v>5331</v>
      </c>
      <c r="Z1744" s="28"/>
      <c r="AA1744" s="27"/>
      <c r="AB1744" s="27"/>
      <c r="AC1744" s="27"/>
      <c r="AD1744" s="30"/>
      <c r="AE1744" s="1"/>
      <c r="AF1744" s="23" t="s">
        <v>5331</v>
      </c>
      <c r="AG1744" s="26"/>
      <c r="AH1744" s="53"/>
    </row>
    <row r="1745" spans="1:34" ht="51.6" customHeight="1" x14ac:dyDescent="0.45">
      <c r="A1745" s="23">
        <v>1739</v>
      </c>
      <c r="B1745" s="25"/>
      <c r="C1745" s="25"/>
      <c r="D1745" s="29"/>
      <c r="E1745" s="1"/>
      <c r="F1745" s="1"/>
      <c r="G1745" s="25"/>
      <c r="H1745" s="71"/>
      <c r="I1745" s="83"/>
      <c r="J1745" s="50" t="str">
        <f t="shared" si="56"/>
        <v/>
      </c>
      <c r="K1745" s="23" t="s">
        <v>7120</v>
      </c>
      <c r="L1745" s="49" t="e">
        <f>VLOOKUP(E1745&amp;F1745,団体コード!$A$1:$C$1743,3,FALSE)</f>
        <v>#N/A</v>
      </c>
      <c r="M1745" s="49" t="e">
        <f>VLOOKUP(E1745&amp;F1745,団体コード!$A$1:$C$1743,2,FALSE)</f>
        <v>#N/A</v>
      </c>
      <c r="N1745" s="51" t="e">
        <f>VLOOKUP(E1745,団体コード!$E$1:$F$48,2,FALSE)</f>
        <v>#N/A</v>
      </c>
      <c r="O1745" s="51" t="e">
        <f t="shared" si="57"/>
        <v>#N/A</v>
      </c>
      <c r="P1745" s="51">
        <v>1</v>
      </c>
      <c r="Q1745" s="51" t="s">
        <v>5341</v>
      </c>
      <c r="R1745" s="54" t="b">
        <v>1</v>
      </c>
      <c r="S1745" s="52" t="s">
        <v>7126</v>
      </c>
      <c r="T1745" s="67" t="s">
        <v>7127</v>
      </c>
      <c r="U1745" s="75" t="s">
        <v>5331</v>
      </c>
      <c r="V1745" s="47" t="s">
        <v>5331</v>
      </c>
      <c r="W1745" s="47" t="s">
        <v>5331</v>
      </c>
      <c r="X1745" s="47" t="s">
        <v>5331</v>
      </c>
      <c r="Y1745" s="47" t="s">
        <v>5331</v>
      </c>
      <c r="Z1745" s="28"/>
      <c r="AA1745" s="27"/>
      <c r="AB1745" s="27"/>
      <c r="AC1745" s="27"/>
      <c r="AD1745" s="30"/>
      <c r="AE1745" s="1"/>
      <c r="AF1745" s="23" t="s">
        <v>5331</v>
      </c>
      <c r="AG1745" s="26"/>
      <c r="AH1745" s="53"/>
    </row>
    <row r="1746" spans="1:34" ht="51.6" customHeight="1" x14ac:dyDescent="0.45">
      <c r="A1746" s="23">
        <v>1740</v>
      </c>
      <c r="B1746" s="25"/>
      <c r="C1746" s="25"/>
      <c r="D1746" s="29"/>
      <c r="E1746" s="1"/>
      <c r="F1746" s="1"/>
      <c r="G1746" s="25"/>
      <c r="H1746" s="71"/>
      <c r="I1746" s="83"/>
      <c r="J1746" s="50" t="str">
        <f t="shared" si="56"/>
        <v/>
      </c>
      <c r="K1746" s="23" t="s">
        <v>7120</v>
      </c>
      <c r="L1746" s="49" t="e">
        <f>VLOOKUP(E1746&amp;F1746,団体コード!$A$1:$C$1743,3,FALSE)</f>
        <v>#N/A</v>
      </c>
      <c r="M1746" s="49" t="e">
        <f>VLOOKUP(E1746&amp;F1746,団体コード!$A$1:$C$1743,2,FALSE)</f>
        <v>#N/A</v>
      </c>
      <c r="N1746" s="51" t="e">
        <f>VLOOKUP(E1746,団体コード!$E$1:$F$48,2,FALSE)</f>
        <v>#N/A</v>
      </c>
      <c r="O1746" s="51" t="e">
        <f t="shared" si="57"/>
        <v>#N/A</v>
      </c>
      <c r="P1746" s="51">
        <v>1</v>
      </c>
      <c r="Q1746" s="51" t="s">
        <v>5341</v>
      </c>
      <c r="R1746" s="54" t="b">
        <v>1</v>
      </c>
      <c r="S1746" s="52" t="s">
        <v>7126</v>
      </c>
      <c r="T1746" s="67" t="s">
        <v>7127</v>
      </c>
      <c r="U1746" s="75" t="s">
        <v>5331</v>
      </c>
      <c r="V1746" s="47" t="s">
        <v>5331</v>
      </c>
      <c r="W1746" s="47" t="s">
        <v>5331</v>
      </c>
      <c r="X1746" s="47" t="s">
        <v>5331</v>
      </c>
      <c r="Y1746" s="47" t="s">
        <v>5331</v>
      </c>
      <c r="Z1746" s="28"/>
      <c r="AA1746" s="27"/>
      <c r="AB1746" s="27"/>
      <c r="AC1746" s="27"/>
      <c r="AD1746" s="30"/>
      <c r="AE1746" s="1"/>
      <c r="AF1746" s="23" t="s">
        <v>5331</v>
      </c>
      <c r="AG1746" s="26"/>
      <c r="AH1746" s="53"/>
    </row>
    <row r="1747" spans="1:34" ht="51.6" customHeight="1" x14ac:dyDescent="0.45">
      <c r="A1747" s="23">
        <v>1741</v>
      </c>
      <c r="B1747" s="25"/>
      <c r="C1747" s="25"/>
      <c r="D1747" s="29"/>
      <c r="E1747" s="1"/>
      <c r="F1747" s="1"/>
      <c r="G1747" s="25"/>
      <c r="H1747" s="71"/>
      <c r="I1747" s="83"/>
      <c r="J1747" s="50" t="str">
        <f t="shared" si="56"/>
        <v/>
      </c>
      <c r="K1747" s="23" t="s">
        <v>7120</v>
      </c>
      <c r="L1747" s="49" t="e">
        <f>VLOOKUP(E1747&amp;F1747,団体コード!$A$1:$C$1743,3,FALSE)</f>
        <v>#N/A</v>
      </c>
      <c r="M1747" s="49" t="e">
        <f>VLOOKUP(E1747&amp;F1747,団体コード!$A$1:$C$1743,2,FALSE)</f>
        <v>#N/A</v>
      </c>
      <c r="N1747" s="51" t="e">
        <f>VLOOKUP(E1747,団体コード!$E$1:$F$48,2,FALSE)</f>
        <v>#N/A</v>
      </c>
      <c r="O1747" s="51" t="e">
        <f t="shared" si="57"/>
        <v>#N/A</v>
      </c>
      <c r="P1747" s="51">
        <v>1</v>
      </c>
      <c r="Q1747" s="51" t="s">
        <v>5341</v>
      </c>
      <c r="R1747" s="54" t="b">
        <v>1</v>
      </c>
      <c r="S1747" s="52" t="s">
        <v>7126</v>
      </c>
      <c r="T1747" s="67" t="s">
        <v>7127</v>
      </c>
      <c r="U1747" s="75" t="s">
        <v>5331</v>
      </c>
      <c r="V1747" s="47" t="s">
        <v>5331</v>
      </c>
      <c r="W1747" s="47" t="s">
        <v>5331</v>
      </c>
      <c r="X1747" s="47" t="s">
        <v>5331</v>
      </c>
      <c r="Y1747" s="47" t="s">
        <v>5331</v>
      </c>
      <c r="Z1747" s="28"/>
      <c r="AA1747" s="27"/>
      <c r="AB1747" s="27"/>
      <c r="AC1747" s="27"/>
      <c r="AD1747" s="30"/>
      <c r="AE1747" s="1"/>
      <c r="AF1747" s="23" t="s">
        <v>5331</v>
      </c>
      <c r="AG1747" s="26"/>
      <c r="AH1747" s="53"/>
    </row>
    <row r="1748" spans="1:34" ht="51.6" customHeight="1" x14ac:dyDescent="0.45">
      <c r="A1748" s="23">
        <v>1742</v>
      </c>
      <c r="B1748" s="25"/>
      <c r="C1748" s="25"/>
      <c r="D1748" s="29"/>
      <c r="E1748" s="1"/>
      <c r="F1748" s="1"/>
      <c r="G1748" s="25"/>
      <c r="H1748" s="71"/>
      <c r="I1748" s="83"/>
      <c r="J1748" s="50" t="str">
        <f t="shared" si="56"/>
        <v/>
      </c>
      <c r="K1748" s="23" t="s">
        <v>7120</v>
      </c>
      <c r="L1748" s="49" t="e">
        <f>VLOOKUP(E1748&amp;F1748,団体コード!$A$1:$C$1743,3,FALSE)</f>
        <v>#N/A</v>
      </c>
      <c r="M1748" s="49" t="e">
        <f>VLOOKUP(E1748&amp;F1748,団体コード!$A$1:$C$1743,2,FALSE)</f>
        <v>#N/A</v>
      </c>
      <c r="N1748" s="51" t="e">
        <f>VLOOKUP(E1748,団体コード!$E$1:$F$48,2,FALSE)</f>
        <v>#N/A</v>
      </c>
      <c r="O1748" s="51" t="e">
        <f t="shared" si="57"/>
        <v>#N/A</v>
      </c>
      <c r="P1748" s="51">
        <v>1</v>
      </c>
      <c r="Q1748" s="51" t="s">
        <v>5341</v>
      </c>
      <c r="R1748" s="54" t="b">
        <v>1</v>
      </c>
      <c r="S1748" s="52" t="s">
        <v>7126</v>
      </c>
      <c r="T1748" s="67" t="s">
        <v>7127</v>
      </c>
      <c r="U1748" s="75" t="s">
        <v>5331</v>
      </c>
      <c r="V1748" s="47" t="s">
        <v>5331</v>
      </c>
      <c r="W1748" s="47" t="s">
        <v>5331</v>
      </c>
      <c r="X1748" s="47" t="s">
        <v>5331</v>
      </c>
      <c r="Y1748" s="47" t="s">
        <v>5331</v>
      </c>
      <c r="Z1748" s="28"/>
      <c r="AA1748" s="27"/>
      <c r="AB1748" s="27"/>
      <c r="AC1748" s="27"/>
      <c r="AD1748" s="30"/>
      <c r="AE1748" s="1"/>
      <c r="AF1748" s="23" t="s">
        <v>5331</v>
      </c>
      <c r="AG1748" s="26"/>
      <c r="AH1748" s="53"/>
    </row>
    <row r="1749" spans="1:34" ht="51.6" customHeight="1" x14ac:dyDescent="0.45">
      <c r="A1749" s="23">
        <v>1743</v>
      </c>
      <c r="B1749" s="25"/>
      <c r="C1749" s="25"/>
      <c r="D1749" s="29"/>
      <c r="E1749" s="1"/>
      <c r="F1749" s="1"/>
      <c r="G1749" s="25"/>
      <c r="H1749" s="71"/>
      <c r="I1749" s="83"/>
      <c r="J1749" s="50" t="str">
        <f t="shared" si="56"/>
        <v/>
      </c>
      <c r="K1749" s="23" t="s">
        <v>7120</v>
      </c>
      <c r="L1749" s="49" t="e">
        <f>VLOOKUP(E1749&amp;F1749,団体コード!$A$1:$C$1743,3,FALSE)</f>
        <v>#N/A</v>
      </c>
      <c r="M1749" s="49" t="e">
        <f>VLOOKUP(E1749&amp;F1749,団体コード!$A$1:$C$1743,2,FALSE)</f>
        <v>#N/A</v>
      </c>
      <c r="N1749" s="51" t="e">
        <f>VLOOKUP(E1749,団体コード!$E$1:$F$48,2,FALSE)</f>
        <v>#N/A</v>
      </c>
      <c r="O1749" s="51" t="e">
        <f t="shared" si="57"/>
        <v>#N/A</v>
      </c>
      <c r="P1749" s="51">
        <v>1</v>
      </c>
      <c r="Q1749" s="51" t="s">
        <v>5341</v>
      </c>
      <c r="R1749" s="54" t="b">
        <v>1</v>
      </c>
      <c r="S1749" s="52" t="s">
        <v>7126</v>
      </c>
      <c r="T1749" s="67" t="s">
        <v>7127</v>
      </c>
      <c r="U1749" s="75" t="s">
        <v>5331</v>
      </c>
      <c r="V1749" s="47" t="s">
        <v>5331</v>
      </c>
      <c r="W1749" s="47" t="s">
        <v>5331</v>
      </c>
      <c r="X1749" s="47" t="s">
        <v>5331</v>
      </c>
      <c r="Y1749" s="47" t="s">
        <v>5331</v>
      </c>
      <c r="Z1749" s="28"/>
      <c r="AA1749" s="27"/>
      <c r="AB1749" s="27"/>
      <c r="AC1749" s="27"/>
      <c r="AD1749" s="30"/>
      <c r="AE1749" s="1"/>
      <c r="AF1749" s="23" t="s">
        <v>5331</v>
      </c>
      <c r="AG1749" s="26"/>
      <c r="AH1749" s="53"/>
    </row>
    <row r="1750" spans="1:34" ht="51.6" customHeight="1" x14ac:dyDescent="0.45">
      <c r="A1750" s="23">
        <v>1744</v>
      </c>
      <c r="B1750" s="25"/>
      <c r="C1750" s="25"/>
      <c r="D1750" s="29"/>
      <c r="E1750" s="1"/>
      <c r="F1750" s="1"/>
      <c r="G1750" s="25"/>
      <c r="H1750" s="71"/>
      <c r="I1750" s="83"/>
      <c r="J1750" s="50" t="str">
        <f t="shared" si="56"/>
        <v/>
      </c>
      <c r="K1750" s="23" t="s">
        <v>7120</v>
      </c>
      <c r="L1750" s="49" t="e">
        <f>VLOOKUP(E1750&amp;F1750,団体コード!$A$1:$C$1743,3,FALSE)</f>
        <v>#N/A</v>
      </c>
      <c r="M1750" s="49" t="e">
        <f>VLOOKUP(E1750&amp;F1750,団体コード!$A$1:$C$1743,2,FALSE)</f>
        <v>#N/A</v>
      </c>
      <c r="N1750" s="51" t="e">
        <f>VLOOKUP(E1750,団体コード!$E$1:$F$48,2,FALSE)</f>
        <v>#N/A</v>
      </c>
      <c r="O1750" s="51" t="e">
        <f t="shared" si="57"/>
        <v>#N/A</v>
      </c>
      <c r="P1750" s="51">
        <v>1</v>
      </c>
      <c r="Q1750" s="51" t="s">
        <v>5341</v>
      </c>
      <c r="R1750" s="54" t="b">
        <v>1</v>
      </c>
      <c r="S1750" s="52" t="s">
        <v>7126</v>
      </c>
      <c r="T1750" s="67" t="s">
        <v>7127</v>
      </c>
      <c r="U1750" s="75" t="s">
        <v>5331</v>
      </c>
      <c r="V1750" s="47" t="s">
        <v>5331</v>
      </c>
      <c r="W1750" s="47" t="s">
        <v>5331</v>
      </c>
      <c r="X1750" s="47" t="s">
        <v>5331</v>
      </c>
      <c r="Y1750" s="47" t="s">
        <v>5331</v>
      </c>
      <c r="Z1750" s="28"/>
      <c r="AA1750" s="27"/>
      <c r="AB1750" s="27"/>
      <c r="AC1750" s="27"/>
      <c r="AD1750" s="30"/>
      <c r="AE1750" s="1"/>
      <c r="AF1750" s="23" t="s">
        <v>5331</v>
      </c>
      <c r="AG1750" s="26"/>
      <c r="AH1750" s="53"/>
    </row>
    <row r="1751" spans="1:34" ht="51.6" customHeight="1" x14ac:dyDescent="0.45">
      <c r="A1751" s="23">
        <v>1745</v>
      </c>
      <c r="B1751" s="25"/>
      <c r="C1751" s="25"/>
      <c r="D1751" s="29"/>
      <c r="E1751" s="1"/>
      <c r="F1751" s="1"/>
      <c r="G1751" s="25"/>
      <c r="H1751" s="71"/>
      <c r="I1751" s="83"/>
      <c r="J1751" s="50" t="str">
        <f t="shared" si="56"/>
        <v/>
      </c>
      <c r="K1751" s="23" t="s">
        <v>7120</v>
      </c>
      <c r="L1751" s="49" t="e">
        <f>VLOOKUP(E1751&amp;F1751,団体コード!$A$1:$C$1743,3,FALSE)</f>
        <v>#N/A</v>
      </c>
      <c r="M1751" s="49" t="e">
        <f>VLOOKUP(E1751&amp;F1751,団体コード!$A$1:$C$1743,2,FALSE)</f>
        <v>#N/A</v>
      </c>
      <c r="N1751" s="51" t="e">
        <f>VLOOKUP(E1751,団体コード!$E$1:$F$48,2,FALSE)</f>
        <v>#N/A</v>
      </c>
      <c r="O1751" s="51" t="e">
        <f t="shared" si="57"/>
        <v>#N/A</v>
      </c>
      <c r="P1751" s="51">
        <v>1</v>
      </c>
      <c r="Q1751" s="51" t="s">
        <v>5341</v>
      </c>
      <c r="R1751" s="54" t="b">
        <v>1</v>
      </c>
      <c r="S1751" s="52" t="s">
        <v>7126</v>
      </c>
      <c r="T1751" s="67" t="s">
        <v>7127</v>
      </c>
      <c r="U1751" s="75" t="s">
        <v>5331</v>
      </c>
      <c r="V1751" s="47" t="s">
        <v>5331</v>
      </c>
      <c r="W1751" s="47" t="s">
        <v>5331</v>
      </c>
      <c r="X1751" s="47" t="s">
        <v>5331</v>
      </c>
      <c r="Y1751" s="47" t="s">
        <v>5331</v>
      </c>
      <c r="Z1751" s="28"/>
      <c r="AA1751" s="27"/>
      <c r="AB1751" s="27"/>
      <c r="AC1751" s="27"/>
      <c r="AD1751" s="30"/>
      <c r="AE1751" s="1"/>
      <c r="AF1751" s="23" t="s">
        <v>5331</v>
      </c>
      <c r="AG1751" s="26"/>
      <c r="AH1751" s="53"/>
    </row>
    <row r="1752" spans="1:34" ht="51.6" customHeight="1" x14ac:dyDescent="0.45">
      <c r="A1752" s="23">
        <v>1746</v>
      </c>
      <c r="B1752" s="25"/>
      <c r="C1752" s="25"/>
      <c r="D1752" s="29"/>
      <c r="E1752" s="1"/>
      <c r="F1752" s="1"/>
      <c r="G1752" s="25"/>
      <c r="H1752" s="71"/>
      <c r="I1752" s="83"/>
      <c r="J1752" s="50" t="str">
        <f t="shared" si="56"/>
        <v/>
      </c>
      <c r="K1752" s="23" t="s">
        <v>7120</v>
      </c>
      <c r="L1752" s="49" t="e">
        <f>VLOOKUP(E1752&amp;F1752,団体コード!$A$1:$C$1743,3,FALSE)</f>
        <v>#N/A</v>
      </c>
      <c r="M1752" s="49" t="e">
        <f>VLOOKUP(E1752&amp;F1752,団体コード!$A$1:$C$1743,2,FALSE)</f>
        <v>#N/A</v>
      </c>
      <c r="N1752" s="51" t="e">
        <f>VLOOKUP(E1752,団体コード!$E$1:$F$48,2,FALSE)</f>
        <v>#N/A</v>
      </c>
      <c r="O1752" s="51" t="e">
        <f t="shared" si="57"/>
        <v>#N/A</v>
      </c>
      <c r="P1752" s="51">
        <v>1</v>
      </c>
      <c r="Q1752" s="51" t="s">
        <v>5341</v>
      </c>
      <c r="R1752" s="54" t="b">
        <v>1</v>
      </c>
      <c r="S1752" s="52" t="s">
        <v>7126</v>
      </c>
      <c r="T1752" s="67" t="s">
        <v>7127</v>
      </c>
      <c r="U1752" s="75" t="s">
        <v>5331</v>
      </c>
      <c r="V1752" s="47" t="s">
        <v>5331</v>
      </c>
      <c r="W1752" s="47" t="s">
        <v>5331</v>
      </c>
      <c r="X1752" s="47" t="s">
        <v>5331</v>
      </c>
      <c r="Y1752" s="47" t="s">
        <v>5331</v>
      </c>
      <c r="Z1752" s="28"/>
      <c r="AA1752" s="27"/>
      <c r="AB1752" s="27"/>
      <c r="AC1752" s="27"/>
      <c r="AD1752" s="30"/>
      <c r="AE1752" s="1"/>
      <c r="AF1752" s="23" t="s">
        <v>5331</v>
      </c>
      <c r="AG1752" s="26"/>
      <c r="AH1752" s="53"/>
    </row>
    <row r="1753" spans="1:34" ht="51.6" customHeight="1" x14ac:dyDescent="0.45">
      <c r="A1753" s="23">
        <v>1747</v>
      </c>
      <c r="B1753" s="25"/>
      <c r="C1753" s="25"/>
      <c r="D1753" s="29"/>
      <c r="E1753" s="1"/>
      <c r="F1753" s="1"/>
      <c r="G1753" s="25"/>
      <c r="H1753" s="71"/>
      <c r="I1753" s="83"/>
      <c r="J1753" s="50" t="str">
        <f t="shared" si="56"/>
        <v/>
      </c>
      <c r="K1753" s="23" t="s">
        <v>7120</v>
      </c>
      <c r="L1753" s="49" t="e">
        <f>VLOOKUP(E1753&amp;F1753,団体コード!$A$1:$C$1743,3,FALSE)</f>
        <v>#N/A</v>
      </c>
      <c r="M1753" s="49" t="e">
        <f>VLOOKUP(E1753&amp;F1753,団体コード!$A$1:$C$1743,2,FALSE)</f>
        <v>#N/A</v>
      </c>
      <c r="N1753" s="51" t="e">
        <f>VLOOKUP(E1753,団体コード!$E$1:$F$48,2,FALSE)</f>
        <v>#N/A</v>
      </c>
      <c r="O1753" s="51" t="e">
        <f t="shared" si="57"/>
        <v>#N/A</v>
      </c>
      <c r="P1753" s="51">
        <v>1</v>
      </c>
      <c r="Q1753" s="51" t="s">
        <v>5341</v>
      </c>
      <c r="R1753" s="54" t="b">
        <v>1</v>
      </c>
      <c r="S1753" s="52" t="s">
        <v>7126</v>
      </c>
      <c r="T1753" s="67" t="s">
        <v>7127</v>
      </c>
      <c r="U1753" s="75" t="s">
        <v>5331</v>
      </c>
      <c r="V1753" s="47" t="s">
        <v>5331</v>
      </c>
      <c r="W1753" s="47" t="s">
        <v>5331</v>
      </c>
      <c r="X1753" s="47" t="s">
        <v>5331</v>
      </c>
      <c r="Y1753" s="47" t="s">
        <v>5331</v>
      </c>
      <c r="Z1753" s="28"/>
      <c r="AA1753" s="27"/>
      <c r="AB1753" s="27"/>
      <c r="AC1753" s="27"/>
      <c r="AD1753" s="30"/>
      <c r="AE1753" s="1"/>
      <c r="AF1753" s="23" t="s">
        <v>5331</v>
      </c>
      <c r="AG1753" s="26"/>
      <c r="AH1753" s="53"/>
    </row>
    <row r="1754" spans="1:34" ht="51.6" customHeight="1" x14ac:dyDescent="0.45">
      <c r="A1754" s="23">
        <v>1748</v>
      </c>
      <c r="B1754" s="25"/>
      <c r="C1754" s="25"/>
      <c r="D1754" s="29"/>
      <c r="E1754" s="1"/>
      <c r="F1754" s="1"/>
      <c r="G1754" s="25"/>
      <c r="H1754" s="71"/>
      <c r="I1754" s="83"/>
      <c r="J1754" s="50" t="str">
        <f t="shared" si="56"/>
        <v/>
      </c>
      <c r="K1754" s="23" t="s">
        <v>7120</v>
      </c>
      <c r="L1754" s="49" t="e">
        <f>VLOOKUP(E1754&amp;F1754,団体コード!$A$1:$C$1743,3,FALSE)</f>
        <v>#N/A</v>
      </c>
      <c r="M1754" s="49" t="e">
        <f>VLOOKUP(E1754&amp;F1754,団体コード!$A$1:$C$1743,2,FALSE)</f>
        <v>#N/A</v>
      </c>
      <c r="N1754" s="51" t="e">
        <f>VLOOKUP(E1754,団体コード!$E$1:$F$48,2,FALSE)</f>
        <v>#N/A</v>
      </c>
      <c r="O1754" s="51" t="e">
        <f t="shared" si="57"/>
        <v>#N/A</v>
      </c>
      <c r="P1754" s="51">
        <v>1</v>
      </c>
      <c r="Q1754" s="51" t="s">
        <v>5341</v>
      </c>
      <c r="R1754" s="54" t="b">
        <v>1</v>
      </c>
      <c r="S1754" s="52" t="s">
        <v>7126</v>
      </c>
      <c r="T1754" s="67" t="s">
        <v>7127</v>
      </c>
      <c r="U1754" s="75" t="s">
        <v>5331</v>
      </c>
      <c r="V1754" s="47" t="s">
        <v>5331</v>
      </c>
      <c r="W1754" s="47" t="s">
        <v>5331</v>
      </c>
      <c r="X1754" s="47" t="s">
        <v>5331</v>
      </c>
      <c r="Y1754" s="47" t="s">
        <v>5331</v>
      </c>
      <c r="Z1754" s="28"/>
      <c r="AA1754" s="27"/>
      <c r="AB1754" s="27"/>
      <c r="AC1754" s="27"/>
      <c r="AD1754" s="30"/>
      <c r="AE1754" s="1"/>
      <c r="AF1754" s="23" t="s">
        <v>5331</v>
      </c>
      <c r="AG1754" s="26"/>
      <c r="AH1754" s="53"/>
    </row>
    <row r="1755" spans="1:34" ht="51.6" customHeight="1" x14ac:dyDescent="0.45">
      <c r="A1755" s="23">
        <v>1749</v>
      </c>
      <c r="B1755" s="25"/>
      <c r="C1755" s="25"/>
      <c r="D1755" s="29"/>
      <c r="E1755" s="1"/>
      <c r="F1755" s="1"/>
      <c r="G1755" s="25"/>
      <c r="H1755" s="71"/>
      <c r="I1755" s="83"/>
      <c r="J1755" s="50" t="str">
        <f t="shared" si="56"/>
        <v/>
      </c>
      <c r="K1755" s="23" t="s">
        <v>7120</v>
      </c>
      <c r="L1755" s="49" t="e">
        <f>VLOOKUP(E1755&amp;F1755,団体コード!$A$1:$C$1743,3,FALSE)</f>
        <v>#N/A</v>
      </c>
      <c r="M1755" s="49" t="e">
        <f>VLOOKUP(E1755&amp;F1755,団体コード!$A$1:$C$1743,2,FALSE)</f>
        <v>#N/A</v>
      </c>
      <c r="N1755" s="51" t="e">
        <f>VLOOKUP(E1755,団体コード!$E$1:$F$48,2,FALSE)</f>
        <v>#N/A</v>
      </c>
      <c r="O1755" s="51" t="e">
        <f t="shared" si="57"/>
        <v>#N/A</v>
      </c>
      <c r="P1755" s="51">
        <v>1</v>
      </c>
      <c r="Q1755" s="51" t="s">
        <v>5341</v>
      </c>
      <c r="R1755" s="54" t="b">
        <v>1</v>
      </c>
      <c r="S1755" s="52" t="s">
        <v>7126</v>
      </c>
      <c r="T1755" s="67" t="s">
        <v>7127</v>
      </c>
      <c r="U1755" s="75" t="s">
        <v>5331</v>
      </c>
      <c r="V1755" s="47" t="s">
        <v>5331</v>
      </c>
      <c r="W1755" s="47" t="s">
        <v>5331</v>
      </c>
      <c r="X1755" s="47" t="s">
        <v>5331</v>
      </c>
      <c r="Y1755" s="47" t="s">
        <v>5331</v>
      </c>
      <c r="Z1755" s="28"/>
      <c r="AA1755" s="27"/>
      <c r="AB1755" s="27"/>
      <c r="AC1755" s="27"/>
      <c r="AD1755" s="30"/>
      <c r="AE1755" s="1"/>
      <c r="AF1755" s="23" t="s">
        <v>5331</v>
      </c>
      <c r="AG1755" s="26"/>
      <c r="AH1755" s="53"/>
    </row>
    <row r="1756" spans="1:34" ht="51.6" customHeight="1" x14ac:dyDescent="0.45">
      <c r="A1756" s="23">
        <v>1750</v>
      </c>
      <c r="B1756" s="25"/>
      <c r="C1756" s="25"/>
      <c r="D1756" s="29"/>
      <c r="E1756" s="1"/>
      <c r="F1756" s="1"/>
      <c r="G1756" s="25"/>
      <c r="H1756" s="71"/>
      <c r="I1756" s="83"/>
      <c r="J1756" s="50" t="str">
        <f t="shared" si="56"/>
        <v/>
      </c>
      <c r="K1756" s="23" t="s">
        <v>7120</v>
      </c>
      <c r="L1756" s="49" t="e">
        <f>VLOOKUP(E1756&amp;F1756,団体コード!$A$1:$C$1743,3,FALSE)</f>
        <v>#N/A</v>
      </c>
      <c r="M1756" s="49" t="e">
        <f>VLOOKUP(E1756&amp;F1756,団体コード!$A$1:$C$1743,2,FALSE)</f>
        <v>#N/A</v>
      </c>
      <c r="N1756" s="51" t="e">
        <f>VLOOKUP(E1756,団体コード!$E$1:$F$48,2,FALSE)</f>
        <v>#N/A</v>
      </c>
      <c r="O1756" s="51" t="e">
        <f t="shared" si="57"/>
        <v>#N/A</v>
      </c>
      <c r="P1756" s="51">
        <v>1</v>
      </c>
      <c r="Q1756" s="51" t="s">
        <v>5341</v>
      </c>
      <c r="R1756" s="54" t="b">
        <v>1</v>
      </c>
      <c r="S1756" s="52" t="s">
        <v>7126</v>
      </c>
      <c r="T1756" s="67" t="s">
        <v>7127</v>
      </c>
      <c r="U1756" s="75" t="s">
        <v>5331</v>
      </c>
      <c r="V1756" s="47" t="s">
        <v>5331</v>
      </c>
      <c r="W1756" s="47" t="s">
        <v>5331</v>
      </c>
      <c r="X1756" s="47" t="s">
        <v>5331</v>
      </c>
      <c r="Y1756" s="47" t="s">
        <v>5331</v>
      </c>
      <c r="Z1756" s="28"/>
      <c r="AA1756" s="27"/>
      <c r="AB1756" s="27"/>
      <c r="AC1756" s="27"/>
      <c r="AD1756" s="30"/>
      <c r="AE1756" s="1"/>
      <c r="AF1756" s="23" t="s">
        <v>5331</v>
      </c>
      <c r="AG1756" s="26"/>
      <c r="AH1756" s="53"/>
    </row>
    <row r="1757" spans="1:34" ht="51.6" customHeight="1" x14ac:dyDescent="0.45">
      <c r="A1757" s="23">
        <v>1751</v>
      </c>
      <c r="B1757" s="25"/>
      <c r="C1757" s="25"/>
      <c r="D1757" s="29"/>
      <c r="E1757" s="1"/>
      <c r="F1757" s="1"/>
      <c r="G1757" s="25"/>
      <c r="H1757" s="71"/>
      <c r="I1757" s="83"/>
      <c r="J1757" s="50" t="str">
        <f t="shared" si="56"/>
        <v/>
      </c>
      <c r="K1757" s="23" t="s">
        <v>7120</v>
      </c>
      <c r="L1757" s="49" t="e">
        <f>VLOOKUP(E1757&amp;F1757,団体コード!$A$1:$C$1743,3,FALSE)</f>
        <v>#N/A</v>
      </c>
      <c r="M1757" s="49" t="e">
        <f>VLOOKUP(E1757&amp;F1757,団体コード!$A$1:$C$1743,2,FALSE)</f>
        <v>#N/A</v>
      </c>
      <c r="N1757" s="51" t="e">
        <f>VLOOKUP(E1757,団体コード!$E$1:$F$48,2,FALSE)</f>
        <v>#N/A</v>
      </c>
      <c r="O1757" s="51" t="e">
        <f t="shared" si="57"/>
        <v>#N/A</v>
      </c>
      <c r="P1757" s="51">
        <v>1</v>
      </c>
      <c r="Q1757" s="51" t="s">
        <v>5341</v>
      </c>
      <c r="R1757" s="54" t="b">
        <v>1</v>
      </c>
      <c r="S1757" s="52" t="s">
        <v>7126</v>
      </c>
      <c r="T1757" s="67" t="s">
        <v>7127</v>
      </c>
      <c r="U1757" s="75" t="s">
        <v>5331</v>
      </c>
      <c r="V1757" s="47" t="s">
        <v>5331</v>
      </c>
      <c r="W1757" s="47" t="s">
        <v>5331</v>
      </c>
      <c r="X1757" s="47" t="s">
        <v>5331</v>
      </c>
      <c r="Y1757" s="47" t="s">
        <v>5331</v>
      </c>
      <c r="Z1757" s="28"/>
      <c r="AA1757" s="27"/>
      <c r="AB1757" s="27"/>
      <c r="AC1757" s="27"/>
      <c r="AD1757" s="30"/>
      <c r="AE1757" s="1"/>
      <c r="AF1757" s="23" t="s">
        <v>5331</v>
      </c>
      <c r="AG1757" s="26"/>
      <c r="AH1757" s="53"/>
    </row>
    <row r="1758" spans="1:34" ht="51.6" customHeight="1" x14ac:dyDescent="0.45">
      <c r="A1758" s="23">
        <v>1752</v>
      </c>
      <c r="B1758" s="25"/>
      <c r="C1758" s="25"/>
      <c r="D1758" s="29"/>
      <c r="E1758" s="1"/>
      <c r="F1758" s="1"/>
      <c r="G1758" s="25"/>
      <c r="H1758" s="71"/>
      <c r="I1758" s="83"/>
      <c r="J1758" s="50" t="str">
        <f t="shared" si="56"/>
        <v/>
      </c>
      <c r="K1758" s="23" t="s">
        <v>7120</v>
      </c>
      <c r="L1758" s="49" t="e">
        <f>VLOOKUP(E1758&amp;F1758,団体コード!$A$1:$C$1743,3,FALSE)</f>
        <v>#N/A</v>
      </c>
      <c r="M1758" s="49" t="e">
        <f>VLOOKUP(E1758&amp;F1758,団体コード!$A$1:$C$1743,2,FALSE)</f>
        <v>#N/A</v>
      </c>
      <c r="N1758" s="51" t="e">
        <f>VLOOKUP(E1758,団体コード!$E$1:$F$48,2,FALSE)</f>
        <v>#N/A</v>
      </c>
      <c r="O1758" s="51" t="e">
        <f t="shared" si="57"/>
        <v>#N/A</v>
      </c>
      <c r="P1758" s="51">
        <v>1</v>
      </c>
      <c r="Q1758" s="51" t="s">
        <v>5341</v>
      </c>
      <c r="R1758" s="54" t="b">
        <v>1</v>
      </c>
      <c r="S1758" s="52" t="s">
        <v>7126</v>
      </c>
      <c r="T1758" s="67" t="s">
        <v>7127</v>
      </c>
      <c r="U1758" s="75" t="s">
        <v>5331</v>
      </c>
      <c r="V1758" s="47" t="s">
        <v>5331</v>
      </c>
      <c r="W1758" s="47" t="s">
        <v>5331</v>
      </c>
      <c r="X1758" s="47" t="s">
        <v>5331</v>
      </c>
      <c r="Y1758" s="47" t="s">
        <v>5331</v>
      </c>
      <c r="Z1758" s="28"/>
      <c r="AA1758" s="27"/>
      <c r="AB1758" s="27"/>
      <c r="AC1758" s="27"/>
      <c r="AD1758" s="30"/>
      <c r="AE1758" s="1"/>
      <c r="AF1758" s="23" t="s">
        <v>5331</v>
      </c>
      <c r="AG1758" s="26"/>
      <c r="AH1758" s="53"/>
    </row>
    <row r="1759" spans="1:34" ht="51.6" customHeight="1" x14ac:dyDescent="0.45">
      <c r="A1759" s="23">
        <v>1753</v>
      </c>
      <c r="B1759" s="25"/>
      <c r="C1759" s="25"/>
      <c r="D1759" s="29"/>
      <c r="E1759" s="1"/>
      <c r="F1759" s="1"/>
      <c r="G1759" s="25"/>
      <c r="H1759" s="71"/>
      <c r="I1759" s="83"/>
      <c r="J1759" s="50" t="str">
        <f t="shared" si="56"/>
        <v/>
      </c>
      <c r="K1759" s="23" t="s">
        <v>7120</v>
      </c>
      <c r="L1759" s="49" t="e">
        <f>VLOOKUP(E1759&amp;F1759,団体コード!$A$1:$C$1743,3,FALSE)</f>
        <v>#N/A</v>
      </c>
      <c r="M1759" s="49" t="e">
        <f>VLOOKUP(E1759&amp;F1759,団体コード!$A$1:$C$1743,2,FALSE)</f>
        <v>#N/A</v>
      </c>
      <c r="N1759" s="51" t="e">
        <f>VLOOKUP(E1759,団体コード!$E$1:$F$48,2,FALSE)</f>
        <v>#N/A</v>
      </c>
      <c r="O1759" s="51" t="e">
        <f t="shared" si="57"/>
        <v>#N/A</v>
      </c>
      <c r="P1759" s="51">
        <v>1</v>
      </c>
      <c r="Q1759" s="51" t="s">
        <v>5341</v>
      </c>
      <c r="R1759" s="54" t="b">
        <v>1</v>
      </c>
      <c r="S1759" s="52" t="s">
        <v>7126</v>
      </c>
      <c r="T1759" s="67" t="s">
        <v>7127</v>
      </c>
      <c r="U1759" s="75" t="s">
        <v>5331</v>
      </c>
      <c r="V1759" s="47" t="s">
        <v>5331</v>
      </c>
      <c r="W1759" s="47" t="s">
        <v>5331</v>
      </c>
      <c r="X1759" s="47" t="s">
        <v>5331</v>
      </c>
      <c r="Y1759" s="47" t="s">
        <v>5331</v>
      </c>
      <c r="Z1759" s="28"/>
      <c r="AA1759" s="27"/>
      <c r="AB1759" s="27"/>
      <c r="AC1759" s="27"/>
      <c r="AD1759" s="30"/>
      <c r="AE1759" s="1"/>
      <c r="AF1759" s="23" t="s">
        <v>5331</v>
      </c>
      <c r="AG1759" s="26"/>
      <c r="AH1759" s="53"/>
    </row>
    <row r="1760" spans="1:34" ht="51.6" customHeight="1" x14ac:dyDescent="0.45">
      <c r="A1760" s="23">
        <v>1754</v>
      </c>
      <c r="B1760" s="25"/>
      <c r="C1760" s="25"/>
      <c r="D1760" s="29"/>
      <c r="E1760" s="1"/>
      <c r="F1760" s="1"/>
      <c r="G1760" s="25"/>
      <c r="H1760" s="71"/>
      <c r="I1760" s="83"/>
      <c r="J1760" s="50" t="str">
        <f t="shared" si="56"/>
        <v/>
      </c>
      <c r="K1760" s="23" t="s">
        <v>7120</v>
      </c>
      <c r="L1760" s="49" t="e">
        <f>VLOOKUP(E1760&amp;F1760,団体コード!$A$1:$C$1743,3,FALSE)</f>
        <v>#N/A</v>
      </c>
      <c r="M1760" s="49" t="e">
        <f>VLOOKUP(E1760&amp;F1760,団体コード!$A$1:$C$1743,2,FALSE)</f>
        <v>#N/A</v>
      </c>
      <c r="N1760" s="51" t="e">
        <f>VLOOKUP(E1760,団体コード!$E$1:$F$48,2,FALSE)</f>
        <v>#N/A</v>
      </c>
      <c r="O1760" s="51" t="e">
        <f t="shared" si="57"/>
        <v>#N/A</v>
      </c>
      <c r="P1760" s="51">
        <v>1</v>
      </c>
      <c r="Q1760" s="51" t="s">
        <v>5341</v>
      </c>
      <c r="R1760" s="54" t="b">
        <v>1</v>
      </c>
      <c r="S1760" s="52" t="s">
        <v>7126</v>
      </c>
      <c r="T1760" s="67" t="s">
        <v>7127</v>
      </c>
      <c r="U1760" s="75" t="s">
        <v>5331</v>
      </c>
      <c r="V1760" s="47" t="s">
        <v>5331</v>
      </c>
      <c r="W1760" s="47" t="s">
        <v>5331</v>
      </c>
      <c r="X1760" s="47" t="s">
        <v>5331</v>
      </c>
      <c r="Y1760" s="47" t="s">
        <v>5331</v>
      </c>
      <c r="Z1760" s="28"/>
      <c r="AA1760" s="27"/>
      <c r="AB1760" s="27"/>
      <c r="AC1760" s="27"/>
      <c r="AD1760" s="30"/>
      <c r="AE1760" s="1"/>
      <c r="AF1760" s="23" t="s">
        <v>5331</v>
      </c>
      <c r="AG1760" s="26"/>
      <c r="AH1760" s="53"/>
    </row>
    <row r="1761" spans="1:34" ht="51.6" customHeight="1" x14ac:dyDescent="0.45">
      <c r="A1761" s="23">
        <v>1755</v>
      </c>
      <c r="B1761" s="25"/>
      <c r="C1761" s="25"/>
      <c r="D1761" s="29"/>
      <c r="E1761" s="1"/>
      <c r="F1761" s="1"/>
      <c r="G1761" s="25"/>
      <c r="H1761" s="71"/>
      <c r="I1761" s="83"/>
      <c r="J1761" s="50" t="str">
        <f t="shared" si="56"/>
        <v/>
      </c>
      <c r="K1761" s="23" t="s">
        <v>7120</v>
      </c>
      <c r="L1761" s="49" t="e">
        <f>VLOOKUP(E1761&amp;F1761,団体コード!$A$1:$C$1743,3,FALSE)</f>
        <v>#N/A</v>
      </c>
      <c r="M1761" s="49" t="e">
        <f>VLOOKUP(E1761&amp;F1761,団体コード!$A$1:$C$1743,2,FALSE)</f>
        <v>#N/A</v>
      </c>
      <c r="N1761" s="51" t="e">
        <f>VLOOKUP(E1761,団体コード!$E$1:$F$48,2,FALSE)</f>
        <v>#N/A</v>
      </c>
      <c r="O1761" s="51" t="e">
        <f t="shared" si="57"/>
        <v>#N/A</v>
      </c>
      <c r="P1761" s="51">
        <v>1</v>
      </c>
      <c r="Q1761" s="51" t="s">
        <v>5341</v>
      </c>
      <c r="R1761" s="54" t="b">
        <v>1</v>
      </c>
      <c r="S1761" s="52" t="s">
        <v>7126</v>
      </c>
      <c r="T1761" s="67" t="s">
        <v>7127</v>
      </c>
      <c r="U1761" s="75" t="s">
        <v>5331</v>
      </c>
      <c r="V1761" s="47" t="s">
        <v>5331</v>
      </c>
      <c r="W1761" s="47" t="s">
        <v>5331</v>
      </c>
      <c r="X1761" s="47" t="s">
        <v>5331</v>
      </c>
      <c r="Y1761" s="47" t="s">
        <v>5331</v>
      </c>
      <c r="Z1761" s="28"/>
      <c r="AA1761" s="27"/>
      <c r="AB1761" s="27"/>
      <c r="AC1761" s="27"/>
      <c r="AD1761" s="30"/>
      <c r="AE1761" s="1"/>
      <c r="AF1761" s="23" t="s">
        <v>5331</v>
      </c>
      <c r="AG1761" s="26"/>
      <c r="AH1761" s="53"/>
    </row>
    <row r="1762" spans="1:34" ht="51.6" customHeight="1" x14ac:dyDescent="0.45">
      <c r="A1762" s="23">
        <v>1756</v>
      </c>
      <c r="B1762" s="25"/>
      <c r="C1762" s="25"/>
      <c r="D1762" s="29"/>
      <c r="E1762" s="1"/>
      <c r="F1762" s="1"/>
      <c r="G1762" s="25"/>
      <c r="H1762" s="71"/>
      <c r="I1762" s="83"/>
      <c r="J1762" s="50" t="str">
        <f t="shared" si="56"/>
        <v/>
      </c>
      <c r="K1762" s="23" t="s">
        <v>7120</v>
      </c>
      <c r="L1762" s="49" t="e">
        <f>VLOOKUP(E1762&amp;F1762,団体コード!$A$1:$C$1743,3,FALSE)</f>
        <v>#N/A</v>
      </c>
      <c r="M1762" s="49" t="e">
        <f>VLOOKUP(E1762&amp;F1762,団体コード!$A$1:$C$1743,2,FALSE)</f>
        <v>#N/A</v>
      </c>
      <c r="N1762" s="51" t="e">
        <f>VLOOKUP(E1762,団体コード!$E$1:$F$48,2,FALSE)</f>
        <v>#N/A</v>
      </c>
      <c r="O1762" s="51" t="e">
        <f t="shared" si="57"/>
        <v>#N/A</v>
      </c>
      <c r="P1762" s="51">
        <v>1</v>
      </c>
      <c r="Q1762" s="51" t="s">
        <v>5341</v>
      </c>
      <c r="R1762" s="54" t="b">
        <v>1</v>
      </c>
      <c r="S1762" s="52" t="s">
        <v>7126</v>
      </c>
      <c r="T1762" s="67" t="s">
        <v>7127</v>
      </c>
      <c r="U1762" s="75" t="s">
        <v>5331</v>
      </c>
      <c r="V1762" s="47" t="s">
        <v>5331</v>
      </c>
      <c r="W1762" s="47" t="s">
        <v>5331</v>
      </c>
      <c r="X1762" s="47" t="s">
        <v>5331</v>
      </c>
      <c r="Y1762" s="47" t="s">
        <v>5331</v>
      </c>
      <c r="Z1762" s="28"/>
      <c r="AA1762" s="27"/>
      <c r="AB1762" s="27"/>
      <c r="AC1762" s="27"/>
      <c r="AD1762" s="30"/>
      <c r="AE1762" s="1"/>
      <c r="AF1762" s="23" t="s">
        <v>5331</v>
      </c>
      <c r="AG1762" s="26"/>
      <c r="AH1762" s="53"/>
    </row>
    <row r="1763" spans="1:34" ht="51.6" customHeight="1" x14ac:dyDescent="0.45">
      <c r="A1763" s="23">
        <v>1757</v>
      </c>
      <c r="B1763" s="25"/>
      <c r="C1763" s="25"/>
      <c r="D1763" s="29"/>
      <c r="E1763" s="1"/>
      <c r="F1763" s="1"/>
      <c r="G1763" s="25"/>
      <c r="H1763" s="71"/>
      <c r="I1763" s="83"/>
      <c r="J1763" s="50" t="str">
        <f t="shared" si="56"/>
        <v/>
      </c>
      <c r="K1763" s="23" t="s">
        <v>7120</v>
      </c>
      <c r="L1763" s="49" t="e">
        <f>VLOOKUP(E1763&amp;F1763,団体コード!$A$1:$C$1743,3,FALSE)</f>
        <v>#N/A</v>
      </c>
      <c r="M1763" s="49" t="e">
        <f>VLOOKUP(E1763&amp;F1763,団体コード!$A$1:$C$1743,2,FALSE)</f>
        <v>#N/A</v>
      </c>
      <c r="N1763" s="51" t="e">
        <f>VLOOKUP(E1763,団体コード!$E$1:$F$48,2,FALSE)</f>
        <v>#N/A</v>
      </c>
      <c r="O1763" s="51" t="e">
        <f t="shared" si="57"/>
        <v>#N/A</v>
      </c>
      <c r="P1763" s="51">
        <v>1</v>
      </c>
      <c r="Q1763" s="51" t="s">
        <v>5341</v>
      </c>
      <c r="R1763" s="54" t="b">
        <v>1</v>
      </c>
      <c r="S1763" s="52" t="s">
        <v>7126</v>
      </c>
      <c r="T1763" s="67" t="s">
        <v>7127</v>
      </c>
      <c r="U1763" s="75" t="s">
        <v>5331</v>
      </c>
      <c r="V1763" s="47" t="s">
        <v>5331</v>
      </c>
      <c r="W1763" s="47" t="s">
        <v>5331</v>
      </c>
      <c r="X1763" s="47" t="s">
        <v>5331</v>
      </c>
      <c r="Y1763" s="47" t="s">
        <v>5331</v>
      </c>
      <c r="Z1763" s="28"/>
      <c r="AA1763" s="27"/>
      <c r="AB1763" s="27"/>
      <c r="AC1763" s="27"/>
      <c r="AD1763" s="30"/>
      <c r="AE1763" s="1"/>
      <c r="AF1763" s="23" t="s">
        <v>5331</v>
      </c>
      <c r="AG1763" s="26"/>
      <c r="AH1763" s="53"/>
    </row>
    <row r="1764" spans="1:34" ht="51.6" customHeight="1" x14ac:dyDescent="0.45">
      <c r="A1764" s="23">
        <v>1758</v>
      </c>
      <c r="B1764" s="25"/>
      <c r="C1764" s="25"/>
      <c r="D1764" s="29"/>
      <c r="E1764" s="1"/>
      <c r="F1764" s="1"/>
      <c r="G1764" s="25"/>
      <c r="H1764" s="71"/>
      <c r="I1764" s="83"/>
      <c r="J1764" s="50" t="str">
        <f t="shared" si="56"/>
        <v/>
      </c>
      <c r="K1764" s="23" t="s">
        <v>7120</v>
      </c>
      <c r="L1764" s="49" t="e">
        <f>VLOOKUP(E1764&amp;F1764,団体コード!$A$1:$C$1743,3,FALSE)</f>
        <v>#N/A</v>
      </c>
      <c r="M1764" s="49" t="e">
        <f>VLOOKUP(E1764&amp;F1764,団体コード!$A$1:$C$1743,2,FALSE)</f>
        <v>#N/A</v>
      </c>
      <c r="N1764" s="51" t="e">
        <f>VLOOKUP(E1764,団体コード!$E$1:$F$48,2,FALSE)</f>
        <v>#N/A</v>
      </c>
      <c r="O1764" s="51" t="e">
        <f t="shared" si="57"/>
        <v>#N/A</v>
      </c>
      <c r="P1764" s="51">
        <v>1</v>
      </c>
      <c r="Q1764" s="51" t="s">
        <v>5341</v>
      </c>
      <c r="R1764" s="54" t="b">
        <v>1</v>
      </c>
      <c r="S1764" s="52" t="s">
        <v>7126</v>
      </c>
      <c r="T1764" s="67" t="s">
        <v>7127</v>
      </c>
      <c r="U1764" s="75" t="s">
        <v>5331</v>
      </c>
      <c r="V1764" s="47" t="s">
        <v>5331</v>
      </c>
      <c r="W1764" s="47" t="s">
        <v>5331</v>
      </c>
      <c r="X1764" s="47" t="s">
        <v>5331</v>
      </c>
      <c r="Y1764" s="47" t="s">
        <v>5331</v>
      </c>
      <c r="Z1764" s="28"/>
      <c r="AA1764" s="27"/>
      <c r="AB1764" s="27"/>
      <c r="AC1764" s="27"/>
      <c r="AD1764" s="30"/>
      <c r="AE1764" s="1"/>
      <c r="AF1764" s="23" t="s">
        <v>5331</v>
      </c>
      <c r="AG1764" s="26"/>
      <c r="AH1764" s="53"/>
    </row>
    <row r="1765" spans="1:34" ht="51.6" customHeight="1" x14ac:dyDescent="0.45">
      <c r="A1765" s="23">
        <v>1759</v>
      </c>
      <c r="B1765" s="25"/>
      <c r="C1765" s="25"/>
      <c r="D1765" s="29"/>
      <c r="E1765" s="1"/>
      <c r="F1765" s="1"/>
      <c r="G1765" s="25"/>
      <c r="H1765" s="71"/>
      <c r="I1765" s="83"/>
      <c r="J1765" s="50" t="str">
        <f t="shared" si="56"/>
        <v/>
      </c>
      <c r="K1765" s="23" t="s">
        <v>7120</v>
      </c>
      <c r="L1765" s="49" t="e">
        <f>VLOOKUP(E1765&amp;F1765,団体コード!$A$1:$C$1743,3,FALSE)</f>
        <v>#N/A</v>
      </c>
      <c r="M1765" s="49" t="e">
        <f>VLOOKUP(E1765&amp;F1765,団体コード!$A$1:$C$1743,2,FALSE)</f>
        <v>#N/A</v>
      </c>
      <c r="N1765" s="51" t="e">
        <f>VLOOKUP(E1765,団体コード!$E$1:$F$48,2,FALSE)</f>
        <v>#N/A</v>
      </c>
      <c r="O1765" s="51" t="e">
        <f t="shared" si="57"/>
        <v>#N/A</v>
      </c>
      <c r="P1765" s="51">
        <v>1</v>
      </c>
      <c r="Q1765" s="51" t="s">
        <v>5341</v>
      </c>
      <c r="R1765" s="54" t="b">
        <v>1</v>
      </c>
      <c r="S1765" s="52" t="s">
        <v>7126</v>
      </c>
      <c r="T1765" s="67" t="s">
        <v>7127</v>
      </c>
      <c r="U1765" s="75" t="s">
        <v>5331</v>
      </c>
      <c r="V1765" s="47" t="s">
        <v>5331</v>
      </c>
      <c r="W1765" s="47" t="s">
        <v>5331</v>
      </c>
      <c r="X1765" s="47" t="s">
        <v>5331</v>
      </c>
      <c r="Y1765" s="47" t="s">
        <v>5331</v>
      </c>
      <c r="Z1765" s="28"/>
      <c r="AA1765" s="27"/>
      <c r="AB1765" s="27"/>
      <c r="AC1765" s="27"/>
      <c r="AD1765" s="30"/>
      <c r="AE1765" s="1"/>
      <c r="AF1765" s="23" t="s">
        <v>5331</v>
      </c>
      <c r="AG1765" s="26"/>
      <c r="AH1765" s="53"/>
    </row>
    <row r="1766" spans="1:34" ht="51.6" customHeight="1" x14ac:dyDescent="0.45">
      <c r="A1766" s="23">
        <v>1760</v>
      </c>
      <c r="B1766" s="25"/>
      <c r="C1766" s="25"/>
      <c r="D1766" s="29"/>
      <c r="E1766" s="1"/>
      <c r="F1766" s="1"/>
      <c r="G1766" s="25"/>
      <c r="H1766" s="71"/>
      <c r="I1766" s="83"/>
      <c r="J1766" s="50" t="str">
        <f t="shared" si="56"/>
        <v/>
      </c>
      <c r="K1766" s="23" t="s">
        <v>7120</v>
      </c>
      <c r="L1766" s="49" t="e">
        <f>VLOOKUP(E1766&amp;F1766,団体コード!$A$1:$C$1743,3,FALSE)</f>
        <v>#N/A</v>
      </c>
      <c r="M1766" s="49" t="e">
        <f>VLOOKUP(E1766&amp;F1766,団体コード!$A$1:$C$1743,2,FALSE)</f>
        <v>#N/A</v>
      </c>
      <c r="N1766" s="51" t="e">
        <f>VLOOKUP(E1766,団体コード!$E$1:$F$48,2,FALSE)</f>
        <v>#N/A</v>
      </c>
      <c r="O1766" s="51" t="e">
        <f t="shared" si="57"/>
        <v>#N/A</v>
      </c>
      <c r="P1766" s="51">
        <v>1</v>
      </c>
      <c r="Q1766" s="51" t="s">
        <v>5341</v>
      </c>
      <c r="R1766" s="54" t="b">
        <v>1</v>
      </c>
      <c r="S1766" s="52" t="s">
        <v>7126</v>
      </c>
      <c r="T1766" s="67" t="s">
        <v>7127</v>
      </c>
      <c r="U1766" s="75" t="s">
        <v>5331</v>
      </c>
      <c r="V1766" s="47" t="s">
        <v>5331</v>
      </c>
      <c r="W1766" s="47" t="s">
        <v>5331</v>
      </c>
      <c r="X1766" s="47" t="s">
        <v>5331</v>
      </c>
      <c r="Y1766" s="47" t="s">
        <v>5331</v>
      </c>
      <c r="Z1766" s="28"/>
      <c r="AA1766" s="27"/>
      <c r="AB1766" s="27"/>
      <c r="AC1766" s="27"/>
      <c r="AD1766" s="30"/>
      <c r="AE1766" s="1"/>
      <c r="AF1766" s="23" t="s">
        <v>5331</v>
      </c>
      <c r="AG1766" s="26"/>
      <c r="AH1766" s="53"/>
    </row>
    <row r="1767" spans="1:34" ht="51.6" customHeight="1" x14ac:dyDescent="0.45">
      <c r="A1767" s="23">
        <v>1761</v>
      </c>
      <c r="B1767" s="25"/>
      <c r="C1767" s="25"/>
      <c r="D1767" s="29"/>
      <c r="E1767" s="1"/>
      <c r="F1767" s="1"/>
      <c r="G1767" s="25"/>
      <c r="H1767" s="71"/>
      <c r="I1767" s="83"/>
      <c r="J1767" s="50" t="str">
        <f t="shared" si="56"/>
        <v/>
      </c>
      <c r="K1767" s="23" t="s">
        <v>7120</v>
      </c>
      <c r="L1767" s="49" t="e">
        <f>VLOOKUP(E1767&amp;F1767,団体コード!$A$1:$C$1743,3,FALSE)</f>
        <v>#N/A</v>
      </c>
      <c r="M1767" s="49" t="e">
        <f>VLOOKUP(E1767&amp;F1767,団体コード!$A$1:$C$1743,2,FALSE)</f>
        <v>#N/A</v>
      </c>
      <c r="N1767" s="51" t="e">
        <f>VLOOKUP(E1767,団体コード!$E$1:$F$48,2,FALSE)</f>
        <v>#N/A</v>
      </c>
      <c r="O1767" s="51" t="e">
        <f t="shared" si="57"/>
        <v>#N/A</v>
      </c>
      <c r="P1767" s="51">
        <v>1</v>
      </c>
      <c r="Q1767" s="51" t="s">
        <v>5341</v>
      </c>
      <c r="R1767" s="54" t="b">
        <v>1</v>
      </c>
      <c r="S1767" s="52" t="s">
        <v>7126</v>
      </c>
      <c r="T1767" s="67" t="s">
        <v>7127</v>
      </c>
      <c r="U1767" s="75" t="s">
        <v>5331</v>
      </c>
      <c r="V1767" s="47" t="s">
        <v>5331</v>
      </c>
      <c r="W1767" s="47" t="s">
        <v>5331</v>
      </c>
      <c r="X1767" s="47" t="s">
        <v>5331</v>
      </c>
      <c r="Y1767" s="47" t="s">
        <v>5331</v>
      </c>
      <c r="Z1767" s="28"/>
      <c r="AA1767" s="27"/>
      <c r="AB1767" s="27"/>
      <c r="AC1767" s="27"/>
      <c r="AD1767" s="30"/>
      <c r="AE1767" s="1"/>
      <c r="AF1767" s="23" t="s">
        <v>5331</v>
      </c>
      <c r="AG1767" s="26"/>
      <c r="AH1767" s="53"/>
    </row>
    <row r="1768" spans="1:34" ht="51.6" customHeight="1" x14ac:dyDescent="0.45">
      <c r="A1768" s="23">
        <v>1762</v>
      </c>
      <c r="B1768" s="25"/>
      <c r="C1768" s="25"/>
      <c r="D1768" s="29"/>
      <c r="E1768" s="1"/>
      <c r="F1768" s="1"/>
      <c r="G1768" s="25"/>
      <c r="H1768" s="71"/>
      <c r="I1768" s="83"/>
      <c r="J1768" s="50" t="str">
        <f t="shared" si="56"/>
        <v/>
      </c>
      <c r="K1768" s="23" t="s">
        <v>7120</v>
      </c>
      <c r="L1768" s="49" t="e">
        <f>VLOOKUP(E1768&amp;F1768,団体コード!$A$1:$C$1743,3,FALSE)</f>
        <v>#N/A</v>
      </c>
      <c r="M1768" s="49" t="e">
        <f>VLOOKUP(E1768&amp;F1768,団体コード!$A$1:$C$1743,2,FALSE)</f>
        <v>#N/A</v>
      </c>
      <c r="N1768" s="51" t="e">
        <f>VLOOKUP(E1768,団体コード!$E$1:$F$48,2,FALSE)</f>
        <v>#N/A</v>
      </c>
      <c r="O1768" s="51" t="e">
        <f t="shared" si="57"/>
        <v>#N/A</v>
      </c>
      <c r="P1768" s="51">
        <v>1</v>
      </c>
      <c r="Q1768" s="51" t="s">
        <v>5341</v>
      </c>
      <c r="R1768" s="54" t="b">
        <v>1</v>
      </c>
      <c r="S1768" s="52" t="s">
        <v>7126</v>
      </c>
      <c r="T1768" s="67" t="s">
        <v>7127</v>
      </c>
      <c r="U1768" s="75" t="s">
        <v>5331</v>
      </c>
      <c r="V1768" s="47" t="s">
        <v>5331</v>
      </c>
      <c r="W1768" s="47" t="s">
        <v>5331</v>
      </c>
      <c r="X1768" s="47" t="s">
        <v>5331</v>
      </c>
      <c r="Y1768" s="47" t="s">
        <v>5331</v>
      </c>
      <c r="Z1768" s="28"/>
      <c r="AA1768" s="27"/>
      <c r="AB1768" s="27"/>
      <c r="AC1768" s="27"/>
      <c r="AD1768" s="30"/>
      <c r="AE1768" s="1"/>
      <c r="AF1768" s="23" t="s">
        <v>5331</v>
      </c>
      <c r="AG1768" s="26"/>
      <c r="AH1768" s="53"/>
    </row>
    <row r="1769" spans="1:34" ht="51.6" customHeight="1" x14ac:dyDescent="0.45">
      <c r="A1769" s="23">
        <v>1763</v>
      </c>
      <c r="B1769" s="25"/>
      <c r="C1769" s="25"/>
      <c r="D1769" s="29"/>
      <c r="E1769" s="1"/>
      <c r="F1769" s="1"/>
      <c r="G1769" s="25"/>
      <c r="H1769" s="71"/>
      <c r="I1769" s="83"/>
      <c r="J1769" s="50" t="str">
        <f t="shared" si="56"/>
        <v/>
      </c>
      <c r="K1769" s="23" t="s">
        <v>7120</v>
      </c>
      <c r="L1769" s="49" t="e">
        <f>VLOOKUP(E1769&amp;F1769,団体コード!$A$1:$C$1743,3,FALSE)</f>
        <v>#N/A</v>
      </c>
      <c r="M1769" s="49" t="e">
        <f>VLOOKUP(E1769&amp;F1769,団体コード!$A$1:$C$1743,2,FALSE)</f>
        <v>#N/A</v>
      </c>
      <c r="N1769" s="51" t="e">
        <f>VLOOKUP(E1769,団体コード!$E$1:$F$48,2,FALSE)</f>
        <v>#N/A</v>
      </c>
      <c r="O1769" s="51" t="e">
        <f t="shared" si="57"/>
        <v>#N/A</v>
      </c>
      <c r="P1769" s="51">
        <v>1</v>
      </c>
      <c r="Q1769" s="51" t="s">
        <v>5341</v>
      </c>
      <c r="R1769" s="54" t="b">
        <v>1</v>
      </c>
      <c r="S1769" s="52" t="s">
        <v>7126</v>
      </c>
      <c r="T1769" s="67" t="s">
        <v>7127</v>
      </c>
      <c r="U1769" s="75" t="s">
        <v>5331</v>
      </c>
      <c r="V1769" s="47" t="s">
        <v>5331</v>
      </c>
      <c r="W1769" s="47" t="s">
        <v>5331</v>
      </c>
      <c r="X1769" s="47" t="s">
        <v>5331</v>
      </c>
      <c r="Y1769" s="47" t="s">
        <v>5331</v>
      </c>
      <c r="Z1769" s="28"/>
      <c r="AA1769" s="27"/>
      <c r="AB1769" s="27"/>
      <c r="AC1769" s="27"/>
      <c r="AD1769" s="30"/>
      <c r="AE1769" s="1"/>
      <c r="AF1769" s="23" t="s">
        <v>5331</v>
      </c>
      <c r="AG1769" s="26"/>
      <c r="AH1769" s="53"/>
    </row>
    <row r="1770" spans="1:34" ht="51.6" customHeight="1" x14ac:dyDescent="0.45">
      <c r="A1770" s="23">
        <v>1764</v>
      </c>
      <c r="B1770" s="25"/>
      <c r="C1770" s="25"/>
      <c r="D1770" s="29"/>
      <c r="E1770" s="1"/>
      <c r="F1770" s="1"/>
      <c r="G1770" s="25"/>
      <c r="H1770" s="71"/>
      <c r="I1770" s="83"/>
      <c r="J1770" s="50" t="str">
        <f t="shared" si="56"/>
        <v/>
      </c>
      <c r="K1770" s="23" t="s">
        <v>7120</v>
      </c>
      <c r="L1770" s="49" t="e">
        <f>VLOOKUP(E1770&amp;F1770,団体コード!$A$1:$C$1743,3,FALSE)</f>
        <v>#N/A</v>
      </c>
      <c r="M1770" s="49" t="e">
        <f>VLOOKUP(E1770&amp;F1770,団体コード!$A$1:$C$1743,2,FALSE)</f>
        <v>#N/A</v>
      </c>
      <c r="N1770" s="51" t="e">
        <f>VLOOKUP(E1770,団体コード!$E$1:$F$48,2,FALSE)</f>
        <v>#N/A</v>
      </c>
      <c r="O1770" s="51" t="e">
        <f t="shared" si="57"/>
        <v>#N/A</v>
      </c>
      <c r="P1770" s="51">
        <v>1</v>
      </c>
      <c r="Q1770" s="51" t="s">
        <v>5341</v>
      </c>
      <c r="R1770" s="54" t="b">
        <v>1</v>
      </c>
      <c r="S1770" s="52" t="s">
        <v>7126</v>
      </c>
      <c r="T1770" s="67" t="s">
        <v>7127</v>
      </c>
      <c r="U1770" s="75" t="s">
        <v>5331</v>
      </c>
      <c r="V1770" s="47" t="s">
        <v>5331</v>
      </c>
      <c r="W1770" s="47" t="s">
        <v>5331</v>
      </c>
      <c r="X1770" s="47" t="s">
        <v>5331</v>
      </c>
      <c r="Y1770" s="47" t="s">
        <v>5331</v>
      </c>
      <c r="Z1770" s="28"/>
      <c r="AA1770" s="27"/>
      <c r="AB1770" s="27"/>
      <c r="AC1770" s="27"/>
      <c r="AD1770" s="30"/>
      <c r="AE1770" s="1"/>
      <c r="AF1770" s="23" t="s">
        <v>5331</v>
      </c>
      <c r="AG1770" s="26"/>
      <c r="AH1770" s="53"/>
    </row>
    <row r="1771" spans="1:34" ht="51.6" customHeight="1" x14ac:dyDescent="0.45">
      <c r="A1771" s="23">
        <v>1765</v>
      </c>
      <c r="B1771" s="25"/>
      <c r="C1771" s="25"/>
      <c r="D1771" s="29"/>
      <c r="E1771" s="1"/>
      <c r="F1771" s="1"/>
      <c r="G1771" s="25"/>
      <c r="H1771" s="71"/>
      <c r="I1771" s="83"/>
      <c r="J1771" s="50" t="str">
        <f t="shared" si="56"/>
        <v/>
      </c>
      <c r="K1771" s="23" t="s">
        <v>7120</v>
      </c>
      <c r="L1771" s="49" t="e">
        <f>VLOOKUP(E1771&amp;F1771,団体コード!$A$1:$C$1743,3,FALSE)</f>
        <v>#N/A</v>
      </c>
      <c r="M1771" s="49" t="e">
        <f>VLOOKUP(E1771&amp;F1771,団体コード!$A$1:$C$1743,2,FALSE)</f>
        <v>#N/A</v>
      </c>
      <c r="N1771" s="51" t="e">
        <f>VLOOKUP(E1771,団体コード!$E$1:$F$48,2,FALSE)</f>
        <v>#N/A</v>
      </c>
      <c r="O1771" s="51" t="e">
        <f t="shared" si="57"/>
        <v>#N/A</v>
      </c>
      <c r="P1771" s="51">
        <v>1</v>
      </c>
      <c r="Q1771" s="51" t="s">
        <v>5341</v>
      </c>
      <c r="R1771" s="54" t="b">
        <v>1</v>
      </c>
      <c r="S1771" s="52" t="s">
        <v>7126</v>
      </c>
      <c r="T1771" s="67" t="s">
        <v>7127</v>
      </c>
      <c r="U1771" s="75" t="s">
        <v>5331</v>
      </c>
      <c r="V1771" s="47" t="s">
        <v>5331</v>
      </c>
      <c r="W1771" s="47" t="s">
        <v>5331</v>
      </c>
      <c r="X1771" s="47" t="s">
        <v>5331</v>
      </c>
      <c r="Y1771" s="47" t="s">
        <v>5331</v>
      </c>
      <c r="Z1771" s="28"/>
      <c r="AA1771" s="27"/>
      <c r="AB1771" s="27"/>
      <c r="AC1771" s="27"/>
      <c r="AD1771" s="30"/>
      <c r="AE1771" s="1"/>
      <c r="AF1771" s="23" t="s">
        <v>5331</v>
      </c>
      <c r="AG1771" s="26"/>
      <c r="AH1771" s="53"/>
    </row>
    <row r="1772" spans="1:34" ht="51.6" customHeight="1" x14ac:dyDescent="0.45">
      <c r="A1772" s="23">
        <v>1766</v>
      </c>
      <c r="B1772" s="25"/>
      <c r="C1772" s="25"/>
      <c r="D1772" s="29"/>
      <c r="E1772" s="1"/>
      <c r="F1772" s="1"/>
      <c r="G1772" s="25"/>
      <c r="H1772" s="71"/>
      <c r="I1772" s="83"/>
      <c r="J1772" s="50" t="str">
        <f t="shared" si="56"/>
        <v/>
      </c>
      <c r="K1772" s="23" t="s">
        <v>7120</v>
      </c>
      <c r="L1772" s="49" t="e">
        <f>VLOOKUP(E1772&amp;F1772,団体コード!$A$1:$C$1743,3,FALSE)</f>
        <v>#N/A</v>
      </c>
      <c r="M1772" s="49" t="e">
        <f>VLOOKUP(E1772&amp;F1772,団体コード!$A$1:$C$1743,2,FALSE)</f>
        <v>#N/A</v>
      </c>
      <c r="N1772" s="51" t="e">
        <f>VLOOKUP(E1772,団体コード!$E$1:$F$48,2,FALSE)</f>
        <v>#N/A</v>
      </c>
      <c r="O1772" s="51" t="e">
        <f t="shared" si="57"/>
        <v>#N/A</v>
      </c>
      <c r="P1772" s="51">
        <v>1</v>
      </c>
      <c r="Q1772" s="51" t="s">
        <v>5341</v>
      </c>
      <c r="R1772" s="54" t="b">
        <v>1</v>
      </c>
      <c r="S1772" s="52" t="s">
        <v>7126</v>
      </c>
      <c r="T1772" s="67" t="s">
        <v>7127</v>
      </c>
      <c r="U1772" s="75" t="s">
        <v>5331</v>
      </c>
      <c r="V1772" s="47" t="s">
        <v>5331</v>
      </c>
      <c r="W1772" s="47" t="s">
        <v>5331</v>
      </c>
      <c r="X1772" s="47" t="s">
        <v>5331</v>
      </c>
      <c r="Y1772" s="47" t="s">
        <v>5331</v>
      </c>
      <c r="Z1772" s="28"/>
      <c r="AA1772" s="27"/>
      <c r="AB1772" s="27"/>
      <c r="AC1772" s="27"/>
      <c r="AD1772" s="30"/>
      <c r="AE1772" s="1"/>
      <c r="AF1772" s="23" t="s">
        <v>5331</v>
      </c>
      <c r="AG1772" s="26"/>
      <c r="AH1772" s="53"/>
    </row>
    <row r="1773" spans="1:34" ht="51.6" customHeight="1" x14ac:dyDescent="0.45">
      <c r="A1773" s="23">
        <v>1767</v>
      </c>
      <c r="B1773" s="25"/>
      <c r="C1773" s="25"/>
      <c r="D1773" s="29"/>
      <c r="E1773" s="1"/>
      <c r="F1773" s="1"/>
      <c r="G1773" s="25"/>
      <c r="H1773" s="71"/>
      <c r="I1773" s="83"/>
      <c r="J1773" s="50" t="str">
        <f t="shared" si="56"/>
        <v/>
      </c>
      <c r="K1773" s="23" t="s">
        <v>7120</v>
      </c>
      <c r="L1773" s="49" t="e">
        <f>VLOOKUP(E1773&amp;F1773,団体コード!$A$1:$C$1743,3,FALSE)</f>
        <v>#N/A</v>
      </c>
      <c r="M1773" s="49" t="e">
        <f>VLOOKUP(E1773&amp;F1773,団体コード!$A$1:$C$1743,2,FALSE)</f>
        <v>#N/A</v>
      </c>
      <c r="N1773" s="51" t="e">
        <f>VLOOKUP(E1773,団体コード!$E$1:$F$48,2,FALSE)</f>
        <v>#N/A</v>
      </c>
      <c r="O1773" s="51" t="e">
        <f t="shared" si="57"/>
        <v>#N/A</v>
      </c>
      <c r="P1773" s="51">
        <v>1</v>
      </c>
      <c r="Q1773" s="51" t="s">
        <v>5341</v>
      </c>
      <c r="R1773" s="54" t="b">
        <v>1</v>
      </c>
      <c r="S1773" s="52" t="s">
        <v>7126</v>
      </c>
      <c r="T1773" s="67" t="s">
        <v>7127</v>
      </c>
      <c r="U1773" s="75" t="s">
        <v>5331</v>
      </c>
      <c r="V1773" s="47" t="s">
        <v>5331</v>
      </c>
      <c r="W1773" s="47" t="s">
        <v>5331</v>
      </c>
      <c r="X1773" s="47" t="s">
        <v>5331</v>
      </c>
      <c r="Y1773" s="47" t="s">
        <v>5331</v>
      </c>
      <c r="Z1773" s="28"/>
      <c r="AA1773" s="27"/>
      <c r="AB1773" s="27"/>
      <c r="AC1773" s="27"/>
      <c r="AD1773" s="30"/>
      <c r="AE1773" s="1"/>
      <c r="AF1773" s="23" t="s">
        <v>5331</v>
      </c>
      <c r="AG1773" s="26"/>
      <c r="AH1773" s="53"/>
    </row>
    <row r="1774" spans="1:34" ht="51.6" customHeight="1" x14ac:dyDescent="0.45">
      <c r="A1774" s="23">
        <v>1768</v>
      </c>
      <c r="B1774" s="25"/>
      <c r="C1774" s="25"/>
      <c r="D1774" s="29"/>
      <c r="E1774" s="1"/>
      <c r="F1774" s="1"/>
      <c r="G1774" s="25"/>
      <c r="H1774" s="71"/>
      <c r="I1774" s="83"/>
      <c r="J1774" s="50" t="str">
        <f t="shared" si="56"/>
        <v/>
      </c>
      <c r="K1774" s="23" t="s">
        <v>7120</v>
      </c>
      <c r="L1774" s="49" t="e">
        <f>VLOOKUP(E1774&amp;F1774,団体コード!$A$1:$C$1743,3,FALSE)</f>
        <v>#N/A</v>
      </c>
      <c r="M1774" s="49" t="e">
        <f>VLOOKUP(E1774&amp;F1774,団体コード!$A$1:$C$1743,2,FALSE)</f>
        <v>#N/A</v>
      </c>
      <c r="N1774" s="51" t="e">
        <f>VLOOKUP(E1774,団体コード!$E$1:$F$48,2,FALSE)</f>
        <v>#N/A</v>
      </c>
      <c r="O1774" s="51" t="e">
        <f t="shared" si="57"/>
        <v>#N/A</v>
      </c>
      <c r="P1774" s="51">
        <v>1</v>
      </c>
      <c r="Q1774" s="51" t="s">
        <v>5341</v>
      </c>
      <c r="R1774" s="54" t="b">
        <v>1</v>
      </c>
      <c r="S1774" s="52" t="s">
        <v>7126</v>
      </c>
      <c r="T1774" s="67" t="s">
        <v>7127</v>
      </c>
      <c r="U1774" s="75" t="s">
        <v>5331</v>
      </c>
      <c r="V1774" s="47" t="s">
        <v>5331</v>
      </c>
      <c r="W1774" s="47" t="s">
        <v>5331</v>
      </c>
      <c r="X1774" s="47" t="s">
        <v>5331</v>
      </c>
      <c r="Y1774" s="47" t="s">
        <v>5331</v>
      </c>
      <c r="Z1774" s="28"/>
      <c r="AA1774" s="27"/>
      <c r="AB1774" s="27"/>
      <c r="AC1774" s="27"/>
      <c r="AD1774" s="30"/>
      <c r="AE1774" s="1"/>
      <c r="AF1774" s="23" t="s">
        <v>5331</v>
      </c>
      <c r="AG1774" s="26"/>
      <c r="AH1774" s="53"/>
    </row>
    <row r="1775" spans="1:34" ht="51.6" customHeight="1" x14ac:dyDescent="0.45">
      <c r="A1775" s="23">
        <v>1769</v>
      </c>
      <c r="B1775" s="25"/>
      <c r="C1775" s="25"/>
      <c r="D1775" s="29"/>
      <c r="E1775" s="1"/>
      <c r="F1775" s="1"/>
      <c r="G1775" s="25"/>
      <c r="H1775" s="71"/>
      <c r="I1775" s="83"/>
      <c r="J1775" s="50" t="str">
        <f t="shared" si="56"/>
        <v/>
      </c>
      <c r="K1775" s="23" t="s">
        <v>7120</v>
      </c>
      <c r="L1775" s="49" t="e">
        <f>VLOOKUP(E1775&amp;F1775,団体コード!$A$1:$C$1743,3,FALSE)</f>
        <v>#N/A</v>
      </c>
      <c r="M1775" s="49" t="e">
        <f>VLOOKUP(E1775&amp;F1775,団体コード!$A$1:$C$1743,2,FALSE)</f>
        <v>#N/A</v>
      </c>
      <c r="N1775" s="51" t="e">
        <f>VLOOKUP(E1775,団体コード!$E$1:$F$48,2,FALSE)</f>
        <v>#N/A</v>
      </c>
      <c r="O1775" s="51" t="e">
        <f t="shared" si="57"/>
        <v>#N/A</v>
      </c>
      <c r="P1775" s="51">
        <v>1</v>
      </c>
      <c r="Q1775" s="51" t="s">
        <v>5341</v>
      </c>
      <c r="R1775" s="54" t="b">
        <v>1</v>
      </c>
      <c r="S1775" s="52" t="s">
        <v>7126</v>
      </c>
      <c r="T1775" s="67" t="s">
        <v>7127</v>
      </c>
      <c r="U1775" s="75" t="s">
        <v>5331</v>
      </c>
      <c r="V1775" s="47" t="s">
        <v>5331</v>
      </c>
      <c r="W1775" s="47" t="s">
        <v>5331</v>
      </c>
      <c r="X1775" s="47" t="s">
        <v>5331</v>
      </c>
      <c r="Y1775" s="47" t="s">
        <v>5331</v>
      </c>
      <c r="Z1775" s="28"/>
      <c r="AA1775" s="27"/>
      <c r="AB1775" s="27"/>
      <c r="AC1775" s="27"/>
      <c r="AD1775" s="30"/>
      <c r="AE1775" s="1"/>
      <c r="AF1775" s="23" t="s">
        <v>5331</v>
      </c>
      <c r="AG1775" s="26"/>
      <c r="AH1775" s="53"/>
    </row>
    <row r="1776" spans="1:34" ht="51.6" customHeight="1" x14ac:dyDescent="0.45">
      <c r="A1776" s="23">
        <v>1770</v>
      </c>
      <c r="B1776" s="25"/>
      <c r="C1776" s="25"/>
      <c r="D1776" s="29"/>
      <c r="E1776" s="1"/>
      <c r="F1776" s="1"/>
      <c r="G1776" s="25"/>
      <c r="H1776" s="71"/>
      <c r="I1776" s="83"/>
      <c r="J1776" s="50" t="str">
        <f t="shared" si="56"/>
        <v/>
      </c>
      <c r="K1776" s="23" t="s">
        <v>7120</v>
      </c>
      <c r="L1776" s="49" t="e">
        <f>VLOOKUP(E1776&amp;F1776,団体コード!$A$1:$C$1743,3,FALSE)</f>
        <v>#N/A</v>
      </c>
      <c r="M1776" s="49" t="e">
        <f>VLOOKUP(E1776&amp;F1776,団体コード!$A$1:$C$1743,2,FALSE)</f>
        <v>#N/A</v>
      </c>
      <c r="N1776" s="51" t="e">
        <f>VLOOKUP(E1776,団体コード!$E$1:$F$48,2,FALSE)</f>
        <v>#N/A</v>
      </c>
      <c r="O1776" s="51" t="e">
        <f t="shared" si="57"/>
        <v>#N/A</v>
      </c>
      <c r="P1776" s="51">
        <v>1</v>
      </c>
      <c r="Q1776" s="51" t="s">
        <v>5341</v>
      </c>
      <c r="R1776" s="54" t="b">
        <v>1</v>
      </c>
      <c r="S1776" s="52" t="s">
        <v>7126</v>
      </c>
      <c r="T1776" s="67" t="s">
        <v>7127</v>
      </c>
      <c r="U1776" s="75" t="s">
        <v>5331</v>
      </c>
      <c r="V1776" s="47" t="s">
        <v>5331</v>
      </c>
      <c r="W1776" s="47" t="s">
        <v>5331</v>
      </c>
      <c r="X1776" s="47" t="s">
        <v>5331</v>
      </c>
      <c r="Y1776" s="47" t="s">
        <v>5331</v>
      </c>
      <c r="Z1776" s="28"/>
      <c r="AA1776" s="27"/>
      <c r="AB1776" s="27"/>
      <c r="AC1776" s="27"/>
      <c r="AD1776" s="30"/>
      <c r="AE1776" s="1"/>
      <c r="AF1776" s="23" t="s">
        <v>5331</v>
      </c>
      <c r="AG1776" s="26"/>
      <c r="AH1776" s="53"/>
    </row>
    <row r="1777" spans="1:34" ht="51.6" customHeight="1" x14ac:dyDescent="0.45">
      <c r="A1777" s="23">
        <v>1771</v>
      </c>
      <c r="B1777" s="25"/>
      <c r="C1777" s="25"/>
      <c r="D1777" s="29"/>
      <c r="E1777" s="1"/>
      <c r="F1777" s="1"/>
      <c r="G1777" s="25"/>
      <c r="H1777" s="71"/>
      <c r="I1777" s="83"/>
      <c r="J1777" s="50" t="str">
        <f t="shared" si="56"/>
        <v/>
      </c>
      <c r="K1777" s="23" t="s">
        <v>7120</v>
      </c>
      <c r="L1777" s="49" t="e">
        <f>VLOOKUP(E1777&amp;F1777,団体コード!$A$1:$C$1743,3,FALSE)</f>
        <v>#N/A</v>
      </c>
      <c r="M1777" s="49" t="e">
        <f>VLOOKUP(E1777&amp;F1777,団体コード!$A$1:$C$1743,2,FALSE)</f>
        <v>#N/A</v>
      </c>
      <c r="N1777" s="51" t="e">
        <f>VLOOKUP(E1777,団体コード!$E$1:$F$48,2,FALSE)</f>
        <v>#N/A</v>
      </c>
      <c r="O1777" s="51" t="e">
        <f t="shared" si="57"/>
        <v>#N/A</v>
      </c>
      <c r="P1777" s="51">
        <v>1</v>
      </c>
      <c r="Q1777" s="51" t="s">
        <v>5341</v>
      </c>
      <c r="R1777" s="54" t="b">
        <v>1</v>
      </c>
      <c r="S1777" s="52" t="s">
        <v>7126</v>
      </c>
      <c r="T1777" s="67" t="s">
        <v>7127</v>
      </c>
      <c r="U1777" s="75" t="s">
        <v>5331</v>
      </c>
      <c r="V1777" s="47" t="s">
        <v>5331</v>
      </c>
      <c r="W1777" s="47" t="s">
        <v>5331</v>
      </c>
      <c r="X1777" s="47" t="s">
        <v>5331</v>
      </c>
      <c r="Y1777" s="47" t="s">
        <v>5331</v>
      </c>
      <c r="Z1777" s="28"/>
      <c r="AA1777" s="27"/>
      <c r="AB1777" s="27"/>
      <c r="AC1777" s="27"/>
      <c r="AD1777" s="30"/>
      <c r="AE1777" s="1"/>
      <c r="AF1777" s="23" t="s">
        <v>5331</v>
      </c>
      <c r="AG1777" s="26"/>
      <c r="AH1777" s="53"/>
    </row>
    <row r="1778" spans="1:34" ht="51.6" customHeight="1" x14ac:dyDescent="0.45">
      <c r="A1778" s="23">
        <v>1772</v>
      </c>
      <c r="B1778" s="25"/>
      <c r="C1778" s="25"/>
      <c r="D1778" s="29"/>
      <c r="E1778" s="1"/>
      <c r="F1778" s="1"/>
      <c r="G1778" s="25"/>
      <c r="H1778" s="71"/>
      <c r="I1778" s="83"/>
      <c r="J1778" s="50" t="str">
        <f t="shared" si="56"/>
        <v/>
      </c>
      <c r="K1778" s="23" t="s">
        <v>7120</v>
      </c>
      <c r="L1778" s="49" t="e">
        <f>VLOOKUP(E1778&amp;F1778,団体コード!$A$1:$C$1743,3,FALSE)</f>
        <v>#N/A</v>
      </c>
      <c r="M1778" s="49" t="e">
        <f>VLOOKUP(E1778&amp;F1778,団体コード!$A$1:$C$1743,2,FALSE)</f>
        <v>#N/A</v>
      </c>
      <c r="N1778" s="51" t="e">
        <f>VLOOKUP(E1778,団体コード!$E$1:$F$48,2,FALSE)</f>
        <v>#N/A</v>
      </c>
      <c r="O1778" s="51" t="e">
        <f t="shared" si="57"/>
        <v>#N/A</v>
      </c>
      <c r="P1778" s="51">
        <v>1</v>
      </c>
      <c r="Q1778" s="51" t="s">
        <v>5341</v>
      </c>
      <c r="R1778" s="54" t="b">
        <v>1</v>
      </c>
      <c r="S1778" s="52" t="s">
        <v>7126</v>
      </c>
      <c r="T1778" s="67" t="s">
        <v>7127</v>
      </c>
      <c r="U1778" s="75" t="s">
        <v>5331</v>
      </c>
      <c r="V1778" s="47" t="s">
        <v>5331</v>
      </c>
      <c r="W1778" s="47" t="s">
        <v>5331</v>
      </c>
      <c r="X1778" s="47" t="s">
        <v>5331</v>
      </c>
      <c r="Y1778" s="47" t="s">
        <v>5331</v>
      </c>
      <c r="Z1778" s="28"/>
      <c r="AA1778" s="27"/>
      <c r="AB1778" s="27"/>
      <c r="AC1778" s="27"/>
      <c r="AD1778" s="30"/>
      <c r="AE1778" s="1"/>
      <c r="AF1778" s="23" t="s">
        <v>5331</v>
      </c>
      <c r="AG1778" s="26"/>
      <c r="AH1778" s="53"/>
    </row>
    <row r="1779" spans="1:34" ht="51.6" customHeight="1" x14ac:dyDescent="0.45">
      <c r="A1779" s="23">
        <v>1773</v>
      </c>
      <c r="B1779" s="25"/>
      <c r="C1779" s="25"/>
      <c r="D1779" s="29"/>
      <c r="E1779" s="1"/>
      <c r="F1779" s="1"/>
      <c r="G1779" s="25"/>
      <c r="H1779" s="71"/>
      <c r="I1779" s="83"/>
      <c r="J1779" s="50" t="str">
        <f t="shared" si="56"/>
        <v/>
      </c>
      <c r="K1779" s="23" t="s">
        <v>7120</v>
      </c>
      <c r="L1779" s="49" t="e">
        <f>VLOOKUP(E1779&amp;F1779,団体コード!$A$1:$C$1743,3,FALSE)</f>
        <v>#N/A</v>
      </c>
      <c r="M1779" s="49" t="e">
        <f>VLOOKUP(E1779&amp;F1779,団体コード!$A$1:$C$1743,2,FALSE)</f>
        <v>#N/A</v>
      </c>
      <c r="N1779" s="51" t="e">
        <f>VLOOKUP(E1779,団体コード!$E$1:$F$48,2,FALSE)</f>
        <v>#N/A</v>
      </c>
      <c r="O1779" s="51" t="e">
        <f t="shared" si="57"/>
        <v>#N/A</v>
      </c>
      <c r="P1779" s="51">
        <v>1</v>
      </c>
      <c r="Q1779" s="51" t="s">
        <v>5341</v>
      </c>
      <c r="R1779" s="54" t="b">
        <v>1</v>
      </c>
      <c r="S1779" s="52" t="s">
        <v>7126</v>
      </c>
      <c r="T1779" s="67" t="s">
        <v>7127</v>
      </c>
      <c r="U1779" s="75" t="s">
        <v>5331</v>
      </c>
      <c r="V1779" s="47" t="s">
        <v>5331</v>
      </c>
      <c r="W1779" s="47" t="s">
        <v>5331</v>
      </c>
      <c r="X1779" s="47" t="s">
        <v>5331</v>
      </c>
      <c r="Y1779" s="47" t="s">
        <v>5331</v>
      </c>
      <c r="Z1779" s="28"/>
      <c r="AA1779" s="27"/>
      <c r="AB1779" s="27"/>
      <c r="AC1779" s="27"/>
      <c r="AD1779" s="30"/>
      <c r="AE1779" s="1"/>
      <c r="AF1779" s="23" t="s">
        <v>5331</v>
      </c>
      <c r="AG1779" s="26"/>
      <c r="AH1779" s="53"/>
    </row>
    <row r="1780" spans="1:34" ht="51.6" customHeight="1" x14ac:dyDescent="0.45">
      <c r="A1780" s="23">
        <v>1774</v>
      </c>
      <c r="B1780" s="25"/>
      <c r="C1780" s="25"/>
      <c r="D1780" s="29"/>
      <c r="E1780" s="1"/>
      <c r="F1780" s="1"/>
      <c r="G1780" s="25"/>
      <c r="H1780" s="71"/>
      <c r="I1780" s="83"/>
      <c r="J1780" s="50" t="str">
        <f t="shared" si="56"/>
        <v/>
      </c>
      <c r="K1780" s="23" t="s">
        <v>7120</v>
      </c>
      <c r="L1780" s="49" t="e">
        <f>VLOOKUP(E1780&amp;F1780,団体コード!$A$1:$C$1743,3,FALSE)</f>
        <v>#N/A</v>
      </c>
      <c r="M1780" s="49" t="e">
        <f>VLOOKUP(E1780&amp;F1780,団体コード!$A$1:$C$1743,2,FALSE)</f>
        <v>#N/A</v>
      </c>
      <c r="N1780" s="51" t="e">
        <f>VLOOKUP(E1780,団体コード!$E$1:$F$48,2,FALSE)</f>
        <v>#N/A</v>
      </c>
      <c r="O1780" s="51" t="e">
        <f t="shared" si="57"/>
        <v>#N/A</v>
      </c>
      <c r="P1780" s="51">
        <v>1</v>
      </c>
      <c r="Q1780" s="51" t="s">
        <v>5341</v>
      </c>
      <c r="R1780" s="54" t="b">
        <v>1</v>
      </c>
      <c r="S1780" s="52" t="s">
        <v>7126</v>
      </c>
      <c r="T1780" s="67" t="s">
        <v>7127</v>
      </c>
      <c r="U1780" s="75" t="s">
        <v>5331</v>
      </c>
      <c r="V1780" s="47" t="s">
        <v>5331</v>
      </c>
      <c r="W1780" s="47" t="s">
        <v>5331</v>
      </c>
      <c r="X1780" s="47" t="s">
        <v>5331</v>
      </c>
      <c r="Y1780" s="47" t="s">
        <v>5331</v>
      </c>
      <c r="Z1780" s="28"/>
      <c r="AA1780" s="27"/>
      <c r="AB1780" s="27"/>
      <c r="AC1780" s="27"/>
      <c r="AD1780" s="30"/>
      <c r="AE1780" s="1"/>
      <c r="AF1780" s="23" t="s">
        <v>5331</v>
      </c>
      <c r="AG1780" s="26"/>
      <c r="AH1780" s="53"/>
    </row>
    <row r="1781" spans="1:34" ht="51.6" customHeight="1" x14ac:dyDescent="0.45">
      <c r="A1781" s="23">
        <v>1775</v>
      </c>
      <c r="B1781" s="25"/>
      <c r="C1781" s="25"/>
      <c r="D1781" s="29"/>
      <c r="E1781" s="1"/>
      <c r="F1781" s="1"/>
      <c r="G1781" s="25"/>
      <c r="H1781" s="71"/>
      <c r="I1781" s="83"/>
      <c r="J1781" s="50" t="str">
        <f t="shared" si="56"/>
        <v/>
      </c>
      <c r="K1781" s="23" t="s">
        <v>7120</v>
      </c>
      <c r="L1781" s="49" t="e">
        <f>VLOOKUP(E1781&amp;F1781,団体コード!$A$1:$C$1743,3,FALSE)</f>
        <v>#N/A</v>
      </c>
      <c r="M1781" s="49" t="e">
        <f>VLOOKUP(E1781&amp;F1781,団体コード!$A$1:$C$1743,2,FALSE)</f>
        <v>#N/A</v>
      </c>
      <c r="N1781" s="51" t="e">
        <f>VLOOKUP(E1781,団体コード!$E$1:$F$48,2,FALSE)</f>
        <v>#N/A</v>
      </c>
      <c r="O1781" s="51" t="e">
        <f t="shared" si="57"/>
        <v>#N/A</v>
      </c>
      <c r="P1781" s="51">
        <v>1</v>
      </c>
      <c r="Q1781" s="51" t="s">
        <v>5341</v>
      </c>
      <c r="R1781" s="54" t="b">
        <v>1</v>
      </c>
      <c r="S1781" s="52" t="s">
        <v>7126</v>
      </c>
      <c r="T1781" s="67" t="s">
        <v>7127</v>
      </c>
      <c r="U1781" s="75" t="s">
        <v>5331</v>
      </c>
      <c r="V1781" s="47" t="s">
        <v>5331</v>
      </c>
      <c r="W1781" s="47" t="s">
        <v>5331</v>
      </c>
      <c r="X1781" s="47" t="s">
        <v>5331</v>
      </c>
      <c r="Y1781" s="47" t="s">
        <v>5331</v>
      </c>
      <c r="Z1781" s="28"/>
      <c r="AA1781" s="27"/>
      <c r="AB1781" s="27"/>
      <c r="AC1781" s="27"/>
      <c r="AD1781" s="30"/>
      <c r="AE1781" s="1"/>
      <c r="AF1781" s="23" t="s">
        <v>5331</v>
      </c>
      <c r="AG1781" s="26"/>
      <c r="AH1781" s="53"/>
    </row>
    <row r="1782" spans="1:34" ht="51.6" customHeight="1" x14ac:dyDescent="0.45">
      <c r="A1782" s="23">
        <v>1776</v>
      </c>
      <c r="B1782" s="25"/>
      <c r="C1782" s="25"/>
      <c r="D1782" s="29"/>
      <c r="E1782" s="1"/>
      <c r="F1782" s="1"/>
      <c r="G1782" s="25"/>
      <c r="H1782" s="71"/>
      <c r="I1782" s="83"/>
      <c r="J1782" s="50" t="str">
        <f t="shared" si="56"/>
        <v/>
      </c>
      <c r="K1782" s="23" t="s">
        <v>7120</v>
      </c>
      <c r="L1782" s="49" t="e">
        <f>VLOOKUP(E1782&amp;F1782,団体コード!$A$1:$C$1743,3,FALSE)</f>
        <v>#N/A</v>
      </c>
      <c r="M1782" s="49" t="e">
        <f>VLOOKUP(E1782&amp;F1782,団体コード!$A$1:$C$1743,2,FALSE)</f>
        <v>#N/A</v>
      </c>
      <c r="N1782" s="51" t="e">
        <f>VLOOKUP(E1782,団体コード!$E$1:$F$48,2,FALSE)</f>
        <v>#N/A</v>
      </c>
      <c r="O1782" s="51" t="e">
        <f t="shared" si="57"/>
        <v>#N/A</v>
      </c>
      <c r="P1782" s="51">
        <v>1</v>
      </c>
      <c r="Q1782" s="51" t="s">
        <v>5341</v>
      </c>
      <c r="R1782" s="54" t="b">
        <v>1</v>
      </c>
      <c r="S1782" s="52" t="s">
        <v>7126</v>
      </c>
      <c r="T1782" s="67" t="s">
        <v>7127</v>
      </c>
      <c r="U1782" s="75" t="s">
        <v>5331</v>
      </c>
      <c r="V1782" s="47" t="s">
        <v>5331</v>
      </c>
      <c r="W1782" s="47" t="s">
        <v>5331</v>
      </c>
      <c r="X1782" s="47" t="s">
        <v>5331</v>
      </c>
      <c r="Y1782" s="47" t="s">
        <v>5331</v>
      </c>
      <c r="Z1782" s="28"/>
      <c r="AA1782" s="27"/>
      <c r="AB1782" s="27"/>
      <c r="AC1782" s="27"/>
      <c r="AD1782" s="30"/>
      <c r="AE1782" s="1"/>
      <c r="AF1782" s="23" t="s">
        <v>5331</v>
      </c>
      <c r="AG1782" s="26"/>
      <c r="AH1782" s="53"/>
    </row>
    <row r="1783" spans="1:34" ht="51.6" customHeight="1" x14ac:dyDescent="0.45">
      <c r="A1783" s="23">
        <v>1777</v>
      </c>
      <c r="B1783" s="25"/>
      <c r="C1783" s="25"/>
      <c r="D1783" s="29"/>
      <c r="E1783" s="1"/>
      <c r="F1783" s="1"/>
      <c r="G1783" s="25"/>
      <c r="H1783" s="71"/>
      <c r="I1783" s="83"/>
      <c r="J1783" s="50" t="str">
        <f t="shared" si="56"/>
        <v/>
      </c>
      <c r="K1783" s="23" t="s">
        <v>7120</v>
      </c>
      <c r="L1783" s="49" t="e">
        <f>VLOOKUP(E1783&amp;F1783,団体コード!$A$1:$C$1743,3,FALSE)</f>
        <v>#N/A</v>
      </c>
      <c r="M1783" s="49" t="e">
        <f>VLOOKUP(E1783&amp;F1783,団体コード!$A$1:$C$1743,2,FALSE)</f>
        <v>#N/A</v>
      </c>
      <c r="N1783" s="51" t="e">
        <f>VLOOKUP(E1783,団体コード!$E$1:$F$48,2,FALSE)</f>
        <v>#N/A</v>
      </c>
      <c r="O1783" s="51" t="e">
        <f t="shared" si="57"/>
        <v>#N/A</v>
      </c>
      <c r="P1783" s="51">
        <v>1</v>
      </c>
      <c r="Q1783" s="51" t="s">
        <v>5341</v>
      </c>
      <c r="R1783" s="54" t="b">
        <v>1</v>
      </c>
      <c r="S1783" s="52" t="s">
        <v>7126</v>
      </c>
      <c r="T1783" s="67" t="s">
        <v>7127</v>
      </c>
      <c r="U1783" s="75" t="s">
        <v>5331</v>
      </c>
      <c r="V1783" s="47" t="s">
        <v>5331</v>
      </c>
      <c r="W1783" s="47" t="s">
        <v>5331</v>
      </c>
      <c r="X1783" s="47" t="s">
        <v>5331</v>
      </c>
      <c r="Y1783" s="47" t="s">
        <v>5331</v>
      </c>
      <c r="Z1783" s="28"/>
      <c r="AA1783" s="27"/>
      <c r="AB1783" s="27"/>
      <c r="AC1783" s="27"/>
      <c r="AD1783" s="30"/>
      <c r="AE1783" s="1"/>
      <c r="AF1783" s="23" t="s">
        <v>5331</v>
      </c>
      <c r="AG1783" s="26"/>
      <c r="AH1783" s="53"/>
    </row>
    <row r="1784" spans="1:34" ht="51.6" customHeight="1" x14ac:dyDescent="0.45">
      <c r="A1784" s="23">
        <v>1778</v>
      </c>
      <c r="B1784" s="25"/>
      <c r="C1784" s="25"/>
      <c r="D1784" s="29"/>
      <c r="E1784" s="1"/>
      <c r="F1784" s="1"/>
      <c r="G1784" s="25"/>
      <c r="H1784" s="71"/>
      <c r="I1784" s="83"/>
      <c r="J1784" s="50" t="str">
        <f t="shared" si="56"/>
        <v/>
      </c>
      <c r="K1784" s="23" t="s">
        <v>7120</v>
      </c>
      <c r="L1784" s="49" t="e">
        <f>VLOOKUP(E1784&amp;F1784,団体コード!$A$1:$C$1743,3,FALSE)</f>
        <v>#N/A</v>
      </c>
      <c r="M1784" s="49" t="e">
        <f>VLOOKUP(E1784&amp;F1784,団体コード!$A$1:$C$1743,2,FALSE)</f>
        <v>#N/A</v>
      </c>
      <c r="N1784" s="51" t="e">
        <f>VLOOKUP(E1784,団体コード!$E$1:$F$48,2,FALSE)</f>
        <v>#N/A</v>
      </c>
      <c r="O1784" s="51" t="e">
        <f t="shared" si="57"/>
        <v>#N/A</v>
      </c>
      <c r="P1784" s="51">
        <v>1</v>
      </c>
      <c r="Q1784" s="51" t="s">
        <v>5341</v>
      </c>
      <c r="R1784" s="54" t="b">
        <v>1</v>
      </c>
      <c r="S1784" s="52" t="s">
        <v>7126</v>
      </c>
      <c r="T1784" s="67" t="s">
        <v>7127</v>
      </c>
      <c r="U1784" s="75" t="s">
        <v>5331</v>
      </c>
      <c r="V1784" s="47" t="s">
        <v>5331</v>
      </c>
      <c r="W1784" s="47" t="s">
        <v>5331</v>
      </c>
      <c r="X1784" s="47" t="s">
        <v>5331</v>
      </c>
      <c r="Y1784" s="47" t="s">
        <v>5331</v>
      </c>
      <c r="Z1784" s="28"/>
      <c r="AA1784" s="27"/>
      <c r="AB1784" s="27"/>
      <c r="AC1784" s="27"/>
      <c r="AD1784" s="30"/>
      <c r="AE1784" s="1"/>
      <c r="AF1784" s="23" t="s">
        <v>5331</v>
      </c>
      <c r="AG1784" s="26"/>
      <c r="AH1784" s="53"/>
    </row>
    <row r="1785" spans="1:34" ht="51.6" customHeight="1" x14ac:dyDescent="0.45">
      <c r="A1785" s="23">
        <v>1779</v>
      </c>
      <c r="B1785" s="25"/>
      <c r="C1785" s="25"/>
      <c r="D1785" s="29"/>
      <c r="E1785" s="1"/>
      <c r="F1785" s="1"/>
      <c r="G1785" s="25"/>
      <c r="H1785" s="71"/>
      <c r="I1785" s="83"/>
      <c r="J1785" s="50" t="str">
        <f t="shared" si="56"/>
        <v/>
      </c>
      <c r="K1785" s="23" t="s">
        <v>7120</v>
      </c>
      <c r="L1785" s="49" t="e">
        <f>VLOOKUP(E1785&amp;F1785,団体コード!$A$1:$C$1743,3,FALSE)</f>
        <v>#N/A</v>
      </c>
      <c r="M1785" s="49" t="e">
        <f>VLOOKUP(E1785&amp;F1785,団体コード!$A$1:$C$1743,2,FALSE)</f>
        <v>#N/A</v>
      </c>
      <c r="N1785" s="51" t="e">
        <f>VLOOKUP(E1785,団体コード!$E$1:$F$48,2,FALSE)</f>
        <v>#N/A</v>
      </c>
      <c r="O1785" s="51" t="e">
        <f t="shared" si="57"/>
        <v>#N/A</v>
      </c>
      <c r="P1785" s="51">
        <v>1</v>
      </c>
      <c r="Q1785" s="51" t="s">
        <v>5341</v>
      </c>
      <c r="R1785" s="54" t="b">
        <v>1</v>
      </c>
      <c r="S1785" s="52" t="s">
        <v>7126</v>
      </c>
      <c r="T1785" s="67" t="s">
        <v>7127</v>
      </c>
      <c r="U1785" s="75" t="s">
        <v>5331</v>
      </c>
      <c r="V1785" s="47" t="s">
        <v>5331</v>
      </c>
      <c r="W1785" s="47" t="s">
        <v>5331</v>
      </c>
      <c r="X1785" s="47" t="s">
        <v>5331</v>
      </c>
      <c r="Y1785" s="47" t="s">
        <v>5331</v>
      </c>
      <c r="Z1785" s="28"/>
      <c r="AA1785" s="27"/>
      <c r="AB1785" s="27"/>
      <c r="AC1785" s="27"/>
      <c r="AD1785" s="30"/>
      <c r="AE1785" s="1"/>
      <c r="AF1785" s="23" t="s">
        <v>5331</v>
      </c>
      <c r="AG1785" s="26"/>
      <c r="AH1785" s="53"/>
    </row>
    <row r="1786" spans="1:34" ht="51.6" customHeight="1" x14ac:dyDescent="0.45">
      <c r="A1786" s="23">
        <v>1780</v>
      </c>
      <c r="B1786" s="25"/>
      <c r="C1786" s="25"/>
      <c r="D1786" s="29"/>
      <c r="E1786" s="1"/>
      <c r="F1786" s="1"/>
      <c r="G1786" s="25"/>
      <c r="H1786" s="71"/>
      <c r="I1786" s="83"/>
      <c r="J1786" s="50" t="str">
        <f t="shared" si="56"/>
        <v/>
      </c>
      <c r="K1786" s="23" t="s">
        <v>7120</v>
      </c>
      <c r="L1786" s="49" t="e">
        <f>VLOOKUP(E1786&amp;F1786,団体コード!$A$1:$C$1743,3,FALSE)</f>
        <v>#N/A</v>
      </c>
      <c r="M1786" s="49" t="e">
        <f>VLOOKUP(E1786&amp;F1786,団体コード!$A$1:$C$1743,2,FALSE)</f>
        <v>#N/A</v>
      </c>
      <c r="N1786" s="51" t="e">
        <f>VLOOKUP(E1786,団体コード!$E$1:$F$48,2,FALSE)</f>
        <v>#N/A</v>
      </c>
      <c r="O1786" s="51" t="e">
        <f t="shared" si="57"/>
        <v>#N/A</v>
      </c>
      <c r="P1786" s="51">
        <v>1</v>
      </c>
      <c r="Q1786" s="51" t="s">
        <v>5341</v>
      </c>
      <c r="R1786" s="54" t="b">
        <v>1</v>
      </c>
      <c r="S1786" s="52" t="s">
        <v>7126</v>
      </c>
      <c r="T1786" s="67" t="s">
        <v>7127</v>
      </c>
      <c r="U1786" s="75" t="s">
        <v>5331</v>
      </c>
      <c r="V1786" s="47" t="s">
        <v>5331</v>
      </c>
      <c r="W1786" s="47" t="s">
        <v>5331</v>
      </c>
      <c r="X1786" s="47" t="s">
        <v>5331</v>
      </c>
      <c r="Y1786" s="47" t="s">
        <v>5331</v>
      </c>
      <c r="Z1786" s="28"/>
      <c r="AA1786" s="27"/>
      <c r="AB1786" s="27"/>
      <c r="AC1786" s="27"/>
      <c r="AD1786" s="30"/>
      <c r="AE1786" s="1"/>
      <c r="AF1786" s="23" t="s">
        <v>5331</v>
      </c>
      <c r="AG1786" s="26"/>
      <c r="AH1786" s="53"/>
    </row>
    <row r="1787" spans="1:34" ht="51.6" customHeight="1" x14ac:dyDescent="0.45">
      <c r="A1787" s="23">
        <v>1781</v>
      </c>
      <c r="B1787" s="25"/>
      <c r="C1787" s="25"/>
      <c r="D1787" s="29"/>
      <c r="E1787" s="1"/>
      <c r="F1787" s="1"/>
      <c r="G1787" s="25"/>
      <c r="H1787" s="71"/>
      <c r="I1787" s="83"/>
      <c r="J1787" s="50" t="str">
        <f t="shared" si="56"/>
        <v/>
      </c>
      <c r="K1787" s="23" t="s">
        <v>7120</v>
      </c>
      <c r="L1787" s="49" t="e">
        <f>VLOOKUP(E1787&amp;F1787,団体コード!$A$1:$C$1743,3,FALSE)</f>
        <v>#N/A</v>
      </c>
      <c r="M1787" s="49" t="e">
        <f>VLOOKUP(E1787&amp;F1787,団体コード!$A$1:$C$1743,2,FALSE)</f>
        <v>#N/A</v>
      </c>
      <c r="N1787" s="51" t="e">
        <f>VLOOKUP(E1787,団体コード!$E$1:$F$48,2,FALSE)</f>
        <v>#N/A</v>
      </c>
      <c r="O1787" s="51" t="e">
        <f t="shared" si="57"/>
        <v>#N/A</v>
      </c>
      <c r="P1787" s="51">
        <v>1</v>
      </c>
      <c r="Q1787" s="51" t="s">
        <v>5341</v>
      </c>
      <c r="R1787" s="54" t="b">
        <v>1</v>
      </c>
      <c r="S1787" s="52" t="s">
        <v>7126</v>
      </c>
      <c r="T1787" s="67" t="s">
        <v>7127</v>
      </c>
      <c r="U1787" s="75" t="s">
        <v>5331</v>
      </c>
      <c r="V1787" s="47" t="s">
        <v>5331</v>
      </c>
      <c r="W1787" s="47" t="s">
        <v>5331</v>
      </c>
      <c r="X1787" s="47" t="s">
        <v>5331</v>
      </c>
      <c r="Y1787" s="47" t="s">
        <v>5331</v>
      </c>
      <c r="Z1787" s="28"/>
      <c r="AA1787" s="27"/>
      <c r="AB1787" s="27"/>
      <c r="AC1787" s="27"/>
      <c r="AD1787" s="30"/>
      <c r="AE1787" s="1"/>
      <c r="AF1787" s="23" t="s">
        <v>5331</v>
      </c>
      <c r="AG1787" s="26"/>
      <c r="AH1787" s="53"/>
    </row>
    <row r="1788" spans="1:34" ht="51.6" customHeight="1" x14ac:dyDescent="0.45">
      <c r="A1788" s="23">
        <v>1782</v>
      </c>
      <c r="B1788" s="25"/>
      <c r="C1788" s="25"/>
      <c r="D1788" s="29"/>
      <c r="E1788" s="1"/>
      <c r="F1788" s="1"/>
      <c r="G1788" s="25"/>
      <c r="H1788" s="71"/>
      <c r="I1788" s="83"/>
      <c r="J1788" s="50" t="str">
        <f t="shared" si="56"/>
        <v/>
      </c>
      <c r="K1788" s="23" t="s">
        <v>7120</v>
      </c>
      <c r="L1788" s="49" t="e">
        <f>VLOOKUP(E1788&amp;F1788,団体コード!$A$1:$C$1743,3,FALSE)</f>
        <v>#N/A</v>
      </c>
      <c r="M1788" s="49" t="e">
        <f>VLOOKUP(E1788&amp;F1788,団体コード!$A$1:$C$1743,2,FALSE)</f>
        <v>#N/A</v>
      </c>
      <c r="N1788" s="51" t="e">
        <f>VLOOKUP(E1788,団体コード!$E$1:$F$48,2,FALSE)</f>
        <v>#N/A</v>
      </c>
      <c r="O1788" s="51" t="e">
        <f t="shared" si="57"/>
        <v>#N/A</v>
      </c>
      <c r="P1788" s="51">
        <v>1</v>
      </c>
      <c r="Q1788" s="51" t="s">
        <v>5341</v>
      </c>
      <c r="R1788" s="54" t="b">
        <v>1</v>
      </c>
      <c r="S1788" s="52" t="s">
        <v>7126</v>
      </c>
      <c r="T1788" s="67" t="s">
        <v>7127</v>
      </c>
      <c r="U1788" s="75" t="s">
        <v>5331</v>
      </c>
      <c r="V1788" s="47" t="s">
        <v>5331</v>
      </c>
      <c r="W1788" s="47" t="s">
        <v>5331</v>
      </c>
      <c r="X1788" s="47" t="s">
        <v>5331</v>
      </c>
      <c r="Y1788" s="47" t="s">
        <v>5331</v>
      </c>
      <c r="Z1788" s="28"/>
      <c r="AA1788" s="27"/>
      <c r="AB1788" s="27"/>
      <c r="AC1788" s="27"/>
      <c r="AD1788" s="30"/>
      <c r="AE1788" s="1"/>
      <c r="AF1788" s="23" t="s">
        <v>5331</v>
      </c>
      <c r="AG1788" s="26"/>
      <c r="AH1788" s="53"/>
    </row>
    <row r="1789" spans="1:34" ht="51.6" customHeight="1" x14ac:dyDescent="0.45">
      <c r="A1789" s="23">
        <v>1783</v>
      </c>
      <c r="B1789" s="25"/>
      <c r="C1789" s="25"/>
      <c r="D1789" s="29"/>
      <c r="E1789" s="1"/>
      <c r="F1789" s="1"/>
      <c r="G1789" s="25"/>
      <c r="H1789" s="71"/>
      <c r="I1789" s="83"/>
      <c r="J1789" s="50" t="str">
        <f t="shared" si="56"/>
        <v/>
      </c>
      <c r="K1789" s="23" t="s">
        <v>7120</v>
      </c>
      <c r="L1789" s="49" t="e">
        <f>VLOOKUP(E1789&amp;F1789,団体コード!$A$1:$C$1743,3,FALSE)</f>
        <v>#N/A</v>
      </c>
      <c r="M1789" s="49" t="e">
        <f>VLOOKUP(E1789&amp;F1789,団体コード!$A$1:$C$1743,2,FALSE)</f>
        <v>#N/A</v>
      </c>
      <c r="N1789" s="51" t="e">
        <f>VLOOKUP(E1789,団体コード!$E$1:$F$48,2,FALSE)</f>
        <v>#N/A</v>
      </c>
      <c r="O1789" s="51" t="e">
        <f t="shared" si="57"/>
        <v>#N/A</v>
      </c>
      <c r="P1789" s="51">
        <v>1</v>
      </c>
      <c r="Q1789" s="51" t="s">
        <v>5341</v>
      </c>
      <c r="R1789" s="54" t="b">
        <v>1</v>
      </c>
      <c r="S1789" s="52" t="s">
        <v>7126</v>
      </c>
      <c r="T1789" s="67" t="s">
        <v>7127</v>
      </c>
      <c r="U1789" s="75" t="s">
        <v>5331</v>
      </c>
      <c r="V1789" s="47" t="s">
        <v>5331</v>
      </c>
      <c r="W1789" s="47" t="s">
        <v>5331</v>
      </c>
      <c r="X1789" s="47" t="s">
        <v>5331</v>
      </c>
      <c r="Y1789" s="47" t="s">
        <v>5331</v>
      </c>
      <c r="Z1789" s="28"/>
      <c r="AA1789" s="27"/>
      <c r="AB1789" s="27"/>
      <c r="AC1789" s="27"/>
      <c r="AD1789" s="30"/>
      <c r="AE1789" s="1"/>
      <c r="AF1789" s="23" t="s">
        <v>5331</v>
      </c>
      <c r="AG1789" s="26"/>
      <c r="AH1789" s="53"/>
    </row>
    <row r="1790" spans="1:34" ht="51.6" customHeight="1" x14ac:dyDescent="0.45">
      <c r="A1790" s="23">
        <v>1784</v>
      </c>
      <c r="B1790" s="25"/>
      <c r="C1790" s="25"/>
      <c r="D1790" s="29"/>
      <c r="E1790" s="1"/>
      <c r="F1790" s="1"/>
      <c r="G1790" s="25"/>
      <c r="H1790" s="71"/>
      <c r="I1790" s="83"/>
      <c r="J1790" s="50" t="str">
        <f t="shared" si="56"/>
        <v/>
      </c>
      <c r="K1790" s="23" t="s">
        <v>7120</v>
      </c>
      <c r="L1790" s="49" t="e">
        <f>VLOOKUP(E1790&amp;F1790,団体コード!$A$1:$C$1743,3,FALSE)</f>
        <v>#N/A</v>
      </c>
      <c r="M1790" s="49" t="e">
        <f>VLOOKUP(E1790&amp;F1790,団体コード!$A$1:$C$1743,2,FALSE)</f>
        <v>#N/A</v>
      </c>
      <c r="N1790" s="51" t="e">
        <f>VLOOKUP(E1790,団体コード!$E$1:$F$48,2,FALSE)</f>
        <v>#N/A</v>
      </c>
      <c r="O1790" s="51" t="e">
        <f t="shared" si="57"/>
        <v>#N/A</v>
      </c>
      <c r="P1790" s="51">
        <v>1</v>
      </c>
      <c r="Q1790" s="51" t="s">
        <v>5341</v>
      </c>
      <c r="R1790" s="54" t="b">
        <v>1</v>
      </c>
      <c r="S1790" s="52" t="s">
        <v>7126</v>
      </c>
      <c r="T1790" s="67" t="s">
        <v>7127</v>
      </c>
      <c r="U1790" s="75" t="s">
        <v>5331</v>
      </c>
      <c r="V1790" s="47" t="s">
        <v>5331</v>
      </c>
      <c r="W1790" s="47" t="s">
        <v>5331</v>
      </c>
      <c r="X1790" s="47" t="s">
        <v>5331</v>
      </c>
      <c r="Y1790" s="47" t="s">
        <v>5331</v>
      </c>
      <c r="Z1790" s="28"/>
      <c r="AA1790" s="27"/>
      <c r="AB1790" s="27"/>
      <c r="AC1790" s="27"/>
      <c r="AD1790" s="30"/>
      <c r="AE1790" s="1"/>
      <c r="AF1790" s="23" t="s">
        <v>5331</v>
      </c>
      <c r="AG1790" s="26"/>
      <c r="AH1790" s="53"/>
    </row>
    <row r="1791" spans="1:34" ht="51.6" customHeight="1" x14ac:dyDescent="0.45">
      <c r="A1791" s="23">
        <v>1785</v>
      </c>
      <c r="B1791" s="25"/>
      <c r="C1791" s="25"/>
      <c r="D1791" s="29"/>
      <c r="E1791" s="1"/>
      <c r="F1791" s="1"/>
      <c r="G1791" s="25"/>
      <c r="H1791" s="71"/>
      <c r="I1791" s="83"/>
      <c r="J1791" s="50" t="str">
        <f t="shared" si="56"/>
        <v/>
      </c>
      <c r="K1791" s="23" t="s">
        <v>7120</v>
      </c>
      <c r="L1791" s="49" t="e">
        <f>VLOOKUP(E1791&amp;F1791,団体コード!$A$1:$C$1743,3,FALSE)</f>
        <v>#N/A</v>
      </c>
      <c r="M1791" s="49" t="e">
        <f>VLOOKUP(E1791&amp;F1791,団体コード!$A$1:$C$1743,2,FALSE)</f>
        <v>#N/A</v>
      </c>
      <c r="N1791" s="51" t="e">
        <f>VLOOKUP(E1791,団体コード!$E$1:$F$48,2,FALSE)</f>
        <v>#N/A</v>
      </c>
      <c r="O1791" s="51" t="e">
        <f t="shared" si="57"/>
        <v>#N/A</v>
      </c>
      <c r="P1791" s="51">
        <v>1</v>
      </c>
      <c r="Q1791" s="51" t="s">
        <v>5341</v>
      </c>
      <c r="R1791" s="54" t="b">
        <v>1</v>
      </c>
      <c r="S1791" s="52" t="s">
        <v>7126</v>
      </c>
      <c r="T1791" s="67" t="s">
        <v>7127</v>
      </c>
      <c r="U1791" s="75" t="s">
        <v>5331</v>
      </c>
      <c r="V1791" s="47" t="s">
        <v>5331</v>
      </c>
      <c r="W1791" s="47" t="s">
        <v>5331</v>
      </c>
      <c r="X1791" s="47" t="s">
        <v>5331</v>
      </c>
      <c r="Y1791" s="47" t="s">
        <v>5331</v>
      </c>
      <c r="Z1791" s="28"/>
      <c r="AA1791" s="27"/>
      <c r="AB1791" s="27"/>
      <c r="AC1791" s="27"/>
      <c r="AD1791" s="30"/>
      <c r="AE1791" s="1"/>
      <c r="AF1791" s="23" t="s">
        <v>5331</v>
      </c>
      <c r="AG1791" s="26"/>
      <c r="AH1791" s="53"/>
    </row>
    <row r="1792" spans="1:34" ht="51.6" customHeight="1" x14ac:dyDescent="0.45">
      <c r="A1792" s="23">
        <v>1786</v>
      </c>
      <c r="B1792" s="25"/>
      <c r="C1792" s="25"/>
      <c r="D1792" s="29"/>
      <c r="E1792" s="1"/>
      <c r="F1792" s="1"/>
      <c r="G1792" s="25"/>
      <c r="H1792" s="71"/>
      <c r="I1792" s="83"/>
      <c r="J1792" s="50" t="str">
        <f t="shared" si="56"/>
        <v/>
      </c>
      <c r="K1792" s="23" t="s">
        <v>7120</v>
      </c>
      <c r="L1792" s="49" t="e">
        <f>VLOOKUP(E1792&amp;F1792,団体コード!$A$1:$C$1743,3,FALSE)</f>
        <v>#N/A</v>
      </c>
      <c r="M1792" s="49" t="e">
        <f>VLOOKUP(E1792&amp;F1792,団体コード!$A$1:$C$1743,2,FALSE)</f>
        <v>#N/A</v>
      </c>
      <c r="N1792" s="51" t="e">
        <f>VLOOKUP(E1792,団体コード!$E$1:$F$48,2,FALSE)</f>
        <v>#N/A</v>
      </c>
      <c r="O1792" s="51" t="e">
        <f t="shared" si="57"/>
        <v>#N/A</v>
      </c>
      <c r="P1792" s="51">
        <v>1</v>
      </c>
      <c r="Q1792" s="51" t="s">
        <v>5341</v>
      </c>
      <c r="R1792" s="54" t="b">
        <v>1</v>
      </c>
      <c r="S1792" s="52" t="s">
        <v>7126</v>
      </c>
      <c r="T1792" s="67" t="s">
        <v>7127</v>
      </c>
      <c r="U1792" s="75" t="s">
        <v>5331</v>
      </c>
      <c r="V1792" s="47" t="s">
        <v>5331</v>
      </c>
      <c r="W1792" s="47" t="s">
        <v>5331</v>
      </c>
      <c r="X1792" s="47" t="s">
        <v>5331</v>
      </c>
      <c r="Y1792" s="47" t="s">
        <v>5331</v>
      </c>
      <c r="Z1792" s="28"/>
      <c r="AA1792" s="27"/>
      <c r="AB1792" s="27"/>
      <c r="AC1792" s="27"/>
      <c r="AD1792" s="30"/>
      <c r="AE1792" s="1"/>
      <c r="AF1792" s="23" t="s">
        <v>5331</v>
      </c>
      <c r="AG1792" s="26"/>
      <c r="AH1792" s="53"/>
    </row>
    <row r="1793" spans="1:34" ht="51.6" customHeight="1" x14ac:dyDescent="0.45">
      <c r="A1793" s="23">
        <v>1787</v>
      </c>
      <c r="B1793" s="25"/>
      <c r="C1793" s="25"/>
      <c r="D1793" s="29"/>
      <c r="E1793" s="1"/>
      <c r="F1793" s="1"/>
      <c r="G1793" s="25"/>
      <c r="H1793" s="71"/>
      <c r="I1793" s="83"/>
      <c r="J1793" s="50" t="str">
        <f t="shared" si="56"/>
        <v/>
      </c>
      <c r="K1793" s="23" t="s">
        <v>7120</v>
      </c>
      <c r="L1793" s="49" t="e">
        <f>VLOOKUP(E1793&amp;F1793,団体コード!$A$1:$C$1743,3,FALSE)</f>
        <v>#N/A</v>
      </c>
      <c r="M1793" s="49" t="e">
        <f>VLOOKUP(E1793&amp;F1793,団体コード!$A$1:$C$1743,2,FALSE)</f>
        <v>#N/A</v>
      </c>
      <c r="N1793" s="51" t="e">
        <f>VLOOKUP(E1793,団体コード!$E$1:$F$48,2,FALSE)</f>
        <v>#N/A</v>
      </c>
      <c r="O1793" s="51" t="e">
        <f t="shared" si="57"/>
        <v>#N/A</v>
      </c>
      <c r="P1793" s="51">
        <v>1</v>
      </c>
      <c r="Q1793" s="51" t="s">
        <v>5341</v>
      </c>
      <c r="R1793" s="54" t="b">
        <v>1</v>
      </c>
      <c r="S1793" s="52" t="s">
        <v>7126</v>
      </c>
      <c r="T1793" s="67" t="s">
        <v>7127</v>
      </c>
      <c r="U1793" s="75" t="s">
        <v>5331</v>
      </c>
      <c r="V1793" s="47" t="s">
        <v>5331</v>
      </c>
      <c r="W1793" s="47" t="s">
        <v>5331</v>
      </c>
      <c r="X1793" s="47" t="s">
        <v>5331</v>
      </c>
      <c r="Y1793" s="47" t="s">
        <v>5331</v>
      </c>
      <c r="Z1793" s="28"/>
      <c r="AA1793" s="27"/>
      <c r="AB1793" s="27"/>
      <c r="AC1793" s="27"/>
      <c r="AD1793" s="30"/>
      <c r="AE1793" s="1"/>
      <c r="AF1793" s="23" t="s">
        <v>5331</v>
      </c>
      <c r="AG1793" s="26"/>
      <c r="AH1793" s="53"/>
    </row>
    <row r="1794" spans="1:34" ht="51.6" customHeight="1" x14ac:dyDescent="0.45">
      <c r="A1794" s="23">
        <v>1788</v>
      </c>
      <c r="B1794" s="25"/>
      <c r="C1794" s="25"/>
      <c r="D1794" s="29"/>
      <c r="E1794" s="1"/>
      <c r="F1794" s="1"/>
      <c r="G1794" s="25"/>
      <c r="H1794" s="71"/>
      <c r="I1794" s="83"/>
      <c r="J1794" s="50" t="str">
        <f t="shared" si="56"/>
        <v/>
      </c>
      <c r="K1794" s="23" t="s">
        <v>7120</v>
      </c>
      <c r="L1794" s="49" t="e">
        <f>VLOOKUP(E1794&amp;F1794,団体コード!$A$1:$C$1743,3,FALSE)</f>
        <v>#N/A</v>
      </c>
      <c r="M1794" s="49" t="e">
        <f>VLOOKUP(E1794&amp;F1794,団体コード!$A$1:$C$1743,2,FALSE)</f>
        <v>#N/A</v>
      </c>
      <c r="N1794" s="51" t="e">
        <f>VLOOKUP(E1794,団体コード!$E$1:$F$48,2,FALSE)</f>
        <v>#N/A</v>
      </c>
      <c r="O1794" s="51" t="e">
        <f t="shared" si="57"/>
        <v>#N/A</v>
      </c>
      <c r="P1794" s="51">
        <v>1</v>
      </c>
      <c r="Q1794" s="51" t="s">
        <v>5341</v>
      </c>
      <c r="R1794" s="54" t="b">
        <v>1</v>
      </c>
      <c r="S1794" s="52" t="s">
        <v>7126</v>
      </c>
      <c r="T1794" s="67" t="s">
        <v>7127</v>
      </c>
      <c r="U1794" s="75" t="s">
        <v>5331</v>
      </c>
      <c r="V1794" s="47" t="s">
        <v>5331</v>
      </c>
      <c r="W1794" s="47" t="s">
        <v>5331</v>
      </c>
      <c r="X1794" s="47" t="s">
        <v>5331</v>
      </c>
      <c r="Y1794" s="47" t="s">
        <v>5331</v>
      </c>
      <c r="Z1794" s="28"/>
      <c r="AA1794" s="27"/>
      <c r="AB1794" s="27"/>
      <c r="AC1794" s="27"/>
      <c r="AD1794" s="30"/>
      <c r="AE1794" s="1"/>
      <c r="AF1794" s="23" t="s">
        <v>5331</v>
      </c>
      <c r="AG1794" s="26"/>
      <c r="AH1794" s="53"/>
    </row>
    <row r="1795" spans="1:34" ht="51.6" customHeight="1" x14ac:dyDescent="0.45">
      <c r="A1795" s="23">
        <v>1789</v>
      </c>
      <c r="B1795" s="25"/>
      <c r="C1795" s="25"/>
      <c r="D1795" s="29"/>
      <c r="E1795" s="1"/>
      <c r="F1795" s="1"/>
      <c r="G1795" s="25"/>
      <c r="H1795" s="71"/>
      <c r="I1795" s="83"/>
      <c r="J1795" s="50" t="str">
        <f t="shared" si="56"/>
        <v/>
      </c>
      <c r="K1795" s="23" t="s">
        <v>7120</v>
      </c>
      <c r="L1795" s="49" t="e">
        <f>VLOOKUP(E1795&amp;F1795,団体コード!$A$1:$C$1743,3,FALSE)</f>
        <v>#N/A</v>
      </c>
      <c r="M1795" s="49" t="e">
        <f>VLOOKUP(E1795&amp;F1795,団体コード!$A$1:$C$1743,2,FALSE)</f>
        <v>#N/A</v>
      </c>
      <c r="N1795" s="51" t="e">
        <f>VLOOKUP(E1795,団体コード!$E$1:$F$48,2,FALSE)</f>
        <v>#N/A</v>
      </c>
      <c r="O1795" s="51" t="e">
        <f t="shared" si="57"/>
        <v>#N/A</v>
      </c>
      <c r="P1795" s="51">
        <v>1</v>
      </c>
      <c r="Q1795" s="51" t="s">
        <v>5341</v>
      </c>
      <c r="R1795" s="54" t="b">
        <v>1</v>
      </c>
      <c r="S1795" s="52" t="s">
        <v>7126</v>
      </c>
      <c r="T1795" s="67" t="s">
        <v>7127</v>
      </c>
      <c r="U1795" s="75" t="s">
        <v>5331</v>
      </c>
      <c r="V1795" s="47" t="s">
        <v>5331</v>
      </c>
      <c r="W1795" s="47" t="s">
        <v>5331</v>
      </c>
      <c r="X1795" s="47" t="s">
        <v>5331</v>
      </c>
      <c r="Y1795" s="47" t="s">
        <v>5331</v>
      </c>
      <c r="Z1795" s="28"/>
      <c r="AA1795" s="27"/>
      <c r="AB1795" s="27"/>
      <c r="AC1795" s="27"/>
      <c r="AD1795" s="30"/>
      <c r="AE1795" s="1"/>
      <c r="AF1795" s="23" t="s">
        <v>5331</v>
      </c>
      <c r="AG1795" s="26"/>
      <c r="AH1795" s="53"/>
    </row>
    <row r="1796" spans="1:34" ht="51.6" customHeight="1" x14ac:dyDescent="0.45">
      <c r="A1796" s="23">
        <v>1790</v>
      </c>
      <c r="B1796" s="25"/>
      <c r="C1796" s="25"/>
      <c r="D1796" s="29"/>
      <c r="E1796" s="1"/>
      <c r="F1796" s="1"/>
      <c r="G1796" s="25"/>
      <c r="H1796" s="71"/>
      <c r="I1796" s="83"/>
      <c r="J1796" s="50" t="str">
        <f t="shared" si="56"/>
        <v/>
      </c>
      <c r="K1796" s="23" t="s">
        <v>7120</v>
      </c>
      <c r="L1796" s="49" t="e">
        <f>VLOOKUP(E1796&amp;F1796,団体コード!$A$1:$C$1743,3,FALSE)</f>
        <v>#N/A</v>
      </c>
      <c r="M1796" s="49" t="e">
        <f>VLOOKUP(E1796&amp;F1796,団体コード!$A$1:$C$1743,2,FALSE)</f>
        <v>#N/A</v>
      </c>
      <c r="N1796" s="51" t="e">
        <f>VLOOKUP(E1796,団体コード!$E$1:$F$48,2,FALSE)</f>
        <v>#N/A</v>
      </c>
      <c r="O1796" s="51" t="e">
        <f t="shared" si="57"/>
        <v>#N/A</v>
      </c>
      <c r="P1796" s="51">
        <v>1</v>
      </c>
      <c r="Q1796" s="51" t="s">
        <v>5341</v>
      </c>
      <c r="R1796" s="54" t="b">
        <v>1</v>
      </c>
      <c r="S1796" s="52" t="s">
        <v>7126</v>
      </c>
      <c r="T1796" s="67" t="s">
        <v>7127</v>
      </c>
      <c r="U1796" s="75" t="s">
        <v>5331</v>
      </c>
      <c r="V1796" s="47" t="s">
        <v>5331</v>
      </c>
      <c r="W1796" s="47" t="s">
        <v>5331</v>
      </c>
      <c r="X1796" s="47" t="s">
        <v>5331</v>
      </c>
      <c r="Y1796" s="47" t="s">
        <v>5331</v>
      </c>
      <c r="Z1796" s="28"/>
      <c r="AA1796" s="27"/>
      <c r="AB1796" s="27"/>
      <c r="AC1796" s="27"/>
      <c r="AD1796" s="30"/>
      <c r="AE1796" s="1"/>
      <c r="AF1796" s="23" t="s">
        <v>5331</v>
      </c>
      <c r="AG1796" s="26"/>
      <c r="AH1796" s="53"/>
    </row>
    <row r="1797" spans="1:34" ht="51.6" customHeight="1" x14ac:dyDescent="0.45">
      <c r="A1797" s="23">
        <v>1791</v>
      </c>
      <c r="B1797" s="25"/>
      <c r="C1797" s="25"/>
      <c r="D1797" s="29"/>
      <c r="E1797" s="1"/>
      <c r="F1797" s="1"/>
      <c r="G1797" s="25"/>
      <c r="H1797" s="71"/>
      <c r="I1797" s="83"/>
      <c r="J1797" s="50" t="str">
        <f t="shared" si="56"/>
        <v/>
      </c>
      <c r="K1797" s="23" t="s">
        <v>7120</v>
      </c>
      <c r="L1797" s="49" t="e">
        <f>VLOOKUP(E1797&amp;F1797,団体コード!$A$1:$C$1743,3,FALSE)</f>
        <v>#N/A</v>
      </c>
      <c r="M1797" s="49" t="e">
        <f>VLOOKUP(E1797&amp;F1797,団体コード!$A$1:$C$1743,2,FALSE)</f>
        <v>#N/A</v>
      </c>
      <c r="N1797" s="51" t="e">
        <f>VLOOKUP(E1797,団体コード!$E$1:$F$48,2,FALSE)</f>
        <v>#N/A</v>
      </c>
      <c r="O1797" s="51" t="e">
        <f t="shared" si="57"/>
        <v>#N/A</v>
      </c>
      <c r="P1797" s="51">
        <v>1</v>
      </c>
      <c r="Q1797" s="51" t="s">
        <v>5341</v>
      </c>
      <c r="R1797" s="54" t="b">
        <v>1</v>
      </c>
      <c r="S1797" s="52" t="s">
        <v>7126</v>
      </c>
      <c r="T1797" s="67" t="s">
        <v>7127</v>
      </c>
      <c r="U1797" s="75" t="s">
        <v>5331</v>
      </c>
      <c r="V1797" s="47" t="s">
        <v>5331</v>
      </c>
      <c r="W1797" s="47" t="s">
        <v>5331</v>
      </c>
      <c r="X1797" s="47" t="s">
        <v>5331</v>
      </c>
      <c r="Y1797" s="47" t="s">
        <v>5331</v>
      </c>
      <c r="Z1797" s="28"/>
      <c r="AA1797" s="27"/>
      <c r="AB1797" s="27"/>
      <c r="AC1797" s="27"/>
      <c r="AD1797" s="30"/>
      <c r="AE1797" s="1"/>
      <c r="AF1797" s="23" t="s">
        <v>5331</v>
      </c>
      <c r="AG1797" s="26"/>
      <c r="AH1797" s="53"/>
    </row>
    <row r="1798" spans="1:34" ht="51.6" customHeight="1" x14ac:dyDescent="0.45">
      <c r="A1798" s="23">
        <v>1792</v>
      </c>
      <c r="B1798" s="25"/>
      <c r="C1798" s="25"/>
      <c r="D1798" s="29"/>
      <c r="E1798" s="1"/>
      <c r="F1798" s="1"/>
      <c r="G1798" s="25"/>
      <c r="H1798" s="71"/>
      <c r="I1798" s="83"/>
      <c r="J1798" s="50" t="str">
        <f t="shared" si="56"/>
        <v/>
      </c>
      <c r="K1798" s="23" t="s">
        <v>7120</v>
      </c>
      <c r="L1798" s="49" t="e">
        <f>VLOOKUP(E1798&amp;F1798,団体コード!$A$1:$C$1743,3,FALSE)</f>
        <v>#N/A</v>
      </c>
      <c r="M1798" s="49" t="e">
        <f>VLOOKUP(E1798&amp;F1798,団体コード!$A$1:$C$1743,2,FALSE)</f>
        <v>#N/A</v>
      </c>
      <c r="N1798" s="51" t="e">
        <f>VLOOKUP(E1798,団体コード!$E$1:$F$48,2,FALSE)</f>
        <v>#N/A</v>
      </c>
      <c r="O1798" s="51" t="e">
        <f t="shared" si="57"/>
        <v>#N/A</v>
      </c>
      <c r="P1798" s="51">
        <v>1</v>
      </c>
      <c r="Q1798" s="51" t="s">
        <v>5341</v>
      </c>
      <c r="R1798" s="54" t="b">
        <v>1</v>
      </c>
      <c r="S1798" s="52" t="s">
        <v>7126</v>
      </c>
      <c r="T1798" s="67" t="s">
        <v>7127</v>
      </c>
      <c r="U1798" s="75" t="s">
        <v>5331</v>
      </c>
      <c r="V1798" s="47" t="s">
        <v>5331</v>
      </c>
      <c r="W1798" s="47" t="s">
        <v>5331</v>
      </c>
      <c r="X1798" s="47" t="s">
        <v>5331</v>
      </c>
      <c r="Y1798" s="47" t="s">
        <v>5331</v>
      </c>
      <c r="Z1798" s="28"/>
      <c r="AA1798" s="27"/>
      <c r="AB1798" s="27"/>
      <c r="AC1798" s="27"/>
      <c r="AD1798" s="30"/>
      <c r="AE1798" s="1"/>
      <c r="AF1798" s="23" t="s">
        <v>5331</v>
      </c>
      <c r="AG1798" s="26"/>
      <c r="AH1798" s="53"/>
    </row>
    <row r="1799" spans="1:34" ht="51.6" customHeight="1" x14ac:dyDescent="0.45">
      <c r="A1799" s="23">
        <v>1793</v>
      </c>
      <c r="B1799" s="25"/>
      <c r="C1799" s="25"/>
      <c r="D1799" s="29"/>
      <c r="E1799" s="1"/>
      <c r="F1799" s="1"/>
      <c r="G1799" s="25"/>
      <c r="H1799" s="71"/>
      <c r="I1799" s="83"/>
      <c r="J1799" s="50" t="str">
        <f t="shared" si="56"/>
        <v/>
      </c>
      <c r="K1799" s="23" t="s">
        <v>7120</v>
      </c>
      <c r="L1799" s="49" t="e">
        <f>VLOOKUP(E1799&amp;F1799,団体コード!$A$1:$C$1743,3,FALSE)</f>
        <v>#N/A</v>
      </c>
      <c r="M1799" s="49" t="e">
        <f>VLOOKUP(E1799&amp;F1799,団体コード!$A$1:$C$1743,2,FALSE)</f>
        <v>#N/A</v>
      </c>
      <c r="N1799" s="51" t="e">
        <f>VLOOKUP(E1799,団体コード!$E$1:$F$48,2,FALSE)</f>
        <v>#N/A</v>
      </c>
      <c r="O1799" s="51" t="e">
        <f t="shared" si="57"/>
        <v>#N/A</v>
      </c>
      <c r="P1799" s="51">
        <v>1</v>
      </c>
      <c r="Q1799" s="51" t="s">
        <v>5341</v>
      </c>
      <c r="R1799" s="54" t="b">
        <v>1</v>
      </c>
      <c r="S1799" s="52" t="s">
        <v>7126</v>
      </c>
      <c r="T1799" s="67" t="s">
        <v>7127</v>
      </c>
      <c r="U1799" s="75" t="s">
        <v>5331</v>
      </c>
      <c r="V1799" s="47" t="s">
        <v>5331</v>
      </c>
      <c r="W1799" s="47" t="s">
        <v>5331</v>
      </c>
      <c r="X1799" s="47" t="s">
        <v>5331</v>
      </c>
      <c r="Y1799" s="47" t="s">
        <v>5331</v>
      </c>
      <c r="Z1799" s="28"/>
      <c r="AA1799" s="27"/>
      <c r="AB1799" s="27"/>
      <c r="AC1799" s="27"/>
      <c r="AD1799" s="30"/>
      <c r="AE1799" s="1"/>
      <c r="AF1799" s="23" t="s">
        <v>5331</v>
      </c>
      <c r="AG1799" s="26"/>
      <c r="AH1799" s="53"/>
    </row>
    <row r="1800" spans="1:34" ht="51.6" customHeight="1" x14ac:dyDescent="0.45">
      <c r="A1800" s="23">
        <v>1794</v>
      </c>
      <c r="B1800" s="25"/>
      <c r="C1800" s="25"/>
      <c r="D1800" s="29"/>
      <c r="E1800" s="1"/>
      <c r="F1800" s="1"/>
      <c r="G1800" s="25"/>
      <c r="H1800" s="71"/>
      <c r="I1800" s="83"/>
      <c r="J1800" s="50" t="str">
        <f t="shared" ref="J1800:J1863" si="58">E1800&amp;F1800&amp;G1800</f>
        <v/>
      </c>
      <c r="K1800" s="23" t="s">
        <v>7120</v>
      </c>
      <c r="L1800" s="49" t="e">
        <f>VLOOKUP(E1800&amp;F1800,団体コード!$A$1:$C$1743,3,FALSE)</f>
        <v>#N/A</v>
      </c>
      <c r="M1800" s="49" t="e">
        <f>VLOOKUP(E1800&amp;F1800,団体コード!$A$1:$C$1743,2,FALSE)</f>
        <v>#N/A</v>
      </c>
      <c r="N1800" s="51" t="e">
        <f>VLOOKUP(E1800,団体コード!$E$1:$F$48,2,FALSE)</f>
        <v>#N/A</v>
      </c>
      <c r="O1800" s="51" t="e">
        <f t="shared" ref="O1800:O1863" si="59">N1800</f>
        <v>#N/A</v>
      </c>
      <c r="P1800" s="51">
        <v>1</v>
      </c>
      <c r="Q1800" s="51" t="s">
        <v>5341</v>
      </c>
      <c r="R1800" s="54" t="b">
        <v>1</v>
      </c>
      <c r="S1800" s="52" t="s">
        <v>7126</v>
      </c>
      <c r="T1800" s="67" t="s">
        <v>7127</v>
      </c>
      <c r="U1800" s="75" t="s">
        <v>5331</v>
      </c>
      <c r="V1800" s="47" t="s">
        <v>5331</v>
      </c>
      <c r="W1800" s="47" t="s">
        <v>5331</v>
      </c>
      <c r="X1800" s="47" t="s">
        <v>5331</v>
      </c>
      <c r="Y1800" s="47" t="s">
        <v>5331</v>
      </c>
      <c r="Z1800" s="28"/>
      <c r="AA1800" s="27"/>
      <c r="AB1800" s="27"/>
      <c r="AC1800" s="27"/>
      <c r="AD1800" s="30"/>
      <c r="AE1800" s="1"/>
      <c r="AF1800" s="23" t="s">
        <v>5331</v>
      </c>
      <c r="AG1800" s="26"/>
      <c r="AH1800" s="53"/>
    </row>
    <row r="1801" spans="1:34" ht="51.6" customHeight="1" x14ac:dyDescent="0.45">
      <c r="A1801" s="23">
        <v>1795</v>
      </c>
      <c r="B1801" s="25"/>
      <c r="C1801" s="25"/>
      <c r="D1801" s="29"/>
      <c r="E1801" s="1"/>
      <c r="F1801" s="1"/>
      <c r="G1801" s="25"/>
      <c r="H1801" s="71"/>
      <c r="I1801" s="83"/>
      <c r="J1801" s="50" t="str">
        <f t="shared" si="58"/>
        <v/>
      </c>
      <c r="K1801" s="23" t="s">
        <v>7120</v>
      </c>
      <c r="L1801" s="49" t="e">
        <f>VLOOKUP(E1801&amp;F1801,団体コード!$A$1:$C$1743,3,FALSE)</f>
        <v>#N/A</v>
      </c>
      <c r="M1801" s="49" t="e">
        <f>VLOOKUP(E1801&amp;F1801,団体コード!$A$1:$C$1743,2,FALSE)</f>
        <v>#N/A</v>
      </c>
      <c r="N1801" s="51" t="e">
        <f>VLOOKUP(E1801,団体コード!$E$1:$F$48,2,FALSE)</f>
        <v>#N/A</v>
      </c>
      <c r="O1801" s="51" t="e">
        <f t="shared" si="59"/>
        <v>#N/A</v>
      </c>
      <c r="P1801" s="51">
        <v>1</v>
      </c>
      <c r="Q1801" s="51" t="s">
        <v>5341</v>
      </c>
      <c r="R1801" s="54" t="b">
        <v>1</v>
      </c>
      <c r="S1801" s="52" t="s">
        <v>7126</v>
      </c>
      <c r="T1801" s="67" t="s">
        <v>7127</v>
      </c>
      <c r="U1801" s="75" t="s">
        <v>5331</v>
      </c>
      <c r="V1801" s="47" t="s">
        <v>5331</v>
      </c>
      <c r="W1801" s="47" t="s">
        <v>5331</v>
      </c>
      <c r="X1801" s="47" t="s">
        <v>5331</v>
      </c>
      <c r="Y1801" s="47" t="s">
        <v>5331</v>
      </c>
      <c r="Z1801" s="28"/>
      <c r="AA1801" s="27"/>
      <c r="AB1801" s="27"/>
      <c r="AC1801" s="27"/>
      <c r="AD1801" s="30"/>
      <c r="AE1801" s="1"/>
      <c r="AF1801" s="23" t="s">
        <v>5331</v>
      </c>
      <c r="AG1801" s="26"/>
      <c r="AH1801" s="53"/>
    </row>
    <row r="1802" spans="1:34" ht="51.6" customHeight="1" x14ac:dyDescent="0.45">
      <c r="A1802" s="23">
        <v>1796</v>
      </c>
      <c r="B1802" s="25"/>
      <c r="C1802" s="25"/>
      <c r="D1802" s="29"/>
      <c r="E1802" s="1"/>
      <c r="F1802" s="1"/>
      <c r="G1802" s="25"/>
      <c r="H1802" s="71"/>
      <c r="I1802" s="83"/>
      <c r="J1802" s="50" t="str">
        <f t="shared" si="58"/>
        <v/>
      </c>
      <c r="K1802" s="23" t="s">
        <v>7120</v>
      </c>
      <c r="L1802" s="49" t="e">
        <f>VLOOKUP(E1802&amp;F1802,団体コード!$A$1:$C$1743,3,FALSE)</f>
        <v>#N/A</v>
      </c>
      <c r="M1802" s="49" t="e">
        <f>VLOOKUP(E1802&amp;F1802,団体コード!$A$1:$C$1743,2,FALSE)</f>
        <v>#N/A</v>
      </c>
      <c r="N1802" s="51" t="e">
        <f>VLOOKUP(E1802,団体コード!$E$1:$F$48,2,FALSE)</f>
        <v>#N/A</v>
      </c>
      <c r="O1802" s="51" t="e">
        <f t="shared" si="59"/>
        <v>#N/A</v>
      </c>
      <c r="P1802" s="51">
        <v>1</v>
      </c>
      <c r="Q1802" s="51" t="s">
        <v>5341</v>
      </c>
      <c r="R1802" s="54" t="b">
        <v>1</v>
      </c>
      <c r="S1802" s="52" t="s">
        <v>7126</v>
      </c>
      <c r="T1802" s="67" t="s">
        <v>7127</v>
      </c>
      <c r="U1802" s="75" t="s">
        <v>5331</v>
      </c>
      <c r="V1802" s="47" t="s">
        <v>5331</v>
      </c>
      <c r="W1802" s="47" t="s">
        <v>5331</v>
      </c>
      <c r="X1802" s="47" t="s">
        <v>5331</v>
      </c>
      <c r="Y1802" s="47" t="s">
        <v>5331</v>
      </c>
      <c r="Z1802" s="28"/>
      <c r="AA1802" s="27"/>
      <c r="AB1802" s="27"/>
      <c r="AC1802" s="27"/>
      <c r="AD1802" s="30"/>
      <c r="AE1802" s="1"/>
      <c r="AF1802" s="23" t="s">
        <v>5331</v>
      </c>
      <c r="AG1802" s="26"/>
      <c r="AH1802" s="53"/>
    </row>
    <row r="1803" spans="1:34" ht="51.6" customHeight="1" x14ac:dyDescent="0.45">
      <c r="A1803" s="23">
        <v>1797</v>
      </c>
      <c r="B1803" s="25"/>
      <c r="C1803" s="25"/>
      <c r="D1803" s="29"/>
      <c r="E1803" s="1"/>
      <c r="F1803" s="1"/>
      <c r="G1803" s="25"/>
      <c r="H1803" s="71"/>
      <c r="I1803" s="83"/>
      <c r="J1803" s="50" t="str">
        <f t="shared" si="58"/>
        <v/>
      </c>
      <c r="K1803" s="23" t="s">
        <v>7120</v>
      </c>
      <c r="L1803" s="49" t="e">
        <f>VLOOKUP(E1803&amp;F1803,団体コード!$A$1:$C$1743,3,FALSE)</f>
        <v>#N/A</v>
      </c>
      <c r="M1803" s="49" t="e">
        <f>VLOOKUP(E1803&amp;F1803,団体コード!$A$1:$C$1743,2,FALSE)</f>
        <v>#N/A</v>
      </c>
      <c r="N1803" s="51" t="e">
        <f>VLOOKUP(E1803,団体コード!$E$1:$F$48,2,FALSE)</f>
        <v>#N/A</v>
      </c>
      <c r="O1803" s="51" t="e">
        <f t="shared" si="59"/>
        <v>#N/A</v>
      </c>
      <c r="P1803" s="51">
        <v>1</v>
      </c>
      <c r="Q1803" s="51" t="s">
        <v>5341</v>
      </c>
      <c r="R1803" s="54" t="b">
        <v>1</v>
      </c>
      <c r="S1803" s="52" t="s">
        <v>7126</v>
      </c>
      <c r="T1803" s="67" t="s">
        <v>7127</v>
      </c>
      <c r="U1803" s="75" t="s">
        <v>5331</v>
      </c>
      <c r="V1803" s="47" t="s">
        <v>5331</v>
      </c>
      <c r="W1803" s="47" t="s">
        <v>5331</v>
      </c>
      <c r="X1803" s="47" t="s">
        <v>5331</v>
      </c>
      <c r="Y1803" s="47" t="s">
        <v>5331</v>
      </c>
      <c r="Z1803" s="28"/>
      <c r="AA1803" s="27"/>
      <c r="AB1803" s="27"/>
      <c r="AC1803" s="27"/>
      <c r="AD1803" s="30"/>
      <c r="AE1803" s="1"/>
      <c r="AF1803" s="23" t="s">
        <v>5331</v>
      </c>
      <c r="AG1803" s="26"/>
      <c r="AH1803" s="53"/>
    </row>
    <row r="1804" spans="1:34" ht="51.6" customHeight="1" x14ac:dyDescent="0.45">
      <c r="A1804" s="23">
        <v>1798</v>
      </c>
      <c r="B1804" s="25"/>
      <c r="C1804" s="25"/>
      <c r="D1804" s="29"/>
      <c r="E1804" s="1"/>
      <c r="F1804" s="1"/>
      <c r="G1804" s="25"/>
      <c r="H1804" s="71"/>
      <c r="I1804" s="83"/>
      <c r="J1804" s="50" t="str">
        <f t="shared" si="58"/>
        <v/>
      </c>
      <c r="K1804" s="23" t="s">
        <v>7120</v>
      </c>
      <c r="L1804" s="49" t="e">
        <f>VLOOKUP(E1804&amp;F1804,団体コード!$A$1:$C$1743,3,FALSE)</f>
        <v>#N/A</v>
      </c>
      <c r="M1804" s="49" t="e">
        <f>VLOOKUP(E1804&amp;F1804,団体コード!$A$1:$C$1743,2,FALSE)</f>
        <v>#N/A</v>
      </c>
      <c r="N1804" s="51" t="e">
        <f>VLOOKUP(E1804,団体コード!$E$1:$F$48,2,FALSE)</f>
        <v>#N/A</v>
      </c>
      <c r="O1804" s="51" t="e">
        <f t="shared" si="59"/>
        <v>#N/A</v>
      </c>
      <c r="P1804" s="51">
        <v>1</v>
      </c>
      <c r="Q1804" s="51" t="s">
        <v>5341</v>
      </c>
      <c r="R1804" s="54" t="b">
        <v>1</v>
      </c>
      <c r="S1804" s="52" t="s">
        <v>7126</v>
      </c>
      <c r="T1804" s="67" t="s">
        <v>7127</v>
      </c>
      <c r="U1804" s="75" t="s">
        <v>5331</v>
      </c>
      <c r="V1804" s="47" t="s">
        <v>5331</v>
      </c>
      <c r="W1804" s="47" t="s">
        <v>5331</v>
      </c>
      <c r="X1804" s="47" t="s">
        <v>5331</v>
      </c>
      <c r="Y1804" s="47" t="s">
        <v>5331</v>
      </c>
      <c r="Z1804" s="28"/>
      <c r="AA1804" s="27"/>
      <c r="AB1804" s="27"/>
      <c r="AC1804" s="27"/>
      <c r="AD1804" s="30"/>
      <c r="AE1804" s="1"/>
      <c r="AF1804" s="23" t="s">
        <v>5331</v>
      </c>
      <c r="AG1804" s="26"/>
      <c r="AH1804" s="53"/>
    </row>
    <row r="1805" spans="1:34" ht="51.6" customHeight="1" x14ac:dyDescent="0.45">
      <c r="A1805" s="23">
        <v>1799</v>
      </c>
      <c r="B1805" s="25"/>
      <c r="C1805" s="25"/>
      <c r="D1805" s="29"/>
      <c r="E1805" s="1"/>
      <c r="F1805" s="1"/>
      <c r="G1805" s="25"/>
      <c r="H1805" s="71"/>
      <c r="I1805" s="83"/>
      <c r="J1805" s="50" t="str">
        <f t="shared" si="58"/>
        <v/>
      </c>
      <c r="K1805" s="23" t="s">
        <v>7120</v>
      </c>
      <c r="L1805" s="49" t="e">
        <f>VLOOKUP(E1805&amp;F1805,団体コード!$A$1:$C$1743,3,FALSE)</f>
        <v>#N/A</v>
      </c>
      <c r="M1805" s="49" t="e">
        <f>VLOOKUP(E1805&amp;F1805,団体コード!$A$1:$C$1743,2,FALSE)</f>
        <v>#N/A</v>
      </c>
      <c r="N1805" s="51" t="e">
        <f>VLOOKUP(E1805,団体コード!$E$1:$F$48,2,FALSE)</f>
        <v>#N/A</v>
      </c>
      <c r="O1805" s="51" t="e">
        <f t="shared" si="59"/>
        <v>#N/A</v>
      </c>
      <c r="P1805" s="51">
        <v>1</v>
      </c>
      <c r="Q1805" s="51" t="s">
        <v>5341</v>
      </c>
      <c r="R1805" s="54" t="b">
        <v>1</v>
      </c>
      <c r="S1805" s="52" t="s">
        <v>7126</v>
      </c>
      <c r="T1805" s="67" t="s">
        <v>7127</v>
      </c>
      <c r="U1805" s="75" t="s">
        <v>5331</v>
      </c>
      <c r="V1805" s="47" t="s">
        <v>5331</v>
      </c>
      <c r="W1805" s="47" t="s">
        <v>5331</v>
      </c>
      <c r="X1805" s="47" t="s">
        <v>5331</v>
      </c>
      <c r="Y1805" s="47" t="s">
        <v>5331</v>
      </c>
      <c r="Z1805" s="28"/>
      <c r="AA1805" s="27"/>
      <c r="AB1805" s="27"/>
      <c r="AC1805" s="27"/>
      <c r="AD1805" s="30"/>
      <c r="AE1805" s="1"/>
      <c r="AF1805" s="23" t="s">
        <v>5331</v>
      </c>
      <c r="AG1805" s="26"/>
      <c r="AH1805" s="53"/>
    </row>
    <row r="1806" spans="1:34" ht="51.6" customHeight="1" x14ac:dyDescent="0.45">
      <c r="A1806" s="23">
        <v>1800</v>
      </c>
      <c r="B1806" s="25"/>
      <c r="C1806" s="25"/>
      <c r="D1806" s="29"/>
      <c r="E1806" s="1"/>
      <c r="F1806" s="1"/>
      <c r="G1806" s="25"/>
      <c r="H1806" s="71"/>
      <c r="I1806" s="83"/>
      <c r="J1806" s="50" t="str">
        <f t="shared" si="58"/>
        <v/>
      </c>
      <c r="K1806" s="23" t="s">
        <v>7120</v>
      </c>
      <c r="L1806" s="49" t="e">
        <f>VLOOKUP(E1806&amp;F1806,団体コード!$A$1:$C$1743,3,FALSE)</f>
        <v>#N/A</v>
      </c>
      <c r="M1806" s="49" t="e">
        <f>VLOOKUP(E1806&amp;F1806,団体コード!$A$1:$C$1743,2,FALSE)</f>
        <v>#N/A</v>
      </c>
      <c r="N1806" s="51" t="e">
        <f>VLOOKUP(E1806,団体コード!$E$1:$F$48,2,FALSE)</f>
        <v>#N/A</v>
      </c>
      <c r="O1806" s="51" t="e">
        <f t="shared" si="59"/>
        <v>#N/A</v>
      </c>
      <c r="P1806" s="51">
        <v>1</v>
      </c>
      <c r="Q1806" s="51" t="s">
        <v>5341</v>
      </c>
      <c r="R1806" s="54" t="b">
        <v>1</v>
      </c>
      <c r="S1806" s="52" t="s">
        <v>7126</v>
      </c>
      <c r="T1806" s="67" t="s">
        <v>7127</v>
      </c>
      <c r="U1806" s="75" t="s">
        <v>5331</v>
      </c>
      <c r="V1806" s="47" t="s">
        <v>5331</v>
      </c>
      <c r="W1806" s="47" t="s">
        <v>5331</v>
      </c>
      <c r="X1806" s="47" t="s">
        <v>5331</v>
      </c>
      <c r="Y1806" s="47" t="s">
        <v>5331</v>
      </c>
      <c r="Z1806" s="28"/>
      <c r="AA1806" s="27"/>
      <c r="AB1806" s="27"/>
      <c r="AC1806" s="27"/>
      <c r="AD1806" s="30"/>
      <c r="AE1806" s="1"/>
      <c r="AF1806" s="23" t="s">
        <v>5331</v>
      </c>
      <c r="AG1806" s="26"/>
      <c r="AH1806" s="53"/>
    </row>
    <row r="1807" spans="1:34" ht="51.6" customHeight="1" x14ac:dyDescent="0.45">
      <c r="A1807" s="23">
        <v>1801</v>
      </c>
      <c r="B1807" s="25"/>
      <c r="C1807" s="25"/>
      <c r="D1807" s="29"/>
      <c r="E1807" s="1"/>
      <c r="F1807" s="1"/>
      <c r="G1807" s="25"/>
      <c r="H1807" s="71"/>
      <c r="I1807" s="83"/>
      <c r="J1807" s="50" t="str">
        <f t="shared" si="58"/>
        <v/>
      </c>
      <c r="K1807" s="23" t="s">
        <v>7120</v>
      </c>
      <c r="L1807" s="49" t="e">
        <f>VLOOKUP(E1807&amp;F1807,団体コード!$A$1:$C$1743,3,FALSE)</f>
        <v>#N/A</v>
      </c>
      <c r="M1807" s="49" t="e">
        <f>VLOOKUP(E1807&amp;F1807,団体コード!$A$1:$C$1743,2,FALSE)</f>
        <v>#N/A</v>
      </c>
      <c r="N1807" s="51" t="e">
        <f>VLOOKUP(E1807,団体コード!$E$1:$F$48,2,FALSE)</f>
        <v>#N/A</v>
      </c>
      <c r="O1807" s="51" t="e">
        <f t="shared" si="59"/>
        <v>#N/A</v>
      </c>
      <c r="P1807" s="51">
        <v>1</v>
      </c>
      <c r="Q1807" s="51" t="s">
        <v>5341</v>
      </c>
      <c r="R1807" s="54" t="b">
        <v>1</v>
      </c>
      <c r="S1807" s="52" t="s">
        <v>7126</v>
      </c>
      <c r="T1807" s="67" t="s">
        <v>7127</v>
      </c>
      <c r="U1807" s="75" t="s">
        <v>5331</v>
      </c>
      <c r="V1807" s="47" t="s">
        <v>5331</v>
      </c>
      <c r="W1807" s="47" t="s">
        <v>5331</v>
      </c>
      <c r="X1807" s="47" t="s">
        <v>5331</v>
      </c>
      <c r="Y1807" s="47" t="s">
        <v>5331</v>
      </c>
      <c r="Z1807" s="28"/>
      <c r="AA1807" s="27"/>
      <c r="AB1807" s="27"/>
      <c r="AC1807" s="27"/>
      <c r="AD1807" s="30"/>
      <c r="AE1807" s="1"/>
      <c r="AF1807" s="23" t="s">
        <v>5331</v>
      </c>
      <c r="AG1807" s="26"/>
      <c r="AH1807" s="53"/>
    </row>
    <row r="1808" spans="1:34" ht="51.6" customHeight="1" x14ac:dyDescent="0.45">
      <c r="A1808" s="23">
        <v>1802</v>
      </c>
      <c r="B1808" s="25"/>
      <c r="C1808" s="25"/>
      <c r="D1808" s="29"/>
      <c r="E1808" s="1"/>
      <c r="F1808" s="1"/>
      <c r="G1808" s="25"/>
      <c r="H1808" s="71"/>
      <c r="I1808" s="83"/>
      <c r="J1808" s="50" t="str">
        <f t="shared" si="58"/>
        <v/>
      </c>
      <c r="K1808" s="23" t="s">
        <v>7120</v>
      </c>
      <c r="L1808" s="49" t="e">
        <f>VLOOKUP(E1808&amp;F1808,団体コード!$A$1:$C$1743,3,FALSE)</f>
        <v>#N/A</v>
      </c>
      <c r="M1808" s="49" t="e">
        <f>VLOOKUP(E1808&amp;F1808,団体コード!$A$1:$C$1743,2,FALSE)</f>
        <v>#N/A</v>
      </c>
      <c r="N1808" s="51" t="e">
        <f>VLOOKUP(E1808,団体コード!$E$1:$F$48,2,FALSE)</f>
        <v>#N/A</v>
      </c>
      <c r="O1808" s="51" t="e">
        <f t="shared" si="59"/>
        <v>#N/A</v>
      </c>
      <c r="P1808" s="51">
        <v>1</v>
      </c>
      <c r="Q1808" s="51" t="s">
        <v>5341</v>
      </c>
      <c r="R1808" s="54" t="b">
        <v>1</v>
      </c>
      <c r="S1808" s="52" t="s">
        <v>7126</v>
      </c>
      <c r="T1808" s="67" t="s">
        <v>7127</v>
      </c>
      <c r="U1808" s="75" t="s">
        <v>5331</v>
      </c>
      <c r="V1808" s="47" t="s">
        <v>5331</v>
      </c>
      <c r="W1808" s="47" t="s">
        <v>5331</v>
      </c>
      <c r="X1808" s="47" t="s">
        <v>5331</v>
      </c>
      <c r="Y1808" s="47" t="s">
        <v>5331</v>
      </c>
      <c r="Z1808" s="28"/>
      <c r="AA1808" s="27"/>
      <c r="AB1808" s="27"/>
      <c r="AC1808" s="27"/>
      <c r="AD1808" s="30"/>
      <c r="AE1808" s="1"/>
      <c r="AF1808" s="23" t="s">
        <v>5331</v>
      </c>
      <c r="AG1808" s="26"/>
      <c r="AH1808" s="53"/>
    </row>
    <row r="1809" spans="1:34" ht="51.6" customHeight="1" x14ac:dyDescent="0.45">
      <c r="A1809" s="23">
        <v>1803</v>
      </c>
      <c r="B1809" s="25"/>
      <c r="C1809" s="25"/>
      <c r="D1809" s="29"/>
      <c r="E1809" s="1"/>
      <c r="F1809" s="1"/>
      <c r="G1809" s="25"/>
      <c r="H1809" s="71"/>
      <c r="I1809" s="83"/>
      <c r="J1809" s="50" t="str">
        <f t="shared" si="58"/>
        <v/>
      </c>
      <c r="K1809" s="23" t="s">
        <v>7120</v>
      </c>
      <c r="L1809" s="49" t="e">
        <f>VLOOKUP(E1809&amp;F1809,団体コード!$A$1:$C$1743,3,FALSE)</f>
        <v>#N/A</v>
      </c>
      <c r="M1809" s="49" t="e">
        <f>VLOOKUP(E1809&amp;F1809,団体コード!$A$1:$C$1743,2,FALSE)</f>
        <v>#N/A</v>
      </c>
      <c r="N1809" s="51" t="e">
        <f>VLOOKUP(E1809,団体コード!$E$1:$F$48,2,FALSE)</f>
        <v>#N/A</v>
      </c>
      <c r="O1809" s="51" t="e">
        <f t="shared" si="59"/>
        <v>#N/A</v>
      </c>
      <c r="P1809" s="51">
        <v>1</v>
      </c>
      <c r="Q1809" s="51" t="s">
        <v>5341</v>
      </c>
      <c r="R1809" s="54" t="b">
        <v>1</v>
      </c>
      <c r="S1809" s="52" t="s">
        <v>7126</v>
      </c>
      <c r="T1809" s="67" t="s">
        <v>7127</v>
      </c>
      <c r="U1809" s="75" t="s">
        <v>5331</v>
      </c>
      <c r="V1809" s="47" t="s">
        <v>5331</v>
      </c>
      <c r="W1809" s="47" t="s">
        <v>5331</v>
      </c>
      <c r="X1809" s="47" t="s">
        <v>5331</v>
      </c>
      <c r="Y1809" s="47" t="s">
        <v>5331</v>
      </c>
      <c r="Z1809" s="28"/>
      <c r="AA1809" s="27"/>
      <c r="AB1809" s="27"/>
      <c r="AC1809" s="27"/>
      <c r="AD1809" s="30"/>
      <c r="AE1809" s="1"/>
      <c r="AF1809" s="23" t="s">
        <v>5331</v>
      </c>
      <c r="AG1809" s="26"/>
      <c r="AH1809" s="53"/>
    </row>
    <row r="1810" spans="1:34" ht="51.6" customHeight="1" x14ac:dyDescent="0.45">
      <c r="A1810" s="23">
        <v>1804</v>
      </c>
      <c r="B1810" s="25"/>
      <c r="C1810" s="25"/>
      <c r="D1810" s="29"/>
      <c r="E1810" s="1"/>
      <c r="F1810" s="1"/>
      <c r="G1810" s="25"/>
      <c r="H1810" s="71"/>
      <c r="I1810" s="83"/>
      <c r="J1810" s="50" t="str">
        <f t="shared" si="58"/>
        <v/>
      </c>
      <c r="K1810" s="23" t="s">
        <v>7120</v>
      </c>
      <c r="L1810" s="49" t="e">
        <f>VLOOKUP(E1810&amp;F1810,団体コード!$A$1:$C$1743,3,FALSE)</f>
        <v>#N/A</v>
      </c>
      <c r="M1810" s="49" t="e">
        <f>VLOOKUP(E1810&amp;F1810,団体コード!$A$1:$C$1743,2,FALSE)</f>
        <v>#N/A</v>
      </c>
      <c r="N1810" s="51" t="e">
        <f>VLOOKUP(E1810,団体コード!$E$1:$F$48,2,FALSE)</f>
        <v>#N/A</v>
      </c>
      <c r="O1810" s="51" t="e">
        <f t="shared" si="59"/>
        <v>#N/A</v>
      </c>
      <c r="P1810" s="51">
        <v>1</v>
      </c>
      <c r="Q1810" s="51" t="s">
        <v>5341</v>
      </c>
      <c r="R1810" s="54" t="b">
        <v>1</v>
      </c>
      <c r="S1810" s="52" t="s">
        <v>7126</v>
      </c>
      <c r="T1810" s="67" t="s">
        <v>7127</v>
      </c>
      <c r="U1810" s="75" t="s">
        <v>5331</v>
      </c>
      <c r="V1810" s="47" t="s">
        <v>5331</v>
      </c>
      <c r="W1810" s="47" t="s">
        <v>5331</v>
      </c>
      <c r="X1810" s="47" t="s">
        <v>5331</v>
      </c>
      <c r="Y1810" s="47" t="s">
        <v>5331</v>
      </c>
      <c r="Z1810" s="28"/>
      <c r="AA1810" s="27"/>
      <c r="AB1810" s="27"/>
      <c r="AC1810" s="27"/>
      <c r="AD1810" s="30"/>
      <c r="AE1810" s="1"/>
      <c r="AF1810" s="23" t="s">
        <v>5331</v>
      </c>
      <c r="AG1810" s="26"/>
      <c r="AH1810" s="53"/>
    </row>
    <row r="1811" spans="1:34" ht="51.6" customHeight="1" x14ac:dyDescent="0.45">
      <c r="A1811" s="23">
        <v>1805</v>
      </c>
      <c r="B1811" s="25"/>
      <c r="C1811" s="25"/>
      <c r="D1811" s="29"/>
      <c r="E1811" s="1"/>
      <c r="F1811" s="1"/>
      <c r="G1811" s="25"/>
      <c r="H1811" s="71"/>
      <c r="I1811" s="83"/>
      <c r="J1811" s="50" t="str">
        <f t="shared" si="58"/>
        <v/>
      </c>
      <c r="K1811" s="23" t="s">
        <v>7120</v>
      </c>
      <c r="L1811" s="49" t="e">
        <f>VLOOKUP(E1811&amp;F1811,団体コード!$A$1:$C$1743,3,FALSE)</f>
        <v>#N/A</v>
      </c>
      <c r="M1811" s="49" t="e">
        <f>VLOOKUP(E1811&amp;F1811,団体コード!$A$1:$C$1743,2,FALSE)</f>
        <v>#N/A</v>
      </c>
      <c r="N1811" s="51" t="e">
        <f>VLOOKUP(E1811,団体コード!$E$1:$F$48,2,FALSE)</f>
        <v>#N/A</v>
      </c>
      <c r="O1811" s="51" t="e">
        <f t="shared" si="59"/>
        <v>#N/A</v>
      </c>
      <c r="P1811" s="51">
        <v>1</v>
      </c>
      <c r="Q1811" s="51" t="s">
        <v>5341</v>
      </c>
      <c r="R1811" s="54" t="b">
        <v>1</v>
      </c>
      <c r="S1811" s="52" t="s">
        <v>7126</v>
      </c>
      <c r="T1811" s="67" t="s">
        <v>7127</v>
      </c>
      <c r="U1811" s="75" t="s">
        <v>5331</v>
      </c>
      <c r="V1811" s="47" t="s">
        <v>5331</v>
      </c>
      <c r="W1811" s="47" t="s">
        <v>5331</v>
      </c>
      <c r="X1811" s="47" t="s">
        <v>5331</v>
      </c>
      <c r="Y1811" s="47" t="s">
        <v>5331</v>
      </c>
      <c r="Z1811" s="28"/>
      <c r="AA1811" s="27"/>
      <c r="AB1811" s="27"/>
      <c r="AC1811" s="27"/>
      <c r="AD1811" s="30"/>
      <c r="AE1811" s="1"/>
      <c r="AF1811" s="23" t="s">
        <v>5331</v>
      </c>
      <c r="AG1811" s="26"/>
      <c r="AH1811" s="53"/>
    </row>
    <row r="1812" spans="1:34" ht="51.6" customHeight="1" x14ac:dyDescent="0.45">
      <c r="A1812" s="23">
        <v>1806</v>
      </c>
      <c r="B1812" s="25"/>
      <c r="C1812" s="25"/>
      <c r="D1812" s="29"/>
      <c r="E1812" s="1"/>
      <c r="F1812" s="1"/>
      <c r="G1812" s="25"/>
      <c r="H1812" s="71"/>
      <c r="I1812" s="83"/>
      <c r="J1812" s="50" t="str">
        <f t="shared" si="58"/>
        <v/>
      </c>
      <c r="K1812" s="23" t="s">
        <v>7120</v>
      </c>
      <c r="L1812" s="49" t="e">
        <f>VLOOKUP(E1812&amp;F1812,団体コード!$A$1:$C$1743,3,FALSE)</f>
        <v>#N/A</v>
      </c>
      <c r="M1812" s="49" t="e">
        <f>VLOOKUP(E1812&amp;F1812,団体コード!$A$1:$C$1743,2,FALSE)</f>
        <v>#N/A</v>
      </c>
      <c r="N1812" s="51" t="e">
        <f>VLOOKUP(E1812,団体コード!$E$1:$F$48,2,FALSE)</f>
        <v>#N/A</v>
      </c>
      <c r="O1812" s="51" t="e">
        <f t="shared" si="59"/>
        <v>#N/A</v>
      </c>
      <c r="P1812" s="51">
        <v>1</v>
      </c>
      <c r="Q1812" s="51" t="s">
        <v>5341</v>
      </c>
      <c r="R1812" s="54" t="b">
        <v>1</v>
      </c>
      <c r="S1812" s="52" t="s">
        <v>7126</v>
      </c>
      <c r="T1812" s="67" t="s">
        <v>7127</v>
      </c>
      <c r="U1812" s="75" t="s">
        <v>5331</v>
      </c>
      <c r="V1812" s="47" t="s">
        <v>5331</v>
      </c>
      <c r="W1812" s="47" t="s">
        <v>5331</v>
      </c>
      <c r="X1812" s="47" t="s">
        <v>5331</v>
      </c>
      <c r="Y1812" s="47" t="s">
        <v>5331</v>
      </c>
      <c r="Z1812" s="28"/>
      <c r="AA1812" s="27"/>
      <c r="AB1812" s="27"/>
      <c r="AC1812" s="27"/>
      <c r="AD1812" s="30"/>
      <c r="AE1812" s="1"/>
      <c r="AF1812" s="23" t="s">
        <v>5331</v>
      </c>
      <c r="AG1812" s="26"/>
      <c r="AH1812" s="53"/>
    </row>
    <row r="1813" spans="1:34" ht="51.6" customHeight="1" x14ac:dyDescent="0.45">
      <c r="A1813" s="23">
        <v>1807</v>
      </c>
      <c r="B1813" s="25"/>
      <c r="C1813" s="25"/>
      <c r="D1813" s="29"/>
      <c r="E1813" s="1"/>
      <c r="F1813" s="1"/>
      <c r="G1813" s="25"/>
      <c r="H1813" s="71"/>
      <c r="I1813" s="83"/>
      <c r="J1813" s="50" t="str">
        <f t="shared" si="58"/>
        <v/>
      </c>
      <c r="K1813" s="23" t="s">
        <v>7120</v>
      </c>
      <c r="L1813" s="49" t="e">
        <f>VLOOKUP(E1813&amp;F1813,団体コード!$A$1:$C$1743,3,FALSE)</f>
        <v>#N/A</v>
      </c>
      <c r="M1813" s="49" t="e">
        <f>VLOOKUP(E1813&amp;F1813,団体コード!$A$1:$C$1743,2,FALSE)</f>
        <v>#N/A</v>
      </c>
      <c r="N1813" s="51" t="e">
        <f>VLOOKUP(E1813,団体コード!$E$1:$F$48,2,FALSE)</f>
        <v>#N/A</v>
      </c>
      <c r="O1813" s="51" t="e">
        <f t="shared" si="59"/>
        <v>#N/A</v>
      </c>
      <c r="P1813" s="51">
        <v>1</v>
      </c>
      <c r="Q1813" s="51" t="s">
        <v>5341</v>
      </c>
      <c r="R1813" s="54" t="b">
        <v>1</v>
      </c>
      <c r="S1813" s="52" t="s">
        <v>7126</v>
      </c>
      <c r="T1813" s="67" t="s">
        <v>7127</v>
      </c>
      <c r="U1813" s="75" t="s">
        <v>5331</v>
      </c>
      <c r="V1813" s="47" t="s">
        <v>5331</v>
      </c>
      <c r="W1813" s="47" t="s">
        <v>5331</v>
      </c>
      <c r="X1813" s="47" t="s">
        <v>5331</v>
      </c>
      <c r="Y1813" s="47" t="s">
        <v>5331</v>
      </c>
      <c r="Z1813" s="28"/>
      <c r="AA1813" s="27"/>
      <c r="AB1813" s="27"/>
      <c r="AC1813" s="27"/>
      <c r="AD1813" s="30"/>
      <c r="AE1813" s="1"/>
      <c r="AF1813" s="23" t="s">
        <v>5331</v>
      </c>
      <c r="AG1813" s="26"/>
      <c r="AH1813" s="53"/>
    </row>
    <row r="1814" spans="1:34" ht="51.6" customHeight="1" x14ac:dyDescent="0.45">
      <c r="A1814" s="23">
        <v>1808</v>
      </c>
      <c r="B1814" s="25"/>
      <c r="C1814" s="25"/>
      <c r="D1814" s="29"/>
      <c r="E1814" s="1"/>
      <c r="F1814" s="1"/>
      <c r="G1814" s="25"/>
      <c r="H1814" s="71"/>
      <c r="I1814" s="83"/>
      <c r="J1814" s="50" t="str">
        <f t="shared" si="58"/>
        <v/>
      </c>
      <c r="K1814" s="23" t="s">
        <v>7120</v>
      </c>
      <c r="L1814" s="49" t="e">
        <f>VLOOKUP(E1814&amp;F1814,団体コード!$A$1:$C$1743,3,FALSE)</f>
        <v>#N/A</v>
      </c>
      <c r="M1814" s="49" t="e">
        <f>VLOOKUP(E1814&amp;F1814,団体コード!$A$1:$C$1743,2,FALSE)</f>
        <v>#N/A</v>
      </c>
      <c r="N1814" s="51" t="e">
        <f>VLOOKUP(E1814,団体コード!$E$1:$F$48,2,FALSE)</f>
        <v>#N/A</v>
      </c>
      <c r="O1814" s="51" t="e">
        <f t="shared" si="59"/>
        <v>#N/A</v>
      </c>
      <c r="P1814" s="51">
        <v>1</v>
      </c>
      <c r="Q1814" s="51" t="s">
        <v>5341</v>
      </c>
      <c r="R1814" s="54" t="b">
        <v>1</v>
      </c>
      <c r="S1814" s="52" t="s">
        <v>7126</v>
      </c>
      <c r="T1814" s="67" t="s">
        <v>7127</v>
      </c>
      <c r="U1814" s="75" t="s">
        <v>5331</v>
      </c>
      <c r="V1814" s="47" t="s">
        <v>5331</v>
      </c>
      <c r="W1814" s="47" t="s">
        <v>5331</v>
      </c>
      <c r="X1814" s="47" t="s">
        <v>5331</v>
      </c>
      <c r="Y1814" s="47" t="s">
        <v>5331</v>
      </c>
      <c r="Z1814" s="28"/>
      <c r="AA1814" s="27"/>
      <c r="AB1814" s="27"/>
      <c r="AC1814" s="27"/>
      <c r="AD1814" s="30"/>
      <c r="AE1814" s="1"/>
      <c r="AF1814" s="23" t="s">
        <v>5331</v>
      </c>
      <c r="AG1814" s="26"/>
      <c r="AH1814" s="53"/>
    </row>
    <row r="1815" spans="1:34" ht="51.6" customHeight="1" x14ac:dyDescent="0.45">
      <c r="A1815" s="23">
        <v>1809</v>
      </c>
      <c r="B1815" s="25"/>
      <c r="C1815" s="25"/>
      <c r="D1815" s="29"/>
      <c r="E1815" s="1"/>
      <c r="F1815" s="1"/>
      <c r="G1815" s="25"/>
      <c r="H1815" s="71"/>
      <c r="I1815" s="83"/>
      <c r="J1815" s="50" t="str">
        <f t="shared" si="58"/>
        <v/>
      </c>
      <c r="K1815" s="23" t="s">
        <v>7120</v>
      </c>
      <c r="L1815" s="49" t="e">
        <f>VLOOKUP(E1815&amp;F1815,団体コード!$A$1:$C$1743,3,FALSE)</f>
        <v>#N/A</v>
      </c>
      <c r="M1815" s="49" t="e">
        <f>VLOOKUP(E1815&amp;F1815,団体コード!$A$1:$C$1743,2,FALSE)</f>
        <v>#N/A</v>
      </c>
      <c r="N1815" s="51" t="e">
        <f>VLOOKUP(E1815,団体コード!$E$1:$F$48,2,FALSE)</f>
        <v>#N/A</v>
      </c>
      <c r="O1815" s="51" t="e">
        <f t="shared" si="59"/>
        <v>#N/A</v>
      </c>
      <c r="P1815" s="51">
        <v>1</v>
      </c>
      <c r="Q1815" s="51" t="s">
        <v>5341</v>
      </c>
      <c r="R1815" s="54" t="b">
        <v>1</v>
      </c>
      <c r="S1815" s="52" t="s">
        <v>7126</v>
      </c>
      <c r="T1815" s="67" t="s">
        <v>7127</v>
      </c>
      <c r="U1815" s="75" t="s">
        <v>5331</v>
      </c>
      <c r="V1815" s="47" t="s">
        <v>5331</v>
      </c>
      <c r="W1815" s="47" t="s">
        <v>5331</v>
      </c>
      <c r="X1815" s="47" t="s">
        <v>5331</v>
      </c>
      <c r="Y1815" s="47" t="s">
        <v>5331</v>
      </c>
      <c r="Z1815" s="28"/>
      <c r="AA1815" s="27"/>
      <c r="AB1815" s="27"/>
      <c r="AC1815" s="27"/>
      <c r="AD1815" s="30"/>
      <c r="AE1815" s="1"/>
      <c r="AF1815" s="23" t="s">
        <v>5331</v>
      </c>
      <c r="AG1815" s="26"/>
      <c r="AH1815" s="53"/>
    </row>
    <row r="1816" spans="1:34" ht="51.6" customHeight="1" x14ac:dyDescent="0.45">
      <c r="A1816" s="23">
        <v>1810</v>
      </c>
      <c r="B1816" s="25"/>
      <c r="C1816" s="25"/>
      <c r="D1816" s="29"/>
      <c r="E1816" s="1"/>
      <c r="F1816" s="1"/>
      <c r="G1816" s="25"/>
      <c r="H1816" s="71"/>
      <c r="I1816" s="83"/>
      <c r="J1816" s="50" t="str">
        <f t="shared" si="58"/>
        <v/>
      </c>
      <c r="K1816" s="23" t="s">
        <v>7120</v>
      </c>
      <c r="L1816" s="49" t="e">
        <f>VLOOKUP(E1816&amp;F1816,団体コード!$A$1:$C$1743,3,FALSE)</f>
        <v>#N/A</v>
      </c>
      <c r="M1816" s="49" t="e">
        <f>VLOOKUP(E1816&amp;F1816,団体コード!$A$1:$C$1743,2,FALSE)</f>
        <v>#N/A</v>
      </c>
      <c r="N1816" s="51" t="e">
        <f>VLOOKUP(E1816,団体コード!$E$1:$F$48,2,FALSE)</f>
        <v>#N/A</v>
      </c>
      <c r="O1816" s="51" t="e">
        <f t="shared" si="59"/>
        <v>#N/A</v>
      </c>
      <c r="P1816" s="51">
        <v>1</v>
      </c>
      <c r="Q1816" s="51" t="s">
        <v>5341</v>
      </c>
      <c r="R1816" s="54" t="b">
        <v>1</v>
      </c>
      <c r="S1816" s="52" t="s">
        <v>7126</v>
      </c>
      <c r="T1816" s="67" t="s">
        <v>7127</v>
      </c>
      <c r="U1816" s="75" t="s">
        <v>5331</v>
      </c>
      <c r="V1816" s="47" t="s">
        <v>5331</v>
      </c>
      <c r="W1816" s="47" t="s">
        <v>5331</v>
      </c>
      <c r="X1816" s="47" t="s">
        <v>5331</v>
      </c>
      <c r="Y1816" s="47" t="s">
        <v>5331</v>
      </c>
      <c r="Z1816" s="28"/>
      <c r="AA1816" s="27"/>
      <c r="AB1816" s="27"/>
      <c r="AC1816" s="27"/>
      <c r="AD1816" s="30"/>
      <c r="AE1816" s="1"/>
      <c r="AF1816" s="23" t="s">
        <v>5331</v>
      </c>
      <c r="AG1816" s="26"/>
      <c r="AH1816" s="53"/>
    </row>
    <row r="1817" spans="1:34" ht="51.6" customHeight="1" x14ac:dyDescent="0.45">
      <c r="A1817" s="23">
        <v>1811</v>
      </c>
      <c r="B1817" s="25"/>
      <c r="C1817" s="25"/>
      <c r="D1817" s="29"/>
      <c r="E1817" s="1"/>
      <c r="F1817" s="1"/>
      <c r="G1817" s="25"/>
      <c r="H1817" s="71"/>
      <c r="I1817" s="83"/>
      <c r="J1817" s="50" t="str">
        <f t="shared" si="58"/>
        <v/>
      </c>
      <c r="K1817" s="23" t="s">
        <v>7120</v>
      </c>
      <c r="L1817" s="49" t="e">
        <f>VLOOKUP(E1817&amp;F1817,団体コード!$A$1:$C$1743,3,FALSE)</f>
        <v>#N/A</v>
      </c>
      <c r="M1817" s="49" t="e">
        <f>VLOOKUP(E1817&amp;F1817,団体コード!$A$1:$C$1743,2,FALSE)</f>
        <v>#N/A</v>
      </c>
      <c r="N1817" s="51" t="e">
        <f>VLOOKUP(E1817,団体コード!$E$1:$F$48,2,FALSE)</f>
        <v>#N/A</v>
      </c>
      <c r="O1817" s="51" t="e">
        <f t="shared" si="59"/>
        <v>#N/A</v>
      </c>
      <c r="P1817" s="51">
        <v>1</v>
      </c>
      <c r="Q1817" s="51" t="s">
        <v>5341</v>
      </c>
      <c r="R1817" s="54" t="b">
        <v>1</v>
      </c>
      <c r="S1817" s="52" t="s">
        <v>7126</v>
      </c>
      <c r="T1817" s="67" t="s">
        <v>7127</v>
      </c>
      <c r="U1817" s="75" t="s">
        <v>5331</v>
      </c>
      <c r="V1817" s="47" t="s">
        <v>5331</v>
      </c>
      <c r="W1817" s="47" t="s">
        <v>5331</v>
      </c>
      <c r="X1817" s="47" t="s">
        <v>5331</v>
      </c>
      <c r="Y1817" s="47" t="s">
        <v>5331</v>
      </c>
      <c r="Z1817" s="28"/>
      <c r="AA1817" s="27"/>
      <c r="AB1817" s="27"/>
      <c r="AC1817" s="27"/>
      <c r="AD1817" s="30"/>
      <c r="AE1817" s="1"/>
      <c r="AF1817" s="23" t="s">
        <v>5331</v>
      </c>
      <c r="AG1817" s="26"/>
      <c r="AH1817" s="53"/>
    </row>
    <row r="1818" spans="1:34" ht="51.6" customHeight="1" x14ac:dyDescent="0.45">
      <c r="A1818" s="23">
        <v>1812</v>
      </c>
      <c r="B1818" s="25"/>
      <c r="C1818" s="25"/>
      <c r="D1818" s="29"/>
      <c r="E1818" s="1"/>
      <c r="F1818" s="1"/>
      <c r="G1818" s="25"/>
      <c r="H1818" s="71"/>
      <c r="I1818" s="83"/>
      <c r="J1818" s="50" t="str">
        <f t="shared" si="58"/>
        <v/>
      </c>
      <c r="K1818" s="23" t="s">
        <v>7120</v>
      </c>
      <c r="L1818" s="49" t="e">
        <f>VLOOKUP(E1818&amp;F1818,団体コード!$A$1:$C$1743,3,FALSE)</f>
        <v>#N/A</v>
      </c>
      <c r="M1818" s="49" t="e">
        <f>VLOOKUP(E1818&amp;F1818,団体コード!$A$1:$C$1743,2,FALSE)</f>
        <v>#N/A</v>
      </c>
      <c r="N1818" s="51" t="e">
        <f>VLOOKUP(E1818,団体コード!$E$1:$F$48,2,FALSE)</f>
        <v>#N/A</v>
      </c>
      <c r="O1818" s="51" t="e">
        <f t="shared" si="59"/>
        <v>#N/A</v>
      </c>
      <c r="P1818" s="51">
        <v>1</v>
      </c>
      <c r="Q1818" s="51" t="s">
        <v>5341</v>
      </c>
      <c r="R1818" s="54" t="b">
        <v>1</v>
      </c>
      <c r="S1818" s="52" t="s">
        <v>7126</v>
      </c>
      <c r="T1818" s="67" t="s">
        <v>7127</v>
      </c>
      <c r="U1818" s="75" t="s">
        <v>5331</v>
      </c>
      <c r="V1818" s="47" t="s">
        <v>5331</v>
      </c>
      <c r="W1818" s="47" t="s">
        <v>5331</v>
      </c>
      <c r="X1818" s="47" t="s">
        <v>5331</v>
      </c>
      <c r="Y1818" s="47" t="s">
        <v>5331</v>
      </c>
      <c r="Z1818" s="28"/>
      <c r="AA1818" s="27"/>
      <c r="AB1818" s="27"/>
      <c r="AC1818" s="27"/>
      <c r="AD1818" s="30"/>
      <c r="AE1818" s="1"/>
      <c r="AF1818" s="23" t="s">
        <v>5331</v>
      </c>
      <c r="AG1818" s="26"/>
      <c r="AH1818" s="53"/>
    </row>
    <row r="1819" spans="1:34" ht="51.6" customHeight="1" x14ac:dyDescent="0.45">
      <c r="A1819" s="23">
        <v>1813</v>
      </c>
      <c r="B1819" s="25"/>
      <c r="C1819" s="25"/>
      <c r="D1819" s="29"/>
      <c r="E1819" s="1"/>
      <c r="F1819" s="1"/>
      <c r="G1819" s="25"/>
      <c r="H1819" s="71"/>
      <c r="I1819" s="83"/>
      <c r="J1819" s="50" t="str">
        <f t="shared" si="58"/>
        <v/>
      </c>
      <c r="K1819" s="23" t="s">
        <v>7120</v>
      </c>
      <c r="L1819" s="49" t="e">
        <f>VLOOKUP(E1819&amp;F1819,団体コード!$A$1:$C$1743,3,FALSE)</f>
        <v>#N/A</v>
      </c>
      <c r="M1819" s="49" t="e">
        <f>VLOOKUP(E1819&amp;F1819,団体コード!$A$1:$C$1743,2,FALSE)</f>
        <v>#N/A</v>
      </c>
      <c r="N1819" s="51" t="e">
        <f>VLOOKUP(E1819,団体コード!$E$1:$F$48,2,FALSE)</f>
        <v>#N/A</v>
      </c>
      <c r="O1819" s="51" t="e">
        <f t="shared" si="59"/>
        <v>#N/A</v>
      </c>
      <c r="P1819" s="51">
        <v>1</v>
      </c>
      <c r="Q1819" s="51" t="s">
        <v>5341</v>
      </c>
      <c r="R1819" s="54" t="b">
        <v>1</v>
      </c>
      <c r="S1819" s="52" t="s">
        <v>7126</v>
      </c>
      <c r="T1819" s="67" t="s">
        <v>7127</v>
      </c>
      <c r="U1819" s="75" t="s">
        <v>5331</v>
      </c>
      <c r="V1819" s="47" t="s">
        <v>5331</v>
      </c>
      <c r="W1819" s="47" t="s">
        <v>5331</v>
      </c>
      <c r="X1819" s="47" t="s">
        <v>5331</v>
      </c>
      <c r="Y1819" s="47" t="s">
        <v>5331</v>
      </c>
      <c r="Z1819" s="28"/>
      <c r="AA1819" s="27"/>
      <c r="AB1819" s="27"/>
      <c r="AC1819" s="27"/>
      <c r="AD1819" s="30"/>
      <c r="AE1819" s="1"/>
      <c r="AF1819" s="23" t="s">
        <v>5331</v>
      </c>
      <c r="AG1819" s="26"/>
      <c r="AH1819" s="53"/>
    </row>
    <row r="1820" spans="1:34" ht="51.6" customHeight="1" x14ac:dyDescent="0.45">
      <c r="A1820" s="23">
        <v>1814</v>
      </c>
      <c r="B1820" s="25"/>
      <c r="C1820" s="25"/>
      <c r="D1820" s="29"/>
      <c r="E1820" s="1"/>
      <c r="F1820" s="1"/>
      <c r="G1820" s="25"/>
      <c r="H1820" s="71"/>
      <c r="I1820" s="83"/>
      <c r="J1820" s="50" t="str">
        <f t="shared" si="58"/>
        <v/>
      </c>
      <c r="K1820" s="23" t="s">
        <v>7120</v>
      </c>
      <c r="L1820" s="49" t="e">
        <f>VLOOKUP(E1820&amp;F1820,団体コード!$A$1:$C$1743,3,FALSE)</f>
        <v>#N/A</v>
      </c>
      <c r="M1820" s="49" t="e">
        <f>VLOOKUP(E1820&amp;F1820,団体コード!$A$1:$C$1743,2,FALSE)</f>
        <v>#N/A</v>
      </c>
      <c r="N1820" s="51" t="e">
        <f>VLOOKUP(E1820,団体コード!$E$1:$F$48,2,FALSE)</f>
        <v>#N/A</v>
      </c>
      <c r="O1820" s="51" t="e">
        <f t="shared" si="59"/>
        <v>#N/A</v>
      </c>
      <c r="P1820" s="51">
        <v>1</v>
      </c>
      <c r="Q1820" s="51" t="s">
        <v>5341</v>
      </c>
      <c r="R1820" s="54" t="b">
        <v>1</v>
      </c>
      <c r="S1820" s="52" t="s">
        <v>7126</v>
      </c>
      <c r="T1820" s="67" t="s">
        <v>7127</v>
      </c>
      <c r="U1820" s="75" t="s">
        <v>5331</v>
      </c>
      <c r="V1820" s="47" t="s">
        <v>5331</v>
      </c>
      <c r="W1820" s="47" t="s">
        <v>5331</v>
      </c>
      <c r="X1820" s="47" t="s">
        <v>5331</v>
      </c>
      <c r="Y1820" s="47" t="s">
        <v>5331</v>
      </c>
      <c r="Z1820" s="28"/>
      <c r="AA1820" s="27"/>
      <c r="AB1820" s="27"/>
      <c r="AC1820" s="27"/>
      <c r="AD1820" s="30"/>
      <c r="AE1820" s="1"/>
      <c r="AF1820" s="23" t="s">
        <v>5331</v>
      </c>
      <c r="AG1820" s="26"/>
      <c r="AH1820" s="53"/>
    </row>
    <row r="1821" spans="1:34" ht="51.6" customHeight="1" x14ac:dyDescent="0.45">
      <c r="A1821" s="23">
        <v>1815</v>
      </c>
      <c r="B1821" s="25"/>
      <c r="C1821" s="25"/>
      <c r="D1821" s="29"/>
      <c r="E1821" s="1"/>
      <c r="F1821" s="1"/>
      <c r="G1821" s="25"/>
      <c r="H1821" s="71"/>
      <c r="I1821" s="83"/>
      <c r="J1821" s="50" t="str">
        <f t="shared" si="58"/>
        <v/>
      </c>
      <c r="K1821" s="23" t="s">
        <v>7120</v>
      </c>
      <c r="L1821" s="49" t="e">
        <f>VLOOKUP(E1821&amp;F1821,団体コード!$A$1:$C$1743,3,FALSE)</f>
        <v>#N/A</v>
      </c>
      <c r="M1821" s="49" t="e">
        <f>VLOOKUP(E1821&amp;F1821,団体コード!$A$1:$C$1743,2,FALSE)</f>
        <v>#N/A</v>
      </c>
      <c r="N1821" s="51" t="e">
        <f>VLOOKUP(E1821,団体コード!$E$1:$F$48,2,FALSE)</f>
        <v>#N/A</v>
      </c>
      <c r="O1821" s="51" t="e">
        <f t="shared" si="59"/>
        <v>#N/A</v>
      </c>
      <c r="P1821" s="51">
        <v>1</v>
      </c>
      <c r="Q1821" s="51" t="s">
        <v>5341</v>
      </c>
      <c r="R1821" s="54" t="b">
        <v>1</v>
      </c>
      <c r="S1821" s="52" t="s">
        <v>7126</v>
      </c>
      <c r="T1821" s="67" t="s">
        <v>7127</v>
      </c>
      <c r="U1821" s="75" t="s">
        <v>5331</v>
      </c>
      <c r="V1821" s="47" t="s">
        <v>5331</v>
      </c>
      <c r="W1821" s="47" t="s">
        <v>5331</v>
      </c>
      <c r="X1821" s="47" t="s">
        <v>5331</v>
      </c>
      <c r="Y1821" s="47" t="s">
        <v>5331</v>
      </c>
      <c r="Z1821" s="28"/>
      <c r="AA1821" s="27"/>
      <c r="AB1821" s="27"/>
      <c r="AC1821" s="27"/>
      <c r="AD1821" s="30"/>
      <c r="AE1821" s="1"/>
      <c r="AF1821" s="23" t="s">
        <v>5331</v>
      </c>
      <c r="AG1821" s="26"/>
      <c r="AH1821" s="53"/>
    </row>
    <row r="1822" spans="1:34" ht="51.6" customHeight="1" x14ac:dyDescent="0.45">
      <c r="A1822" s="23">
        <v>1816</v>
      </c>
      <c r="B1822" s="25"/>
      <c r="C1822" s="25"/>
      <c r="D1822" s="29"/>
      <c r="E1822" s="1"/>
      <c r="F1822" s="1"/>
      <c r="G1822" s="25"/>
      <c r="H1822" s="71"/>
      <c r="I1822" s="83"/>
      <c r="J1822" s="50" t="str">
        <f t="shared" si="58"/>
        <v/>
      </c>
      <c r="K1822" s="23" t="s">
        <v>7120</v>
      </c>
      <c r="L1822" s="49" t="e">
        <f>VLOOKUP(E1822&amp;F1822,団体コード!$A$1:$C$1743,3,FALSE)</f>
        <v>#N/A</v>
      </c>
      <c r="M1822" s="49" t="e">
        <f>VLOOKUP(E1822&amp;F1822,団体コード!$A$1:$C$1743,2,FALSE)</f>
        <v>#N/A</v>
      </c>
      <c r="N1822" s="51" t="e">
        <f>VLOOKUP(E1822,団体コード!$E$1:$F$48,2,FALSE)</f>
        <v>#N/A</v>
      </c>
      <c r="O1822" s="51" t="e">
        <f t="shared" si="59"/>
        <v>#N/A</v>
      </c>
      <c r="P1822" s="51">
        <v>1</v>
      </c>
      <c r="Q1822" s="51" t="s">
        <v>5341</v>
      </c>
      <c r="R1822" s="54" t="b">
        <v>1</v>
      </c>
      <c r="S1822" s="52" t="s">
        <v>7126</v>
      </c>
      <c r="T1822" s="67" t="s">
        <v>7127</v>
      </c>
      <c r="U1822" s="75" t="s">
        <v>5331</v>
      </c>
      <c r="V1822" s="47" t="s">
        <v>5331</v>
      </c>
      <c r="W1822" s="47" t="s">
        <v>5331</v>
      </c>
      <c r="X1822" s="47" t="s">
        <v>5331</v>
      </c>
      <c r="Y1822" s="47" t="s">
        <v>5331</v>
      </c>
      <c r="Z1822" s="28"/>
      <c r="AA1822" s="27"/>
      <c r="AB1822" s="27"/>
      <c r="AC1822" s="27"/>
      <c r="AD1822" s="30"/>
      <c r="AE1822" s="1"/>
      <c r="AF1822" s="23" t="s">
        <v>5331</v>
      </c>
      <c r="AG1822" s="26"/>
      <c r="AH1822" s="53"/>
    </row>
    <row r="1823" spans="1:34" ht="51.6" customHeight="1" x14ac:dyDescent="0.45">
      <c r="A1823" s="23">
        <v>1817</v>
      </c>
      <c r="B1823" s="25"/>
      <c r="C1823" s="25"/>
      <c r="D1823" s="29"/>
      <c r="E1823" s="1"/>
      <c r="F1823" s="1"/>
      <c r="G1823" s="25"/>
      <c r="H1823" s="71"/>
      <c r="I1823" s="83"/>
      <c r="J1823" s="50" t="str">
        <f t="shared" si="58"/>
        <v/>
      </c>
      <c r="K1823" s="23" t="s">
        <v>7120</v>
      </c>
      <c r="L1823" s="49" t="e">
        <f>VLOOKUP(E1823&amp;F1823,団体コード!$A$1:$C$1743,3,FALSE)</f>
        <v>#N/A</v>
      </c>
      <c r="M1823" s="49" t="e">
        <f>VLOOKUP(E1823&amp;F1823,団体コード!$A$1:$C$1743,2,FALSE)</f>
        <v>#N/A</v>
      </c>
      <c r="N1823" s="51" t="e">
        <f>VLOOKUP(E1823,団体コード!$E$1:$F$48,2,FALSE)</f>
        <v>#N/A</v>
      </c>
      <c r="O1823" s="51" t="e">
        <f t="shared" si="59"/>
        <v>#N/A</v>
      </c>
      <c r="P1823" s="51">
        <v>1</v>
      </c>
      <c r="Q1823" s="51" t="s">
        <v>5341</v>
      </c>
      <c r="R1823" s="54" t="b">
        <v>1</v>
      </c>
      <c r="S1823" s="52" t="s">
        <v>7126</v>
      </c>
      <c r="T1823" s="67" t="s">
        <v>7127</v>
      </c>
      <c r="U1823" s="75" t="s">
        <v>5331</v>
      </c>
      <c r="V1823" s="47" t="s">
        <v>5331</v>
      </c>
      <c r="W1823" s="47" t="s">
        <v>5331</v>
      </c>
      <c r="X1823" s="47" t="s">
        <v>5331</v>
      </c>
      <c r="Y1823" s="47" t="s">
        <v>5331</v>
      </c>
      <c r="Z1823" s="28"/>
      <c r="AA1823" s="27"/>
      <c r="AB1823" s="27"/>
      <c r="AC1823" s="27"/>
      <c r="AD1823" s="30"/>
      <c r="AE1823" s="1"/>
      <c r="AF1823" s="23" t="s">
        <v>5331</v>
      </c>
      <c r="AG1823" s="26"/>
      <c r="AH1823" s="53"/>
    </row>
    <row r="1824" spans="1:34" ht="51.6" customHeight="1" x14ac:dyDescent="0.45">
      <c r="A1824" s="23">
        <v>1818</v>
      </c>
      <c r="B1824" s="25"/>
      <c r="C1824" s="25"/>
      <c r="D1824" s="29"/>
      <c r="E1824" s="1"/>
      <c r="F1824" s="1"/>
      <c r="G1824" s="25"/>
      <c r="H1824" s="71"/>
      <c r="I1824" s="83"/>
      <c r="J1824" s="50" t="str">
        <f t="shared" si="58"/>
        <v/>
      </c>
      <c r="K1824" s="23" t="s">
        <v>7120</v>
      </c>
      <c r="L1824" s="49" t="e">
        <f>VLOOKUP(E1824&amp;F1824,団体コード!$A$1:$C$1743,3,FALSE)</f>
        <v>#N/A</v>
      </c>
      <c r="M1824" s="49" t="e">
        <f>VLOOKUP(E1824&amp;F1824,団体コード!$A$1:$C$1743,2,FALSE)</f>
        <v>#N/A</v>
      </c>
      <c r="N1824" s="51" t="e">
        <f>VLOOKUP(E1824,団体コード!$E$1:$F$48,2,FALSE)</f>
        <v>#N/A</v>
      </c>
      <c r="O1824" s="51" t="e">
        <f t="shared" si="59"/>
        <v>#N/A</v>
      </c>
      <c r="P1824" s="51">
        <v>1</v>
      </c>
      <c r="Q1824" s="51" t="s">
        <v>5341</v>
      </c>
      <c r="R1824" s="54" t="b">
        <v>1</v>
      </c>
      <c r="S1824" s="52" t="s">
        <v>7126</v>
      </c>
      <c r="T1824" s="67" t="s">
        <v>7127</v>
      </c>
      <c r="U1824" s="75" t="s">
        <v>5331</v>
      </c>
      <c r="V1824" s="47" t="s">
        <v>5331</v>
      </c>
      <c r="W1824" s="47" t="s">
        <v>5331</v>
      </c>
      <c r="X1824" s="47" t="s">
        <v>5331</v>
      </c>
      <c r="Y1824" s="47" t="s">
        <v>5331</v>
      </c>
      <c r="Z1824" s="28"/>
      <c r="AA1824" s="27"/>
      <c r="AB1824" s="27"/>
      <c r="AC1824" s="27"/>
      <c r="AD1824" s="30"/>
      <c r="AE1824" s="1"/>
      <c r="AF1824" s="23" t="s">
        <v>5331</v>
      </c>
      <c r="AG1824" s="26"/>
      <c r="AH1824" s="53"/>
    </row>
    <row r="1825" spans="1:34" ht="51.6" customHeight="1" x14ac:dyDescent="0.45">
      <c r="A1825" s="23">
        <v>1819</v>
      </c>
      <c r="B1825" s="25"/>
      <c r="C1825" s="25"/>
      <c r="D1825" s="29"/>
      <c r="E1825" s="1"/>
      <c r="F1825" s="1"/>
      <c r="G1825" s="25"/>
      <c r="H1825" s="71"/>
      <c r="I1825" s="83"/>
      <c r="J1825" s="50" t="str">
        <f t="shared" si="58"/>
        <v/>
      </c>
      <c r="K1825" s="23" t="s">
        <v>7120</v>
      </c>
      <c r="L1825" s="49" t="e">
        <f>VLOOKUP(E1825&amp;F1825,団体コード!$A$1:$C$1743,3,FALSE)</f>
        <v>#N/A</v>
      </c>
      <c r="M1825" s="49" t="e">
        <f>VLOOKUP(E1825&amp;F1825,団体コード!$A$1:$C$1743,2,FALSE)</f>
        <v>#N/A</v>
      </c>
      <c r="N1825" s="51" t="e">
        <f>VLOOKUP(E1825,団体コード!$E$1:$F$48,2,FALSE)</f>
        <v>#N/A</v>
      </c>
      <c r="O1825" s="51" t="e">
        <f t="shared" si="59"/>
        <v>#N/A</v>
      </c>
      <c r="P1825" s="51">
        <v>1</v>
      </c>
      <c r="Q1825" s="51" t="s">
        <v>5341</v>
      </c>
      <c r="R1825" s="54" t="b">
        <v>1</v>
      </c>
      <c r="S1825" s="52" t="s">
        <v>7126</v>
      </c>
      <c r="T1825" s="67" t="s">
        <v>7127</v>
      </c>
      <c r="U1825" s="75" t="s">
        <v>5331</v>
      </c>
      <c r="V1825" s="47" t="s">
        <v>5331</v>
      </c>
      <c r="W1825" s="47" t="s">
        <v>5331</v>
      </c>
      <c r="X1825" s="47" t="s">
        <v>5331</v>
      </c>
      <c r="Y1825" s="47" t="s">
        <v>5331</v>
      </c>
      <c r="Z1825" s="28"/>
      <c r="AA1825" s="27"/>
      <c r="AB1825" s="27"/>
      <c r="AC1825" s="27"/>
      <c r="AD1825" s="30"/>
      <c r="AE1825" s="1"/>
      <c r="AF1825" s="23" t="s">
        <v>5331</v>
      </c>
      <c r="AG1825" s="26"/>
      <c r="AH1825" s="53"/>
    </row>
    <row r="1826" spans="1:34" ht="51.6" customHeight="1" x14ac:dyDescent="0.45">
      <c r="A1826" s="23">
        <v>1820</v>
      </c>
      <c r="B1826" s="25"/>
      <c r="C1826" s="25"/>
      <c r="D1826" s="29"/>
      <c r="E1826" s="1"/>
      <c r="F1826" s="1"/>
      <c r="G1826" s="25"/>
      <c r="H1826" s="71"/>
      <c r="I1826" s="83"/>
      <c r="J1826" s="50" t="str">
        <f t="shared" si="58"/>
        <v/>
      </c>
      <c r="K1826" s="23" t="s">
        <v>7120</v>
      </c>
      <c r="L1826" s="49" t="e">
        <f>VLOOKUP(E1826&amp;F1826,団体コード!$A$1:$C$1743,3,FALSE)</f>
        <v>#N/A</v>
      </c>
      <c r="M1826" s="49" t="e">
        <f>VLOOKUP(E1826&amp;F1826,団体コード!$A$1:$C$1743,2,FALSE)</f>
        <v>#N/A</v>
      </c>
      <c r="N1826" s="51" t="e">
        <f>VLOOKUP(E1826,団体コード!$E$1:$F$48,2,FALSE)</f>
        <v>#N/A</v>
      </c>
      <c r="O1826" s="51" t="e">
        <f t="shared" si="59"/>
        <v>#N/A</v>
      </c>
      <c r="P1826" s="51">
        <v>1</v>
      </c>
      <c r="Q1826" s="51" t="s">
        <v>5341</v>
      </c>
      <c r="R1826" s="54" t="b">
        <v>1</v>
      </c>
      <c r="S1826" s="52" t="s">
        <v>7126</v>
      </c>
      <c r="T1826" s="67" t="s">
        <v>7127</v>
      </c>
      <c r="U1826" s="75" t="s">
        <v>5331</v>
      </c>
      <c r="V1826" s="47" t="s">
        <v>5331</v>
      </c>
      <c r="W1826" s="47" t="s">
        <v>5331</v>
      </c>
      <c r="X1826" s="47" t="s">
        <v>5331</v>
      </c>
      <c r="Y1826" s="47" t="s">
        <v>5331</v>
      </c>
      <c r="Z1826" s="28"/>
      <c r="AA1826" s="27"/>
      <c r="AB1826" s="27"/>
      <c r="AC1826" s="27"/>
      <c r="AD1826" s="30"/>
      <c r="AE1826" s="1"/>
      <c r="AF1826" s="23" t="s">
        <v>5331</v>
      </c>
      <c r="AG1826" s="26"/>
      <c r="AH1826" s="53"/>
    </row>
    <row r="1827" spans="1:34" ht="51.6" customHeight="1" x14ac:dyDescent="0.45">
      <c r="A1827" s="23">
        <v>1821</v>
      </c>
      <c r="B1827" s="25"/>
      <c r="C1827" s="25"/>
      <c r="D1827" s="29"/>
      <c r="E1827" s="1"/>
      <c r="F1827" s="1"/>
      <c r="G1827" s="25"/>
      <c r="H1827" s="71"/>
      <c r="I1827" s="83"/>
      <c r="J1827" s="50" t="str">
        <f t="shared" si="58"/>
        <v/>
      </c>
      <c r="K1827" s="23" t="s">
        <v>7120</v>
      </c>
      <c r="L1827" s="49" t="e">
        <f>VLOOKUP(E1827&amp;F1827,団体コード!$A$1:$C$1743,3,FALSE)</f>
        <v>#N/A</v>
      </c>
      <c r="M1827" s="49" t="e">
        <f>VLOOKUP(E1827&amp;F1827,団体コード!$A$1:$C$1743,2,FALSE)</f>
        <v>#N/A</v>
      </c>
      <c r="N1827" s="51" t="e">
        <f>VLOOKUP(E1827,団体コード!$E$1:$F$48,2,FALSE)</f>
        <v>#N/A</v>
      </c>
      <c r="O1827" s="51" t="e">
        <f t="shared" si="59"/>
        <v>#N/A</v>
      </c>
      <c r="P1827" s="51">
        <v>1</v>
      </c>
      <c r="Q1827" s="51" t="s">
        <v>5341</v>
      </c>
      <c r="R1827" s="54" t="b">
        <v>1</v>
      </c>
      <c r="S1827" s="52" t="s">
        <v>7126</v>
      </c>
      <c r="T1827" s="67" t="s">
        <v>7127</v>
      </c>
      <c r="U1827" s="75" t="s">
        <v>5331</v>
      </c>
      <c r="V1827" s="47" t="s">
        <v>5331</v>
      </c>
      <c r="W1827" s="47" t="s">
        <v>5331</v>
      </c>
      <c r="X1827" s="47" t="s">
        <v>5331</v>
      </c>
      <c r="Y1827" s="47" t="s">
        <v>5331</v>
      </c>
      <c r="Z1827" s="28"/>
      <c r="AA1827" s="27"/>
      <c r="AB1827" s="27"/>
      <c r="AC1827" s="27"/>
      <c r="AD1827" s="30"/>
      <c r="AE1827" s="1"/>
      <c r="AF1827" s="23" t="s">
        <v>5331</v>
      </c>
      <c r="AG1827" s="26"/>
      <c r="AH1827" s="53"/>
    </row>
    <row r="1828" spans="1:34" ht="51.6" customHeight="1" x14ac:dyDescent="0.45">
      <c r="A1828" s="23">
        <v>1822</v>
      </c>
      <c r="B1828" s="25"/>
      <c r="C1828" s="25"/>
      <c r="D1828" s="29"/>
      <c r="E1828" s="1"/>
      <c r="F1828" s="1"/>
      <c r="G1828" s="25"/>
      <c r="H1828" s="71"/>
      <c r="I1828" s="83"/>
      <c r="J1828" s="50" t="str">
        <f t="shared" si="58"/>
        <v/>
      </c>
      <c r="K1828" s="23" t="s">
        <v>7120</v>
      </c>
      <c r="L1828" s="49" t="e">
        <f>VLOOKUP(E1828&amp;F1828,団体コード!$A$1:$C$1743,3,FALSE)</f>
        <v>#N/A</v>
      </c>
      <c r="M1828" s="49" t="e">
        <f>VLOOKUP(E1828&amp;F1828,団体コード!$A$1:$C$1743,2,FALSE)</f>
        <v>#N/A</v>
      </c>
      <c r="N1828" s="51" t="e">
        <f>VLOOKUP(E1828,団体コード!$E$1:$F$48,2,FALSE)</f>
        <v>#N/A</v>
      </c>
      <c r="O1828" s="51" t="e">
        <f t="shared" si="59"/>
        <v>#N/A</v>
      </c>
      <c r="P1828" s="51">
        <v>1</v>
      </c>
      <c r="Q1828" s="51" t="s">
        <v>5341</v>
      </c>
      <c r="R1828" s="54" t="b">
        <v>1</v>
      </c>
      <c r="S1828" s="52" t="s">
        <v>7126</v>
      </c>
      <c r="T1828" s="67" t="s">
        <v>7127</v>
      </c>
      <c r="U1828" s="75" t="s">
        <v>5331</v>
      </c>
      <c r="V1828" s="47" t="s">
        <v>5331</v>
      </c>
      <c r="W1828" s="47" t="s">
        <v>5331</v>
      </c>
      <c r="X1828" s="47" t="s">
        <v>5331</v>
      </c>
      <c r="Y1828" s="47" t="s">
        <v>5331</v>
      </c>
      <c r="Z1828" s="28"/>
      <c r="AA1828" s="27"/>
      <c r="AB1828" s="27"/>
      <c r="AC1828" s="27"/>
      <c r="AD1828" s="30"/>
      <c r="AE1828" s="1"/>
      <c r="AF1828" s="23" t="s">
        <v>5331</v>
      </c>
      <c r="AG1828" s="26"/>
      <c r="AH1828" s="53"/>
    </row>
    <row r="1829" spans="1:34" ht="51.6" customHeight="1" x14ac:dyDescent="0.45">
      <c r="A1829" s="23">
        <v>1823</v>
      </c>
      <c r="B1829" s="25"/>
      <c r="C1829" s="25"/>
      <c r="D1829" s="29"/>
      <c r="E1829" s="1"/>
      <c r="F1829" s="1"/>
      <c r="G1829" s="25"/>
      <c r="H1829" s="71"/>
      <c r="I1829" s="83"/>
      <c r="J1829" s="50" t="str">
        <f t="shared" si="58"/>
        <v/>
      </c>
      <c r="K1829" s="23" t="s">
        <v>7120</v>
      </c>
      <c r="L1829" s="49" t="e">
        <f>VLOOKUP(E1829&amp;F1829,団体コード!$A$1:$C$1743,3,FALSE)</f>
        <v>#N/A</v>
      </c>
      <c r="M1829" s="49" t="e">
        <f>VLOOKUP(E1829&amp;F1829,団体コード!$A$1:$C$1743,2,FALSE)</f>
        <v>#N/A</v>
      </c>
      <c r="N1829" s="51" t="e">
        <f>VLOOKUP(E1829,団体コード!$E$1:$F$48,2,FALSE)</f>
        <v>#N/A</v>
      </c>
      <c r="O1829" s="51" t="e">
        <f t="shared" si="59"/>
        <v>#N/A</v>
      </c>
      <c r="P1829" s="51">
        <v>1</v>
      </c>
      <c r="Q1829" s="51" t="s">
        <v>5341</v>
      </c>
      <c r="R1829" s="54" t="b">
        <v>1</v>
      </c>
      <c r="S1829" s="52" t="s">
        <v>7126</v>
      </c>
      <c r="T1829" s="67" t="s">
        <v>7127</v>
      </c>
      <c r="U1829" s="75" t="s">
        <v>5331</v>
      </c>
      <c r="V1829" s="47" t="s">
        <v>5331</v>
      </c>
      <c r="W1829" s="47" t="s">
        <v>5331</v>
      </c>
      <c r="X1829" s="47" t="s">
        <v>5331</v>
      </c>
      <c r="Y1829" s="47" t="s">
        <v>5331</v>
      </c>
      <c r="Z1829" s="28"/>
      <c r="AA1829" s="27"/>
      <c r="AB1829" s="27"/>
      <c r="AC1829" s="27"/>
      <c r="AD1829" s="30"/>
      <c r="AE1829" s="1"/>
      <c r="AF1829" s="23" t="s">
        <v>5331</v>
      </c>
      <c r="AG1829" s="26"/>
      <c r="AH1829" s="53"/>
    </row>
    <row r="1830" spans="1:34" ht="51.6" customHeight="1" x14ac:dyDescent="0.45">
      <c r="A1830" s="23">
        <v>1824</v>
      </c>
      <c r="B1830" s="25"/>
      <c r="C1830" s="25"/>
      <c r="D1830" s="29"/>
      <c r="E1830" s="1"/>
      <c r="F1830" s="1"/>
      <c r="G1830" s="25"/>
      <c r="H1830" s="71"/>
      <c r="I1830" s="83"/>
      <c r="J1830" s="50" t="str">
        <f t="shared" si="58"/>
        <v/>
      </c>
      <c r="K1830" s="23" t="s">
        <v>7120</v>
      </c>
      <c r="L1830" s="49" t="e">
        <f>VLOOKUP(E1830&amp;F1830,団体コード!$A$1:$C$1743,3,FALSE)</f>
        <v>#N/A</v>
      </c>
      <c r="M1830" s="49" t="e">
        <f>VLOOKUP(E1830&amp;F1830,団体コード!$A$1:$C$1743,2,FALSE)</f>
        <v>#N/A</v>
      </c>
      <c r="N1830" s="51" t="e">
        <f>VLOOKUP(E1830,団体コード!$E$1:$F$48,2,FALSE)</f>
        <v>#N/A</v>
      </c>
      <c r="O1830" s="51" t="e">
        <f t="shared" si="59"/>
        <v>#N/A</v>
      </c>
      <c r="P1830" s="51">
        <v>1</v>
      </c>
      <c r="Q1830" s="51" t="s">
        <v>5341</v>
      </c>
      <c r="R1830" s="54" t="b">
        <v>1</v>
      </c>
      <c r="S1830" s="52" t="s">
        <v>7126</v>
      </c>
      <c r="T1830" s="67" t="s">
        <v>7127</v>
      </c>
      <c r="U1830" s="75" t="s">
        <v>5331</v>
      </c>
      <c r="V1830" s="47" t="s">
        <v>5331</v>
      </c>
      <c r="W1830" s="47" t="s">
        <v>5331</v>
      </c>
      <c r="X1830" s="47" t="s">
        <v>5331</v>
      </c>
      <c r="Y1830" s="47" t="s">
        <v>5331</v>
      </c>
      <c r="Z1830" s="28"/>
      <c r="AA1830" s="27"/>
      <c r="AB1830" s="27"/>
      <c r="AC1830" s="27"/>
      <c r="AD1830" s="30"/>
      <c r="AE1830" s="1"/>
      <c r="AF1830" s="23" t="s">
        <v>5331</v>
      </c>
      <c r="AG1830" s="26"/>
      <c r="AH1830" s="53"/>
    </row>
    <row r="1831" spans="1:34" ht="51.6" customHeight="1" x14ac:dyDescent="0.45">
      <c r="A1831" s="23">
        <v>1825</v>
      </c>
      <c r="B1831" s="25"/>
      <c r="C1831" s="25"/>
      <c r="D1831" s="29"/>
      <c r="E1831" s="1"/>
      <c r="F1831" s="1"/>
      <c r="G1831" s="25"/>
      <c r="H1831" s="71"/>
      <c r="I1831" s="83"/>
      <c r="J1831" s="50" t="str">
        <f t="shared" si="58"/>
        <v/>
      </c>
      <c r="K1831" s="23" t="s">
        <v>7120</v>
      </c>
      <c r="L1831" s="49" t="e">
        <f>VLOOKUP(E1831&amp;F1831,団体コード!$A$1:$C$1743,3,FALSE)</f>
        <v>#N/A</v>
      </c>
      <c r="M1831" s="49" t="e">
        <f>VLOOKUP(E1831&amp;F1831,団体コード!$A$1:$C$1743,2,FALSE)</f>
        <v>#N/A</v>
      </c>
      <c r="N1831" s="51" t="e">
        <f>VLOOKUP(E1831,団体コード!$E$1:$F$48,2,FALSE)</f>
        <v>#N/A</v>
      </c>
      <c r="O1831" s="51" t="e">
        <f t="shared" si="59"/>
        <v>#N/A</v>
      </c>
      <c r="P1831" s="51">
        <v>1</v>
      </c>
      <c r="Q1831" s="51" t="s">
        <v>5341</v>
      </c>
      <c r="R1831" s="54" t="b">
        <v>1</v>
      </c>
      <c r="S1831" s="52" t="s">
        <v>7126</v>
      </c>
      <c r="T1831" s="67" t="s">
        <v>7127</v>
      </c>
      <c r="U1831" s="75" t="s">
        <v>5331</v>
      </c>
      <c r="V1831" s="47" t="s">
        <v>5331</v>
      </c>
      <c r="W1831" s="47" t="s">
        <v>5331</v>
      </c>
      <c r="X1831" s="47" t="s">
        <v>5331</v>
      </c>
      <c r="Y1831" s="47" t="s">
        <v>5331</v>
      </c>
      <c r="Z1831" s="28"/>
      <c r="AA1831" s="27"/>
      <c r="AB1831" s="27"/>
      <c r="AC1831" s="27"/>
      <c r="AD1831" s="30"/>
      <c r="AE1831" s="1"/>
      <c r="AF1831" s="23" t="s">
        <v>5331</v>
      </c>
      <c r="AG1831" s="26"/>
      <c r="AH1831" s="53"/>
    </row>
    <row r="1832" spans="1:34" ht="51.6" customHeight="1" x14ac:dyDescent="0.45">
      <c r="A1832" s="23">
        <v>1826</v>
      </c>
      <c r="B1832" s="25"/>
      <c r="C1832" s="25"/>
      <c r="D1832" s="29"/>
      <c r="E1832" s="1"/>
      <c r="F1832" s="1"/>
      <c r="G1832" s="25"/>
      <c r="H1832" s="71"/>
      <c r="I1832" s="83"/>
      <c r="J1832" s="50" t="str">
        <f t="shared" si="58"/>
        <v/>
      </c>
      <c r="K1832" s="23" t="s">
        <v>7120</v>
      </c>
      <c r="L1832" s="49" t="e">
        <f>VLOOKUP(E1832&amp;F1832,団体コード!$A$1:$C$1743,3,FALSE)</f>
        <v>#N/A</v>
      </c>
      <c r="M1832" s="49" t="e">
        <f>VLOOKUP(E1832&amp;F1832,団体コード!$A$1:$C$1743,2,FALSE)</f>
        <v>#N/A</v>
      </c>
      <c r="N1832" s="51" t="e">
        <f>VLOOKUP(E1832,団体コード!$E$1:$F$48,2,FALSE)</f>
        <v>#N/A</v>
      </c>
      <c r="O1832" s="51" t="e">
        <f t="shared" si="59"/>
        <v>#N/A</v>
      </c>
      <c r="P1832" s="51">
        <v>1</v>
      </c>
      <c r="Q1832" s="51" t="s">
        <v>5341</v>
      </c>
      <c r="R1832" s="54" t="b">
        <v>1</v>
      </c>
      <c r="S1832" s="52" t="s">
        <v>7126</v>
      </c>
      <c r="T1832" s="67" t="s">
        <v>7127</v>
      </c>
      <c r="U1832" s="75" t="s">
        <v>5331</v>
      </c>
      <c r="V1832" s="47" t="s">
        <v>5331</v>
      </c>
      <c r="W1832" s="47" t="s">
        <v>5331</v>
      </c>
      <c r="X1832" s="47" t="s">
        <v>5331</v>
      </c>
      <c r="Y1832" s="47" t="s">
        <v>5331</v>
      </c>
      <c r="Z1832" s="28"/>
      <c r="AA1832" s="27"/>
      <c r="AB1832" s="27"/>
      <c r="AC1832" s="27"/>
      <c r="AD1832" s="30"/>
      <c r="AE1832" s="1"/>
      <c r="AF1832" s="23" t="s">
        <v>5331</v>
      </c>
      <c r="AG1832" s="26"/>
      <c r="AH1832" s="53"/>
    </row>
    <row r="1833" spans="1:34" ht="51.6" customHeight="1" x14ac:dyDescent="0.45">
      <c r="A1833" s="23">
        <v>1827</v>
      </c>
      <c r="B1833" s="25"/>
      <c r="C1833" s="25"/>
      <c r="D1833" s="29"/>
      <c r="E1833" s="1"/>
      <c r="F1833" s="1"/>
      <c r="G1833" s="25"/>
      <c r="H1833" s="71"/>
      <c r="I1833" s="83"/>
      <c r="J1833" s="50" t="str">
        <f t="shared" si="58"/>
        <v/>
      </c>
      <c r="K1833" s="23" t="s">
        <v>7120</v>
      </c>
      <c r="L1833" s="49" t="e">
        <f>VLOOKUP(E1833&amp;F1833,団体コード!$A$1:$C$1743,3,FALSE)</f>
        <v>#N/A</v>
      </c>
      <c r="M1833" s="49" t="e">
        <f>VLOOKUP(E1833&amp;F1833,団体コード!$A$1:$C$1743,2,FALSE)</f>
        <v>#N/A</v>
      </c>
      <c r="N1833" s="51" t="e">
        <f>VLOOKUP(E1833,団体コード!$E$1:$F$48,2,FALSE)</f>
        <v>#N/A</v>
      </c>
      <c r="O1833" s="51" t="e">
        <f t="shared" si="59"/>
        <v>#N/A</v>
      </c>
      <c r="P1833" s="51">
        <v>1</v>
      </c>
      <c r="Q1833" s="51" t="s">
        <v>5341</v>
      </c>
      <c r="R1833" s="54" t="b">
        <v>1</v>
      </c>
      <c r="S1833" s="52" t="s">
        <v>7126</v>
      </c>
      <c r="T1833" s="67" t="s">
        <v>7127</v>
      </c>
      <c r="U1833" s="75" t="s">
        <v>5331</v>
      </c>
      <c r="V1833" s="47" t="s">
        <v>5331</v>
      </c>
      <c r="W1833" s="47" t="s">
        <v>5331</v>
      </c>
      <c r="X1833" s="47" t="s">
        <v>5331</v>
      </c>
      <c r="Y1833" s="47" t="s">
        <v>5331</v>
      </c>
      <c r="Z1833" s="28"/>
      <c r="AA1833" s="27"/>
      <c r="AB1833" s="27"/>
      <c r="AC1833" s="27"/>
      <c r="AD1833" s="30"/>
      <c r="AE1833" s="1"/>
      <c r="AF1833" s="23" t="s">
        <v>5331</v>
      </c>
      <c r="AG1833" s="26"/>
      <c r="AH1833" s="53"/>
    </row>
    <row r="1834" spans="1:34" ht="51.6" customHeight="1" x14ac:dyDescent="0.45">
      <c r="A1834" s="23">
        <v>1828</v>
      </c>
      <c r="B1834" s="25"/>
      <c r="C1834" s="25"/>
      <c r="D1834" s="29"/>
      <c r="E1834" s="1"/>
      <c r="F1834" s="1"/>
      <c r="G1834" s="25"/>
      <c r="H1834" s="71"/>
      <c r="I1834" s="83"/>
      <c r="J1834" s="50" t="str">
        <f t="shared" si="58"/>
        <v/>
      </c>
      <c r="K1834" s="23" t="s">
        <v>7120</v>
      </c>
      <c r="L1834" s="49" t="e">
        <f>VLOOKUP(E1834&amp;F1834,団体コード!$A$1:$C$1743,3,FALSE)</f>
        <v>#N/A</v>
      </c>
      <c r="M1834" s="49" t="e">
        <f>VLOOKUP(E1834&amp;F1834,団体コード!$A$1:$C$1743,2,FALSE)</f>
        <v>#N/A</v>
      </c>
      <c r="N1834" s="51" t="e">
        <f>VLOOKUP(E1834,団体コード!$E$1:$F$48,2,FALSE)</f>
        <v>#N/A</v>
      </c>
      <c r="O1834" s="51" t="e">
        <f t="shared" si="59"/>
        <v>#N/A</v>
      </c>
      <c r="P1834" s="51">
        <v>1</v>
      </c>
      <c r="Q1834" s="51" t="s">
        <v>5341</v>
      </c>
      <c r="R1834" s="54" t="b">
        <v>1</v>
      </c>
      <c r="S1834" s="52" t="s">
        <v>7126</v>
      </c>
      <c r="T1834" s="67" t="s">
        <v>7127</v>
      </c>
      <c r="U1834" s="75" t="s">
        <v>5331</v>
      </c>
      <c r="V1834" s="47" t="s">
        <v>5331</v>
      </c>
      <c r="W1834" s="47" t="s">
        <v>5331</v>
      </c>
      <c r="X1834" s="47" t="s">
        <v>5331</v>
      </c>
      <c r="Y1834" s="47" t="s">
        <v>5331</v>
      </c>
      <c r="Z1834" s="28"/>
      <c r="AA1834" s="27"/>
      <c r="AB1834" s="27"/>
      <c r="AC1834" s="27"/>
      <c r="AD1834" s="30"/>
      <c r="AE1834" s="1"/>
      <c r="AF1834" s="23" t="s">
        <v>5331</v>
      </c>
      <c r="AG1834" s="26"/>
      <c r="AH1834" s="53"/>
    </row>
    <row r="1835" spans="1:34" ht="51.6" customHeight="1" x14ac:dyDescent="0.45">
      <c r="A1835" s="23">
        <v>1829</v>
      </c>
      <c r="B1835" s="25"/>
      <c r="C1835" s="25"/>
      <c r="D1835" s="29"/>
      <c r="E1835" s="1"/>
      <c r="F1835" s="1"/>
      <c r="G1835" s="25"/>
      <c r="H1835" s="71"/>
      <c r="I1835" s="83"/>
      <c r="J1835" s="50" t="str">
        <f t="shared" si="58"/>
        <v/>
      </c>
      <c r="K1835" s="23" t="s">
        <v>7120</v>
      </c>
      <c r="L1835" s="49" t="e">
        <f>VLOOKUP(E1835&amp;F1835,団体コード!$A$1:$C$1743,3,FALSE)</f>
        <v>#N/A</v>
      </c>
      <c r="M1835" s="49" t="e">
        <f>VLOOKUP(E1835&amp;F1835,団体コード!$A$1:$C$1743,2,FALSE)</f>
        <v>#N/A</v>
      </c>
      <c r="N1835" s="51" t="e">
        <f>VLOOKUP(E1835,団体コード!$E$1:$F$48,2,FALSE)</f>
        <v>#N/A</v>
      </c>
      <c r="O1835" s="51" t="e">
        <f t="shared" si="59"/>
        <v>#N/A</v>
      </c>
      <c r="P1835" s="51">
        <v>1</v>
      </c>
      <c r="Q1835" s="51" t="s">
        <v>5341</v>
      </c>
      <c r="R1835" s="54" t="b">
        <v>1</v>
      </c>
      <c r="S1835" s="52" t="s">
        <v>7126</v>
      </c>
      <c r="T1835" s="67" t="s">
        <v>7127</v>
      </c>
      <c r="U1835" s="75" t="s">
        <v>5331</v>
      </c>
      <c r="V1835" s="47" t="s">
        <v>5331</v>
      </c>
      <c r="W1835" s="47" t="s">
        <v>5331</v>
      </c>
      <c r="X1835" s="47" t="s">
        <v>5331</v>
      </c>
      <c r="Y1835" s="47" t="s">
        <v>5331</v>
      </c>
      <c r="Z1835" s="28"/>
      <c r="AA1835" s="27"/>
      <c r="AB1835" s="27"/>
      <c r="AC1835" s="27"/>
      <c r="AD1835" s="30"/>
      <c r="AE1835" s="1"/>
      <c r="AF1835" s="23" t="s">
        <v>5331</v>
      </c>
      <c r="AG1835" s="26"/>
      <c r="AH1835" s="53"/>
    </row>
    <row r="1836" spans="1:34" ht="51.6" customHeight="1" x14ac:dyDescent="0.45">
      <c r="A1836" s="23">
        <v>1830</v>
      </c>
      <c r="B1836" s="25"/>
      <c r="C1836" s="25"/>
      <c r="D1836" s="29"/>
      <c r="E1836" s="1"/>
      <c r="F1836" s="1"/>
      <c r="G1836" s="25"/>
      <c r="H1836" s="71"/>
      <c r="I1836" s="83"/>
      <c r="J1836" s="50" t="str">
        <f t="shared" si="58"/>
        <v/>
      </c>
      <c r="K1836" s="23" t="s">
        <v>7120</v>
      </c>
      <c r="L1836" s="49" t="e">
        <f>VLOOKUP(E1836&amp;F1836,団体コード!$A$1:$C$1743,3,FALSE)</f>
        <v>#N/A</v>
      </c>
      <c r="M1836" s="49" t="e">
        <f>VLOOKUP(E1836&amp;F1836,団体コード!$A$1:$C$1743,2,FALSE)</f>
        <v>#N/A</v>
      </c>
      <c r="N1836" s="51" t="e">
        <f>VLOOKUP(E1836,団体コード!$E$1:$F$48,2,FALSE)</f>
        <v>#N/A</v>
      </c>
      <c r="O1836" s="51" t="e">
        <f t="shared" si="59"/>
        <v>#N/A</v>
      </c>
      <c r="P1836" s="51">
        <v>1</v>
      </c>
      <c r="Q1836" s="51" t="s">
        <v>5341</v>
      </c>
      <c r="R1836" s="54" t="b">
        <v>1</v>
      </c>
      <c r="S1836" s="52" t="s">
        <v>7126</v>
      </c>
      <c r="T1836" s="67" t="s">
        <v>7127</v>
      </c>
      <c r="U1836" s="75" t="s">
        <v>5331</v>
      </c>
      <c r="V1836" s="47" t="s">
        <v>5331</v>
      </c>
      <c r="W1836" s="47" t="s">
        <v>5331</v>
      </c>
      <c r="X1836" s="47" t="s">
        <v>5331</v>
      </c>
      <c r="Y1836" s="47" t="s">
        <v>5331</v>
      </c>
      <c r="Z1836" s="28"/>
      <c r="AA1836" s="27"/>
      <c r="AB1836" s="27"/>
      <c r="AC1836" s="27"/>
      <c r="AD1836" s="30"/>
      <c r="AE1836" s="1"/>
      <c r="AF1836" s="23" t="s">
        <v>5331</v>
      </c>
      <c r="AG1836" s="26"/>
      <c r="AH1836" s="53"/>
    </row>
    <row r="1837" spans="1:34" ht="51.6" customHeight="1" x14ac:dyDescent="0.45">
      <c r="A1837" s="23">
        <v>1831</v>
      </c>
      <c r="B1837" s="25"/>
      <c r="C1837" s="25"/>
      <c r="D1837" s="29"/>
      <c r="E1837" s="1"/>
      <c r="F1837" s="1"/>
      <c r="G1837" s="25"/>
      <c r="H1837" s="71"/>
      <c r="I1837" s="83"/>
      <c r="J1837" s="50" t="str">
        <f t="shared" si="58"/>
        <v/>
      </c>
      <c r="K1837" s="23" t="s">
        <v>7120</v>
      </c>
      <c r="L1837" s="49" t="e">
        <f>VLOOKUP(E1837&amp;F1837,団体コード!$A$1:$C$1743,3,FALSE)</f>
        <v>#N/A</v>
      </c>
      <c r="M1837" s="49" t="e">
        <f>VLOOKUP(E1837&amp;F1837,団体コード!$A$1:$C$1743,2,FALSE)</f>
        <v>#N/A</v>
      </c>
      <c r="N1837" s="51" t="e">
        <f>VLOOKUP(E1837,団体コード!$E$1:$F$48,2,FALSE)</f>
        <v>#N/A</v>
      </c>
      <c r="O1837" s="51" t="e">
        <f t="shared" si="59"/>
        <v>#N/A</v>
      </c>
      <c r="P1837" s="51">
        <v>1</v>
      </c>
      <c r="Q1837" s="51" t="s">
        <v>5341</v>
      </c>
      <c r="R1837" s="54" t="b">
        <v>1</v>
      </c>
      <c r="S1837" s="52" t="s">
        <v>7126</v>
      </c>
      <c r="T1837" s="67" t="s">
        <v>7127</v>
      </c>
      <c r="U1837" s="75" t="s">
        <v>5331</v>
      </c>
      <c r="V1837" s="47" t="s">
        <v>5331</v>
      </c>
      <c r="W1837" s="47" t="s">
        <v>5331</v>
      </c>
      <c r="X1837" s="47" t="s">
        <v>5331</v>
      </c>
      <c r="Y1837" s="47" t="s">
        <v>5331</v>
      </c>
      <c r="Z1837" s="28"/>
      <c r="AA1837" s="27"/>
      <c r="AB1837" s="27"/>
      <c r="AC1837" s="27"/>
      <c r="AD1837" s="30"/>
      <c r="AE1837" s="1"/>
      <c r="AF1837" s="23" t="s">
        <v>5331</v>
      </c>
      <c r="AG1837" s="26"/>
      <c r="AH1837" s="53"/>
    </row>
    <row r="1838" spans="1:34" ht="51.6" customHeight="1" x14ac:dyDescent="0.45">
      <c r="A1838" s="23">
        <v>1832</v>
      </c>
      <c r="B1838" s="25"/>
      <c r="C1838" s="25"/>
      <c r="D1838" s="29"/>
      <c r="E1838" s="1"/>
      <c r="F1838" s="1"/>
      <c r="G1838" s="25"/>
      <c r="H1838" s="71"/>
      <c r="I1838" s="83"/>
      <c r="J1838" s="50" t="str">
        <f t="shared" si="58"/>
        <v/>
      </c>
      <c r="K1838" s="23" t="s">
        <v>7120</v>
      </c>
      <c r="L1838" s="49" t="e">
        <f>VLOOKUP(E1838&amp;F1838,団体コード!$A$1:$C$1743,3,FALSE)</f>
        <v>#N/A</v>
      </c>
      <c r="M1838" s="49" t="e">
        <f>VLOOKUP(E1838&amp;F1838,団体コード!$A$1:$C$1743,2,FALSE)</f>
        <v>#N/A</v>
      </c>
      <c r="N1838" s="51" t="e">
        <f>VLOOKUP(E1838,団体コード!$E$1:$F$48,2,FALSE)</f>
        <v>#N/A</v>
      </c>
      <c r="O1838" s="51" t="e">
        <f t="shared" si="59"/>
        <v>#N/A</v>
      </c>
      <c r="P1838" s="51">
        <v>1</v>
      </c>
      <c r="Q1838" s="51" t="s">
        <v>5341</v>
      </c>
      <c r="R1838" s="54" t="b">
        <v>1</v>
      </c>
      <c r="S1838" s="52" t="s">
        <v>7126</v>
      </c>
      <c r="T1838" s="67" t="s">
        <v>7127</v>
      </c>
      <c r="U1838" s="75" t="s">
        <v>5331</v>
      </c>
      <c r="V1838" s="47" t="s">
        <v>5331</v>
      </c>
      <c r="W1838" s="47" t="s">
        <v>5331</v>
      </c>
      <c r="X1838" s="47" t="s">
        <v>5331</v>
      </c>
      <c r="Y1838" s="47" t="s">
        <v>5331</v>
      </c>
      <c r="Z1838" s="28"/>
      <c r="AA1838" s="27"/>
      <c r="AB1838" s="27"/>
      <c r="AC1838" s="27"/>
      <c r="AD1838" s="30"/>
      <c r="AE1838" s="1"/>
      <c r="AF1838" s="23" t="s">
        <v>5331</v>
      </c>
      <c r="AG1838" s="26"/>
      <c r="AH1838" s="53"/>
    </row>
    <row r="1839" spans="1:34" ht="51.6" customHeight="1" x14ac:dyDescent="0.45">
      <c r="A1839" s="23">
        <v>1833</v>
      </c>
      <c r="B1839" s="25"/>
      <c r="C1839" s="25"/>
      <c r="D1839" s="29"/>
      <c r="E1839" s="1"/>
      <c r="F1839" s="1"/>
      <c r="G1839" s="25"/>
      <c r="H1839" s="71"/>
      <c r="I1839" s="83"/>
      <c r="J1839" s="50" t="str">
        <f t="shared" si="58"/>
        <v/>
      </c>
      <c r="K1839" s="23" t="s">
        <v>7120</v>
      </c>
      <c r="L1839" s="49" t="e">
        <f>VLOOKUP(E1839&amp;F1839,団体コード!$A$1:$C$1743,3,FALSE)</f>
        <v>#N/A</v>
      </c>
      <c r="M1839" s="49" t="e">
        <f>VLOOKUP(E1839&amp;F1839,団体コード!$A$1:$C$1743,2,FALSE)</f>
        <v>#N/A</v>
      </c>
      <c r="N1839" s="51" t="e">
        <f>VLOOKUP(E1839,団体コード!$E$1:$F$48,2,FALSE)</f>
        <v>#N/A</v>
      </c>
      <c r="O1839" s="51" t="e">
        <f t="shared" si="59"/>
        <v>#N/A</v>
      </c>
      <c r="P1839" s="51">
        <v>1</v>
      </c>
      <c r="Q1839" s="51" t="s">
        <v>5341</v>
      </c>
      <c r="R1839" s="54" t="b">
        <v>1</v>
      </c>
      <c r="S1839" s="52" t="s">
        <v>7126</v>
      </c>
      <c r="T1839" s="67" t="s">
        <v>7127</v>
      </c>
      <c r="U1839" s="75" t="s">
        <v>5331</v>
      </c>
      <c r="V1839" s="47" t="s">
        <v>5331</v>
      </c>
      <c r="W1839" s="47" t="s">
        <v>5331</v>
      </c>
      <c r="X1839" s="47" t="s">
        <v>5331</v>
      </c>
      <c r="Y1839" s="47" t="s">
        <v>5331</v>
      </c>
      <c r="Z1839" s="28"/>
      <c r="AA1839" s="27"/>
      <c r="AB1839" s="27"/>
      <c r="AC1839" s="27"/>
      <c r="AD1839" s="30"/>
      <c r="AE1839" s="1"/>
      <c r="AF1839" s="23" t="s">
        <v>5331</v>
      </c>
      <c r="AG1839" s="26"/>
      <c r="AH1839" s="53"/>
    </row>
    <row r="1840" spans="1:34" ht="51.6" customHeight="1" x14ac:dyDescent="0.45">
      <c r="A1840" s="23">
        <v>1834</v>
      </c>
      <c r="B1840" s="25"/>
      <c r="C1840" s="25"/>
      <c r="D1840" s="29"/>
      <c r="E1840" s="1"/>
      <c r="F1840" s="1"/>
      <c r="G1840" s="25"/>
      <c r="H1840" s="71"/>
      <c r="I1840" s="83"/>
      <c r="J1840" s="50" t="str">
        <f t="shared" si="58"/>
        <v/>
      </c>
      <c r="K1840" s="23" t="s">
        <v>7120</v>
      </c>
      <c r="L1840" s="49" t="e">
        <f>VLOOKUP(E1840&amp;F1840,団体コード!$A$1:$C$1743,3,FALSE)</f>
        <v>#N/A</v>
      </c>
      <c r="M1840" s="49" t="e">
        <f>VLOOKUP(E1840&amp;F1840,団体コード!$A$1:$C$1743,2,FALSE)</f>
        <v>#N/A</v>
      </c>
      <c r="N1840" s="51" t="e">
        <f>VLOOKUP(E1840,団体コード!$E$1:$F$48,2,FALSE)</f>
        <v>#N/A</v>
      </c>
      <c r="O1840" s="51" t="e">
        <f t="shared" si="59"/>
        <v>#N/A</v>
      </c>
      <c r="P1840" s="51">
        <v>1</v>
      </c>
      <c r="Q1840" s="51" t="s">
        <v>5341</v>
      </c>
      <c r="R1840" s="54" t="b">
        <v>1</v>
      </c>
      <c r="S1840" s="52" t="s">
        <v>7126</v>
      </c>
      <c r="T1840" s="67" t="s">
        <v>7127</v>
      </c>
      <c r="U1840" s="75" t="s">
        <v>5331</v>
      </c>
      <c r="V1840" s="47" t="s">
        <v>5331</v>
      </c>
      <c r="W1840" s="47" t="s">
        <v>5331</v>
      </c>
      <c r="X1840" s="47" t="s">
        <v>5331</v>
      </c>
      <c r="Y1840" s="47" t="s">
        <v>5331</v>
      </c>
      <c r="Z1840" s="28"/>
      <c r="AA1840" s="27"/>
      <c r="AB1840" s="27"/>
      <c r="AC1840" s="27"/>
      <c r="AD1840" s="30"/>
      <c r="AE1840" s="1"/>
      <c r="AF1840" s="23" t="s">
        <v>5331</v>
      </c>
      <c r="AG1840" s="26"/>
      <c r="AH1840" s="53"/>
    </row>
    <row r="1841" spans="1:34" ht="51.6" customHeight="1" x14ac:dyDescent="0.45">
      <c r="A1841" s="23">
        <v>1835</v>
      </c>
      <c r="B1841" s="25"/>
      <c r="C1841" s="25"/>
      <c r="D1841" s="29"/>
      <c r="E1841" s="1"/>
      <c r="F1841" s="1"/>
      <c r="G1841" s="25"/>
      <c r="H1841" s="71"/>
      <c r="I1841" s="83"/>
      <c r="J1841" s="50" t="str">
        <f t="shared" si="58"/>
        <v/>
      </c>
      <c r="K1841" s="23" t="s">
        <v>7120</v>
      </c>
      <c r="L1841" s="49" t="e">
        <f>VLOOKUP(E1841&amp;F1841,団体コード!$A$1:$C$1743,3,FALSE)</f>
        <v>#N/A</v>
      </c>
      <c r="M1841" s="49" t="e">
        <f>VLOOKUP(E1841&amp;F1841,団体コード!$A$1:$C$1743,2,FALSE)</f>
        <v>#N/A</v>
      </c>
      <c r="N1841" s="51" t="e">
        <f>VLOOKUP(E1841,団体コード!$E$1:$F$48,2,FALSE)</f>
        <v>#N/A</v>
      </c>
      <c r="O1841" s="51" t="e">
        <f t="shared" si="59"/>
        <v>#N/A</v>
      </c>
      <c r="P1841" s="51">
        <v>1</v>
      </c>
      <c r="Q1841" s="51" t="s">
        <v>5341</v>
      </c>
      <c r="R1841" s="54" t="b">
        <v>1</v>
      </c>
      <c r="S1841" s="52" t="s">
        <v>7126</v>
      </c>
      <c r="T1841" s="67" t="s">
        <v>7127</v>
      </c>
      <c r="U1841" s="75" t="s">
        <v>5331</v>
      </c>
      <c r="V1841" s="47" t="s">
        <v>5331</v>
      </c>
      <c r="W1841" s="47" t="s">
        <v>5331</v>
      </c>
      <c r="X1841" s="47" t="s">
        <v>5331</v>
      </c>
      <c r="Y1841" s="47" t="s">
        <v>5331</v>
      </c>
      <c r="Z1841" s="28"/>
      <c r="AA1841" s="27"/>
      <c r="AB1841" s="27"/>
      <c r="AC1841" s="27"/>
      <c r="AD1841" s="30"/>
      <c r="AE1841" s="1"/>
      <c r="AF1841" s="23" t="s">
        <v>5331</v>
      </c>
      <c r="AG1841" s="26"/>
      <c r="AH1841" s="53"/>
    </row>
    <row r="1842" spans="1:34" ht="51.6" customHeight="1" x14ac:dyDescent="0.45">
      <c r="A1842" s="23">
        <v>1836</v>
      </c>
      <c r="B1842" s="25"/>
      <c r="C1842" s="25"/>
      <c r="D1842" s="29"/>
      <c r="E1842" s="1"/>
      <c r="F1842" s="1"/>
      <c r="G1842" s="25"/>
      <c r="H1842" s="71"/>
      <c r="I1842" s="83"/>
      <c r="J1842" s="50" t="str">
        <f t="shared" si="58"/>
        <v/>
      </c>
      <c r="K1842" s="23" t="s">
        <v>7120</v>
      </c>
      <c r="L1842" s="49" t="e">
        <f>VLOOKUP(E1842&amp;F1842,団体コード!$A$1:$C$1743,3,FALSE)</f>
        <v>#N/A</v>
      </c>
      <c r="M1842" s="49" t="e">
        <f>VLOOKUP(E1842&amp;F1842,団体コード!$A$1:$C$1743,2,FALSE)</f>
        <v>#N/A</v>
      </c>
      <c r="N1842" s="51" t="e">
        <f>VLOOKUP(E1842,団体コード!$E$1:$F$48,2,FALSE)</f>
        <v>#N/A</v>
      </c>
      <c r="O1842" s="51" t="e">
        <f t="shared" si="59"/>
        <v>#N/A</v>
      </c>
      <c r="P1842" s="51">
        <v>1</v>
      </c>
      <c r="Q1842" s="51" t="s">
        <v>5341</v>
      </c>
      <c r="R1842" s="54" t="b">
        <v>1</v>
      </c>
      <c r="S1842" s="52" t="s">
        <v>7126</v>
      </c>
      <c r="T1842" s="67" t="s">
        <v>7127</v>
      </c>
      <c r="U1842" s="75" t="s">
        <v>5331</v>
      </c>
      <c r="V1842" s="47" t="s">
        <v>5331</v>
      </c>
      <c r="W1842" s="47" t="s">
        <v>5331</v>
      </c>
      <c r="X1842" s="47" t="s">
        <v>5331</v>
      </c>
      <c r="Y1842" s="47" t="s">
        <v>5331</v>
      </c>
      <c r="Z1842" s="28"/>
      <c r="AA1842" s="27"/>
      <c r="AB1842" s="27"/>
      <c r="AC1842" s="27"/>
      <c r="AD1842" s="30"/>
      <c r="AE1842" s="1"/>
      <c r="AF1842" s="23" t="s">
        <v>5331</v>
      </c>
      <c r="AG1842" s="26"/>
      <c r="AH1842" s="53"/>
    </row>
    <row r="1843" spans="1:34" ht="51.6" customHeight="1" x14ac:dyDescent="0.45">
      <c r="A1843" s="23">
        <v>1837</v>
      </c>
      <c r="B1843" s="25"/>
      <c r="C1843" s="25"/>
      <c r="D1843" s="29"/>
      <c r="E1843" s="1"/>
      <c r="F1843" s="1"/>
      <c r="G1843" s="25"/>
      <c r="H1843" s="71"/>
      <c r="I1843" s="83"/>
      <c r="J1843" s="50" t="str">
        <f t="shared" si="58"/>
        <v/>
      </c>
      <c r="K1843" s="23" t="s">
        <v>7120</v>
      </c>
      <c r="L1843" s="49" t="e">
        <f>VLOOKUP(E1843&amp;F1843,団体コード!$A$1:$C$1743,3,FALSE)</f>
        <v>#N/A</v>
      </c>
      <c r="M1843" s="49" t="e">
        <f>VLOOKUP(E1843&amp;F1843,団体コード!$A$1:$C$1743,2,FALSE)</f>
        <v>#N/A</v>
      </c>
      <c r="N1843" s="51" t="e">
        <f>VLOOKUP(E1843,団体コード!$E$1:$F$48,2,FALSE)</f>
        <v>#N/A</v>
      </c>
      <c r="O1843" s="51" t="e">
        <f t="shared" si="59"/>
        <v>#N/A</v>
      </c>
      <c r="P1843" s="51">
        <v>1</v>
      </c>
      <c r="Q1843" s="51" t="s">
        <v>5341</v>
      </c>
      <c r="R1843" s="54" t="b">
        <v>1</v>
      </c>
      <c r="S1843" s="52" t="s">
        <v>7126</v>
      </c>
      <c r="T1843" s="67" t="s">
        <v>7127</v>
      </c>
      <c r="U1843" s="75" t="s">
        <v>5331</v>
      </c>
      <c r="V1843" s="47" t="s">
        <v>5331</v>
      </c>
      <c r="W1843" s="47" t="s">
        <v>5331</v>
      </c>
      <c r="X1843" s="47" t="s">
        <v>5331</v>
      </c>
      <c r="Y1843" s="47" t="s">
        <v>5331</v>
      </c>
      <c r="Z1843" s="28"/>
      <c r="AA1843" s="27"/>
      <c r="AB1843" s="27"/>
      <c r="AC1843" s="27"/>
      <c r="AD1843" s="30"/>
      <c r="AE1843" s="1"/>
      <c r="AF1843" s="23" t="s">
        <v>5331</v>
      </c>
      <c r="AG1843" s="26"/>
      <c r="AH1843" s="53"/>
    </row>
    <row r="1844" spans="1:34" ht="51.6" customHeight="1" x14ac:dyDescent="0.45">
      <c r="A1844" s="23">
        <v>1838</v>
      </c>
      <c r="B1844" s="25"/>
      <c r="C1844" s="25"/>
      <c r="D1844" s="29"/>
      <c r="E1844" s="1"/>
      <c r="F1844" s="1"/>
      <c r="G1844" s="25"/>
      <c r="H1844" s="71"/>
      <c r="I1844" s="83"/>
      <c r="J1844" s="50" t="str">
        <f t="shared" si="58"/>
        <v/>
      </c>
      <c r="K1844" s="23" t="s">
        <v>7120</v>
      </c>
      <c r="L1844" s="49" t="e">
        <f>VLOOKUP(E1844&amp;F1844,団体コード!$A$1:$C$1743,3,FALSE)</f>
        <v>#N/A</v>
      </c>
      <c r="M1844" s="49" t="e">
        <f>VLOOKUP(E1844&amp;F1844,団体コード!$A$1:$C$1743,2,FALSE)</f>
        <v>#N/A</v>
      </c>
      <c r="N1844" s="51" t="e">
        <f>VLOOKUP(E1844,団体コード!$E$1:$F$48,2,FALSE)</f>
        <v>#N/A</v>
      </c>
      <c r="O1844" s="51" t="e">
        <f t="shared" si="59"/>
        <v>#N/A</v>
      </c>
      <c r="P1844" s="51">
        <v>1</v>
      </c>
      <c r="Q1844" s="51" t="s">
        <v>5341</v>
      </c>
      <c r="R1844" s="54" t="b">
        <v>1</v>
      </c>
      <c r="S1844" s="52" t="s">
        <v>7126</v>
      </c>
      <c r="T1844" s="67" t="s">
        <v>7127</v>
      </c>
      <c r="U1844" s="75" t="s">
        <v>5331</v>
      </c>
      <c r="V1844" s="47" t="s">
        <v>5331</v>
      </c>
      <c r="W1844" s="47" t="s">
        <v>5331</v>
      </c>
      <c r="X1844" s="47" t="s">
        <v>5331</v>
      </c>
      <c r="Y1844" s="47" t="s">
        <v>5331</v>
      </c>
      <c r="Z1844" s="28"/>
      <c r="AA1844" s="27"/>
      <c r="AB1844" s="27"/>
      <c r="AC1844" s="27"/>
      <c r="AD1844" s="30"/>
      <c r="AE1844" s="1"/>
      <c r="AF1844" s="23" t="s">
        <v>5331</v>
      </c>
      <c r="AG1844" s="26"/>
      <c r="AH1844" s="53"/>
    </row>
    <row r="1845" spans="1:34" ht="51.6" customHeight="1" x14ac:dyDescent="0.45">
      <c r="A1845" s="23">
        <v>1839</v>
      </c>
      <c r="B1845" s="25"/>
      <c r="C1845" s="25"/>
      <c r="D1845" s="29"/>
      <c r="E1845" s="1"/>
      <c r="F1845" s="1"/>
      <c r="G1845" s="25"/>
      <c r="H1845" s="71"/>
      <c r="I1845" s="83"/>
      <c r="J1845" s="50" t="str">
        <f t="shared" si="58"/>
        <v/>
      </c>
      <c r="K1845" s="23" t="s">
        <v>7120</v>
      </c>
      <c r="L1845" s="49" t="e">
        <f>VLOOKUP(E1845&amp;F1845,団体コード!$A$1:$C$1743,3,FALSE)</f>
        <v>#N/A</v>
      </c>
      <c r="M1845" s="49" t="e">
        <f>VLOOKUP(E1845&amp;F1845,団体コード!$A$1:$C$1743,2,FALSE)</f>
        <v>#N/A</v>
      </c>
      <c r="N1845" s="51" t="e">
        <f>VLOOKUP(E1845,団体コード!$E$1:$F$48,2,FALSE)</f>
        <v>#N/A</v>
      </c>
      <c r="O1845" s="51" t="e">
        <f t="shared" si="59"/>
        <v>#N/A</v>
      </c>
      <c r="P1845" s="51">
        <v>1</v>
      </c>
      <c r="Q1845" s="51" t="s">
        <v>5341</v>
      </c>
      <c r="R1845" s="54" t="b">
        <v>1</v>
      </c>
      <c r="S1845" s="52" t="s">
        <v>7126</v>
      </c>
      <c r="T1845" s="67" t="s">
        <v>7127</v>
      </c>
      <c r="U1845" s="75" t="s">
        <v>5331</v>
      </c>
      <c r="V1845" s="47" t="s">
        <v>5331</v>
      </c>
      <c r="W1845" s="47" t="s">
        <v>5331</v>
      </c>
      <c r="X1845" s="47" t="s">
        <v>5331</v>
      </c>
      <c r="Y1845" s="47" t="s">
        <v>5331</v>
      </c>
      <c r="Z1845" s="28"/>
      <c r="AA1845" s="27"/>
      <c r="AB1845" s="27"/>
      <c r="AC1845" s="27"/>
      <c r="AD1845" s="30"/>
      <c r="AE1845" s="1"/>
      <c r="AF1845" s="23" t="s">
        <v>5331</v>
      </c>
      <c r="AG1845" s="26"/>
      <c r="AH1845" s="53"/>
    </row>
    <row r="1846" spans="1:34" ht="51.6" customHeight="1" x14ac:dyDescent="0.45">
      <c r="A1846" s="23">
        <v>1840</v>
      </c>
      <c r="B1846" s="25"/>
      <c r="C1846" s="25"/>
      <c r="D1846" s="29"/>
      <c r="E1846" s="1"/>
      <c r="F1846" s="1"/>
      <c r="G1846" s="25"/>
      <c r="H1846" s="71"/>
      <c r="I1846" s="83"/>
      <c r="J1846" s="50" t="str">
        <f t="shared" si="58"/>
        <v/>
      </c>
      <c r="K1846" s="23" t="s">
        <v>7120</v>
      </c>
      <c r="L1846" s="49" t="e">
        <f>VLOOKUP(E1846&amp;F1846,団体コード!$A$1:$C$1743,3,FALSE)</f>
        <v>#N/A</v>
      </c>
      <c r="M1846" s="49" t="e">
        <f>VLOOKUP(E1846&amp;F1846,団体コード!$A$1:$C$1743,2,FALSE)</f>
        <v>#N/A</v>
      </c>
      <c r="N1846" s="51" t="e">
        <f>VLOOKUP(E1846,団体コード!$E$1:$F$48,2,FALSE)</f>
        <v>#N/A</v>
      </c>
      <c r="O1846" s="51" t="e">
        <f t="shared" si="59"/>
        <v>#N/A</v>
      </c>
      <c r="P1846" s="51">
        <v>1</v>
      </c>
      <c r="Q1846" s="51" t="s">
        <v>5341</v>
      </c>
      <c r="R1846" s="54" t="b">
        <v>1</v>
      </c>
      <c r="S1846" s="52" t="s">
        <v>7126</v>
      </c>
      <c r="T1846" s="67" t="s">
        <v>7127</v>
      </c>
      <c r="U1846" s="75" t="s">
        <v>5331</v>
      </c>
      <c r="V1846" s="47" t="s">
        <v>5331</v>
      </c>
      <c r="W1846" s="47" t="s">
        <v>5331</v>
      </c>
      <c r="X1846" s="47" t="s">
        <v>5331</v>
      </c>
      <c r="Y1846" s="47" t="s">
        <v>5331</v>
      </c>
      <c r="Z1846" s="28"/>
      <c r="AA1846" s="27"/>
      <c r="AB1846" s="27"/>
      <c r="AC1846" s="27"/>
      <c r="AD1846" s="30"/>
      <c r="AE1846" s="1"/>
      <c r="AF1846" s="23" t="s">
        <v>5331</v>
      </c>
      <c r="AG1846" s="26"/>
      <c r="AH1846" s="53"/>
    </row>
    <row r="1847" spans="1:34" ht="51.6" customHeight="1" x14ac:dyDescent="0.45">
      <c r="A1847" s="23">
        <v>1841</v>
      </c>
      <c r="B1847" s="25"/>
      <c r="C1847" s="25"/>
      <c r="D1847" s="29"/>
      <c r="E1847" s="1"/>
      <c r="F1847" s="1"/>
      <c r="G1847" s="25"/>
      <c r="H1847" s="71"/>
      <c r="I1847" s="83"/>
      <c r="J1847" s="50" t="str">
        <f t="shared" si="58"/>
        <v/>
      </c>
      <c r="K1847" s="23" t="s">
        <v>7120</v>
      </c>
      <c r="L1847" s="49" t="e">
        <f>VLOOKUP(E1847&amp;F1847,団体コード!$A$1:$C$1743,3,FALSE)</f>
        <v>#N/A</v>
      </c>
      <c r="M1847" s="49" t="e">
        <f>VLOOKUP(E1847&amp;F1847,団体コード!$A$1:$C$1743,2,FALSE)</f>
        <v>#N/A</v>
      </c>
      <c r="N1847" s="51" t="e">
        <f>VLOOKUP(E1847,団体コード!$E$1:$F$48,2,FALSE)</f>
        <v>#N/A</v>
      </c>
      <c r="O1847" s="51" t="e">
        <f t="shared" si="59"/>
        <v>#N/A</v>
      </c>
      <c r="P1847" s="51">
        <v>1</v>
      </c>
      <c r="Q1847" s="51" t="s">
        <v>5341</v>
      </c>
      <c r="R1847" s="54" t="b">
        <v>1</v>
      </c>
      <c r="S1847" s="52" t="s">
        <v>7126</v>
      </c>
      <c r="T1847" s="67" t="s">
        <v>7127</v>
      </c>
      <c r="U1847" s="75" t="s">
        <v>5331</v>
      </c>
      <c r="V1847" s="47" t="s">
        <v>5331</v>
      </c>
      <c r="W1847" s="47" t="s">
        <v>5331</v>
      </c>
      <c r="X1847" s="47" t="s">
        <v>5331</v>
      </c>
      <c r="Y1847" s="47" t="s">
        <v>5331</v>
      </c>
      <c r="Z1847" s="28"/>
      <c r="AA1847" s="27"/>
      <c r="AB1847" s="27"/>
      <c r="AC1847" s="27"/>
      <c r="AD1847" s="30"/>
      <c r="AE1847" s="1"/>
      <c r="AF1847" s="23" t="s">
        <v>5331</v>
      </c>
      <c r="AG1847" s="26"/>
      <c r="AH1847" s="53"/>
    </row>
    <row r="1848" spans="1:34" ht="51.6" customHeight="1" x14ac:dyDescent="0.45">
      <c r="A1848" s="23">
        <v>1842</v>
      </c>
      <c r="B1848" s="25"/>
      <c r="C1848" s="25"/>
      <c r="D1848" s="29"/>
      <c r="E1848" s="1"/>
      <c r="F1848" s="1"/>
      <c r="G1848" s="25"/>
      <c r="H1848" s="71"/>
      <c r="I1848" s="83"/>
      <c r="J1848" s="50" t="str">
        <f t="shared" si="58"/>
        <v/>
      </c>
      <c r="K1848" s="23" t="s">
        <v>7120</v>
      </c>
      <c r="L1848" s="49" t="e">
        <f>VLOOKUP(E1848&amp;F1848,団体コード!$A$1:$C$1743,3,FALSE)</f>
        <v>#N/A</v>
      </c>
      <c r="M1848" s="49" t="e">
        <f>VLOOKUP(E1848&amp;F1848,団体コード!$A$1:$C$1743,2,FALSE)</f>
        <v>#N/A</v>
      </c>
      <c r="N1848" s="51" t="e">
        <f>VLOOKUP(E1848,団体コード!$E$1:$F$48,2,FALSE)</f>
        <v>#N/A</v>
      </c>
      <c r="O1848" s="51" t="e">
        <f t="shared" si="59"/>
        <v>#N/A</v>
      </c>
      <c r="P1848" s="51">
        <v>1</v>
      </c>
      <c r="Q1848" s="51" t="s">
        <v>5341</v>
      </c>
      <c r="R1848" s="54" t="b">
        <v>1</v>
      </c>
      <c r="S1848" s="52" t="s">
        <v>7126</v>
      </c>
      <c r="T1848" s="67" t="s">
        <v>7127</v>
      </c>
      <c r="U1848" s="75" t="s">
        <v>5331</v>
      </c>
      <c r="V1848" s="47" t="s">
        <v>5331</v>
      </c>
      <c r="W1848" s="47" t="s">
        <v>5331</v>
      </c>
      <c r="X1848" s="47" t="s">
        <v>5331</v>
      </c>
      <c r="Y1848" s="47" t="s">
        <v>5331</v>
      </c>
      <c r="Z1848" s="28"/>
      <c r="AA1848" s="27"/>
      <c r="AB1848" s="27"/>
      <c r="AC1848" s="27"/>
      <c r="AD1848" s="30"/>
      <c r="AE1848" s="1"/>
      <c r="AF1848" s="23" t="s">
        <v>5331</v>
      </c>
      <c r="AG1848" s="26"/>
      <c r="AH1848" s="53"/>
    </row>
    <row r="1849" spans="1:34" ht="51.6" customHeight="1" x14ac:dyDescent="0.45">
      <c r="A1849" s="23">
        <v>1843</v>
      </c>
      <c r="B1849" s="25"/>
      <c r="C1849" s="25"/>
      <c r="D1849" s="29"/>
      <c r="E1849" s="1"/>
      <c r="F1849" s="1"/>
      <c r="G1849" s="25"/>
      <c r="H1849" s="71"/>
      <c r="I1849" s="83"/>
      <c r="J1849" s="50" t="str">
        <f t="shared" si="58"/>
        <v/>
      </c>
      <c r="K1849" s="23" t="s">
        <v>7120</v>
      </c>
      <c r="L1849" s="49" t="e">
        <f>VLOOKUP(E1849&amp;F1849,団体コード!$A$1:$C$1743,3,FALSE)</f>
        <v>#N/A</v>
      </c>
      <c r="M1849" s="49" t="e">
        <f>VLOOKUP(E1849&amp;F1849,団体コード!$A$1:$C$1743,2,FALSE)</f>
        <v>#N/A</v>
      </c>
      <c r="N1849" s="51" t="e">
        <f>VLOOKUP(E1849,団体コード!$E$1:$F$48,2,FALSE)</f>
        <v>#N/A</v>
      </c>
      <c r="O1849" s="51" t="e">
        <f t="shared" si="59"/>
        <v>#N/A</v>
      </c>
      <c r="P1849" s="51">
        <v>1</v>
      </c>
      <c r="Q1849" s="51" t="s">
        <v>5341</v>
      </c>
      <c r="R1849" s="54" t="b">
        <v>1</v>
      </c>
      <c r="S1849" s="52" t="s">
        <v>7126</v>
      </c>
      <c r="T1849" s="67" t="s">
        <v>7127</v>
      </c>
      <c r="U1849" s="75" t="s">
        <v>5331</v>
      </c>
      <c r="V1849" s="47" t="s">
        <v>5331</v>
      </c>
      <c r="W1849" s="47" t="s">
        <v>5331</v>
      </c>
      <c r="X1849" s="47" t="s">
        <v>5331</v>
      </c>
      <c r="Y1849" s="47" t="s">
        <v>5331</v>
      </c>
      <c r="Z1849" s="28"/>
      <c r="AA1849" s="27"/>
      <c r="AB1849" s="27"/>
      <c r="AC1849" s="27"/>
      <c r="AD1849" s="30"/>
      <c r="AE1849" s="1"/>
      <c r="AF1849" s="23" t="s">
        <v>5331</v>
      </c>
      <c r="AG1849" s="26"/>
      <c r="AH1849" s="53"/>
    </row>
    <row r="1850" spans="1:34" ht="51.6" customHeight="1" x14ac:dyDescent="0.45">
      <c r="A1850" s="23">
        <v>1844</v>
      </c>
      <c r="B1850" s="25"/>
      <c r="C1850" s="25"/>
      <c r="D1850" s="29"/>
      <c r="E1850" s="1"/>
      <c r="F1850" s="1"/>
      <c r="G1850" s="25"/>
      <c r="H1850" s="71"/>
      <c r="I1850" s="83"/>
      <c r="J1850" s="50" t="str">
        <f t="shared" si="58"/>
        <v/>
      </c>
      <c r="K1850" s="23" t="s">
        <v>7120</v>
      </c>
      <c r="L1850" s="49" t="e">
        <f>VLOOKUP(E1850&amp;F1850,団体コード!$A$1:$C$1743,3,FALSE)</f>
        <v>#N/A</v>
      </c>
      <c r="M1850" s="49" t="e">
        <f>VLOOKUP(E1850&amp;F1850,団体コード!$A$1:$C$1743,2,FALSE)</f>
        <v>#N/A</v>
      </c>
      <c r="N1850" s="51" t="e">
        <f>VLOOKUP(E1850,団体コード!$E$1:$F$48,2,FALSE)</f>
        <v>#N/A</v>
      </c>
      <c r="O1850" s="51" t="e">
        <f t="shared" si="59"/>
        <v>#N/A</v>
      </c>
      <c r="P1850" s="51">
        <v>1</v>
      </c>
      <c r="Q1850" s="51" t="s">
        <v>5341</v>
      </c>
      <c r="R1850" s="54" t="b">
        <v>1</v>
      </c>
      <c r="S1850" s="52" t="s">
        <v>7126</v>
      </c>
      <c r="T1850" s="67" t="s">
        <v>7127</v>
      </c>
      <c r="U1850" s="75" t="s">
        <v>5331</v>
      </c>
      <c r="V1850" s="47" t="s">
        <v>5331</v>
      </c>
      <c r="W1850" s="47" t="s">
        <v>5331</v>
      </c>
      <c r="X1850" s="47" t="s">
        <v>5331</v>
      </c>
      <c r="Y1850" s="47" t="s">
        <v>5331</v>
      </c>
      <c r="Z1850" s="28"/>
      <c r="AA1850" s="27"/>
      <c r="AB1850" s="27"/>
      <c r="AC1850" s="27"/>
      <c r="AD1850" s="30"/>
      <c r="AE1850" s="1"/>
      <c r="AF1850" s="23" t="s">
        <v>5331</v>
      </c>
      <c r="AG1850" s="26"/>
      <c r="AH1850" s="53"/>
    </row>
    <row r="1851" spans="1:34" ht="51.6" customHeight="1" x14ac:dyDescent="0.45">
      <c r="A1851" s="23">
        <v>1845</v>
      </c>
      <c r="B1851" s="25"/>
      <c r="C1851" s="25"/>
      <c r="D1851" s="29"/>
      <c r="E1851" s="1"/>
      <c r="F1851" s="1"/>
      <c r="G1851" s="25"/>
      <c r="H1851" s="71"/>
      <c r="I1851" s="83"/>
      <c r="J1851" s="50" t="str">
        <f t="shared" si="58"/>
        <v/>
      </c>
      <c r="K1851" s="23" t="s">
        <v>7120</v>
      </c>
      <c r="L1851" s="49" t="e">
        <f>VLOOKUP(E1851&amp;F1851,団体コード!$A$1:$C$1743,3,FALSE)</f>
        <v>#N/A</v>
      </c>
      <c r="M1851" s="49" t="e">
        <f>VLOOKUP(E1851&amp;F1851,団体コード!$A$1:$C$1743,2,FALSE)</f>
        <v>#N/A</v>
      </c>
      <c r="N1851" s="51" t="e">
        <f>VLOOKUP(E1851,団体コード!$E$1:$F$48,2,FALSE)</f>
        <v>#N/A</v>
      </c>
      <c r="O1851" s="51" t="e">
        <f t="shared" si="59"/>
        <v>#N/A</v>
      </c>
      <c r="P1851" s="51">
        <v>1</v>
      </c>
      <c r="Q1851" s="51" t="s">
        <v>5341</v>
      </c>
      <c r="R1851" s="54" t="b">
        <v>1</v>
      </c>
      <c r="S1851" s="52" t="s">
        <v>7126</v>
      </c>
      <c r="T1851" s="67" t="s">
        <v>7127</v>
      </c>
      <c r="U1851" s="75" t="s">
        <v>5331</v>
      </c>
      <c r="V1851" s="47" t="s">
        <v>5331</v>
      </c>
      <c r="W1851" s="47" t="s">
        <v>5331</v>
      </c>
      <c r="X1851" s="47" t="s">
        <v>5331</v>
      </c>
      <c r="Y1851" s="47" t="s">
        <v>5331</v>
      </c>
      <c r="Z1851" s="28"/>
      <c r="AA1851" s="27"/>
      <c r="AB1851" s="27"/>
      <c r="AC1851" s="27"/>
      <c r="AD1851" s="30"/>
      <c r="AE1851" s="1"/>
      <c r="AF1851" s="23" t="s">
        <v>5331</v>
      </c>
      <c r="AG1851" s="26"/>
      <c r="AH1851" s="53"/>
    </row>
    <row r="1852" spans="1:34" ht="51.6" customHeight="1" x14ac:dyDescent="0.45">
      <c r="A1852" s="23">
        <v>1846</v>
      </c>
      <c r="B1852" s="25"/>
      <c r="C1852" s="25"/>
      <c r="D1852" s="29"/>
      <c r="E1852" s="1"/>
      <c r="F1852" s="1"/>
      <c r="G1852" s="25"/>
      <c r="H1852" s="71"/>
      <c r="I1852" s="83"/>
      <c r="J1852" s="50" t="str">
        <f t="shared" si="58"/>
        <v/>
      </c>
      <c r="K1852" s="23" t="s">
        <v>7120</v>
      </c>
      <c r="L1852" s="49" t="e">
        <f>VLOOKUP(E1852&amp;F1852,団体コード!$A$1:$C$1743,3,FALSE)</f>
        <v>#N/A</v>
      </c>
      <c r="M1852" s="49" t="e">
        <f>VLOOKUP(E1852&amp;F1852,団体コード!$A$1:$C$1743,2,FALSE)</f>
        <v>#N/A</v>
      </c>
      <c r="N1852" s="51" t="e">
        <f>VLOOKUP(E1852,団体コード!$E$1:$F$48,2,FALSE)</f>
        <v>#N/A</v>
      </c>
      <c r="O1852" s="51" t="e">
        <f t="shared" si="59"/>
        <v>#N/A</v>
      </c>
      <c r="P1852" s="51">
        <v>1</v>
      </c>
      <c r="Q1852" s="51" t="s">
        <v>5341</v>
      </c>
      <c r="R1852" s="54" t="b">
        <v>1</v>
      </c>
      <c r="S1852" s="52" t="s">
        <v>7126</v>
      </c>
      <c r="T1852" s="67" t="s">
        <v>7127</v>
      </c>
      <c r="U1852" s="75" t="s">
        <v>5331</v>
      </c>
      <c r="V1852" s="47" t="s">
        <v>5331</v>
      </c>
      <c r="W1852" s="47" t="s">
        <v>5331</v>
      </c>
      <c r="X1852" s="47" t="s">
        <v>5331</v>
      </c>
      <c r="Y1852" s="47" t="s">
        <v>5331</v>
      </c>
      <c r="Z1852" s="28"/>
      <c r="AA1852" s="27"/>
      <c r="AB1852" s="27"/>
      <c r="AC1852" s="27"/>
      <c r="AD1852" s="30"/>
      <c r="AE1852" s="1"/>
      <c r="AF1852" s="23" t="s">
        <v>5331</v>
      </c>
      <c r="AG1852" s="26"/>
      <c r="AH1852" s="53"/>
    </row>
    <row r="1853" spans="1:34" ht="51.6" customHeight="1" x14ac:dyDescent="0.45">
      <c r="A1853" s="23">
        <v>1847</v>
      </c>
      <c r="B1853" s="25"/>
      <c r="C1853" s="25"/>
      <c r="D1853" s="29"/>
      <c r="E1853" s="1"/>
      <c r="F1853" s="1"/>
      <c r="G1853" s="25"/>
      <c r="H1853" s="71"/>
      <c r="I1853" s="83"/>
      <c r="J1853" s="50" t="str">
        <f t="shared" si="58"/>
        <v/>
      </c>
      <c r="K1853" s="23" t="s">
        <v>7120</v>
      </c>
      <c r="L1853" s="49" t="e">
        <f>VLOOKUP(E1853&amp;F1853,団体コード!$A$1:$C$1743,3,FALSE)</f>
        <v>#N/A</v>
      </c>
      <c r="M1853" s="49" t="e">
        <f>VLOOKUP(E1853&amp;F1853,団体コード!$A$1:$C$1743,2,FALSE)</f>
        <v>#N/A</v>
      </c>
      <c r="N1853" s="51" t="e">
        <f>VLOOKUP(E1853,団体コード!$E$1:$F$48,2,FALSE)</f>
        <v>#N/A</v>
      </c>
      <c r="O1853" s="51" t="e">
        <f t="shared" si="59"/>
        <v>#N/A</v>
      </c>
      <c r="P1853" s="51">
        <v>1</v>
      </c>
      <c r="Q1853" s="51" t="s">
        <v>5341</v>
      </c>
      <c r="R1853" s="54" t="b">
        <v>1</v>
      </c>
      <c r="S1853" s="52" t="s">
        <v>7126</v>
      </c>
      <c r="T1853" s="67" t="s">
        <v>7127</v>
      </c>
      <c r="U1853" s="75" t="s">
        <v>5331</v>
      </c>
      <c r="V1853" s="47" t="s">
        <v>5331</v>
      </c>
      <c r="W1853" s="47" t="s">
        <v>5331</v>
      </c>
      <c r="X1853" s="47" t="s">
        <v>5331</v>
      </c>
      <c r="Y1853" s="47" t="s">
        <v>5331</v>
      </c>
      <c r="Z1853" s="28"/>
      <c r="AA1853" s="27"/>
      <c r="AB1853" s="27"/>
      <c r="AC1853" s="27"/>
      <c r="AD1853" s="30"/>
      <c r="AE1853" s="1"/>
      <c r="AF1853" s="23" t="s">
        <v>5331</v>
      </c>
      <c r="AG1853" s="26"/>
      <c r="AH1853" s="53"/>
    </row>
    <row r="1854" spans="1:34" ht="51.6" customHeight="1" x14ac:dyDescent="0.45">
      <c r="A1854" s="23">
        <v>1848</v>
      </c>
      <c r="B1854" s="25"/>
      <c r="C1854" s="25"/>
      <c r="D1854" s="29"/>
      <c r="E1854" s="1"/>
      <c r="F1854" s="1"/>
      <c r="G1854" s="25"/>
      <c r="H1854" s="71"/>
      <c r="I1854" s="83"/>
      <c r="J1854" s="50" t="str">
        <f t="shared" si="58"/>
        <v/>
      </c>
      <c r="K1854" s="23" t="s">
        <v>7120</v>
      </c>
      <c r="L1854" s="49" t="e">
        <f>VLOOKUP(E1854&amp;F1854,団体コード!$A$1:$C$1743,3,FALSE)</f>
        <v>#N/A</v>
      </c>
      <c r="M1854" s="49" t="e">
        <f>VLOOKUP(E1854&amp;F1854,団体コード!$A$1:$C$1743,2,FALSE)</f>
        <v>#N/A</v>
      </c>
      <c r="N1854" s="51" t="e">
        <f>VLOOKUP(E1854,団体コード!$E$1:$F$48,2,FALSE)</f>
        <v>#N/A</v>
      </c>
      <c r="O1854" s="51" t="e">
        <f t="shared" si="59"/>
        <v>#N/A</v>
      </c>
      <c r="P1854" s="51">
        <v>1</v>
      </c>
      <c r="Q1854" s="51" t="s">
        <v>5341</v>
      </c>
      <c r="R1854" s="54" t="b">
        <v>1</v>
      </c>
      <c r="S1854" s="52" t="s">
        <v>7126</v>
      </c>
      <c r="T1854" s="67" t="s">
        <v>7127</v>
      </c>
      <c r="U1854" s="75" t="s">
        <v>5331</v>
      </c>
      <c r="V1854" s="47" t="s">
        <v>5331</v>
      </c>
      <c r="W1854" s="47" t="s">
        <v>5331</v>
      </c>
      <c r="X1854" s="47" t="s">
        <v>5331</v>
      </c>
      <c r="Y1854" s="47" t="s">
        <v>5331</v>
      </c>
      <c r="Z1854" s="28"/>
      <c r="AA1854" s="27"/>
      <c r="AB1854" s="27"/>
      <c r="AC1854" s="27"/>
      <c r="AD1854" s="30"/>
      <c r="AE1854" s="1"/>
      <c r="AF1854" s="23" t="s">
        <v>5331</v>
      </c>
      <c r="AG1854" s="26"/>
      <c r="AH1854" s="53"/>
    </row>
    <row r="1855" spans="1:34" ht="51.6" customHeight="1" x14ac:dyDescent="0.45">
      <c r="A1855" s="23">
        <v>1849</v>
      </c>
      <c r="B1855" s="25"/>
      <c r="C1855" s="25"/>
      <c r="D1855" s="29"/>
      <c r="E1855" s="1"/>
      <c r="F1855" s="1"/>
      <c r="G1855" s="25"/>
      <c r="H1855" s="71"/>
      <c r="I1855" s="83"/>
      <c r="J1855" s="50" t="str">
        <f t="shared" si="58"/>
        <v/>
      </c>
      <c r="K1855" s="23" t="s">
        <v>7120</v>
      </c>
      <c r="L1855" s="49" t="e">
        <f>VLOOKUP(E1855&amp;F1855,団体コード!$A$1:$C$1743,3,FALSE)</f>
        <v>#N/A</v>
      </c>
      <c r="M1855" s="49" t="e">
        <f>VLOOKUP(E1855&amp;F1855,団体コード!$A$1:$C$1743,2,FALSE)</f>
        <v>#N/A</v>
      </c>
      <c r="N1855" s="51" t="e">
        <f>VLOOKUP(E1855,団体コード!$E$1:$F$48,2,FALSE)</f>
        <v>#N/A</v>
      </c>
      <c r="O1855" s="51" t="e">
        <f t="shared" si="59"/>
        <v>#N/A</v>
      </c>
      <c r="P1855" s="51">
        <v>1</v>
      </c>
      <c r="Q1855" s="51" t="s">
        <v>5341</v>
      </c>
      <c r="R1855" s="54" t="b">
        <v>1</v>
      </c>
      <c r="S1855" s="52" t="s">
        <v>7126</v>
      </c>
      <c r="T1855" s="67" t="s">
        <v>7127</v>
      </c>
      <c r="U1855" s="75" t="s">
        <v>5331</v>
      </c>
      <c r="V1855" s="47" t="s">
        <v>5331</v>
      </c>
      <c r="W1855" s="47" t="s">
        <v>5331</v>
      </c>
      <c r="X1855" s="47" t="s">
        <v>5331</v>
      </c>
      <c r="Y1855" s="47" t="s">
        <v>5331</v>
      </c>
      <c r="Z1855" s="28"/>
      <c r="AA1855" s="27"/>
      <c r="AB1855" s="27"/>
      <c r="AC1855" s="27"/>
      <c r="AD1855" s="30"/>
      <c r="AE1855" s="1"/>
      <c r="AF1855" s="23" t="s">
        <v>5331</v>
      </c>
      <c r="AG1855" s="26"/>
      <c r="AH1855" s="53"/>
    </row>
    <row r="1856" spans="1:34" ht="51.6" customHeight="1" x14ac:dyDescent="0.45">
      <c r="A1856" s="23">
        <v>1850</v>
      </c>
      <c r="B1856" s="25"/>
      <c r="C1856" s="25"/>
      <c r="D1856" s="29"/>
      <c r="E1856" s="1"/>
      <c r="F1856" s="1"/>
      <c r="G1856" s="25"/>
      <c r="H1856" s="71"/>
      <c r="I1856" s="83"/>
      <c r="J1856" s="50" t="str">
        <f t="shared" si="58"/>
        <v/>
      </c>
      <c r="K1856" s="23" t="s">
        <v>7120</v>
      </c>
      <c r="L1856" s="49" t="e">
        <f>VLOOKUP(E1856&amp;F1856,団体コード!$A$1:$C$1743,3,FALSE)</f>
        <v>#N/A</v>
      </c>
      <c r="M1856" s="49" t="e">
        <f>VLOOKUP(E1856&amp;F1856,団体コード!$A$1:$C$1743,2,FALSE)</f>
        <v>#N/A</v>
      </c>
      <c r="N1856" s="51" t="e">
        <f>VLOOKUP(E1856,団体コード!$E$1:$F$48,2,FALSE)</f>
        <v>#N/A</v>
      </c>
      <c r="O1856" s="51" t="e">
        <f t="shared" si="59"/>
        <v>#N/A</v>
      </c>
      <c r="P1856" s="51">
        <v>1</v>
      </c>
      <c r="Q1856" s="51" t="s">
        <v>5341</v>
      </c>
      <c r="R1856" s="54" t="b">
        <v>1</v>
      </c>
      <c r="S1856" s="52" t="s">
        <v>7126</v>
      </c>
      <c r="T1856" s="67" t="s">
        <v>7127</v>
      </c>
      <c r="U1856" s="75" t="s">
        <v>5331</v>
      </c>
      <c r="V1856" s="47" t="s">
        <v>5331</v>
      </c>
      <c r="W1856" s="47" t="s">
        <v>5331</v>
      </c>
      <c r="X1856" s="47" t="s">
        <v>5331</v>
      </c>
      <c r="Y1856" s="47" t="s">
        <v>5331</v>
      </c>
      <c r="Z1856" s="28"/>
      <c r="AA1856" s="27"/>
      <c r="AB1856" s="27"/>
      <c r="AC1856" s="27"/>
      <c r="AD1856" s="30"/>
      <c r="AE1856" s="1"/>
      <c r="AF1856" s="23" t="s">
        <v>5331</v>
      </c>
      <c r="AG1856" s="26"/>
      <c r="AH1856" s="53"/>
    </row>
    <row r="1857" spans="1:34" ht="51.6" customHeight="1" x14ac:dyDescent="0.45">
      <c r="A1857" s="23">
        <v>1851</v>
      </c>
      <c r="B1857" s="25"/>
      <c r="C1857" s="25"/>
      <c r="D1857" s="29"/>
      <c r="E1857" s="1"/>
      <c r="F1857" s="1"/>
      <c r="G1857" s="25"/>
      <c r="H1857" s="71"/>
      <c r="I1857" s="83"/>
      <c r="J1857" s="50" t="str">
        <f t="shared" si="58"/>
        <v/>
      </c>
      <c r="K1857" s="23" t="s">
        <v>7120</v>
      </c>
      <c r="L1857" s="49" t="e">
        <f>VLOOKUP(E1857&amp;F1857,団体コード!$A$1:$C$1743,3,FALSE)</f>
        <v>#N/A</v>
      </c>
      <c r="M1857" s="49" t="e">
        <f>VLOOKUP(E1857&amp;F1857,団体コード!$A$1:$C$1743,2,FALSE)</f>
        <v>#N/A</v>
      </c>
      <c r="N1857" s="51" t="e">
        <f>VLOOKUP(E1857,団体コード!$E$1:$F$48,2,FALSE)</f>
        <v>#N/A</v>
      </c>
      <c r="O1857" s="51" t="e">
        <f t="shared" si="59"/>
        <v>#N/A</v>
      </c>
      <c r="P1857" s="51">
        <v>1</v>
      </c>
      <c r="Q1857" s="51" t="s">
        <v>5341</v>
      </c>
      <c r="R1857" s="54" t="b">
        <v>1</v>
      </c>
      <c r="S1857" s="52" t="s">
        <v>7126</v>
      </c>
      <c r="T1857" s="67" t="s">
        <v>7127</v>
      </c>
      <c r="U1857" s="75" t="s">
        <v>5331</v>
      </c>
      <c r="V1857" s="47" t="s">
        <v>5331</v>
      </c>
      <c r="W1857" s="47" t="s">
        <v>5331</v>
      </c>
      <c r="X1857" s="47" t="s">
        <v>5331</v>
      </c>
      <c r="Y1857" s="47" t="s">
        <v>5331</v>
      </c>
      <c r="Z1857" s="28"/>
      <c r="AA1857" s="27"/>
      <c r="AB1857" s="27"/>
      <c r="AC1857" s="27"/>
      <c r="AD1857" s="30"/>
      <c r="AE1857" s="1"/>
      <c r="AF1857" s="23" t="s">
        <v>5331</v>
      </c>
      <c r="AG1857" s="26"/>
      <c r="AH1857" s="53"/>
    </row>
    <row r="1858" spans="1:34" ht="51.6" customHeight="1" x14ac:dyDescent="0.45">
      <c r="A1858" s="23">
        <v>1852</v>
      </c>
      <c r="B1858" s="25"/>
      <c r="C1858" s="25"/>
      <c r="D1858" s="29"/>
      <c r="E1858" s="1"/>
      <c r="F1858" s="1"/>
      <c r="G1858" s="25"/>
      <c r="H1858" s="71"/>
      <c r="I1858" s="83"/>
      <c r="J1858" s="50" t="str">
        <f t="shared" si="58"/>
        <v/>
      </c>
      <c r="K1858" s="23" t="s">
        <v>7120</v>
      </c>
      <c r="L1858" s="49" t="e">
        <f>VLOOKUP(E1858&amp;F1858,団体コード!$A$1:$C$1743,3,FALSE)</f>
        <v>#N/A</v>
      </c>
      <c r="M1858" s="49" t="e">
        <f>VLOOKUP(E1858&amp;F1858,団体コード!$A$1:$C$1743,2,FALSE)</f>
        <v>#N/A</v>
      </c>
      <c r="N1858" s="51" t="e">
        <f>VLOOKUP(E1858,団体コード!$E$1:$F$48,2,FALSE)</f>
        <v>#N/A</v>
      </c>
      <c r="O1858" s="51" t="e">
        <f t="shared" si="59"/>
        <v>#N/A</v>
      </c>
      <c r="P1858" s="51">
        <v>1</v>
      </c>
      <c r="Q1858" s="51" t="s">
        <v>5341</v>
      </c>
      <c r="R1858" s="54" t="b">
        <v>1</v>
      </c>
      <c r="S1858" s="52" t="s">
        <v>7126</v>
      </c>
      <c r="T1858" s="67" t="s">
        <v>7127</v>
      </c>
      <c r="U1858" s="75" t="s">
        <v>5331</v>
      </c>
      <c r="V1858" s="47" t="s">
        <v>5331</v>
      </c>
      <c r="W1858" s="47" t="s">
        <v>5331</v>
      </c>
      <c r="X1858" s="47" t="s">
        <v>5331</v>
      </c>
      <c r="Y1858" s="47" t="s">
        <v>5331</v>
      </c>
      <c r="Z1858" s="28"/>
      <c r="AA1858" s="27"/>
      <c r="AB1858" s="27"/>
      <c r="AC1858" s="27"/>
      <c r="AD1858" s="30"/>
      <c r="AE1858" s="1"/>
      <c r="AF1858" s="23" t="s">
        <v>5331</v>
      </c>
      <c r="AG1858" s="26"/>
      <c r="AH1858" s="53"/>
    </row>
    <row r="1859" spans="1:34" ht="51.6" customHeight="1" x14ac:dyDescent="0.45">
      <c r="A1859" s="23">
        <v>1853</v>
      </c>
      <c r="B1859" s="25"/>
      <c r="C1859" s="25"/>
      <c r="D1859" s="29"/>
      <c r="E1859" s="1"/>
      <c r="F1859" s="1"/>
      <c r="G1859" s="25"/>
      <c r="H1859" s="71"/>
      <c r="I1859" s="83"/>
      <c r="J1859" s="50" t="str">
        <f t="shared" si="58"/>
        <v/>
      </c>
      <c r="K1859" s="23" t="s">
        <v>7120</v>
      </c>
      <c r="L1859" s="49" t="e">
        <f>VLOOKUP(E1859&amp;F1859,団体コード!$A$1:$C$1743,3,FALSE)</f>
        <v>#N/A</v>
      </c>
      <c r="M1859" s="49" t="e">
        <f>VLOOKUP(E1859&amp;F1859,団体コード!$A$1:$C$1743,2,FALSE)</f>
        <v>#N/A</v>
      </c>
      <c r="N1859" s="51" t="e">
        <f>VLOOKUP(E1859,団体コード!$E$1:$F$48,2,FALSE)</f>
        <v>#N/A</v>
      </c>
      <c r="O1859" s="51" t="e">
        <f t="shared" si="59"/>
        <v>#N/A</v>
      </c>
      <c r="P1859" s="51">
        <v>1</v>
      </c>
      <c r="Q1859" s="51" t="s">
        <v>5341</v>
      </c>
      <c r="R1859" s="54" t="b">
        <v>1</v>
      </c>
      <c r="S1859" s="52" t="s">
        <v>7126</v>
      </c>
      <c r="T1859" s="67" t="s">
        <v>7127</v>
      </c>
      <c r="U1859" s="75" t="s">
        <v>5331</v>
      </c>
      <c r="V1859" s="47" t="s">
        <v>5331</v>
      </c>
      <c r="W1859" s="47" t="s">
        <v>5331</v>
      </c>
      <c r="X1859" s="47" t="s">
        <v>5331</v>
      </c>
      <c r="Y1859" s="47" t="s">
        <v>5331</v>
      </c>
      <c r="Z1859" s="28"/>
      <c r="AA1859" s="27"/>
      <c r="AB1859" s="27"/>
      <c r="AC1859" s="27"/>
      <c r="AD1859" s="30"/>
      <c r="AE1859" s="1"/>
      <c r="AF1859" s="23" t="s">
        <v>5331</v>
      </c>
      <c r="AG1859" s="26"/>
      <c r="AH1859" s="53"/>
    </row>
    <row r="1860" spans="1:34" ht="51.6" customHeight="1" x14ac:dyDescent="0.45">
      <c r="A1860" s="23">
        <v>1854</v>
      </c>
      <c r="B1860" s="25"/>
      <c r="C1860" s="25"/>
      <c r="D1860" s="29"/>
      <c r="E1860" s="1"/>
      <c r="F1860" s="1"/>
      <c r="G1860" s="25"/>
      <c r="H1860" s="71"/>
      <c r="I1860" s="83"/>
      <c r="J1860" s="50" t="str">
        <f t="shared" si="58"/>
        <v/>
      </c>
      <c r="K1860" s="23" t="s">
        <v>7120</v>
      </c>
      <c r="L1860" s="49" t="e">
        <f>VLOOKUP(E1860&amp;F1860,団体コード!$A$1:$C$1743,3,FALSE)</f>
        <v>#N/A</v>
      </c>
      <c r="M1860" s="49" t="e">
        <f>VLOOKUP(E1860&amp;F1860,団体コード!$A$1:$C$1743,2,FALSE)</f>
        <v>#N/A</v>
      </c>
      <c r="N1860" s="51" t="e">
        <f>VLOOKUP(E1860,団体コード!$E$1:$F$48,2,FALSE)</f>
        <v>#N/A</v>
      </c>
      <c r="O1860" s="51" t="e">
        <f t="shared" si="59"/>
        <v>#N/A</v>
      </c>
      <c r="P1860" s="51">
        <v>1</v>
      </c>
      <c r="Q1860" s="51" t="s">
        <v>5341</v>
      </c>
      <c r="R1860" s="54" t="b">
        <v>1</v>
      </c>
      <c r="S1860" s="52" t="s">
        <v>7126</v>
      </c>
      <c r="T1860" s="67" t="s">
        <v>7127</v>
      </c>
      <c r="U1860" s="75" t="s">
        <v>5331</v>
      </c>
      <c r="V1860" s="47" t="s">
        <v>5331</v>
      </c>
      <c r="W1860" s="47" t="s">
        <v>5331</v>
      </c>
      <c r="X1860" s="47" t="s">
        <v>5331</v>
      </c>
      <c r="Y1860" s="47" t="s">
        <v>5331</v>
      </c>
      <c r="Z1860" s="28"/>
      <c r="AA1860" s="27"/>
      <c r="AB1860" s="27"/>
      <c r="AC1860" s="27"/>
      <c r="AD1860" s="30"/>
      <c r="AE1860" s="1"/>
      <c r="AF1860" s="23" t="s">
        <v>5331</v>
      </c>
      <c r="AG1860" s="26"/>
      <c r="AH1860" s="53"/>
    </row>
    <row r="1861" spans="1:34" ht="51.6" customHeight="1" x14ac:dyDescent="0.45">
      <c r="A1861" s="23">
        <v>1855</v>
      </c>
      <c r="B1861" s="25"/>
      <c r="C1861" s="25"/>
      <c r="D1861" s="29"/>
      <c r="E1861" s="1"/>
      <c r="F1861" s="1"/>
      <c r="G1861" s="25"/>
      <c r="H1861" s="71"/>
      <c r="I1861" s="83"/>
      <c r="J1861" s="50" t="str">
        <f t="shared" si="58"/>
        <v/>
      </c>
      <c r="K1861" s="23" t="s">
        <v>7120</v>
      </c>
      <c r="L1861" s="49" t="e">
        <f>VLOOKUP(E1861&amp;F1861,団体コード!$A$1:$C$1743,3,FALSE)</f>
        <v>#N/A</v>
      </c>
      <c r="M1861" s="49" t="e">
        <f>VLOOKUP(E1861&amp;F1861,団体コード!$A$1:$C$1743,2,FALSE)</f>
        <v>#N/A</v>
      </c>
      <c r="N1861" s="51" t="e">
        <f>VLOOKUP(E1861,団体コード!$E$1:$F$48,2,FALSE)</f>
        <v>#N/A</v>
      </c>
      <c r="O1861" s="51" t="e">
        <f t="shared" si="59"/>
        <v>#N/A</v>
      </c>
      <c r="P1861" s="51">
        <v>1</v>
      </c>
      <c r="Q1861" s="51" t="s">
        <v>5341</v>
      </c>
      <c r="R1861" s="54" t="b">
        <v>1</v>
      </c>
      <c r="S1861" s="52" t="s">
        <v>7126</v>
      </c>
      <c r="T1861" s="67" t="s">
        <v>7127</v>
      </c>
      <c r="U1861" s="75" t="s">
        <v>5331</v>
      </c>
      <c r="V1861" s="47" t="s">
        <v>5331</v>
      </c>
      <c r="W1861" s="47" t="s">
        <v>5331</v>
      </c>
      <c r="X1861" s="47" t="s">
        <v>5331</v>
      </c>
      <c r="Y1861" s="47" t="s">
        <v>5331</v>
      </c>
      <c r="Z1861" s="28"/>
      <c r="AA1861" s="27"/>
      <c r="AB1861" s="27"/>
      <c r="AC1861" s="27"/>
      <c r="AD1861" s="30"/>
      <c r="AE1861" s="1"/>
      <c r="AF1861" s="23" t="s">
        <v>5331</v>
      </c>
      <c r="AG1861" s="26"/>
      <c r="AH1861" s="53"/>
    </row>
    <row r="1862" spans="1:34" ht="51.6" customHeight="1" x14ac:dyDescent="0.45">
      <c r="A1862" s="23">
        <v>1856</v>
      </c>
      <c r="B1862" s="25"/>
      <c r="C1862" s="25"/>
      <c r="D1862" s="29"/>
      <c r="E1862" s="1"/>
      <c r="F1862" s="1"/>
      <c r="G1862" s="25"/>
      <c r="H1862" s="71"/>
      <c r="I1862" s="83"/>
      <c r="J1862" s="50" t="str">
        <f t="shared" si="58"/>
        <v/>
      </c>
      <c r="K1862" s="23" t="s">
        <v>7120</v>
      </c>
      <c r="L1862" s="49" t="e">
        <f>VLOOKUP(E1862&amp;F1862,団体コード!$A$1:$C$1743,3,FALSE)</f>
        <v>#N/A</v>
      </c>
      <c r="M1862" s="49" t="e">
        <f>VLOOKUP(E1862&amp;F1862,団体コード!$A$1:$C$1743,2,FALSE)</f>
        <v>#N/A</v>
      </c>
      <c r="N1862" s="51" t="e">
        <f>VLOOKUP(E1862,団体コード!$E$1:$F$48,2,FALSE)</f>
        <v>#N/A</v>
      </c>
      <c r="O1862" s="51" t="e">
        <f t="shared" si="59"/>
        <v>#N/A</v>
      </c>
      <c r="P1862" s="51">
        <v>1</v>
      </c>
      <c r="Q1862" s="51" t="s">
        <v>5341</v>
      </c>
      <c r="R1862" s="54" t="b">
        <v>1</v>
      </c>
      <c r="S1862" s="52" t="s">
        <v>7126</v>
      </c>
      <c r="T1862" s="67" t="s">
        <v>7127</v>
      </c>
      <c r="U1862" s="75" t="s">
        <v>5331</v>
      </c>
      <c r="V1862" s="47" t="s">
        <v>5331</v>
      </c>
      <c r="W1862" s="47" t="s">
        <v>5331</v>
      </c>
      <c r="X1862" s="47" t="s">
        <v>5331</v>
      </c>
      <c r="Y1862" s="47" t="s">
        <v>5331</v>
      </c>
      <c r="Z1862" s="28"/>
      <c r="AA1862" s="27"/>
      <c r="AB1862" s="27"/>
      <c r="AC1862" s="27"/>
      <c r="AD1862" s="30"/>
      <c r="AE1862" s="1"/>
      <c r="AF1862" s="23" t="s">
        <v>5331</v>
      </c>
      <c r="AG1862" s="26"/>
      <c r="AH1862" s="53"/>
    </row>
    <row r="1863" spans="1:34" ht="51.6" customHeight="1" x14ac:dyDescent="0.45">
      <c r="A1863" s="23">
        <v>1857</v>
      </c>
      <c r="B1863" s="25"/>
      <c r="C1863" s="25"/>
      <c r="D1863" s="29"/>
      <c r="E1863" s="1"/>
      <c r="F1863" s="1"/>
      <c r="G1863" s="25"/>
      <c r="H1863" s="71"/>
      <c r="I1863" s="83"/>
      <c r="J1863" s="50" t="str">
        <f t="shared" si="58"/>
        <v/>
      </c>
      <c r="K1863" s="23" t="s">
        <v>7120</v>
      </c>
      <c r="L1863" s="49" t="e">
        <f>VLOOKUP(E1863&amp;F1863,団体コード!$A$1:$C$1743,3,FALSE)</f>
        <v>#N/A</v>
      </c>
      <c r="M1863" s="49" t="e">
        <f>VLOOKUP(E1863&amp;F1863,団体コード!$A$1:$C$1743,2,FALSE)</f>
        <v>#N/A</v>
      </c>
      <c r="N1863" s="51" t="e">
        <f>VLOOKUP(E1863,団体コード!$E$1:$F$48,2,FALSE)</f>
        <v>#N/A</v>
      </c>
      <c r="O1863" s="51" t="e">
        <f t="shared" si="59"/>
        <v>#N/A</v>
      </c>
      <c r="P1863" s="51">
        <v>1</v>
      </c>
      <c r="Q1863" s="51" t="s">
        <v>5341</v>
      </c>
      <c r="R1863" s="54" t="b">
        <v>1</v>
      </c>
      <c r="S1863" s="52" t="s">
        <v>7126</v>
      </c>
      <c r="T1863" s="67" t="s">
        <v>7127</v>
      </c>
      <c r="U1863" s="75" t="s">
        <v>5331</v>
      </c>
      <c r="V1863" s="47" t="s">
        <v>5331</v>
      </c>
      <c r="W1863" s="47" t="s">
        <v>5331</v>
      </c>
      <c r="X1863" s="47" t="s">
        <v>5331</v>
      </c>
      <c r="Y1863" s="47" t="s">
        <v>5331</v>
      </c>
      <c r="Z1863" s="28"/>
      <c r="AA1863" s="27"/>
      <c r="AB1863" s="27"/>
      <c r="AC1863" s="27"/>
      <c r="AD1863" s="30"/>
      <c r="AE1863" s="1"/>
      <c r="AF1863" s="23" t="s">
        <v>5331</v>
      </c>
      <c r="AG1863" s="26"/>
      <c r="AH1863" s="53"/>
    </row>
    <row r="1864" spans="1:34" ht="51.6" customHeight="1" x14ac:dyDescent="0.45">
      <c r="A1864" s="23">
        <v>1858</v>
      </c>
      <c r="B1864" s="25"/>
      <c r="C1864" s="25"/>
      <c r="D1864" s="29"/>
      <c r="E1864" s="1"/>
      <c r="F1864" s="1"/>
      <c r="G1864" s="25"/>
      <c r="H1864" s="71"/>
      <c r="I1864" s="83"/>
      <c r="J1864" s="50" t="str">
        <f t="shared" ref="J1864:J1927" si="60">E1864&amp;F1864&amp;G1864</f>
        <v/>
      </c>
      <c r="K1864" s="23" t="s">
        <v>7120</v>
      </c>
      <c r="L1864" s="49" t="e">
        <f>VLOOKUP(E1864&amp;F1864,団体コード!$A$1:$C$1743,3,FALSE)</f>
        <v>#N/A</v>
      </c>
      <c r="M1864" s="49" t="e">
        <f>VLOOKUP(E1864&amp;F1864,団体コード!$A$1:$C$1743,2,FALSE)</f>
        <v>#N/A</v>
      </c>
      <c r="N1864" s="51" t="e">
        <f>VLOOKUP(E1864,団体コード!$E$1:$F$48,2,FALSE)</f>
        <v>#N/A</v>
      </c>
      <c r="O1864" s="51" t="e">
        <f t="shared" ref="O1864:O1927" si="61">N1864</f>
        <v>#N/A</v>
      </c>
      <c r="P1864" s="51">
        <v>1</v>
      </c>
      <c r="Q1864" s="51" t="s">
        <v>5341</v>
      </c>
      <c r="R1864" s="54" t="b">
        <v>1</v>
      </c>
      <c r="S1864" s="52" t="s">
        <v>7126</v>
      </c>
      <c r="T1864" s="67" t="s">
        <v>7127</v>
      </c>
      <c r="U1864" s="75" t="s">
        <v>5331</v>
      </c>
      <c r="V1864" s="47" t="s">
        <v>5331</v>
      </c>
      <c r="W1864" s="47" t="s">
        <v>5331</v>
      </c>
      <c r="X1864" s="47" t="s">
        <v>5331</v>
      </c>
      <c r="Y1864" s="47" t="s">
        <v>5331</v>
      </c>
      <c r="Z1864" s="28"/>
      <c r="AA1864" s="27"/>
      <c r="AB1864" s="27"/>
      <c r="AC1864" s="27"/>
      <c r="AD1864" s="30"/>
      <c r="AE1864" s="1"/>
      <c r="AF1864" s="23" t="s">
        <v>5331</v>
      </c>
      <c r="AG1864" s="26"/>
      <c r="AH1864" s="53"/>
    </row>
    <row r="1865" spans="1:34" ht="51.6" customHeight="1" x14ac:dyDescent="0.45">
      <c r="A1865" s="23">
        <v>1859</v>
      </c>
      <c r="B1865" s="25"/>
      <c r="C1865" s="25"/>
      <c r="D1865" s="29"/>
      <c r="E1865" s="1"/>
      <c r="F1865" s="1"/>
      <c r="G1865" s="25"/>
      <c r="H1865" s="71"/>
      <c r="I1865" s="83"/>
      <c r="J1865" s="50" t="str">
        <f t="shared" si="60"/>
        <v/>
      </c>
      <c r="K1865" s="23" t="s">
        <v>7120</v>
      </c>
      <c r="L1865" s="49" t="e">
        <f>VLOOKUP(E1865&amp;F1865,団体コード!$A$1:$C$1743,3,FALSE)</f>
        <v>#N/A</v>
      </c>
      <c r="M1865" s="49" t="e">
        <f>VLOOKUP(E1865&amp;F1865,団体コード!$A$1:$C$1743,2,FALSE)</f>
        <v>#N/A</v>
      </c>
      <c r="N1865" s="51" t="e">
        <f>VLOOKUP(E1865,団体コード!$E$1:$F$48,2,FALSE)</f>
        <v>#N/A</v>
      </c>
      <c r="O1865" s="51" t="e">
        <f t="shared" si="61"/>
        <v>#N/A</v>
      </c>
      <c r="P1865" s="51">
        <v>1</v>
      </c>
      <c r="Q1865" s="51" t="s">
        <v>5341</v>
      </c>
      <c r="R1865" s="54" t="b">
        <v>1</v>
      </c>
      <c r="S1865" s="52" t="s">
        <v>7126</v>
      </c>
      <c r="T1865" s="67" t="s">
        <v>7127</v>
      </c>
      <c r="U1865" s="75" t="s">
        <v>5331</v>
      </c>
      <c r="V1865" s="47" t="s">
        <v>5331</v>
      </c>
      <c r="W1865" s="47" t="s">
        <v>5331</v>
      </c>
      <c r="X1865" s="47" t="s">
        <v>5331</v>
      </c>
      <c r="Y1865" s="47" t="s">
        <v>5331</v>
      </c>
      <c r="Z1865" s="28"/>
      <c r="AA1865" s="27"/>
      <c r="AB1865" s="27"/>
      <c r="AC1865" s="27"/>
      <c r="AD1865" s="30"/>
      <c r="AE1865" s="1"/>
      <c r="AF1865" s="23" t="s">
        <v>5331</v>
      </c>
      <c r="AG1865" s="26"/>
      <c r="AH1865" s="53"/>
    </row>
    <row r="1866" spans="1:34" ht="51.6" customHeight="1" x14ac:dyDescent="0.45">
      <c r="A1866" s="23">
        <v>1860</v>
      </c>
      <c r="B1866" s="25"/>
      <c r="C1866" s="25"/>
      <c r="D1866" s="29"/>
      <c r="E1866" s="1"/>
      <c r="F1866" s="1"/>
      <c r="G1866" s="25"/>
      <c r="H1866" s="71"/>
      <c r="I1866" s="83"/>
      <c r="J1866" s="50" t="str">
        <f t="shared" si="60"/>
        <v/>
      </c>
      <c r="K1866" s="23" t="s">
        <v>7120</v>
      </c>
      <c r="L1866" s="49" t="e">
        <f>VLOOKUP(E1866&amp;F1866,団体コード!$A$1:$C$1743,3,FALSE)</f>
        <v>#N/A</v>
      </c>
      <c r="M1866" s="49" t="e">
        <f>VLOOKUP(E1866&amp;F1866,団体コード!$A$1:$C$1743,2,FALSE)</f>
        <v>#N/A</v>
      </c>
      <c r="N1866" s="51" t="e">
        <f>VLOOKUP(E1866,団体コード!$E$1:$F$48,2,FALSE)</f>
        <v>#N/A</v>
      </c>
      <c r="O1866" s="51" t="e">
        <f t="shared" si="61"/>
        <v>#N/A</v>
      </c>
      <c r="P1866" s="51">
        <v>1</v>
      </c>
      <c r="Q1866" s="51" t="s">
        <v>5341</v>
      </c>
      <c r="R1866" s="54" t="b">
        <v>1</v>
      </c>
      <c r="S1866" s="52" t="s">
        <v>7126</v>
      </c>
      <c r="T1866" s="67" t="s">
        <v>7127</v>
      </c>
      <c r="U1866" s="75" t="s">
        <v>5331</v>
      </c>
      <c r="V1866" s="47" t="s">
        <v>5331</v>
      </c>
      <c r="W1866" s="47" t="s">
        <v>5331</v>
      </c>
      <c r="X1866" s="47" t="s">
        <v>5331</v>
      </c>
      <c r="Y1866" s="47" t="s">
        <v>5331</v>
      </c>
      <c r="Z1866" s="28"/>
      <c r="AA1866" s="27"/>
      <c r="AB1866" s="27"/>
      <c r="AC1866" s="27"/>
      <c r="AD1866" s="30"/>
      <c r="AE1866" s="1"/>
      <c r="AF1866" s="23" t="s">
        <v>5331</v>
      </c>
      <c r="AG1866" s="26"/>
      <c r="AH1866" s="53"/>
    </row>
    <row r="1867" spans="1:34" ht="51.6" customHeight="1" x14ac:dyDescent="0.45">
      <c r="A1867" s="23">
        <v>1861</v>
      </c>
      <c r="B1867" s="25"/>
      <c r="C1867" s="25"/>
      <c r="D1867" s="29"/>
      <c r="E1867" s="1"/>
      <c r="F1867" s="1"/>
      <c r="G1867" s="25"/>
      <c r="H1867" s="71"/>
      <c r="I1867" s="83"/>
      <c r="J1867" s="50" t="str">
        <f t="shared" si="60"/>
        <v/>
      </c>
      <c r="K1867" s="23" t="s">
        <v>7120</v>
      </c>
      <c r="L1867" s="49" t="e">
        <f>VLOOKUP(E1867&amp;F1867,団体コード!$A$1:$C$1743,3,FALSE)</f>
        <v>#N/A</v>
      </c>
      <c r="M1867" s="49" t="e">
        <f>VLOOKUP(E1867&amp;F1867,団体コード!$A$1:$C$1743,2,FALSE)</f>
        <v>#N/A</v>
      </c>
      <c r="N1867" s="51" t="e">
        <f>VLOOKUP(E1867,団体コード!$E$1:$F$48,2,FALSE)</f>
        <v>#N/A</v>
      </c>
      <c r="O1867" s="51" t="e">
        <f t="shared" si="61"/>
        <v>#N/A</v>
      </c>
      <c r="P1867" s="51">
        <v>1</v>
      </c>
      <c r="Q1867" s="51" t="s">
        <v>5341</v>
      </c>
      <c r="R1867" s="54" t="b">
        <v>1</v>
      </c>
      <c r="S1867" s="52" t="s">
        <v>7126</v>
      </c>
      <c r="T1867" s="67" t="s">
        <v>7127</v>
      </c>
      <c r="U1867" s="75" t="s">
        <v>5331</v>
      </c>
      <c r="V1867" s="47" t="s">
        <v>5331</v>
      </c>
      <c r="W1867" s="47" t="s">
        <v>5331</v>
      </c>
      <c r="X1867" s="47" t="s">
        <v>5331</v>
      </c>
      <c r="Y1867" s="47" t="s">
        <v>5331</v>
      </c>
      <c r="Z1867" s="28"/>
      <c r="AA1867" s="27"/>
      <c r="AB1867" s="27"/>
      <c r="AC1867" s="27"/>
      <c r="AD1867" s="30"/>
      <c r="AE1867" s="1"/>
      <c r="AF1867" s="23" t="s">
        <v>5331</v>
      </c>
      <c r="AG1867" s="26"/>
      <c r="AH1867" s="53"/>
    </row>
    <row r="1868" spans="1:34" ht="51.6" customHeight="1" x14ac:dyDescent="0.45">
      <c r="A1868" s="23">
        <v>1862</v>
      </c>
      <c r="B1868" s="25"/>
      <c r="C1868" s="25"/>
      <c r="D1868" s="29"/>
      <c r="E1868" s="1"/>
      <c r="F1868" s="1"/>
      <c r="G1868" s="25"/>
      <c r="H1868" s="71"/>
      <c r="I1868" s="83"/>
      <c r="J1868" s="50" t="str">
        <f t="shared" si="60"/>
        <v/>
      </c>
      <c r="K1868" s="23" t="s">
        <v>7120</v>
      </c>
      <c r="L1868" s="49" t="e">
        <f>VLOOKUP(E1868&amp;F1868,団体コード!$A$1:$C$1743,3,FALSE)</f>
        <v>#N/A</v>
      </c>
      <c r="M1868" s="49" t="e">
        <f>VLOOKUP(E1868&amp;F1868,団体コード!$A$1:$C$1743,2,FALSE)</f>
        <v>#N/A</v>
      </c>
      <c r="N1868" s="51" t="e">
        <f>VLOOKUP(E1868,団体コード!$E$1:$F$48,2,FALSE)</f>
        <v>#N/A</v>
      </c>
      <c r="O1868" s="51" t="e">
        <f t="shared" si="61"/>
        <v>#N/A</v>
      </c>
      <c r="P1868" s="51">
        <v>1</v>
      </c>
      <c r="Q1868" s="51" t="s">
        <v>5341</v>
      </c>
      <c r="R1868" s="54" t="b">
        <v>1</v>
      </c>
      <c r="S1868" s="52" t="s">
        <v>7126</v>
      </c>
      <c r="T1868" s="67" t="s">
        <v>7127</v>
      </c>
      <c r="U1868" s="75" t="s">
        <v>5331</v>
      </c>
      <c r="V1868" s="47" t="s">
        <v>5331</v>
      </c>
      <c r="W1868" s="47" t="s">
        <v>5331</v>
      </c>
      <c r="X1868" s="47" t="s">
        <v>5331</v>
      </c>
      <c r="Y1868" s="47" t="s">
        <v>5331</v>
      </c>
      <c r="Z1868" s="28"/>
      <c r="AA1868" s="27"/>
      <c r="AB1868" s="27"/>
      <c r="AC1868" s="27"/>
      <c r="AD1868" s="30"/>
      <c r="AE1868" s="1"/>
      <c r="AF1868" s="23" t="s">
        <v>5331</v>
      </c>
      <c r="AG1868" s="26"/>
      <c r="AH1868" s="53"/>
    </row>
    <row r="1869" spans="1:34" ht="51.6" customHeight="1" x14ac:dyDescent="0.45">
      <c r="A1869" s="23">
        <v>1863</v>
      </c>
      <c r="B1869" s="25"/>
      <c r="C1869" s="25"/>
      <c r="D1869" s="29"/>
      <c r="E1869" s="1"/>
      <c r="F1869" s="1"/>
      <c r="G1869" s="25"/>
      <c r="H1869" s="71"/>
      <c r="I1869" s="83"/>
      <c r="J1869" s="50" t="str">
        <f t="shared" si="60"/>
        <v/>
      </c>
      <c r="K1869" s="23" t="s">
        <v>7120</v>
      </c>
      <c r="L1869" s="49" t="e">
        <f>VLOOKUP(E1869&amp;F1869,団体コード!$A$1:$C$1743,3,FALSE)</f>
        <v>#N/A</v>
      </c>
      <c r="M1869" s="49" t="e">
        <f>VLOOKUP(E1869&amp;F1869,団体コード!$A$1:$C$1743,2,FALSE)</f>
        <v>#N/A</v>
      </c>
      <c r="N1869" s="51" t="e">
        <f>VLOOKUP(E1869,団体コード!$E$1:$F$48,2,FALSE)</f>
        <v>#N/A</v>
      </c>
      <c r="O1869" s="51" t="e">
        <f t="shared" si="61"/>
        <v>#N/A</v>
      </c>
      <c r="P1869" s="51">
        <v>1</v>
      </c>
      <c r="Q1869" s="51" t="s">
        <v>5341</v>
      </c>
      <c r="R1869" s="54" t="b">
        <v>1</v>
      </c>
      <c r="S1869" s="52" t="s">
        <v>7126</v>
      </c>
      <c r="T1869" s="67" t="s">
        <v>7127</v>
      </c>
      <c r="U1869" s="75" t="s">
        <v>5331</v>
      </c>
      <c r="V1869" s="47" t="s">
        <v>5331</v>
      </c>
      <c r="W1869" s="47" t="s">
        <v>5331</v>
      </c>
      <c r="X1869" s="47" t="s">
        <v>5331</v>
      </c>
      <c r="Y1869" s="47" t="s">
        <v>5331</v>
      </c>
      <c r="Z1869" s="28"/>
      <c r="AA1869" s="27"/>
      <c r="AB1869" s="27"/>
      <c r="AC1869" s="27"/>
      <c r="AD1869" s="30"/>
      <c r="AE1869" s="1"/>
      <c r="AF1869" s="23" t="s">
        <v>5331</v>
      </c>
      <c r="AG1869" s="26"/>
      <c r="AH1869" s="53"/>
    </row>
    <row r="1870" spans="1:34" ht="51.6" customHeight="1" x14ac:dyDescent="0.45">
      <c r="A1870" s="23">
        <v>1864</v>
      </c>
      <c r="B1870" s="25"/>
      <c r="C1870" s="25"/>
      <c r="D1870" s="29"/>
      <c r="E1870" s="1"/>
      <c r="F1870" s="1"/>
      <c r="G1870" s="25"/>
      <c r="H1870" s="71"/>
      <c r="I1870" s="83"/>
      <c r="J1870" s="50" t="str">
        <f t="shared" si="60"/>
        <v/>
      </c>
      <c r="K1870" s="23" t="s">
        <v>7120</v>
      </c>
      <c r="L1870" s="49" t="e">
        <f>VLOOKUP(E1870&amp;F1870,団体コード!$A$1:$C$1743,3,FALSE)</f>
        <v>#N/A</v>
      </c>
      <c r="M1870" s="49" t="e">
        <f>VLOOKUP(E1870&amp;F1870,団体コード!$A$1:$C$1743,2,FALSE)</f>
        <v>#N/A</v>
      </c>
      <c r="N1870" s="51" t="e">
        <f>VLOOKUP(E1870,団体コード!$E$1:$F$48,2,FALSE)</f>
        <v>#N/A</v>
      </c>
      <c r="O1870" s="51" t="e">
        <f t="shared" si="61"/>
        <v>#N/A</v>
      </c>
      <c r="P1870" s="51">
        <v>1</v>
      </c>
      <c r="Q1870" s="51" t="s">
        <v>5341</v>
      </c>
      <c r="R1870" s="54" t="b">
        <v>1</v>
      </c>
      <c r="S1870" s="52" t="s">
        <v>7126</v>
      </c>
      <c r="T1870" s="67" t="s">
        <v>7127</v>
      </c>
      <c r="U1870" s="75" t="s">
        <v>5331</v>
      </c>
      <c r="V1870" s="47" t="s">
        <v>5331</v>
      </c>
      <c r="W1870" s="47" t="s">
        <v>5331</v>
      </c>
      <c r="X1870" s="47" t="s">
        <v>5331</v>
      </c>
      <c r="Y1870" s="47" t="s">
        <v>5331</v>
      </c>
      <c r="Z1870" s="28"/>
      <c r="AA1870" s="27"/>
      <c r="AB1870" s="27"/>
      <c r="AC1870" s="27"/>
      <c r="AD1870" s="30"/>
      <c r="AE1870" s="1"/>
      <c r="AF1870" s="23" t="s">
        <v>5331</v>
      </c>
      <c r="AG1870" s="26"/>
      <c r="AH1870" s="53"/>
    </row>
    <row r="1871" spans="1:34" ht="51.6" customHeight="1" x14ac:dyDescent="0.45">
      <c r="A1871" s="23">
        <v>1865</v>
      </c>
      <c r="B1871" s="25"/>
      <c r="C1871" s="25"/>
      <c r="D1871" s="29"/>
      <c r="E1871" s="1"/>
      <c r="F1871" s="1"/>
      <c r="G1871" s="25"/>
      <c r="H1871" s="71"/>
      <c r="I1871" s="83"/>
      <c r="J1871" s="50" t="str">
        <f t="shared" si="60"/>
        <v/>
      </c>
      <c r="K1871" s="23" t="s">
        <v>7120</v>
      </c>
      <c r="L1871" s="49" t="e">
        <f>VLOOKUP(E1871&amp;F1871,団体コード!$A$1:$C$1743,3,FALSE)</f>
        <v>#N/A</v>
      </c>
      <c r="M1871" s="49" t="e">
        <f>VLOOKUP(E1871&amp;F1871,団体コード!$A$1:$C$1743,2,FALSE)</f>
        <v>#N/A</v>
      </c>
      <c r="N1871" s="51" t="e">
        <f>VLOOKUP(E1871,団体コード!$E$1:$F$48,2,FALSE)</f>
        <v>#N/A</v>
      </c>
      <c r="O1871" s="51" t="e">
        <f t="shared" si="61"/>
        <v>#N/A</v>
      </c>
      <c r="P1871" s="51">
        <v>1</v>
      </c>
      <c r="Q1871" s="51" t="s">
        <v>5341</v>
      </c>
      <c r="R1871" s="54" t="b">
        <v>1</v>
      </c>
      <c r="S1871" s="52" t="s">
        <v>7126</v>
      </c>
      <c r="T1871" s="67" t="s">
        <v>7127</v>
      </c>
      <c r="U1871" s="75" t="s">
        <v>5331</v>
      </c>
      <c r="V1871" s="47" t="s">
        <v>5331</v>
      </c>
      <c r="W1871" s="47" t="s">
        <v>5331</v>
      </c>
      <c r="X1871" s="47" t="s">
        <v>5331</v>
      </c>
      <c r="Y1871" s="47" t="s">
        <v>5331</v>
      </c>
      <c r="Z1871" s="28"/>
      <c r="AA1871" s="27"/>
      <c r="AB1871" s="27"/>
      <c r="AC1871" s="27"/>
      <c r="AD1871" s="30"/>
      <c r="AE1871" s="1"/>
      <c r="AF1871" s="23" t="s">
        <v>5331</v>
      </c>
      <c r="AG1871" s="26"/>
      <c r="AH1871" s="53"/>
    </row>
    <row r="1872" spans="1:34" ht="51.6" customHeight="1" x14ac:dyDescent="0.45">
      <c r="A1872" s="23">
        <v>1866</v>
      </c>
      <c r="B1872" s="25"/>
      <c r="C1872" s="25"/>
      <c r="D1872" s="29"/>
      <c r="E1872" s="1"/>
      <c r="F1872" s="1"/>
      <c r="G1872" s="25"/>
      <c r="H1872" s="71"/>
      <c r="I1872" s="83"/>
      <c r="J1872" s="50" t="str">
        <f t="shared" si="60"/>
        <v/>
      </c>
      <c r="K1872" s="23" t="s">
        <v>7120</v>
      </c>
      <c r="L1872" s="49" t="e">
        <f>VLOOKUP(E1872&amp;F1872,団体コード!$A$1:$C$1743,3,FALSE)</f>
        <v>#N/A</v>
      </c>
      <c r="M1872" s="49" t="e">
        <f>VLOOKUP(E1872&amp;F1872,団体コード!$A$1:$C$1743,2,FALSE)</f>
        <v>#N/A</v>
      </c>
      <c r="N1872" s="51" t="e">
        <f>VLOOKUP(E1872,団体コード!$E$1:$F$48,2,FALSE)</f>
        <v>#N/A</v>
      </c>
      <c r="O1872" s="51" t="e">
        <f t="shared" si="61"/>
        <v>#N/A</v>
      </c>
      <c r="P1872" s="51">
        <v>1</v>
      </c>
      <c r="Q1872" s="51" t="s">
        <v>5341</v>
      </c>
      <c r="R1872" s="54" t="b">
        <v>1</v>
      </c>
      <c r="S1872" s="52" t="s">
        <v>7126</v>
      </c>
      <c r="T1872" s="67" t="s">
        <v>7127</v>
      </c>
      <c r="U1872" s="75" t="s">
        <v>5331</v>
      </c>
      <c r="V1872" s="47" t="s">
        <v>5331</v>
      </c>
      <c r="W1872" s="47" t="s">
        <v>5331</v>
      </c>
      <c r="X1872" s="47" t="s">
        <v>5331</v>
      </c>
      <c r="Y1872" s="47" t="s">
        <v>5331</v>
      </c>
      <c r="Z1872" s="28"/>
      <c r="AA1872" s="27"/>
      <c r="AB1872" s="27"/>
      <c r="AC1872" s="27"/>
      <c r="AD1872" s="30"/>
      <c r="AE1872" s="1"/>
      <c r="AF1872" s="23" t="s">
        <v>5331</v>
      </c>
      <c r="AG1872" s="26"/>
      <c r="AH1872" s="53"/>
    </row>
    <row r="1873" spans="1:34" ht="51.6" customHeight="1" x14ac:dyDescent="0.45">
      <c r="A1873" s="23">
        <v>1867</v>
      </c>
      <c r="B1873" s="25"/>
      <c r="C1873" s="25"/>
      <c r="D1873" s="29"/>
      <c r="E1873" s="1"/>
      <c r="F1873" s="1"/>
      <c r="G1873" s="25"/>
      <c r="H1873" s="71"/>
      <c r="I1873" s="83"/>
      <c r="J1873" s="50" t="str">
        <f t="shared" si="60"/>
        <v/>
      </c>
      <c r="K1873" s="23" t="s">
        <v>7120</v>
      </c>
      <c r="L1873" s="49" t="e">
        <f>VLOOKUP(E1873&amp;F1873,団体コード!$A$1:$C$1743,3,FALSE)</f>
        <v>#N/A</v>
      </c>
      <c r="M1873" s="49" t="e">
        <f>VLOOKUP(E1873&amp;F1873,団体コード!$A$1:$C$1743,2,FALSE)</f>
        <v>#N/A</v>
      </c>
      <c r="N1873" s="51" t="e">
        <f>VLOOKUP(E1873,団体コード!$E$1:$F$48,2,FALSE)</f>
        <v>#N/A</v>
      </c>
      <c r="O1873" s="51" t="e">
        <f t="shared" si="61"/>
        <v>#N/A</v>
      </c>
      <c r="P1873" s="51">
        <v>1</v>
      </c>
      <c r="Q1873" s="51" t="s">
        <v>5341</v>
      </c>
      <c r="R1873" s="54" t="b">
        <v>1</v>
      </c>
      <c r="S1873" s="52" t="s">
        <v>7126</v>
      </c>
      <c r="T1873" s="67" t="s">
        <v>7127</v>
      </c>
      <c r="U1873" s="75" t="s">
        <v>5331</v>
      </c>
      <c r="V1873" s="47" t="s">
        <v>5331</v>
      </c>
      <c r="W1873" s="47" t="s">
        <v>5331</v>
      </c>
      <c r="X1873" s="47" t="s">
        <v>5331</v>
      </c>
      <c r="Y1873" s="47" t="s">
        <v>5331</v>
      </c>
      <c r="Z1873" s="28"/>
      <c r="AA1873" s="27"/>
      <c r="AB1873" s="27"/>
      <c r="AC1873" s="27"/>
      <c r="AD1873" s="30"/>
      <c r="AE1873" s="1"/>
      <c r="AF1873" s="23" t="s">
        <v>5331</v>
      </c>
      <c r="AG1873" s="26"/>
      <c r="AH1873" s="53"/>
    </row>
    <row r="1874" spans="1:34" ht="51.6" customHeight="1" x14ac:dyDescent="0.45">
      <c r="A1874" s="23">
        <v>1868</v>
      </c>
      <c r="B1874" s="25"/>
      <c r="C1874" s="25"/>
      <c r="D1874" s="29"/>
      <c r="E1874" s="1"/>
      <c r="F1874" s="1"/>
      <c r="G1874" s="25"/>
      <c r="H1874" s="71"/>
      <c r="I1874" s="83"/>
      <c r="J1874" s="50" t="str">
        <f t="shared" si="60"/>
        <v/>
      </c>
      <c r="K1874" s="23" t="s">
        <v>7120</v>
      </c>
      <c r="L1874" s="49" t="e">
        <f>VLOOKUP(E1874&amp;F1874,団体コード!$A$1:$C$1743,3,FALSE)</f>
        <v>#N/A</v>
      </c>
      <c r="M1874" s="49" t="e">
        <f>VLOOKUP(E1874&amp;F1874,団体コード!$A$1:$C$1743,2,FALSE)</f>
        <v>#N/A</v>
      </c>
      <c r="N1874" s="51" t="e">
        <f>VLOOKUP(E1874,団体コード!$E$1:$F$48,2,FALSE)</f>
        <v>#N/A</v>
      </c>
      <c r="O1874" s="51" t="e">
        <f t="shared" si="61"/>
        <v>#N/A</v>
      </c>
      <c r="P1874" s="51">
        <v>1</v>
      </c>
      <c r="Q1874" s="51" t="s">
        <v>5341</v>
      </c>
      <c r="R1874" s="54" t="b">
        <v>1</v>
      </c>
      <c r="S1874" s="52" t="s">
        <v>7126</v>
      </c>
      <c r="T1874" s="67" t="s">
        <v>7127</v>
      </c>
      <c r="U1874" s="75" t="s">
        <v>5331</v>
      </c>
      <c r="V1874" s="47" t="s">
        <v>5331</v>
      </c>
      <c r="W1874" s="47" t="s">
        <v>5331</v>
      </c>
      <c r="X1874" s="47" t="s">
        <v>5331</v>
      </c>
      <c r="Y1874" s="47" t="s">
        <v>5331</v>
      </c>
      <c r="Z1874" s="28"/>
      <c r="AA1874" s="27"/>
      <c r="AB1874" s="27"/>
      <c r="AC1874" s="27"/>
      <c r="AD1874" s="30"/>
      <c r="AE1874" s="1"/>
      <c r="AF1874" s="23" t="s">
        <v>5331</v>
      </c>
      <c r="AG1874" s="26"/>
      <c r="AH1874" s="53"/>
    </row>
    <row r="1875" spans="1:34" ht="51.6" customHeight="1" x14ac:dyDescent="0.45">
      <c r="A1875" s="23">
        <v>1869</v>
      </c>
      <c r="B1875" s="25"/>
      <c r="C1875" s="25"/>
      <c r="D1875" s="29"/>
      <c r="E1875" s="1"/>
      <c r="F1875" s="1"/>
      <c r="G1875" s="25"/>
      <c r="H1875" s="71"/>
      <c r="I1875" s="83"/>
      <c r="J1875" s="50" t="str">
        <f t="shared" si="60"/>
        <v/>
      </c>
      <c r="K1875" s="23" t="s">
        <v>7120</v>
      </c>
      <c r="L1875" s="49" t="e">
        <f>VLOOKUP(E1875&amp;F1875,団体コード!$A$1:$C$1743,3,FALSE)</f>
        <v>#N/A</v>
      </c>
      <c r="M1875" s="49" t="e">
        <f>VLOOKUP(E1875&amp;F1875,団体コード!$A$1:$C$1743,2,FALSE)</f>
        <v>#N/A</v>
      </c>
      <c r="N1875" s="51" t="e">
        <f>VLOOKUP(E1875,団体コード!$E$1:$F$48,2,FALSE)</f>
        <v>#N/A</v>
      </c>
      <c r="O1875" s="51" t="e">
        <f t="shared" si="61"/>
        <v>#N/A</v>
      </c>
      <c r="P1875" s="51">
        <v>1</v>
      </c>
      <c r="Q1875" s="51" t="s">
        <v>5341</v>
      </c>
      <c r="R1875" s="54" t="b">
        <v>1</v>
      </c>
      <c r="S1875" s="52" t="s">
        <v>7126</v>
      </c>
      <c r="T1875" s="67" t="s">
        <v>7127</v>
      </c>
      <c r="U1875" s="75" t="s">
        <v>5331</v>
      </c>
      <c r="V1875" s="47" t="s">
        <v>5331</v>
      </c>
      <c r="W1875" s="47" t="s">
        <v>5331</v>
      </c>
      <c r="X1875" s="47" t="s">
        <v>5331</v>
      </c>
      <c r="Y1875" s="47" t="s">
        <v>5331</v>
      </c>
      <c r="Z1875" s="28"/>
      <c r="AA1875" s="27"/>
      <c r="AB1875" s="27"/>
      <c r="AC1875" s="27"/>
      <c r="AD1875" s="30"/>
      <c r="AE1875" s="1"/>
      <c r="AF1875" s="23" t="s">
        <v>5331</v>
      </c>
      <c r="AG1875" s="26"/>
      <c r="AH1875" s="53"/>
    </row>
    <row r="1876" spans="1:34" ht="51.6" customHeight="1" x14ac:dyDescent="0.45">
      <c r="A1876" s="23">
        <v>1870</v>
      </c>
      <c r="B1876" s="25"/>
      <c r="C1876" s="25"/>
      <c r="D1876" s="29"/>
      <c r="E1876" s="1"/>
      <c r="F1876" s="1"/>
      <c r="G1876" s="25"/>
      <c r="H1876" s="71"/>
      <c r="I1876" s="83"/>
      <c r="J1876" s="50" t="str">
        <f t="shared" si="60"/>
        <v/>
      </c>
      <c r="K1876" s="23" t="s">
        <v>7120</v>
      </c>
      <c r="L1876" s="49" t="e">
        <f>VLOOKUP(E1876&amp;F1876,団体コード!$A$1:$C$1743,3,FALSE)</f>
        <v>#N/A</v>
      </c>
      <c r="M1876" s="49" t="e">
        <f>VLOOKUP(E1876&amp;F1876,団体コード!$A$1:$C$1743,2,FALSE)</f>
        <v>#N/A</v>
      </c>
      <c r="N1876" s="51" t="e">
        <f>VLOOKUP(E1876,団体コード!$E$1:$F$48,2,FALSE)</f>
        <v>#N/A</v>
      </c>
      <c r="O1876" s="51" t="e">
        <f t="shared" si="61"/>
        <v>#N/A</v>
      </c>
      <c r="P1876" s="51">
        <v>1</v>
      </c>
      <c r="Q1876" s="51" t="s">
        <v>5341</v>
      </c>
      <c r="R1876" s="54" t="b">
        <v>1</v>
      </c>
      <c r="S1876" s="52" t="s">
        <v>7126</v>
      </c>
      <c r="T1876" s="67" t="s">
        <v>7127</v>
      </c>
      <c r="U1876" s="75" t="s">
        <v>5331</v>
      </c>
      <c r="V1876" s="47" t="s">
        <v>5331</v>
      </c>
      <c r="W1876" s="47" t="s">
        <v>5331</v>
      </c>
      <c r="X1876" s="47" t="s">
        <v>5331</v>
      </c>
      <c r="Y1876" s="47" t="s">
        <v>5331</v>
      </c>
      <c r="Z1876" s="28"/>
      <c r="AA1876" s="27"/>
      <c r="AB1876" s="27"/>
      <c r="AC1876" s="27"/>
      <c r="AD1876" s="30"/>
      <c r="AE1876" s="1"/>
      <c r="AF1876" s="23" t="s">
        <v>5331</v>
      </c>
      <c r="AG1876" s="26"/>
      <c r="AH1876" s="53"/>
    </row>
    <row r="1877" spans="1:34" ht="51.6" customHeight="1" x14ac:dyDescent="0.45">
      <c r="A1877" s="23">
        <v>1871</v>
      </c>
      <c r="B1877" s="25"/>
      <c r="C1877" s="25"/>
      <c r="D1877" s="29"/>
      <c r="E1877" s="1"/>
      <c r="F1877" s="1"/>
      <c r="G1877" s="25"/>
      <c r="H1877" s="71"/>
      <c r="I1877" s="83"/>
      <c r="J1877" s="50" t="str">
        <f t="shared" si="60"/>
        <v/>
      </c>
      <c r="K1877" s="23" t="s">
        <v>7120</v>
      </c>
      <c r="L1877" s="49" t="e">
        <f>VLOOKUP(E1877&amp;F1877,団体コード!$A$1:$C$1743,3,FALSE)</f>
        <v>#N/A</v>
      </c>
      <c r="M1877" s="49" t="e">
        <f>VLOOKUP(E1877&amp;F1877,団体コード!$A$1:$C$1743,2,FALSE)</f>
        <v>#N/A</v>
      </c>
      <c r="N1877" s="51" t="e">
        <f>VLOOKUP(E1877,団体コード!$E$1:$F$48,2,FALSE)</f>
        <v>#N/A</v>
      </c>
      <c r="O1877" s="51" t="e">
        <f t="shared" si="61"/>
        <v>#N/A</v>
      </c>
      <c r="P1877" s="51">
        <v>1</v>
      </c>
      <c r="Q1877" s="51" t="s">
        <v>5341</v>
      </c>
      <c r="R1877" s="54" t="b">
        <v>1</v>
      </c>
      <c r="S1877" s="52" t="s">
        <v>7126</v>
      </c>
      <c r="T1877" s="67" t="s">
        <v>7127</v>
      </c>
      <c r="U1877" s="75" t="s">
        <v>5331</v>
      </c>
      <c r="V1877" s="47" t="s">
        <v>5331</v>
      </c>
      <c r="W1877" s="47" t="s">
        <v>5331</v>
      </c>
      <c r="X1877" s="47" t="s">
        <v>5331</v>
      </c>
      <c r="Y1877" s="47" t="s">
        <v>5331</v>
      </c>
      <c r="Z1877" s="28"/>
      <c r="AA1877" s="27"/>
      <c r="AB1877" s="27"/>
      <c r="AC1877" s="27"/>
      <c r="AD1877" s="30"/>
      <c r="AE1877" s="1"/>
      <c r="AF1877" s="23" t="s">
        <v>5331</v>
      </c>
      <c r="AG1877" s="26"/>
      <c r="AH1877" s="53"/>
    </row>
    <row r="1878" spans="1:34" ht="51.6" customHeight="1" x14ac:dyDescent="0.45">
      <c r="A1878" s="23">
        <v>1872</v>
      </c>
      <c r="B1878" s="25"/>
      <c r="C1878" s="25"/>
      <c r="D1878" s="29"/>
      <c r="E1878" s="1"/>
      <c r="F1878" s="1"/>
      <c r="G1878" s="25"/>
      <c r="H1878" s="71"/>
      <c r="I1878" s="83"/>
      <c r="J1878" s="50" t="str">
        <f t="shared" si="60"/>
        <v/>
      </c>
      <c r="K1878" s="23" t="s">
        <v>7120</v>
      </c>
      <c r="L1878" s="49" t="e">
        <f>VLOOKUP(E1878&amp;F1878,団体コード!$A$1:$C$1743,3,FALSE)</f>
        <v>#N/A</v>
      </c>
      <c r="M1878" s="49" t="e">
        <f>VLOOKUP(E1878&amp;F1878,団体コード!$A$1:$C$1743,2,FALSE)</f>
        <v>#N/A</v>
      </c>
      <c r="N1878" s="51" t="e">
        <f>VLOOKUP(E1878,団体コード!$E$1:$F$48,2,FALSE)</f>
        <v>#N/A</v>
      </c>
      <c r="O1878" s="51" t="e">
        <f t="shared" si="61"/>
        <v>#N/A</v>
      </c>
      <c r="P1878" s="51">
        <v>1</v>
      </c>
      <c r="Q1878" s="51" t="s">
        <v>5341</v>
      </c>
      <c r="R1878" s="54" t="b">
        <v>1</v>
      </c>
      <c r="S1878" s="52" t="s">
        <v>7126</v>
      </c>
      <c r="T1878" s="67" t="s">
        <v>7127</v>
      </c>
      <c r="U1878" s="75" t="s">
        <v>5331</v>
      </c>
      <c r="V1878" s="47" t="s">
        <v>5331</v>
      </c>
      <c r="W1878" s="47" t="s">
        <v>5331</v>
      </c>
      <c r="X1878" s="47" t="s">
        <v>5331</v>
      </c>
      <c r="Y1878" s="47" t="s">
        <v>5331</v>
      </c>
      <c r="Z1878" s="28"/>
      <c r="AA1878" s="27"/>
      <c r="AB1878" s="27"/>
      <c r="AC1878" s="27"/>
      <c r="AD1878" s="30"/>
      <c r="AE1878" s="1"/>
      <c r="AF1878" s="23" t="s">
        <v>5331</v>
      </c>
      <c r="AG1878" s="26"/>
      <c r="AH1878" s="53"/>
    </row>
    <row r="1879" spans="1:34" ht="51.6" customHeight="1" x14ac:dyDescent="0.45">
      <c r="A1879" s="23">
        <v>1873</v>
      </c>
      <c r="B1879" s="25"/>
      <c r="C1879" s="25"/>
      <c r="D1879" s="29"/>
      <c r="E1879" s="1"/>
      <c r="F1879" s="1"/>
      <c r="G1879" s="25"/>
      <c r="H1879" s="71"/>
      <c r="I1879" s="83"/>
      <c r="J1879" s="50" t="str">
        <f t="shared" si="60"/>
        <v/>
      </c>
      <c r="K1879" s="23" t="s">
        <v>7120</v>
      </c>
      <c r="L1879" s="49" t="e">
        <f>VLOOKUP(E1879&amp;F1879,団体コード!$A$1:$C$1743,3,FALSE)</f>
        <v>#N/A</v>
      </c>
      <c r="M1879" s="49" t="e">
        <f>VLOOKUP(E1879&amp;F1879,団体コード!$A$1:$C$1743,2,FALSE)</f>
        <v>#N/A</v>
      </c>
      <c r="N1879" s="51" t="e">
        <f>VLOOKUP(E1879,団体コード!$E$1:$F$48,2,FALSE)</f>
        <v>#N/A</v>
      </c>
      <c r="O1879" s="51" t="e">
        <f t="shared" si="61"/>
        <v>#N/A</v>
      </c>
      <c r="P1879" s="51">
        <v>1</v>
      </c>
      <c r="Q1879" s="51" t="s">
        <v>5341</v>
      </c>
      <c r="R1879" s="54" t="b">
        <v>1</v>
      </c>
      <c r="S1879" s="52" t="s">
        <v>7126</v>
      </c>
      <c r="T1879" s="67" t="s">
        <v>7127</v>
      </c>
      <c r="U1879" s="75" t="s">
        <v>5331</v>
      </c>
      <c r="V1879" s="47" t="s">
        <v>5331</v>
      </c>
      <c r="W1879" s="47" t="s">
        <v>5331</v>
      </c>
      <c r="X1879" s="47" t="s">
        <v>5331</v>
      </c>
      <c r="Y1879" s="47" t="s">
        <v>5331</v>
      </c>
      <c r="Z1879" s="28"/>
      <c r="AA1879" s="27"/>
      <c r="AB1879" s="27"/>
      <c r="AC1879" s="27"/>
      <c r="AD1879" s="30"/>
      <c r="AE1879" s="1"/>
      <c r="AF1879" s="23" t="s">
        <v>5331</v>
      </c>
      <c r="AG1879" s="26"/>
      <c r="AH1879" s="53"/>
    </row>
    <row r="1880" spans="1:34" ht="51.6" customHeight="1" x14ac:dyDescent="0.45">
      <c r="A1880" s="23">
        <v>1874</v>
      </c>
      <c r="B1880" s="25"/>
      <c r="C1880" s="25"/>
      <c r="D1880" s="29"/>
      <c r="E1880" s="1"/>
      <c r="F1880" s="1"/>
      <c r="G1880" s="25"/>
      <c r="H1880" s="71"/>
      <c r="I1880" s="83"/>
      <c r="J1880" s="50" t="str">
        <f t="shared" si="60"/>
        <v/>
      </c>
      <c r="K1880" s="23" t="s">
        <v>7120</v>
      </c>
      <c r="L1880" s="49" t="e">
        <f>VLOOKUP(E1880&amp;F1880,団体コード!$A$1:$C$1743,3,FALSE)</f>
        <v>#N/A</v>
      </c>
      <c r="M1880" s="49" t="e">
        <f>VLOOKUP(E1880&amp;F1880,団体コード!$A$1:$C$1743,2,FALSE)</f>
        <v>#N/A</v>
      </c>
      <c r="N1880" s="51" t="e">
        <f>VLOOKUP(E1880,団体コード!$E$1:$F$48,2,FALSE)</f>
        <v>#N/A</v>
      </c>
      <c r="O1880" s="51" t="e">
        <f t="shared" si="61"/>
        <v>#N/A</v>
      </c>
      <c r="P1880" s="51">
        <v>1</v>
      </c>
      <c r="Q1880" s="51" t="s">
        <v>5341</v>
      </c>
      <c r="R1880" s="54" t="b">
        <v>1</v>
      </c>
      <c r="S1880" s="52" t="s">
        <v>7126</v>
      </c>
      <c r="T1880" s="67" t="s">
        <v>7127</v>
      </c>
      <c r="U1880" s="75" t="s">
        <v>5331</v>
      </c>
      <c r="V1880" s="47" t="s">
        <v>5331</v>
      </c>
      <c r="W1880" s="47" t="s">
        <v>5331</v>
      </c>
      <c r="X1880" s="47" t="s">
        <v>5331</v>
      </c>
      <c r="Y1880" s="47" t="s">
        <v>5331</v>
      </c>
      <c r="Z1880" s="28"/>
      <c r="AA1880" s="27"/>
      <c r="AB1880" s="27"/>
      <c r="AC1880" s="27"/>
      <c r="AD1880" s="30"/>
      <c r="AE1880" s="1"/>
      <c r="AF1880" s="23" t="s">
        <v>5331</v>
      </c>
      <c r="AG1880" s="26"/>
      <c r="AH1880" s="53"/>
    </row>
    <row r="1881" spans="1:34" ht="51.6" customHeight="1" x14ac:dyDescent="0.45">
      <c r="A1881" s="23">
        <v>1875</v>
      </c>
      <c r="B1881" s="25"/>
      <c r="C1881" s="25"/>
      <c r="D1881" s="29"/>
      <c r="E1881" s="1"/>
      <c r="F1881" s="1"/>
      <c r="G1881" s="25"/>
      <c r="H1881" s="71"/>
      <c r="I1881" s="83"/>
      <c r="J1881" s="50" t="str">
        <f t="shared" si="60"/>
        <v/>
      </c>
      <c r="K1881" s="23" t="s">
        <v>7120</v>
      </c>
      <c r="L1881" s="49" t="e">
        <f>VLOOKUP(E1881&amp;F1881,団体コード!$A$1:$C$1743,3,FALSE)</f>
        <v>#N/A</v>
      </c>
      <c r="M1881" s="49" t="e">
        <f>VLOOKUP(E1881&amp;F1881,団体コード!$A$1:$C$1743,2,FALSE)</f>
        <v>#N/A</v>
      </c>
      <c r="N1881" s="51" t="e">
        <f>VLOOKUP(E1881,団体コード!$E$1:$F$48,2,FALSE)</f>
        <v>#N/A</v>
      </c>
      <c r="O1881" s="51" t="e">
        <f t="shared" si="61"/>
        <v>#N/A</v>
      </c>
      <c r="P1881" s="51">
        <v>1</v>
      </c>
      <c r="Q1881" s="51" t="s">
        <v>5341</v>
      </c>
      <c r="R1881" s="54" t="b">
        <v>1</v>
      </c>
      <c r="S1881" s="52" t="s">
        <v>7126</v>
      </c>
      <c r="T1881" s="67" t="s">
        <v>7127</v>
      </c>
      <c r="U1881" s="75" t="s">
        <v>5331</v>
      </c>
      <c r="V1881" s="47" t="s">
        <v>5331</v>
      </c>
      <c r="W1881" s="47" t="s">
        <v>5331</v>
      </c>
      <c r="X1881" s="47" t="s">
        <v>5331</v>
      </c>
      <c r="Y1881" s="47" t="s">
        <v>5331</v>
      </c>
      <c r="Z1881" s="28"/>
      <c r="AA1881" s="27"/>
      <c r="AB1881" s="27"/>
      <c r="AC1881" s="27"/>
      <c r="AD1881" s="30"/>
      <c r="AE1881" s="1"/>
      <c r="AF1881" s="23" t="s">
        <v>5331</v>
      </c>
      <c r="AG1881" s="26"/>
      <c r="AH1881" s="53"/>
    </row>
    <row r="1882" spans="1:34" ht="51.6" customHeight="1" x14ac:dyDescent="0.45">
      <c r="A1882" s="23">
        <v>1876</v>
      </c>
      <c r="B1882" s="25"/>
      <c r="C1882" s="25"/>
      <c r="D1882" s="29"/>
      <c r="E1882" s="1"/>
      <c r="F1882" s="1"/>
      <c r="G1882" s="25"/>
      <c r="H1882" s="71"/>
      <c r="I1882" s="83"/>
      <c r="J1882" s="50" t="str">
        <f t="shared" si="60"/>
        <v/>
      </c>
      <c r="K1882" s="23" t="s">
        <v>7120</v>
      </c>
      <c r="L1882" s="49" t="e">
        <f>VLOOKUP(E1882&amp;F1882,団体コード!$A$1:$C$1743,3,FALSE)</f>
        <v>#N/A</v>
      </c>
      <c r="M1882" s="49" t="e">
        <f>VLOOKUP(E1882&amp;F1882,団体コード!$A$1:$C$1743,2,FALSE)</f>
        <v>#N/A</v>
      </c>
      <c r="N1882" s="51" t="e">
        <f>VLOOKUP(E1882,団体コード!$E$1:$F$48,2,FALSE)</f>
        <v>#N/A</v>
      </c>
      <c r="O1882" s="51" t="e">
        <f t="shared" si="61"/>
        <v>#N/A</v>
      </c>
      <c r="P1882" s="51">
        <v>1</v>
      </c>
      <c r="Q1882" s="51" t="s">
        <v>5341</v>
      </c>
      <c r="R1882" s="54" t="b">
        <v>1</v>
      </c>
      <c r="S1882" s="52" t="s">
        <v>7126</v>
      </c>
      <c r="T1882" s="67" t="s">
        <v>7127</v>
      </c>
      <c r="U1882" s="75" t="s">
        <v>5331</v>
      </c>
      <c r="V1882" s="47" t="s">
        <v>5331</v>
      </c>
      <c r="W1882" s="47" t="s">
        <v>5331</v>
      </c>
      <c r="X1882" s="47" t="s">
        <v>5331</v>
      </c>
      <c r="Y1882" s="47" t="s">
        <v>5331</v>
      </c>
      <c r="Z1882" s="28"/>
      <c r="AA1882" s="27"/>
      <c r="AB1882" s="27"/>
      <c r="AC1882" s="27"/>
      <c r="AD1882" s="30"/>
      <c r="AE1882" s="1"/>
      <c r="AF1882" s="23" t="s">
        <v>5331</v>
      </c>
      <c r="AG1882" s="26"/>
      <c r="AH1882" s="53"/>
    </row>
    <row r="1883" spans="1:34" ht="51.6" customHeight="1" x14ac:dyDescent="0.45">
      <c r="A1883" s="23">
        <v>1877</v>
      </c>
      <c r="B1883" s="25"/>
      <c r="C1883" s="25"/>
      <c r="D1883" s="29"/>
      <c r="E1883" s="1"/>
      <c r="F1883" s="1"/>
      <c r="G1883" s="25"/>
      <c r="H1883" s="71"/>
      <c r="I1883" s="83"/>
      <c r="J1883" s="50" t="str">
        <f t="shared" si="60"/>
        <v/>
      </c>
      <c r="K1883" s="23" t="s">
        <v>7120</v>
      </c>
      <c r="L1883" s="49" t="e">
        <f>VLOOKUP(E1883&amp;F1883,団体コード!$A$1:$C$1743,3,FALSE)</f>
        <v>#N/A</v>
      </c>
      <c r="M1883" s="49" t="e">
        <f>VLOOKUP(E1883&amp;F1883,団体コード!$A$1:$C$1743,2,FALSE)</f>
        <v>#N/A</v>
      </c>
      <c r="N1883" s="51" t="e">
        <f>VLOOKUP(E1883,団体コード!$E$1:$F$48,2,FALSE)</f>
        <v>#N/A</v>
      </c>
      <c r="O1883" s="51" t="e">
        <f t="shared" si="61"/>
        <v>#N/A</v>
      </c>
      <c r="P1883" s="51">
        <v>1</v>
      </c>
      <c r="Q1883" s="51" t="s">
        <v>5341</v>
      </c>
      <c r="R1883" s="54" t="b">
        <v>1</v>
      </c>
      <c r="S1883" s="52" t="s">
        <v>7126</v>
      </c>
      <c r="T1883" s="67" t="s">
        <v>7127</v>
      </c>
      <c r="U1883" s="75" t="s">
        <v>5331</v>
      </c>
      <c r="V1883" s="47" t="s">
        <v>5331</v>
      </c>
      <c r="W1883" s="47" t="s">
        <v>5331</v>
      </c>
      <c r="X1883" s="47" t="s">
        <v>5331</v>
      </c>
      <c r="Y1883" s="47" t="s">
        <v>5331</v>
      </c>
      <c r="Z1883" s="28"/>
      <c r="AA1883" s="27"/>
      <c r="AB1883" s="27"/>
      <c r="AC1883" s="27"/>
      <c r="AD1883" s="30"/>
      <c r="AE1883" s="1"/>
      <c r="AF1883" s="23" t="s">
        <v>5331</v>
      </c>
      <c r="AG1883" s="26"/>
      <c r="AH1883" s="53"/>
    </row>
    <row r="1884" spans="1:34" ht="51.6" customHeight="1" x14ac:dyDescent="0.45">
      <c r="A1884" s="23">
        <v>1878</v>
      </c>
      <c r="B1884" s="25"/>
      <c r="C1884" s="25"/>
      <c r="D1884" s="29"/>
      <c r="E1884" s="1"/>
      <c r="F1884" s="1"/>
      <c r="G1884" s="25"/>
      <c r="H1884" s="71"/>
      <c r="I1884" s="83"/>
      <c r="J1884" s="50" t="str">
        <f t="shared" si="60"/>
        <v/>
      </c>
      <c r="K1884" s="23" t="s">
        <v>7120</v>
      </c>
      <c r="L1884" s="49" t="e">
        <f>VLOOKUP(E1884&amp;F1884,団体コード!$A$1:$C$1743,3,FALSE)</f>
        <v>#N/A</v>
      </c>
      <c r="M1884" s="49" t="e">
        <f>VLOOKUP(E1884&amp;F1884,団体コード!$A$1:$C$1743,2,FALSE)</f>
        <v>#N/A</v>
      </c>
      <c r="N1884" s="51" t="e">
        <f>VLOOKUP(E1884,団体コード!$E$1:$F$48,2,FALSE)</f>
        <v>#N/A</v>
      </c>
      <c r="O1884" s="51" t="e">
        <f t="shared" si="61"/>
        <v>#N/A</v>
      </c>
      <c r="P1884" s="51">
        <v>1</v>
      </c>
      <c r="Q1884" s="51" t="s">
        <v>5341</v>
      </c>
      <c r="R1884" s="54" t="b">
        <v>1</v>
      </c>
      <c r="S1884" s="52" t="s">
        <v>7126</v>
      </c>
      <c r="T1884" s="67" t="s">
        <v>7127</v>
      </c>
      <c r="U1884" s="75" t="s">
        <v>5331</v>
      </c>
      <c r="V1884" s="47" t="s">
        <v>5331</v>
      </c>
      <c r="W1884" s="47" t="s">
        <v>5331</v>
      </c>
      <c r="X1884" s="47" t="s">
        <v>5331</v>
      </c>
      <c r="Y1884" s="47" t="s">
        <v>5331</v>
      </c>
      <c r="Z1884" s="28"/>
      <c r="AA1884" s="27"/>
      <c r="AB1884" s="27"/>
      <c r="AC1884" s="27"/>
      <c r="AD1884" s="30"/>
      <c r="AE1884" s="1"/>
      <c r="AF1884" s="23" t="s">
        <v>5331</v>
      </c>
      <c r="AG1884" s="26"/>
      <c r="AH1884" s="53"/>
    </row>
    <row r="1885" spans="1:34" ht="51.6" customHeight="1" x14ac:dyDescent="0.45">
      <c r="A1885" s="23">
        <v>1879</v>
      </c>
      <c r="B1885" s="25"/>
      <c r="C1885" s="25"/>
      <c r="D1885" s="29"/>
      <c r="E1885" s="1"/>
      <c r="F1885" s="1"/>
      <c r="G1885" s="25"/>
      <c r="H1885" s="71"/>
      <c r="I1885" s="83"/>
      <c r="J1885" s="50" t="str">
        <f t="shared" si="60"/>
        <v/>
      </c>
      <c r="K1885" s="23" t="s">
        <v>7120</v>
      </c>
      <c r="L1885" s="49" t="e">
        <f>VLOOKUP(E1885&amp;F1885,団体コード!$A$1:$C$1743,3,FALSE)</f>
        <v>#N/A</v>
      </c>
      <c r="M1885" s="49" t="e">
        <f>VLOOKUP(E1885&amp;F1885,団体コード!$A$1:$C$1743,2,FALSE)</f>
        <v>#N/A</v>
      </c>
      <c r="N1885" s="51" t="e">
        <f>VLOOKUP(E1885,団体コード!$E$1:$F$48,2,FALSE)</f>
        <v>#N/A</v>
      </c>
      <c r="O1885" s="51" t="e">
        <f t="shared" si="61"/>
        <v>#N/A</v>
      </c>
      <c r="P1885" s="51">
        <v>1</v>
      </c>
      <c r="Q1885" s="51" t="s">
        <v>5341</v>
      </c>
      <c r="R1885" s="54" t="b">
        <v>1</v>
      </c>
      <c r="S1885" s="52" t="s">
        <v>7126</v>
      </c>
      <c r="T1885" s="67" t="s">
        <v>7127</v>
      </c>
      <c r="U1885" s="75" t="s">
        <v>5331</v>
      </c>
      <c r="V1885" s="47" t="s">
        <v>5331</v>
      </c>
      <c r="W1885" s="47" t="s">
        <v>5331</v>
      </c>
      <c r="X1885" s="47" t="s">
        <v>5331</v>
      </c>
      <c r="Y1885" s="47" t="s">
        <v>5331</v>
      </c>
      <c r="Z1885" s="28"/>
      <c r="AA1885" s="27"/>
      <c r="AB1885" s="27"/>
      <c r="AC1885" s="27"/>
      <c r="AD1885" s="30"/>
      <c r="AE1885" s="1"/>
      <c r="AF1885" s="23" t="s">
        <v>5331</v>
      </c>
      <c r="AG1885" s="26"/>
      <c r="AH1885" s="53"/>
    </row>
    <row r="1886" spans="1:34" ht="51.6" customHeight="1" x14ac:dyDescent="0.45">
      <c r="A1886" s="23">
        <v>1880</v>
      </c>
      <c r="B1886" s="25"/>
      <c r="C1886" s="25"/>
      <c r="D1886" s="29"/>
      <c r="E1886" s="1"/>
      <c r="F1886" s="1"/>
      <c r="G1886" s="25"/>
      <c r="H1886" s="71"/>
      <c r="I1886" s="83"/>
      <c r="J1886" s="50" t="str">
        <f t="shared" si="60"/>
        <v/>
      </c>
      <c r="K1886" s="23" t="s">
        <v>7120</v>
      </c>
      <c r="L1886" s="49" t="e">
        <f>VLOOKUP(E1886&amp;F1886,団体コード!$A$1:$C$1743,3,FALSE)</f>
        <v>#N/A</v>
      </c>
      <c r="M1886" s="49" t="e">
        <f>VLOOKUP(E1886&amp;F1886,団体コード!$A$1:$C$1743,2,FALSE)</f>
        <v>#N/A</v>
      </c>
      <c r="N1886" s="51" t="e">
        <f>VLOOKUP(E1886,団体コード!$E$1:$F$48,2,FALSE)</f>
        <v>#N/A</v>
      </c>
      <c r="O1886" s="51" t="e">
        <f t="shared" si="61"/>
        <v>#N/A</v>
      </c>
      <c r="P1886" s="51">
        <v>1</v>
      </c>
      <c r="Q1886" s="51" t="s">
        <v>5341</v>
      </c>
      <c r="R1886" s="54" t="b">
        <v>1</v>
      </c>
      <c r="S1886" s="52" t="s">
        <v>7126</v>
      </c>
      <c r="T1886" s="67" t="s">
        <v>7127</v>
      </c>
      <c r="U1886" s="75" t="s">
        <v>5331</v>
      </c>
      <c r="V1886" s="47" t="s">
        <v>5331</v>
      </c>
      <c r="W1886" s="47" t="s">
        <v>5331</v>
      </c>
      <c r="X1886" s="47" t="s">
        <v>5331</v>
      </c>
      <c r="Y1886" s="47" t="s">
        <v>5331</v>
      </c>
      <c r="Z1886" s="28"/>
      <c r="AA1886" s="27"/>
      <c r="AB1886" s="27"/>
      <c r="AC1886" s="27"/>
      <c r="AD1886" s="30"/>
      <c r="AE1886" s="1"/>
      <c r="AF1886" s="23" t="s">
        <v>5331</v>
      </c>
      <c r="AG1886" s="26"/>
      <c r="AH1886" s="53"/>
    </row>
    <row r="1887" spans="1:34" ht="51.6" customHeight="1" x14ac:dyDescent="0.45">
      <c r="A1887" s="23">
        <v>1881</v>
      </c>
      <c r="B1887" s="25"/>
      <c r="C1887" s="25"/>
      <c r="D1887" s="29"/>
      <c r="E1887" s="1"/>
      <c r="F1887" s="1"/>
      <c r="G1887" s="25"/>
      <c r="H1887" s="71"/>
      <c r="I1887" s="83"/>
      <c r="J1887" s="50" t="str">
        <f t="shared" si="60"/>
        <v/>
      </c>
      <c r="K1887" s="23" t="s">
        <v>7120</v>
      </c>
      <c r="L1887" s="49" t="e">
        <f>VLOOKUP(E1887&amp;F1887,団体コード!$A$1:$C$1743,3,FALSE)</f>
        <v>#N/A</v>
      </c>
      <c r="M1887" s="49" t="e">
        <f>VLOOKUP(E1887&amp;F1887,団体コード!$A$1:$C$1743,2,FALSE)</f>
        <v>#N/A</v>
      </c>
      <c r="N1887" s="51" t="e">
        <f>VLOOKUP(E1887,団体コード!$E$1:$F$48,2,FALSE)</f>
        <v>#N/A</v>
      </c>
      <c r="O1887" s="51" t="e">
        <f t="shared" si="61"/>
        <v>#N/A</v>
      </c>
      <c r="P1887" s="51">
        <v>1</v>
      </c>
      <c r="Q1887" s="51" t="s">
        <v>5341</v>
      </c>
      <c r="R1887" s="54" t="b">
        <v>1</v>
      </c>
      <c r="S1887" s="52" t="s">
        <v>7126</v>
      </c>
      <c r="T1887" s="67" t="s">
        <v>7127</v>
      </c>
      <c r="U1887" s="75" t="s">
        <v>5331</v>
      </c>
      <c r="V1887" s="47" t="s">
        <v>5331</v>
      </c>
      <c r="W1887" s="47" t="s">
        <v>5331</v>
      </c>
      <c r="X1887" s="47" t="s">
        <v>5331</v>
      </c>
      <c r="Y1887" s="47" t="s">
        <v>5331</v>
      </c>
      <c r="Z1887" s="28"/>
      <c r="AA1887" s="27"/>
      <c r="AB1887" s="27"/>
      <c r="AC1887" s="27"/>
      <c r="AD1887" s="30"/>
      <c r="AE1887" s="1"/>
      <c r="AF1887" s="23" t="s">
        <v>5331</v>
      </c>
      <c r="AG1887" s="26"/>
      <c r="AH1887" s="53"/>
    </row>
    <row r="1888" spans="1:34" ht="51.6" customHeight="1" x14ac:dyDescent="0.45">
      <c r="A1888" s="23">
        <v>1882</v>
      </c>
      <c r="B1888" s="25"/>
      <c r="C1888" s="25"/>
      <c r="D1888" s="29"/>
      <c r="E1888" s="1"/>
      <c r="F1888" s="1"/>
      <c r="G1888" s="25"/>
      <c r="H1888" s="71"/>
      <c r="I1888" s="83"/>
      <c r="J1888" s="50" t="str">
        <f t="shared" si="60"/>
        <v/>
      </c>
      <c r="K1888" s="23" t="s">
        <v>7120</v>
      </c>
      <c r="L1888" s="49" t="e">
        <f>VLOOKUP(E1888&amp;F1888,団体コード!$A$1:$C$1743,3,FALSE)</f>
        <v>#N/A</v>
      </c>
      <c r="M1888" s="49" t="e">
        <f>VLOOKUP(E1888&amp;F1888,団体コード!$A$1:$C$1743,2,FALSE)</f>
        <v>#N/A</v>
      </c>
      <c r="N1888" s="51" t="e">
        <f>VLOOKUP(E1888,団体コード!$E$1:$F$48,2,FALSE)</f>
        <v>#N/A</v>
      </c>
      <c r="O1888" s="51" t="e">
        <f t="shared" si="61"/>
        <v>#N/A</v>
      </c>
      <c r="P1888" s="51">
        <v>1</v>
      </c>
      <c r="Q1888" s="51" t="s">
        <v>5341</v>
      </c>
      <c r="R1888" s="54" t="b">
        <v>1</v>
      </c>
      <c r="S1888" s="52" t="s">
        <v>7126</v>
      </c>
      <c r="T1888" s="67" t="s">
        <v>7127</v>
      </c>
      <c r="U1888" s="75" t="s">
        <v>5331</v>
      </c>
      <c r="V1888" s="47" t="s">
        <v>5331</v>
      </c>
      <c r="W1888" s="47" t="s">
        <v>5331</v>
      </c>
      <c r="X1888" s="47" t="s">
        <v>5331</v>
      </c>
      <c r="Y1888" s="47" t="s">
        <v>5331</v>
      </c>
      <c r="Z1888" s="28"/>
      <c r="AA1888" s="27"/>
      <c r="AB1888" s="27"/>
      <c r="AC1888" s="27"/>
      <c r="AD1888" s="30"/>
      <c r="AE1888" s="1"/>
      <c r="AF1888" s="23" t="s">
        <v>5331</v>
      </c>
      <c r="AG1888" s="26"/>
      <c r="AH1888" s="53"/>
    </row>
    <row r="1889" spans="1:34" ht="51.6" customHeight="1" x14ac:dyDescent="0.45">
      <c r="A1889" s="23">
        <v>1883</v>
      </c>
      <c r="B1889" s="25"/>
      <c r="C1889" s="25"/>
      <c r="D1889" s="29"/>
      <c r="E1889" s="1"/>
      <c r="F1889" s="1"/>
      <c r="G1889" s="25"/>
      <c r="H1889" s="71"/>
      <c r="I1889" s="83"/>
      <c r="J1889" s="50" t="str">
        <f t="shared" si="60"/>
        <v/>
      </c>
      <c r="K1889" s="23" t="s">
        <v>7120</v>
      </c>
      <c r="L1889" s="49" t="e">
        <f>VLOOKUP(E1889&amp;F1889,団体コード!$A$1:$C$1743,3,FALSE)</f>
        <v>#N/A</v>
      </c>
      <c r="M1889" s="49" t="e">
        <f>VLOOKUP(E1889&amp;F1889,団体コード!$A$1:$C$1743,2,FALSE)</f>
        <v>#N/A</v>
      </c>
      <c r="N1889" s="51" t="e">
        <f>VLOOKUP(E1889,団体コード!$E$1:$F$48,2,FALSE)</f>
        <v>#N/A</v>
      </c>
      <c r="O1889" s="51" t="e">
        <f t="shared" si="61"/>
        <v>#N/A</v>
      </c>
      <c r="P1889" s="51">
        <v>1</v>
      </c>
      <c r="Q1889" s="51" t="s">
        <v>5341</v>
      </c>
      <c r="R1889" s="54" t="b">
        <v>1</v>
      </c>
      <c r="S1889" s="52" t="s">
        <v>7126</v>
      </c>
      <c r="T1889" s="67" t="s">
        <v>7127</v>
      </c>
      <c r="U1889" s="75" t="s">
        <v>5331</v>
      </c>
      <c r="V1889" s="47" t="s">
        <v>5331</v>
      </c>
      <c r="W1889" s="47" t="s">
        <v>5331</v>
      </c>
      <c r="X1889" s="47" t="s">
        <v>5331</v>
      </c>
      <c r="Y1889" s="47" t="s">
        <v>5331</v>
      </c>
      <c r="Z1889" s="28"/>
      <c r="AA1889" s="27"/>
      <c r="AB1889" s="27"/>
      <c r="AC1889" s="27"/>
      <c r="AD1889" s="30"/>
      <c r="AE1889" s="1"/>
      <c r="AF1889" s="23" t="s">
        <v>5331</v>
      </c>
      <c r="AG1889" s="26"/>
      <c r="AH1889" s="53"/>
    </row>
    <row r="1890" spans="1:34" ht="51.6" customHeight="1" x14ac:dyDescent="0.45">
      <c r="A1890" s="23">
        <v>1884</v>
      </c>
      <c r="B1890" s="25"/>
      <c r="C1890" s="25"/>
      <c r="D1890" s="29"/>
      <c r="E1890" s="1"/>
      <c r="F1890" s="1"/>
      <c r="G1890" s="25"/>
      <c r="H1890" s="71"/>
      <c r="I1890" s="83"/>
      <c r="J1890" s="50" t="str">
        <f t="shared" si="60"/>
        <v/>
      </c>
      <c r="K1890" s="23" t="s">
        <v>7120</v>
      </c>
      <c r="L1890" s="49" t="e">
        <f>VLOOKUP(E1890&amp;F1890,団体コード!$A$1:$C$1743,3,FALSE)</f>
        <v>#N/A</v>
      </c>
      <c r="M1890" s="49" t="e">
        <f>VLOOKUP(E1890&amp;F1890,団体コード!$A$1:$C$1743,2,FALSE)</f>
        <v>#N/A</v>
      </c>
      <c r="N1890" s="51" t="e">
        <f>VLOOKUP(E1890,団体コード!$E$1:$F$48,2,FALSE)</f>
        <v>#N/A</v>
      </c>
      <c r="O1890" s="51" t="e">
        <f t="shared" si="61"/>
        <v>#N/A</v>
      </c>
      <c r="P1890" s="51">
        <v>1</v>
      </c>
      <c r="Q1890" s="51" t="s">
        <v>5341</v>
      </c>
      <c r="R1890" s="54" t="b">
        <v>1</v>
      </c>
      <c r="S1890" s="52" t="s">
        <v>7126</v>
      </c>
      <c r="T1890" s="67" t="s">
        <v>7127</v>
      </c>
      <c r="U1890" s="75" t="s">
        <v>5331</v>
      </c>
      <c r="V1890" s="47" t="s">
        <v>5331</v>
      </c>
      <c r="W1890" s="47" t="s">
        <v>5331</v>
      </c>
      <c r="X1890" s="47" t="s">
        <v>5331</v>
      </c>
      <c r="Y1890" s="47" t="s">
        <v>5331</v>
      </c>
      <c r="Z1890" s="28"/>
      <c r="AA1890" s="27"/>
      <c r="AB1890" s="27"/>
      <c r="AC1890" s="27"/>
      <c r="AD1890" s="30"/>
      <c r="AE1890" s="1"/>
      <c r="AF1890" s="23" t="s">
        <v>5331</v>
      </c>
      <c r="AG1890" s="26"/>
      <c r="AH1890" s="53"/>
    </row>
    <row r="1891" spans="1:34" ht="51.6" customHeight="1" x14ac:dyDescent="0.45">
      <c r="A1891" s="23">
        <v>1885</v>
      </c>
      <c r="B1891" s="25"/>
      <c r="C1891" s="25"/>
      <c r="D1891" s="29"/>
      <c r="E1891" s="1"/>
      <c r="F1891" s="1"/>
      <c r="G1891" s="25"/>
      <c r="H1891" s="71"/>
      <c r="I1891" s="83"/>
      <c r="J1891" s="50" t="str">
        <f t="shared" si="60"/>
        <v/>
      </c>
      <c r="K1891" s="23" t="s">
        <v>7120</v>
      </c>
      <c r="L1891" s="49" t="e">
        <f>VLOOKUP(E1891&amp;F1891,団体コード!$A$1:$C$1743,3,FALSE)</f>
        <v>#N/A</v>
      </c>
      <c r="M1891" s="49" t="e">
        <f>VLOOKUP(E1891&amp;F1891,団体コード!$A$1:$C$1743,2,FALSE)</f>
        <v>#N/A</v>
      </c>
      <c r="N1891" s="51" t="e">
        <f>VLOOKUP(E1891,団体コード!$E$1:$F$48,2,FALSE)</f>
        <v>#N/A</v>
      </c>
      <c r="O1891" s="51" t="e">
        <f t="shared" si="61"/>
        <v>#N/A</v>
      </c>
      <c r="P1891" s="51">
        <v>1</v>
      </c>
      <c r="Q1891" s="51" t="s">
        <v>5341</v>
      </c>
      <c r="R1891" s="54" t="b">
        <v>1</v>
      </c>
      <c r="S1891" s="52" t="s">
        <v>7126</v>
      </c>
      <c r="T1891" s="67" t="s">
        <v>7127</v>
      </c>
      <c r="U1891" s="75" t="s">
        <v>5331</v>
      </c>
      <c r="V1891" s="47" t="s">
        <v>5331</v>
      </c>
      <c r="W1891" s="47" t="s">
        <v>5331</v>
      </c>
      <c r="X1891" s="47" t="s">
        <v>5331</v>
      </c>
      <c r="Y1891" s="47" t="s">
        <v>5331</v>
      </c>
      <c r="Z1891" s="28"/>
      <c r="AA1891" s="27"/>
      <c r="AB1891" s="27"/>
      <c r="AC1891" s="27"/>
      <c r="AD1891" s="30"/>
      <c r="AE1891" s="1"/>
      <c r="AF1891" s="23" t="s">
        <v>5331</v>
      </c>
      <c r="AG1891" s="26"/>
      <c r="AH1891" s="53"/>
    </row>
    <row r="1892" spans="1:34" ht="51.6" customHeight="1" x14ac:dyDescent="0.45">
      <c r="A1892" s="23">
        <v>1886</v>
      </c>
      <c r="B1892" s="25"/>
      <c r="C1892" s="25"/>
      <c r="D1892" s="29"/>
      <c r="E1892" s="1"/>
      <c r="F1892" s="1"/>
      <c r="G1892" s="25"/>
      <c r="H1892" s="71"/>
      <c r="I1892" s="83"/>
      <c r="J1892" s="50" t="str">
        <f t="shared" si="60"/>
        <v/>
      </c>
      <c r="K1892" s="23" t="s">
        <v>7120</v>
      </c>
      <c r="L1892" s="49" t="e">
        <f>VLOOKUP(E1892&amp;F1892,団体コード!$A$1:$C$1743,3,FALSE)</f>
        <v>#N/A</v>
      </c>
      <c r="M1892" s="49" t="e">
        <f>VLOOKUP(E1892&amp;F1892,団体コード!$A$1:$C$1743,2,FALSE)</f>
        <v>#N/A</v>
      </c>
      <c r="N1892" s="51" t="e">
        <f>VLOOKUP(E1892,団体コード!$E$1:$F$48,2,FALSE)</f>
        <v>#N/A</v>
      </c>
      <c r="O1892" s="51" t="e">
        <f t="shared" si="61"/>
        <v>#N/A</v>
      </c>
      <c r="P1892" s="51">
        <v>1</v>
      </c>
      <c r="Q1892" s="51" t="s">
        <v>5341</v>
      </c>
      <c r="R1892" s="54" t="b">
        <v>1</v>
      </c>
      <c r="S1892" s="52" t="s">
        <v>7126</v>
      </c>
      <c r="T1892" s="67" t="s">
        <v>7127</v>
      </c>
      <c r="U1892" s="75" t="s">
        <v>5331</v>
      </c>
      <c r="V1892" s="47" t="s">
        <v>5331</v>
      </c>
      <c r="W1892" s="47" t="s">
        <v>5331</v>
      </c>
      <c r="X1892" s="47" t="s">
        <v>5331</v>
      </c>
      <c r="Y1892" s="47" t="s">
        <v>5331</v>
      </c>
      <c r="Z1892" s="28"/>
      <c r="AA1892" s="27"/>
      <c r="AB1892" s="27"/>
      <c r="AC1892" s="27"/>
      <c r="AD1892" s="30"/>
      <c r="AE1892" s="1"/>
      <c r="AF1892" s="23" t="s">
        <v>5331</v>
      </c>
      <c r="AG1892" s="26"/>
      <c r="AH1892" s="53"/>
    </row>
    <row r="1893" spans="1:34" ht="51.6" customHeight="1" x14ac:dyDescent="0.45">
      <c r="A1893" s="23">
        <v>1887</v>
      </c>
      <c r="B1893" s="25"/>
      <c r="C1893" s="25"/>
      <c r="D1893" s="29"/>
      <c r="E1893" s="1"/>
      <c r="F1893" s="1"/>
      <c r="G1893" s="25"/>
      <c r="H1893" s="71"/>
      <c r="I1893" s="83"/>
      <c r="J1893" s="50" t="str">
        <f t="shared" si="60"/>
        <v/>
      </c>
      <c r="K1893" s="23" t="s">
        <v>7120</v>
      </c>
      <c r="L1893" s="49" t="e">
        <f>VLOOKUP(E1893&amp;F1893,団体コード!$A$1:$C$1743,3,FALSE)</f>
        <v>#N/A</v>
      </c>
      <c r="M1893" s="49" t="e">
        <f>VLOOKUP(E1893&amp;F1893,団体コード!$A$1:$C$1743,2,FALSE)</f>
        <v>#N/A</v>
      </c>
      <c r="N1893" s="51" t="e">
        <f>VLOOKUP(E1893,団体コード!$E$1:$F$48,2,FALSE)</f>
        <v>#N/A</v>
      </c>
      <c r="O1893" s="51" t="e">
        <f t="shared" si="61"/>
        <v>#N/A</v>
      </c>
      <c r="P1893" s="51">
        <v>1</v>
      </c>
      <c r="Q1893" s="51" t="s">
        <v>5341</v>
      </c>
      <c r="R1893" s="54" t="b">
        <v>1</v>
      </c>
      <c r="S1893" s="52" t="s">
        <v>7126</v>
      </c>
      <c r="T1893" s="67" t="s">
        <v>7127</v>
      </c>
      <c r="U1893" s="75" t="s">
        <v>5331</v>
      </c>
      <c r="V1893" s="47" t="s">
        <v>5331</v>
      </c>
      <c r="W1893" s="47" t="s">
        <v>5331</v>
      </c>
      <c r="X1893" s="47" t="s">
        <v>5331</v>
      </c>
      <c r="Y1893" s="47" t="s">
        <v>5331</v>
      </c>
      <c r="Z1893" s="28"/>
      <c r="AA1893" s="27"/>
      <c r="AB1893" s="27"/>
      <c r="AC1893" s="27"/>
      <c r="AD1893" s="30"/>
      <c r="AE1893" s="1"/>
      <c r="AF1893" s="23" t="s">
        <v>5331</v>
      </c>
      <c r="AG1893" s="26"/>
      <c r="AH1893" s="53"/>
    </row>
    <row r="1894" spans="1:34" ht="51.6" customHeight="1" x14ac:dyDescent="0.45">
      <c r="A1894" s="23">
        <v>1888</v>
      </c>
      <c r="B1894" s="25"/>
      <c r="C1894" s="25"/>
      <c r="D1894" s="29"/>
      <c r="E1894" s="1"/>
      <c r="F1894" s="1"/>
      <c r="G1894" s="25"/>
      <c r="H1894" s="71"/>
      <c r="I1894" s="83"/>
      <c r="J1894" s="50" t="str">
        <f t="shared" si="60"/>
        <v/>
      </c>
      <c r="K1894" s="23" t="s">
        <v>7120</v>
      </c>
      <c r="L1894" s="49" t="e">
        <f>VLOOKUP(E1894&amp;F1894,団体コード!$A$1:$C$1743,3,FALSE)</f>
        <v>#N/A</v>
      </c>
      <c r="M1894" s="49" t="e">
        <f>VLOOKUP(E1894&amp;F1894,団体コード!$A$1:$C$1743,2,FALSE)</f>
        <v>#N/A</v>
      </c>
      <c r="N1894" s="51" t="e">
        <f>VLOOKUP(E1894,団体コード!$E$1:$F$48,2,FALSE)</f>
        <v>#N/A</v>
      </c>
      <c r="O1894" s="51" t="e">
        <f t="shared" si="61"/>
        <v>#N/A</v>
      </c>
      <c r="P1894" s="51">
        <v>1</v>
      </c>
      <c r="Q1894" s="51" t="s">
        <v>5341</v>
      </c>
      <c r="R1894" s="54" t="b">
        <v>1</v>
      </c>
      <c r="S1894" s="52" t="s">
        <v>7126</v>
      </c>
      <c r="T1894" s="67" t="s">
        <v>7127</v>
      </c>
      <c r="U1894" s="75" t="s">
        <v>5331</v>
      </c>
      <c r="V1894" s="47" t="s">
        <v>5331</v>
      </c>
      <c r="W1894" s="47" t="s">
        <v>5331</v>
      </c>
      <c r="X1894" s="47" t="s">
        <v>5331</v>
      </c>
      <c r="Y1894" s="47" t="s">
        <v>5331</v>
      </c>
      <c r="Z1894" s="28"/>
      <c r="AA1894" s="27"/>
      <c r="AB1894" s="27"/>
      <c r="AC1894" s="27"/>
      <c r="AD1894" s="30"/>
      <c r="AE1894" s="1"/>
      <c r="AF1894" s="23" t="s">
        <v>5331</v>
      </c>
      <c r="AG1894" s="26"/>
      <c r="AH1894" s="53"/>
    </row>
    <row r="1895" spans="1:34" ht="51.6" customHeight="1" x14ac:dyDescent="0.45">
      <c r="A1895" s="23">
        <v>1889</v>
      </c>
      <c r="B1895" s="25"/>
      <c r="C1895" s="25"/>
      <c r="D1895" s="29"/>
      <c r="E1895" s="1"/>
      <c r="F1895" s="1"/>
      <c r="G1895" s="25"/>
      <c r="H1895" s="71"/>
      <c r="I1895" s="83"/>
      <c r="J1895" s="50" t="str">
        <f t="shared" si="60"/>
        <v/>
      </c>
      <c r="K1895" s="23" t="s">
        <v>7120</v>
      </c>
      <c r="L1895" s="49" t="e">
        <f>VLOOKUP(E1895&amp;F1895,団体コード!$A$1:$C$1743,3,FALSE)</f>
        <v>#N/A</v>
      </c>
      <c r="M1895" s="49" t="e">
        <f>VLOOKUP(E1895&amp;F1895,団体コード!$A$1:$C$1743,2,FALSE)</f>
        <v>#N/A</v>
      </c>
      <c r="N1895" s="51" t="e">
        <f>VLOOKUP(E1895,団体コード!$E$1:$F$48,2,FALSE)</f>
        <v>#N/A</v>
      </c>
      <c r="O1895" s="51" t="e">
        <f t="shared" si="61"/>
        <v>#N/A</v>
      </c>
      <c r="P1895" s="51">
        <v>1</v>
      </c>
      <c r="Q1895" s="51" t="s">
        <v>5341</v>
      </c>
      <c r="R1895" s="54" t="b">
        <v>1</v>
      </c>
      <c r="S1895" s="52" t="s">
        <v>7126</v>
      </c>
      <c r="T1895" s="67" t="s">
        <v>7127</v>
      </c>
      <c r="U1895" s="75" t="s">
        <v>5331</v>
      </c>
      <c r="V1895" s="47" t="s">
        <v>5331</v>
      </c>
      <c r="W1895" s="47" t="s">
        <v>5331</v>
      </c>
      <c r="X1895" s="47" t="s">
        <v>5331</v>
      </c>
      <c r="Y1895" s="47" t="s">
        <v>5331</v>
      </c>
      <c r="Z1895" s="28"/>
      <c r="AA1895" s="27"/>
      <c r="AB1895" s="27"/>
      <c r="AC1895" s="27"/>
      <c r="AD1895" s="30"/>
      <c r="AE1895" s="1"/>
      <c r="AF1895" s="23" t="s">
        <v>5331</v>
      </c>
      <c r="AG1895" s="26"/>
      <c r="AH1895" s="53"/>
    </row>
    <row r="1896" spans="1:34" ht="51.6" customHeight="1" x14ac:dyDescent="0.45">
      <c r="A1896" s="23">
        <v>1890</v>
      </c>
      <c r="B1896" s="25"/>
      <c r="C1896" s="25"/>
      <c r="D1896" s="29"/>
      <c r="E1896" s="1"/>
      <c r="F1896" s="1"/>
      <c r="G1896" s="25"/>
      <c r="H1896" s="71"/>
      <c r="I1896" s="83"/>
      <c r="J1896" s="50" t="str">
        <f t="shared" si="60"/>
        <v/>
      </c>
      <c r="K1896" s="23" t="s">
        <v>7120</v>
      </c>
      <c r="L1896" s="49" t="e">
        <f>VLOOKUP(E1896&amp;F1896,団体コード!$A$1:$C$1743,3,FALSE)</f>
        <v>#N/A</v>
      </c>
      <c r="M1896" s="49" t="e">
        <f>VLOOKUP(E1896&amp;F1896,団体コード!$A$1:$C$1743,2,FALSE)</f>
        <v>#N/A</v>
      </c>
      <c r="N1896" s="51" t="e">
        <f>VLOOKUP(E1896,団体コード!$E$1:$F$48,2,FALSE)</f>
        <v>#N/A</v>
      </c>
      <c r="O1896" s="51" t="e">
        <f t="shared" si="61"/>
        <v>#N/A</v>
      </c>
      <c r="P1896" s="51">
        <v>1</v>
      </c>
      <c r="Q1896" s="51" t="s">
        <v>5341</v>
      </c>
      <c r="R1896" s="54" t="b">
        <v>1</v>
      </c>
      <c r="S1896" s="52" t="s">
        <v>7126</v>
      </c>
      <c r="T1896" s="67" t="s">
        <v>7127</v>
      </c>
      <c r="U1896" s="75" t="s">
        <v>5331</v>
      </c>
      <c r="V1896" s="47" t="s">
        <v>5331</v>
      </c>
      <c r="W1896" s="47" t="s">
        <v>5331</v>
      </c>
      <c r="X1896" s="47" t="s">
        <v>5331</v>
      </c>
      <c r="Y1896" s="47" t="s">
        <v>5331</v>
      </c>
      <c r="Z1896" s="28"/>
      <c r="AA1896" s="27"/>
      <c r="AB1896" s="27"/>
      <c r="AC1896" s="27"/>
      <c r="AD1896" s="30"/>
      <c r="AE1896" s="1"/>
      <c r="AF1896" s="23" t="s">
        <v>5331</v>
      </c>
      <c r="AG1896" s="26"/>
      <c r="AH1896" s="53"/>
    </row>
    <row r="1897" spans="1:34" ht="51.6" customHeight="1" x14ac:dyDescent="0.45">
      <c r="A1897" s="23">
        <v>1891</v>
      </c>
      <c r="B1897" s="25"/>
      <c r="C1897" s="25"/>
      <c r="D1897" s="29"/>
      <c r="E1897" s="1"/>
      <c r="F1897" s="1"/>
      <c r="G1897" s="25"/>
      <c r="H1897" s="71"/>
      <c r="I1897" s="83"/>
      <c r="J1897" s="50" t="str">
        <f t="shared" si="60"/>
        <v/>
      </c>
      <c r="K1897" s="23" t="s">
        <v>7120</v>
      </c>
      <c r="L1897" s="49" t="e">
        <f>VLOOKUP(E1897&amp;F1897,団体コード!$A$1:$C$1743,3,FALSE)</f>
        <v>#N/A</v>
      </c>
      <c r="M1897" s="49" t="e">
        <f>VLOOKUP(E1897&amp;F1897,団体コード!$A$1:$C$1743,2,FALSE)</f>
        <v>#N/A</v>
      </c>
      <c r="N1897" s="51" t="e">
        <f>VLOOKUP(E1897,団体コード!$E$1:$F$48,2,FALSE)</f>
        <v>#N/A</v>
      </c>
      <c r="O1897" s="51" t="e">
        <f t="shared" si="61"/>
        <v>#N/A</v>
      </c>
      <c r="P1897" s="51">
        <v>1</v>
      </c>
      <c r="Q1897" s="51" t="s">
        <v>5341</v>
      </c>
      <c r="R1897" s="54" t="b">
        <v>1</v>
      </c>
      <c r="S1897" s="52" t="s">
        <v>7126</v>
      </c>
      <c r="T1897" s="67" t="s">
        <v>7127</v>
      </c>
      <c r="U1897" s="75" t="s">
        <v>5331</v>
      </c>
      <c r="V1897" s="47" t="s">
        <v>5331</v>
      </c>
      <c r="W1897" s="47" t="s">
        <v>5331</v>
      </c>
      <c r="X1897" s="47" t="s">
        <v>5331</v>
      </c>
      <c r="Y1897" s="47" t="s">
        <v>5331</v>
      </c>
      <c r="Z1897" s="28"/>
      <c r="AA1897" s="27"/>
      <c r="AB1897" s="27"/>
      <c r="AC1897" s="27"/>
      <c r="AD1897" s="30"/>
      <c r="AE1897" s="1"/>
      <c r="AF1897" s="23" t="s">
        <v>5331</v>
      </c>
      <c r="AG1897" s="26"/>
      <c r="AH1897" s="53"/>
    </row>
    <row r="1898" spans="1:34" ht="51.6" customHeight="1" x14ac:dyDescent="0.45">
      <c r="A1898" s="23">
        <v>1892</v>
      </c>
      <c r="B1898" s="25"/>
      <c r="C1898" s="25"/>
      <c r="D1898" s="29"/>
      <c r="E1898" s="1"/>
      <c r="F1898" s="1"/>
      <c r="G1898" s="25"/>
      <c r="H1898" s="71"/>
      <c r="I1898" s="83"/>
      <c r="J1898" s="50" t="str">
        <f t="shared" si="60"/>
        <v/>
      </c>
      <c r="K1898" s="23" t="s">
        <v>7120</v>
      </c>
      <c r="L1898" s="49" t="e">
        <f>VLOOKUP(E1898&amp;F1898,団体コード!$A$1:$C$1743,3,FALSE)</f>
        <v>#N/A</v>
      </c>
      <c r="M1898" s="49" t="e">
        <f>VLOOKUP(E1898&amp;F1898,団体コード!$A$1:$C$1743,2,FALSE)</f>
        <v>#N/A</v>
      </c>
      <c r="N1898" s="51" t="e">
        <f>VLOOKUP(E1898,団体コード!$E$1:$F$48,2,FALSE)</f>
        <v>#N/A</v>
      </c>
      <c r="O1898" s="51" t="e">
        <f t="shared" si="61"/>
        <v>#N/A</v>
      </c>
      <c r="P1898" s="51">
        <v>1</v>
      </c>
      <c r="Q1898" s="51" t="s">
        <v>5341</v>
      </c>
      <c r="R1898" s="54" t="b">
        <v>1</v>
      </c>
      <c r="S1898" s="52" t="s">
        <v>7126</v>
      </c>
      <c r="T1898" s="67" t="s">
        <v>7127</v>
      </c>
      <c r="U1898" s="75" t="s">
        <v>5331</v>
      </c>
      <c r="V1898" s="47" t="s">
        <v>5331</v>
      </c>
      <c r="W1898" s="47" t="s">
        <v>5331</v>
      </c>
      <c r="X1898" s="47" t="s">
        <v>5331</v>
      </c>
      <c r="Y1898" s="47" t="s">
        <v>5331</v>
      </c>
      <c r="Z1898" s="28"/>
      <c r="AA1898" s="27"/>
      <c r="AB1898" s="27"/>
      <c r="AC1898" s="27"/>
      <c r="AD1898" s="30"/>
      <c r="AE1898" s="1"/>
      <c r="AF1898" s="23" t="s">
        <v>5331</v>
      </c>
      <c r="AG1898" s="26"/>
      <c r="AH1898" s="53"/>
    </row>
    <row r="1899" spans="1:34" ht="51.6" customHeight="1" x14ac:dyDescent="0.45">
      <c r="A1899" s="23">
        <v>1893</v>
      </c>
      <c r="B1899" s="25"/>
      <c r="C1899" s="25"/>
      <c r="D1899" s="29"/>
      <c r="E1899" s="1"/>
      <c r="F1899" s="1"/>
      <c r="G1899" s="25"/>
      <c r="H1899" s="71"/>
      <c r="I1899" s="83"/>
      <c r="J1899" s="50" t="str">
        <f t="shared" si="60"/>
        <v/>
      </c>
      <c r="K1899" s="23" t="s">
        <v>7120</v>
      </c>
      <c r="L1899" s="49" t="e">
        <f>VLOOKUP(E1899&amp;F1899,団体コード!$A$1:$C$1743,3,FALSE)</f>
        <v>#N/A</v>
      </c>
      <c r="M1899" s="49" t="e">
        <f>VLOOKUP(E1899&amp;F1899,団体コード!$A$1:$C$1743,2,FALSE)</f>
        <v>#N/A</v>
      </c>
      <c r="N1899" s="51" t="e">
        <f>VLOOKUP(E1899,団体コード!$E$1:$F$48,2,FALSE)</f>
        <v>#N/A</v>
      </c>
      <c r="O1899" s="51" t="e">
        <f t="shared" si="61"/>
        <v>#N/A</v>
      </c>
      <c r="P1899" s="51">
        <v>1</v>
      </c>
      <c r="Q1899" s="51" t="s">
        <v>5341</v>
      </c>
      <c r="R1899" s="54" t="b">
        <v>1</v>
      </c>
      <c r="S1899" s="52" t="s">
        <v>7126</v>
      </c>
      <c r="T1899" s="67" t="s">
        <v>7127</v>
      </c>
      <c r="U1899" s="75" t="s">
        <v>5331</v>
      </c>
      <c r="V1899" s="47" t="s">
        <v>5331</v>
      </c>
      <c r="W1899" s="47" t="s">
        <v>5331</v>
      </c>
      <c r="X1899" s="47" t="s">
        <v>5331</v>
      </c>
      <c r="Y1899" s="47" t="s">
        <v>5331</v>
      </c>
      <c r="Z1899" s="28"/>
      <c r="AA1899" s="27"/>
      <c r="AB1899" s="27"/>
      <c r="AC1899" s="27"/>
      <c r="AD1899" s="30"/>
      <c r="AE1899" s="1"/>
      <c r="AF1899" s="23" t="s">
        <v>5331</v>
      </c>
      <c r="AG1899" s="26"/>
      <c r="AH1899" s="53"/>
    </row>
    <row r="1900" spans="1:34" ht="51.6" customHeight="1" x14ac:dyDescent="0.45">
      <c r="A1900" s="23">
        <v>1894</v>
      </c>
      <c r="B1900" s="25"/>
      <c r="C1900" s="25"/>
      <c r="D1900" s="29"/>
      <c r="E1900" s="1"/>
      <c r="F1900" s="1"/>
      <c r="G1900" s="25"/>
      <c r="H1900" s="71"/>
      <c r="I1900" s="83"/>
      <c r="J1900" s="50" t="str">
        <f t="shared" si="60"/>
        <v/>
      </c>
      <c r="K1900" s="23" t="s">
        <v>7120</v>
      </c>
      <c r="L1900" s="49" t="e">
        <f>VLOOKUP(E1900&amp;F1900,団体コード!$A$1:$C$1743,3,FALSE)</f>
        <v>#N/A</v>
      </c>
      <c r="M1900" s="49" t="e">
        <f>VLOOKUP(E1900&amp;F1900,団体コード!$A$1:$C$1743,2,FALSE)</f>
        <v>#N/A</v>
      </c>
      <c r="N1900" s="51" t="e">
        <f>VLOOKUP(E1900,団体コード!$E$1:$F$48,2,FALSE)</f>
        <v>#N/A</v>
      </c>
      <c r="O1900" s="51" t="e">
        <f t="shared" si="61"/>
        <v>#N/A</v>
      </c>
      <c r="P1900" s="51">
        <v>1</v>
      </c>
      <c r="Q1900" s="51" t="s">
        <v>5341</v>
      </c>
      <c r="R1900" s="54" t="b">
        <v>1</v>
      </c>
      <c r="S1900" s="52" t="s">
        <v>7126</v>
      </c>
      <c r="T1900" s="67" t="s">
        <v>7127</v>
      </c>
      <c r="U1900" s="75" t="s">
        <v>5331</v>
      </c>
      <c r="V1900" s="47" t="s">
        <v>5331</v>
      </c>
      <c r="W1900" s="47" t="s">
        <v>5331</v>
      </c>
      <c r="X1900" s="47" t="s">
        <v>5331</v>
      </c>
      <c r="Y1900" s="47" t="s">
        <v>5331</v>
      </c>
      <c r="Z1900" s="28"/>
      <c r="AA1900" s="27"/>
      <c r="AB1900" s="27"/>
      <c r="AC1900" s="27"/>
      <c r="AD1900" s="30"/>
      <c r="AE1900" s="1"/>
      <c r="AF1900" s="23" t="s">
        <v>5331</v>
      </c>
      <c r="AG1900" s="26"/>
      <c r="AH1900" s="53"/>
    </row>
    <row r="1901" spans="1:34" ht="51.6" customHeight="1" x14ac:dyDescent="0.45">
      <c r="A1901" s="23">
        <v>1895</v>
      </c>
      <c r="B1901" s="25"/>
      <c r="C1901" s="25"/>
      <c r="D1901" s="29"/>
      <c r="E1901" s="1"/>
      <c r="F1901" s="1"/>
      <c r="G1901" s="25"/>
      <c r="H1901" s="71"/>
      <c r="I1901" s="83"/>
      <c r="J1901" s="50" t="str">
        <f t="shared" si="60"/>
        <v/>
      </c>
      <c r="K1901" s="23" t="s">
        <v>7120</v>
      </c>
      <c r="L1901" s="49" t="e">
        <f>VLOOKUP(E1901&amp;F1901,団体コード!$A$1:$C$1743,3,FALSE)</f>
        <v>#N/A</v>
      </c>
      <c r="M1901" s="49" t="e">
        <f>VLOOKUP(E1901&amp;F1901,団体コード!$A$1:$C$1743,2,FALSE)</f>
        <v>#N/A</v>
      </c>
      <c r="N1901" s="51" t="e">
        <f>VLOOKUP(E1901,団体コード!$E$1:$F$48,2,FALSE)</f>
        <v>#N/A</v>
      </c>
      <c r="O1901" s="51" t="e">
        <f t="shared" si="61"/>
        <v>#N/A</v>
      </c>
      <c r="P1901" s="51">
        <v>1</v>
      </c>
      <c r="Q1901" s="51" t="s">
        <v>5341</v>
      </c>
      <c r="R1901" s="54" t="b">
        <v>1</v>
      </c>
      <c r="S1901" s="52" t="s">
        <v>7126</v>
      </c>
      <c r="T1901" s="67" t="s">
        <v>7127</v>
      </c>
      <c r="U1901" s="75" t="s">
        <v>5331</v>
      </c>
      <c r="V1901" s="47" t="s">
        <v>5331</v>
      </c>
      <c r="W1901" s="47" t="s">
        <v>5331</v>
      </c>
      <c r="X1901" s="47" t="s">
        <v>5331</v>
      </c>
      <c r="Y1901" s="47" t="s">
        <v>5331</v>
      </c>
      <c r="Z1901" s="28"/>
      <c r="AA1901" s="27"/>
      <c r="AB1901" s="27"/>
      <c r="AC1901" s="27"/>
      <c r="AD1901" s="30"/>
      <c r="AE1901" s="1"/>
      <c r="AF1901" s="23" t="s">
        <v>5331</v>
      </c>
      <c r="AG1901" s="26"/>
      <c r="AH1901" s="53"/>
    </row>
    <row r="1902" spans="1:34" ht="51.6" customHeight="1" x14ac:dyDescent="0.45">
      <c r="A1902" s="23">
        <v>1896</v>
      </c>
      <c r="B1902" s="25"/>
      <c r="C1902" s="25"/>
      <c r="D1902" s="29"/>
      <c r="E1902" s="1"/>
      <c r="F1902" s="1"/>
      <c r="G1902" s="25"/>
      <c r="H1902" s="71"/>
      <c r="I1902" s="83"/>
      <c r="J1902" s="50" t="str">
        <f t="shared" si="60"/>
        <v/>
      </c>
      <c r="K1902" s="23" t="s">
        <v>7120</v>
      </c>
      <c r="L1902" s="49" t="e">
        <f>VLOOKUP(E1902&amp;F1902,団体コード!$A$1:$C$1743,3,FALSE)</f>
        <v>#N/A</v>
      </c>
      <c r="M1902" s="49" t="e">
        <f>VLOOKUP(E1902&amp;F1902,団体コード!$A$1:$C$1743,2,FALSE)</f>
        <v>#N/A</v>
      </c>
      <c r="N1902" s="51" t="e">
        <f>VLOOKUP(E1902,団体コード!$E$1:$F$48,2,FALSE)</f>
        <v>#N/A</v>
      </c>
      <c r="O1902" s="51" t="e">
        <f t="shared" si="61"/>
        <v>#N/A</v>
      </c>
      <c r="P1902" s="51">
        <v>1</v>
      </c>
      <c r="Q1902" s="51" t="s">
        <v>5341</v>
      </c>
      <c r="R1902" s="54" t="b">
        <v>1</v>
      </c>
      <c r="S1902" s="52" t="s">
        <v>7126</v>
      </c>
      <c r="T1902" s="67" t="s">
        <v>7127</v>
      </c>
      <c r="U1902" s="75" t="s">
        <v>5331</v>
      </c>
      <c r="V1902" s="47" t="s">
        <v>5331</v>
      </c>
      <c r="W1902" s="47" t="s">
        <v>5331</v>
      </c>
      <c r="X1902" s="47" t="s">
        <v>5331</v>
      </c>
      <c r="Y1902" s="47" t="s">
        <v>5331</v>
      </c>
      <c r="Z1902" s="28"/>
      <c r="AA1902" s="27"/>
      <c r="AB1902" s="27"/>
      <c r="AC1902" s="27"/>
      <c r="AD1902" s="30"/>
      <c r="AE1902" s="1"/>
      <c r="AF1902" s="23" t="s">
        <v>5331</v>
      </c>
      <c r="AG1902" s="26"/>
      <c r="AH1902" s="53"/>
    </row>
    <row r="1903" spans="1:34" ht="51.6" customHeight="1" x14ac:dyDescent="0.45">
      <c r="A1903" s="23">
        <v>1897</v>
      </c>
      <c r="B1903" s="25"/>
      <c r="C1903" s="25"/>
      <c r="D1903" s="29"/>
      <c r="E1903" s="1"/>
      <c r="F1903" s="1"/>
      <c r="G1903" s="25"/>
      <c r="H1903" s="71"/>
      <c r="I1903" s="83"/>
      <c r="J1903" s="50" t="str">
        <f t="shared" si="60"/>
        <v/>
      </c>
      <c r="K1903" s="23" t="s">
        <v>7120</v>
      </c>
      <c r="L1903" s="49" t="e">
        <f>VLOOKUP(E1903&amp;F1903,団体コード!$A$1:$C$1743,3,FALSE)</f>
        <v>#N/A</v>
      </c>
      <c r="M1903" s="49" t="e">
        <f>VLOOKUP(E1903&amp;F1903,団体コード!$A$1:$C$1743,2,FALSE)</f>
        <v>#N/A</v>
      </c>
      <c r="N1903" s="51" t="e">
        <f>VLOOKUP(E1903,団体コード!$E$1:$F$48,2,FALSE)</f>
        <v>#N/A</v>
      </c>
      <c r="O1903" s="51" t="e">
        <f t="shared" si="61"/>
        <v>#N/A</v>
      </c>
      <c r="P1903" s="51">
        <v>1</v>
      </c>
      <c r="Q1903" s="51" t="s">
        <v>5341</v>
      </c>
      <c r="R1903" s="54" t="b">
        <v>1</v>
      </c>
      <c r="S1903" s="52" t="s">
        <v>7126</v>
      </c>
      <c r="T1903" s="67" t="s">
        <v>7127</v>
      </c>
      <c r="U1903" s="75" t="s">
        <v>5331</v>
      </c>
      <c r="V1903" s="47" t="s">
        <v>5331</v>
      </c>
      <c r="W1903" s="47" t="s">
        <v>5331</v>
      </c>
      <c r="X1903" s="47" t="s">
        <v>5331</v>
      </c>
      <c r="Y1903" s="47" t="s">
        <v>5331</v>
      </c>
      <c r="Z1903" s="28"/>
      <c r="AA1903" s="27"/>
      <c r="AB1903" s="27"/>
      <c r="AC1903" s="27"/>
      <c r="AD1903" s="30"/>
      <c r="AE1903" s="1"/>
      <c r="AF1903" s="23" t="s">
        <v>5331</v>
      </c>
      <c r="AG1903" s="26"/>
      <c r="AH1903" s="53"/>
    </row>
    <row r="1904" spans="1:34" ht="51.6" customHeight="1" x14ac:dyDescent="0.45">
      <c r="A1904" s="23">
        <v>1898</v>
      </c>
      <c r="B1904" s="25"/>
      <c r="C1904" s="25"/>
      <c r="D1904" s="29"/>
      <c r="E1904" s="1"/>
      <c r="F1904" s="1"/>
      <c r="G1904" s="25"/>
      <c r="H1904" s="71"/>
      <c r="I1904" s="83"/>
      <c r="J1904" s="50" t="str">
        <f t="shared" si="60"/>
        <v/>
      </c>
      <c r="K1904" s="23" t="s">
        <v>7120</v>
      </c>
      <c r="L1904" s="49" t="e">
        <f>VLOOKUP(E1904&amp;F1904,団体コード!$A$1:$C$1743,3,FALSE)</f>
        <v>#N/A</v>
      </c>
      <c r="M1904" s="49" t="e">
        <f>VLOOKUP(E1904&amp;F1904,団体コード!$A$1:$C$1743,2,FALSE)</f>
        <v>#N/A</v>
      </c>
      <c r="N1904" s="51" t="e">
        <f>VLOOKUP(E1904,団体コード!$E$1:$F$48,2,FALSE)</f>
        <v>#N/A</v>
      </c>
      <c r="O1904" s="51" t="e">
        <f t="shared" si="61"/>
        <v>#N/A</v>
      </c>
      <c r="P1904" s="51">
        <v>1</v>
      </c>
      <c r="Q1904" s="51" t="s">
        <v>5341</v>
      </c>
      <c r="R1904" s="54" t="b">
        <v>1</v>
      </c>
      <c r="S1904" s="52" t="s">
        <v>7126</v>
      </c>
      <c r="T1904" s="67" t="s">
        <v>7127</v>
      </c>
      <c r="U1904" s="75" t="s">
        <v>5331</v>
      </c>
      <c r="V1904" s="47" t="s">
        <v>5331</v>
      </c>
      <c r="W1904" s="47" t="s">
        <v>5331</v>
      </c>
      <c r="X1904" s="47" t="s">
        <v>5331</v>
      </c>
      <c r="Y1904" s="47" t="s">
        <v>5331</v>
      </c>
      <c r="Z1904" s="28"/>
      <c r="AA1904" s="27"/>
      <c r="AB1904" s="27"/>
      <c r="AC1904" s="27"/>
      <c r="AD1904" s="30"/>
      <c r="AE1904" s="1"/>
      <c r="AF1904" s="23" t="s">
        <v>5331</v>
      </c>
      <c r="AG1904" s="26"/>
      <c r="AH1904" s="53"/>
    </row>
    <row r="1905" spans="1:34" ht="51.6" customHeight="1" x14ac:dyDescent="0.45">
      <c r="A1905" s="23">
        <v>1899</v>
      </c>
      <c r="B1905" s="25"/>
      <c r="C1905" s="25"/>
      <c r="D1905" s="29"/>
      <c r="E1905" s="1"/>
      <c r="F1905" s="1"/>
      <c r="G1905" s="25"/>
      <c r="H1905" s="71"/>
      <c r="I1905" s="83"/>
      <c r="J1905" s="50" t="str">
        <f t="shared" si="60"/>
        <v/>
      </c>
      <c r="K1905" s="23" t="s">
        <v>7120</v>
      </c>
      <c r="L1905" s="49" t="e">
        <f>VLOOKUP(E1905&amp;F1905,団体コード!$A$1:$C$1743,3,FALSE)</f>
        <v>#N/A</v>
      </c>
      <c r="M1905" s="49" t="e">
        <f>VLOOKUP(E1905&amp;F1905,団体コード!$A$1:$C$1743,2,FALSE)</f>
        <v>#N/A</v>
      </c>
      <c r="N1905" s="51" t="e">
        <f>VLOOKUP(E1905,団体コード!$E$1:$F$48,2,FALSE)</f>
        <v>#N/A</v>
      </c>
      <c r="O1905" s="51" t="e">
        <f t="shared" si="61"/>
        <v>#N/A</v>
      </c>
      <c r="P1905" s="51">
        <v>1</v>
      </c>
      <c r="Q1905" s="51" t="s">
        <v>5341</v>
      </c>
      <c r="R1905" s="54" t="b">
        <v>1</v>
      </c>
      <c r="S1905" s="52" t="s">
        <v>7126</v>
      </c>
      <c r="T1905" s="67" t="s">
        <v>7127</v>
      </c>
      <c r="U1905" s="75" t="s">
        <v>5331</v>
      </c>
      <c r="V1905" s="47" t="s">
        <v>5331</v>
      </c>
      <c r="W1905" s="47" t="s">
        <v>5331</v>
      </c>
      <c r="X1905" s="47" t="s">
        <v>5331</v>
      </c>
      <c r="Y1905" s="47" t="s">
        <v>5331</v>
      </c>
      <c r="Z1905" s="28"/>
      <c r="AA1905" s="27"/>
      <c r="AB1905" s="27"/>
      <c r="AC1905" s="27"/>
      <c r="AD1905" s="30"/>
      <c r="AE1905" s="1"/>
      <c r="AF1905" s="23" t="s">
        <v>5331</v>
      </c>
      <c r="AG1905" s="26"/>
      <c r="AH1905" s="53"/>
    </row>
    <row r="1906" spans="1:34" ht="51.6" customHeight="1" x14ac:dyDescent="0.45">
      <c r="A1906" s="23">
        <v>1900</v>
      </c>
      <c r="B1906" s="25"/>
      <c r="C1906" s="25"/>
      <c r="D1906" s="29"/>
      <c r="E1906" s="1"/>
      <c r="F1906" s="1"/>
      <c r="G1906" s="25"/>
      <c r="H1906" s="71"/>
      <c r="I1906" s="83"/>
      <c r="J1906" s="50" t="str">
        <f t="shared" si="60"/>
        <v/>
      </c>
      <c r="K1906" s="23" t="s">
        <v>7120</v>
      </c>
      <c r="L1906" s="49" t="e">
        <f>VLOOKUP(E1906&amp;F1906,団体コード!$A$1:$C$1743,3,FALSE)</f>
        <v>#N/A</v>
      </c>
      <c r="M1906" s="49" t="e">
        <f>VLOOKUP(E1906&amp;F1906,団体コード!$A$1:$C$1743,2,FALSE)</f>
        <v>#N/A</v>
      </c>
      <c r="N1906" s="51" t="e">
        <f>VLOOKUP(E1906,団体コード!$E$1:$F$48,2,FALSE)</f>
        <v>#N/A</v>
      </c>
      <c r="O1906" s="51" t="e">
        <f t="shared" si="61"/>
        <v>#N/A</v>
      </c>
      <c r="P1906" s="51">
        <v>1</v>
      </c>
      <c r="Q1906" s="51" t="s">
        <v>5341</v>
      </c>
      <c r="R1906" s="54" t="b">
        <v>1</v>
      </c>
      <c r="S1906" s="52" t="s">
        <v>7126</v>
      </c>
      <c r="T1906" s="67" t="s">
        <v>7127</v>
      </c>
      <c r="U1906" s="75" t="s">
        <v>5331</v>
      </c>
      <c r="V1906" s="47" t="s">
        <v>5331</v>
      </c>
      <c r="W1906" s="47" t="s">
        <v>5331</v>
      </c>
      <c r="X1906" s="47" t="s">
        <v>5331</v>
      </c>
      <c r="Y1906" s="47" t="s">
        <v>5331</v>
      </c>
      <c r="Z1906" s="28"/>
      <c r="AA1906" s="27"/>
      <c r="AB1906" s="27"/>
      <c r="AC1906" s="27"/>
      <c r="AD1906" s="30"/>
      <c r="AE1906" s="1"/>
      <c r="AF1906" s="23" t="s">
        <v>5331</v>
      </c>
      <c r="AG1906" s="26"/>
      <c r="AH1906" s="53"/>
    </row>
    <row r="1907" spans="1:34" ht="51.6" customHeight="1" x14ac:dyDescent="0.45">
      <c r="A1907" s="23">
        <v>1901</v>
      </c>
      <c r="B1907" s="25"/>
      <c r="C1907" s="25"/>
      <c r="D1907" s="29"/>
      <c r="E1907" s="1"/>
      <c r="F1907" s="1"/>
      <c r="G1907" s="25"/>
      <c r="H1907" s="71"/>
      <c r="I1907" s="83"/>
      <c r="J1907" s="50" t="str">
        <f t="shared" si="60"/>
        <v/>
      </c>
      <c r="K1907" s="23" t="s">
        <v>7120</v>
      </c>
      <c r="L1907" s="49" t="e">
        <f>VLOOKUP(E1907&amp;F1907,団体コード!$A$1:$C$1743,3,FALSE)</f>
        <v>#N/A</v>
      </c>
      <c r="M1907" s="49" t="e">
        <f>VLOOKUP(E1907&amp;F1907,団体コード!$A$1:$C$1743,2,FALSE)</f>
        <v>#N/A</v>
      </c>
      <c r="N1907" s="51" t="e">
        <f>VLOOKUP(E1907,団体コード!$E$1:$F$48,2,FALSE)</f>
        <v>#N/A</v>
      </c>
      <c r="O1907" s="51" t="e">
        <f t="shared" si="61"/>
        <v>#N/A</v>
      </c>
      <c r="P1907" s="51">
        <v>1</v>
      </c>
      <c r="Q1907" s="51" t="s">
        <v>5341</v>
      </c>
      <c r="R1907" s="54" t="b">
        <v>1</v>
      </c>
      <c r="S1907" s="52" t="s">
        <v>7126</v>
      </c>
      <c r="T1907" s="67" t="s">
        <v>7127</v>
      </c>
      <c r="U1907" s="75" t="s">
        <v>5331</v>
      </c>
      <c r="V1907" s="47" t="s">
        <v>5331</v>
      </c>
      <c r="W1907" s="47" t="s">
        <v>5331</v>
      </c>
      <c r="X1907" s="47" t="s">
        <v>5331</v>
      </c>
      <c r="Y1907" s="47" t="s">
        <v>5331</v>
      </c>
      <c r="Z1907" s="28"/>
      <c r="AA1907" s="27"/>
      <c r="AB1907" s="27"/>
      <c r="AC1907" s="27"/>
      <c r="AD1907" s="30"/>
      <c r="AE1907" s="1"/>
      <c r="AF1907" s="23" t="s">
        <v>5331</v>
      </c>
      <c r="AG1907" s="26"/>
      <c r="AH1907" s="53"/>
    </row>
    <row r="1908" spans="1:34" ht="51.6" customHeight="1" x14ac:dyDescent="0.45">
      <c r="A1908" s="23">
        <v>1902</v>
      </c>
      <c r="B1908" s="25"/>
      <c r="C1908" s="25"/>
      <c r="D1908" s="29"/>
      <c r="E1908" s="1"/>
      <c r="F1908" s="1"/>
      <c r="G1908" s="25"/>
      <c r="H1908" s="71"/>
      <c r="I1908" s="83"/>
      <c r="J1908" s="50" t="str">
        <f t="shared" si="60"/>
        <v/>
      </c>
      <c r="K1908" s="23" t="s">
        <v>7120</v>
      </c>
      <c r="L1908" s="49" t="e">
        <f>VLOOKUP(E1908&amp;F1908,団体コード!$A$1:$C$1743,3,FALSE)</f>
        <v>#N/A</v>
      </c>
      <c r="M1908" s="49" t="e">
        <f>VLOOKUP(E1908&amp;F1908,団体コード!$A$1:$C$1743,2,FALSE)</f>
        <v>#N/A</v>
      </c>
      <c r="N1908" s="51" t="e">
        <f>VLOOKUP(E1908,団体コード!$E$1:$F$48,2,FALSE)</f>
        <v>#N/A</v>
      </c>
      <c r="O1908" s="51" t="e">
        <f t="shared" si="61"/>
        <v>#N/A</v>
      </c>
      <c r="P1908" s="51">
        <v>1</v>
      </c>
      <c r="Q1908" s="51" t="s">
        <v>5341</v>
      </c>
      <c r="R1908" s="54" t="b">
        <v>1</v>
      </c>
      <c r="S1908" s="52" t="s">
        <v>7126</v>
      </c>
      <c r="T1908" s="67" t="s">
        <v>7127</v>
      </c>
      <c r="U1908" s="75" t="s">
        <v>5331</v>
      </c>
      <c r="V1908" s="47" t="s">
        <v>5331</v>
      </c>
      <c r="W1908" s="47" t="s">
        <v>5331</v>
      </c>
      <c r="X1908" s="47" t="s">
        <v>5331</v>
      </c>
      <c r="Y1908" s="47" t="s">
        <v>5331</v>
      </c>
      <c r="Z1908" s="28"/>
      <c r="AA1908" s="27"/>
      <c r="AB1908" s="27"/>
      <c r="AC1908" s="27"/>
      <c r="AD1908" s="30"/>
      <c r="AE1908" s="1"/>
      <c r="AF1908" s="23" t="s">
        <v>5331</v>
      </c>
      <c r="AG1908" s="26"/>
      <c r="AH1908" s="53"/>
    </row>
    <row r="1909" spans="1:34" ht="51.6" customHeight="1" x14ac:dyDescent="0.45">
      <c r="A1909" s="23">
        <v>1903</v>
      </c>
      <c r="B1909" s="25"/>
      <c r="C1909" s="25"/>
      <c r="D1909" s="29"/>
      <c r="E1909" s="1"/>
      <c r="F1909" s="1"/>
      <c r="G1909" s="25"/>
      <c r="H1909" s="71"/>
      <c r="I1909" s="83"/>
      <c r="J1909" s="50" t="str">
        <f t="shared" si="60"/>
        <v/>
      </c>
      <c r="K1909" s="23" t="s">
        <v>7120</v>
      </c>
      <c r="L1909" s="49" t="e">
        <f>VLOOKUP(E1909&amp;F1909,団体コード!$A$1:$C$1743,3,FALSE)</f>
        <v>#N/A</v>
      </c>
      <c r="M1909" s="49" t="e">
        <f>VLOOKUP(E1909&amp;F1909,団体コード!$A$1:$C$1743,2,FALSE)</f>
        <v>#N/A</v>
      </c>
      <c r="N1909" s="51" t="e">
        <f>VLOOKUP(E1909,団体コード!$E$1:$F$48,2,FALSE)</f>
        <v>#N/A</v>
      </c>
      <c r="O1909" s="51" t="e">
        <f t="shared" si="61"/>
        <v>#N/A</v>
      </c>
      <c r="P1909" s="51">
        <v>1</v>
      </c>
      <c r="Q1909" s="51" t="s">
        <v>5341</v>
      </c>
      <c r="R1909" s="54" t="b">
        <v>1</v>
      </c>
      <c r="S1909" s="52" t="s">
        <v>7126</v>
      </c>
      <c r="T1909" s="67" t="s">
        <v>7127</v>
      </c>
      <c r="U1909" s="75" t="s">
        <v>5331</v>
      </c>
      <c r="V1909" s="47" t="s">
        <v>5331</v>
      </c>
      <c r="W1909" s="47" t="s">
        <v>5331</v>
      </c>
      <c r="X1909" s="47" t="s">
        <v>5331</v>
      </c>
      <c r="Y1909" s="47" t="s">
        <v>5331</v>
      </c>
      <c r="Z1909" s="28"/>
      <c r="AA1909" s="27"/>
      <c r="AB1909" s="27"/>
      <c r="AC1909" s="27"/>
      <c r="AD1909" s="30"/>
      <c r="AE1909" s="1"/>
      <c r="AF1909" s="23" t="s">
        <v>5331</v>
      </c>
      <c r="AG1909" s="26"/>
      <c r="AH1909" s="53"/>
    </row>
    <row r="1910" spans="1:34" ht="51.6" customHeight="1" x14ac:dyDescent="0.45">
      <c r="A1910" s="23">
        <v>1904</v>
      </c>
      <c r="B1910" s="25"/>
      <c r="C1910" s="25"/>
      <c r="D1910" s="29"/>
      <c r="E1910" s="1"/>
      <c r="F1910" s="1"/>
      <c r="G1910" s="25"/>
      <c r="H1910" s="71"/>
      <c r="I1910" s="83"/>
      <c r="J1910" s="50" t="str">
        <f t="shared" si="60"/>
        <v/>
      </c>
      <c r="K1910" s="23" t="s">
        <v>7120</v>
      </c>
      <c r="L1910" s="49" t="e">
        <f>VLOOKUP(E1910&amp;F1910,団体コード!$A$1:$C$1743,3,FALSE)</f>
        <v>#N/A</v>
      </c>
      <c r="M1910" s="49" t="e">
        <f>VLOOKUP(E1910&amp;F1910,団体コード!$A$1:$C$1743,2,FALSE)</f>
        <v>#N/A</v>
      </c>
      <c r="N1910" s="51" t="e">
        <f>VLOOKUP(E1910,団体コード!$E$1:$F$48,2,FALSE)</f>
        <v>#N/A</v>
      </c>
      <c r="O1910" s="51" t="e">
        <f t="shared" si="61"/>
        <v>#N/A</v>
      </c>
      <c r="P1910" s="51">
        <v>1</v>
      </c>
      <c r="Q1910" s="51" t="s">
        <v>5341</v>
      </c>
      <c r="R1910" s="54" t="b">
        <v>1</v>
      </c>
      <c r="S1910" s="52" t="s">
        <v>7126</v>
      </c>
      <c r="T1910" s="67" t="s">
        <v>7127</v>
      </c>
      <c r="U1910" s="75" t="s">
        <v>5331</v>
      </c>
      <c r="V1910" s="47" t="s">
        <v>5331</v>
      </c>
      <c r="W1910" s="47" t="s">
        <v>5331</v>
      </c>
      <c r="X1910" s="47" t="s">
        <v>5331</v>
      </c>
      <c r="Y1910" s="47" t="s">
        <v>5331</v>
      </c>
      <c r="Z1910" s="28"/>
      <c r="AA1910" s="27"/>
      <c r="AB1910" s="27"/>
      <c r="AC1910" s="27"/>
      <c r="AD1910" s="30"/>
      <c r="AE1910" s="1"/>
      <c r="AF1910" s="23" t="s">
        <v>5331</v>
      </c>
      <c r="AG1910" s="26"/>
      <c r="AH1910" s="53"/>
    </row>
    <row r="1911" spans="1:34" ht="51.6" customHeight="1" x14ac:dyDescent="0.45">
      <c r="A1911" s="23">
        <v>1905</v>
      </c>
      <c r="B1911" s="25"/>
      <c r="C1911" s="25"/>
      <c r="D1911" s="29"/>
      <c r="E1911" s="1"/>
      <c r="F1911" s="1"/>
      <c r="G1911" s="25"/>
      <c r="H1911" s="71"/>
      <c r="I1911" s="83"/>
      <c r="J1911" s="50" t="str">
        <f t="shared" si="60"/>
        <v/>
      </c>
      <c r="K1911" s="23" t="s">
        <v>7120</v>
      </c>
      <c r="L1911" s="49" t="e">
        <f>VLOOKUP(E1911&amp;F1911,団体コード!$A$1:$C$1743,3,FALSE)</f>
        <v>#N/A</v>
      </c>
      <c r="M1911" s="49" t="e">
        <f>VLOOKUP(E1911&amp;F1911,団体コード!$A$1:$C$1743,2,FALSE)</f>
        <v>#N/A</v>
      </c>
      <c r="N1911" s="51" t="e">
        <f>VLOOKUP(E1911,団体コード!$E$1:$F$48,2,FALSE)</f>
        <v>#N/A</v>
      </c>
      <c r="O1911" s="51" t="e">
        <f t="shared" si="61"/>
        <v>#N/A</v>
      </c>
      <c r="P1911" s="51">
        <v>1</v>
      </c>
      <c r="Q1911" s="51" t="s">
        <v>5341</v>
      </c>
      <c r="R1911" s="54" t="b">
        <v>1</v>
      </c>
      <c r="S1911" s="52" t="s">
        <v>7126</v>
      </c>
      <c r="T1911" s="67" t="s">
        <v>7127</v>
      </c>
      <c r="U1911" s="75" t="s">
        <v>5331</v>
      </c>
      <c r="V1911" s="47" t="s">
        <v>5331</v>
      </c>
      <c r="W1911" s="47" t="s">
        <v>5331</v>
      </c>
      <c r="X1911" s="47" t="s">
        <v>5331</v>
      </c>
      <c r="Y1911" s="47" t="s">
        <v>5331</v>
      </c>
      <c r="Z1911" s="28"/>
      <c r="AA1911" s="27"/>
      <c r="AB1911" s="27"/>
      <c r="AC1911" s="27"/>
      <c r="AD1911" s="30"/>
      <c r="AE1911" s="1"/>
      <c r="AF1911" s="23" t="s">
        <v>5331</v>
      </c>
      <c r="AG1911" s="26"/>
      <c r="AH1911" s="53"/>
    </row>
    <row r="1912" spans="1:34" ht="51.6" customHeight="1" x14ac:dyDescent="0.45">
      <c r="A1912" s="23">
        <v>1906</v>
      </c>
      <c r="B1912" s="25"/>
      <c r="C1912" s="25"/>
      <c r="D1912" s="29"/>
      <c r="E1912" s="1"/>
      <c r="F1912" s="1"/>
      <c r="G1912" s="25"/>
      <c r="H1912" s="71"/>
      <c r="I1912" s="83"/>
      <c r="J1912" s="50" t="str">
        <f t="shared" si="60"/>
        <v/>
      </c>
      <c r="K1912" s="23" t="s">
        <v>7120</v>
      </c>
      <c r="L1912" s="49" t="e">
        <f>VLOOKUP(E1912&amp;F1912,団体コード!$A$1:$C$1743,3,FALSE)</f>
        <v>#N/A</v>
      </c>
      <c r="M1912" s="49" t="e">
        <f>VLOOKUP(E1912&amp;F1912,団体コード!$A$1:$C$1743,2,FALSE)</f>
        <v>#N/A</v>
      </c>
      <c r="N1912" s="51" t="e">
        <f>VLOOKUP(E1912,団体コード!$E$1:$F$48,2,FALSE)</f>
        <v>#N/A</v>
      </c>
      <c r="O1912" s="51" t="e">
        <f t="shared" si="61"/>
        <v>#N/A</v>
      </c>
      <c r="P1912" s="51">
        <v>1</v>
      </c>
      <c r="Q1912" s="51" t="s">
        <v>5341</v>
      </c>
      <c r="R1912" s="54" t="b">
        <v>1</v>
      </c>
      <c r="S1912" s="52" t="s">
        <v>7126</v>
      </c>
      <c r="T1912" s="67" t="s">
        <v>7127</v>
      </c>
      <c r="U1912" s="75" t="s">
        <v>5331</v>
      </c>
      <c r="V1912" s="47" t="s">
        <v>5331</v>
      </c>
      <c r="W1912" s="47" t="s">
        <v>5331</v>
      </c>
      <c r="X1912" s="47" t="s">
        <v>5331</v>
      </c>
      <c r="Y1912" s="47" t="s">
        <v>5331</v>
      </c>
      <c r="Z1912" s="28"/>
      <c r="AA1912" s="27"/>
      <c r="AB1912" s="27"/>
      <c r="AC1912" s="27"/>
      <c r="AD1912" s="30"/>
      <c r="AE1912" s="1"/>
      <c r="AF1912" s="23" t="s">
        <v>5331</v>
      </c>
      <c r="AG1912" s="26"/>
      <c r="AH1912" s="53"/>
    </row>
    <row r="1913" spans="1:34" ht="51.6" customHeight="1" x14ac:dyDescent="0.45">
      <c r="A1913" s="23">
        <v>1907</v>
      </c>
      <c r="B1913" s="25"/>
      <c r="C1913" s="25"/>
      <c r="D1913" s="29"/>
      <c r="E1913" s="1"/>
      <c r="F1913" s="1"/>
      <c r="G1913" s="25"/>
      <c r="H1913" s="71"/>
      <c r="I1913" s="83"/>
      <c r="J1913" s="50" t="str">
        <f t="shared" si="60"/>
        <v/>
      </c>
      <c r="K1913" s="23" t="s">
        <v>7120</v>
      </c>
      <c r="L1913" s="49" t="e">
        <f>VLOOKUP(E1913&amp;F1913,団体コード!$A$1:$C$1743,3,FALSE)</f>
        <v>#N/A</v>
      </c>
      <c r="M1913" s="49" t="e">
        <f>VLOOKUP(E1913&amp;F1913,団体コード!$A$1:$C$1743,2,FALSE)</f>
        <v>#N/A</v>
      </c>
      <c r="N1913" s="51" t="e">
        <f>VLOOKUP(E1913,団体コード!$E$1:$F$48,2,FALSE)</f>
        <v>#N/A</v>
      </c>
      <c r="O1913" s="51" t="e">
        <f t="shared" si="61"/>
        <v>#N/A</v>
      </c>
      <c r="P1913" s="51">
        <v>1</v>
      </c>
      <c r="Q1913" s="51" t="s">
        <v>5341</v>
      </c>
      <c r="R1913" s="54" t="b">
        <v>1</v>
      </c>
      <c r="S1913" s="52" t="s">
        <v>7126</v>
      </c>
      <c r="T1913" s="67" t="s">
        <v>7127</v>
      </c>
      <c r="U1913" s="75" t="s">
        <v>5331</v>
      </c>
      <c r="V1913" s="47" t="s">
        <v>5331</v>
      </c>
      <c r="W1913" s="47" t="s">
        <v>5331</v>
      </c>
      <c r="X1913" s="47" t="s">
        <v>5331</v>
      </c>
      <c r="Y1913" s="47" t="s">
        <v>5331</v>
      </c>
      <c r="Z1913" s="28"/>
      <c r="AA1913" s="27"/>
      <c r="AB1913" s="27"/>
      <c r="AC1913" s="27"/>
      <c r="AD1913" s="30"/>
      <c r="AE1913" s="1"/>
      <c r="AF1913" s="23" t="s">
        <v>5331</v>
      </c>
      <c r="AG1913" s="26"/>
      <c r="AH1913" s="53"/>
    </row>
    <row r="1914" spans="1:34" ht="51.6" customHeight="1" x14ac:dyDescent="0.45">
      <c r="A1914" s="23">
        <v>1908</v>
      </c>
      <c r="B1914" s="25"/>
      <c r="C1914" s="25"/>
      <c r="D1914" s="29"/>
      <c r="E1914" s="1"/>
      <c r="F1914" s="1"/>
      <c r="G1914" s="25"/>
      <c r="H1914" s="71"/>
      <c r="I1914" s="83"/>
      <c r="J1914" s="50" t="str">
        <f t="shared" si="60"/>
        <v/>
      </c>
      <c r="K1914" s="23" t="s">
        <v>7120</v>
      </c>
      <c r="L1914" s="49" t="e">
        <f>VLOOKUP(E1914&amp;F1914,団体コード!$A$1:$C$1743,3,FALSE)</f>
        <v>#N/A</v>
      </c>
      <c r="M1914" s="49" t="e">
        <f>VLOOKUP(E1914&amp;F1914,団体コード!$A$1:$C$1743,2,FALSE)</f>
        <v>#N/A</v>
      </c>
      <c r="N1914" s="51" t="e">
        <f>VLOOKUP(E1914,団体コード!$E$1:$F$48,2,FALSE)</f>
        <v>#N/A</v>
      </c>
      <c r="O1914" s="51" t="e">
        <f t="shared" si="61"/>
        <v>#N/A</v>
      </c>
      <c r="P1914" s="51">
        <v>1</v>
      </c>
      <c r="Q1914" s="51" t="s">
        <v>5341</v>
      </c>
      <c r="R1914" s="54" t="b">
        <v>1</v>
      </c>
      <c r="S1914" s="52" t="s">
        <v>7126</v>
      </c>
      <c r="T1914" s="67" t="s">
        <v>7127</v>
      </c>
      <c r="U1914" s="75" t="s">
        <v>5331</v>
      </c>
      <c r="V1914" s="47" t="s">
        <v>5331</v>
      </c>
      <c r="W1914" s="47" t="s">
        <v>5331</v>
      </c>
      <c r="X1914" s="47" t="s">
        <v>5331</v>
      </c>
      <c r="Y1914" s="47" t="s">
        <v>5331</v>
      </c>
      <c r="Z1914" s="28"/>
      <c r="AA1914" s="27"/>
      <c r="AB1914" s="27"/>
      <c r="AC1914" s="27"/>
      <c r="AD1914" s="30"/>
      <c r="AE1914" s="1"/>
      <c r="AF1914" s="23" t="s">
        <v>5331</v>
      </c>
      <c r="AG1914" s="26"/>
      <c r="AH1914" s="53"/>
    </row>
    <row r="1915" spans="1:34" ht="51.6" customHeight="1" x14ac:dyDescent="0.45">
      <c r="A1915" s="23">
        <v>1909</v>
      </c>
      <c r="B1915" s="25"/>
      <c r="C1915" s="25"/>
      <c r="D1915" s="29"/>
      <c r="E1915" s="1"/>
      <c r="F1915" s="1"/>
      <c r="G1915" s="25"/>
      <c r="H1915" s="71"/>
      <c r="I1915" s="83"/>
      <c r="J1915" s="50" t="str">
        <f t="shared" si="60"/>
        <v/>
      </c>
      <c r="K1915" s="23" t="s">
        <v>7120</v>
      </c>
      <c r="L1915" s="49" t="e">
        <f>VLOOKUP(E1915&amp;F1915,団体コード!$A$1:$C$1743,3,FALSE)</f>
        <v>#N/A</v>
      </c>
      <c r="M1915" s="49" t="e">
        <f>VLOOKUP(E1915&amp;F1915,団体コード!$A$1:$C$1743,2,FALSE)</f>
        <v>#N/A</v>
      </c>
      <c r="N1915" s="51" t="e">
        <f>VLOOKUP(E1915,団体コード!$E$1:$F$48,2,FALSE)</f>
        <v>#N/A</v>
      </c>
      <c r="O1915" s="51" t="e">
        <f t="shared" si="61"/>
        <v>#N/A</v>
      </c>
      <c r="P1915" s="51">
        <v>1</v>
      </c>
      <c r="Q1915" s="51" t="s">
        <v>5341</v>
      </c>
      <c r="R1915" s="54" t="b">
        <v>1</v>
      </c>
      <c r="S1915" s="52" t="s">
        <v>7126</v>
      </c>
      <c r="T1915" s="67" t="s">
        <v>7127</v>
      </c>
      <c r="U1915" s="75" t="s">
        <v>5331</v>
      </c>
      <c r="V1915" s="47" t="s">
        <v>5331</v>
      </c>
      <c r="W1915" s="47" t="s">
        <v>5331</v>
      </c>
      <c r="X1915" s="47" t="s">
        <v>5331</v>
      </c>
      <c r="Y1915" s="47" t="s">
        <v>5331</v>
      </c>
      <c r="Z1915" s="28"/>
      <c r="AA1915" s="27"/>
      <c r="AB1915" s="27"/>
      <c r="AC1915" s="27"/>
      <c r="AD1915" s="30"/>
      <c r="AE1915" s="1"/>
      <c r="AF1915" s="23" t="s">
        <v>5331</v>
      </c>
      <c r="AG1915" s="26"/>
      <c r="AH1915" s="53"/>
    </row>
    <row r="1916" spans="1:34" ht="51.6" customHeight="1" x14ac:dyDescent="0.45">
      <c r="A1916" s="23">
        <v>1910</v>
      </c>
      <c r="B1916" s="25"/>
      <c r="C1916" s="25"/>
      <c r="D1916" s="29"/>
      <c r="E1916" s="1"/>
      <c r="F1916" s="1"/>
      <c r="G1916" s="25"/>
      <c r="H1916" s="71"/>
      <c r="I1916" s="83"/>
      <c r="J1916" s="50" t="str">
        <f t="shared" si="60"/>
        <v/>
      </c>
      <c r="K1916" s="23" t="s">
        <v>7120</v>
      </c>
      <c r="L1916" s="49" t="e">
        <f>VLOOKUP(E1916&amp;F1916,団体コード!$A$1:$C$1743,3,FALSE)</f>
        <v>#N/A</v>
      </c>
      <c r="M1916" s="49" t="e">
        <f>VLOOKUP(E1916&amp;F1916,団体コード!$A$1:$C$1743,2,FALSE)</f>
        <v>#N/A</v>
      </c>
      <c r="N1916" s="51" t="e">
        <f>VLOOKUP(E1916,団体コード!$E$1:$F$48,2,FALSE)</f>
        <v>#N/A</v>
      </c>
      <c r="O1916" s="51" t="e">
        <f t="shared" si="61"/>
        <v>#N/A</v>
      </c>
      <c r="P1916" s="51">
        <v>1</v>
      </c>
      <c r="Q1916" s="51" t="s">
        <v>5341</v>
      </c>
      <c r="R1916" s="54" t="b">
        <v>1</v>
      </c>
      <c r="S1916" s="52" t="s">
        <v>7126</v>
      </c>
      <c r="T1916" s="67" t="s">
        <v>7127</v>
      </c>
      <c r="U1916" s="75" t="s">
        <v>5331</v>
      </c>
      <c r="V1916" s="47" t="s">
        <v>5331</v>
      </c>
      <c r="W1916" s="47" t="s">
        <v>5331</v>
      </c>
      <c r="X1916" s="47" t="s">
        <v>5331</v>
      </c>
      <c r="Y1916" s="47" t="s">
        <v>5331</v>
      </c>
      <c r="Z1916" s="28"/>
      <c r="AA1916" s="27"/>
      <c r="AB1916" s="27"/>
      <c r="AC1916" s="27"/>
      <c r="AD1916" s="30"/>
      <c r="AE1916" s="1"/>
      <c r="AF1916" s="23" t="s">
        <v>5331</v>
      </c>
      <c r="AG1916" s="26"/>
      <c r="AH1916" s="53"/>
    </row>
    <row r="1917" spans="1:34" ht="51.6" customHeight="1" x14ac:dyDescent="0.45">
      <c r="A1917" s="23">
        <v>1911</v>
      </c>
      <c r="B1917" s="25"/>
      <c r="C1917" s="25"/>
      <c r="D1917" s="29"/>
      <c r="E1917" s="1"/>
      <c r="F1917" s="1"/>
      <c r="G1917" s="25"/>
      <c r="H1917" s="71"/>
      <c r="I1917" s="83"/>
      <c r="J1917" s="50" t="str">
        <f t="shared" si="60"/>
        <v/>
      </c>
      <c r="K1917" s="23" t="s">
        <v>7120</v>
      </c>
      <c r="L1917" s="49" t="e">
        <f>VLOOKUP(E1917&amp;F1917,団体コード!$A$1:$C$1743,3,FALSE)</f>
        <v>#N/A</v>
      </c>
      <c r="M1917" s="49" t="e">
        <f>VLOOKUP(E1917&amp;F1917,団体コード!$A$1:$C$1743,2,FALSE)</f>
        <v>#N/A</v>
      </c>
      <c r="N1917" s="51" t="e">
        <f>VLOOKUP(E1917,団体コード!$E$1:$F$48,2,FALSE)</f>
        <v>#N/A</v>
      </c>
      <c r="O1917" s="51" t="e">
        <f t="shared" si="61"/>
        <v>#N/A</v>
      </c>
      <c r="P1917" s="51">
        <v>1</v>
      </c>
      <c r="Q1917" s="51" t="s">
        <v>5341</v>
      </c>
      <c r="R1917" s="54" t="b">
        <v>1</v>
      </c>
      <c r="S1917" s="52" t="s">
        <v>7126</v>
      </c>
      <c r="T1917" s="67" t="s">
        <v>7127</v>
      </c>
      <c r="U1917" s="75" t="s">
        <v>5331</v>
      </c>
      <c r="V1917" s="47" t="s">
        <v>5331</v>
      </c>
      <c r="W1917" s="47" t="s">
        <v>5331</v>
      </c>
      <c r="X1917" s="47" t="s">
        <v>5331</v>
      </c>
      <c r="Y1917" s="47" t="s">
        <v>5331</v>
      </c>
      <c r="Z1917" s="28"/>
      <c r="AA1917" s="27"/>
      <c r="AB1917" s="27"/>
      <c r="AC1917" s="27"/>
      <c r="AD1917" s="30"/>
      <c r="AE1917" s="1"/>
      <c r="AF1917" s="23" t="s">
        <v>5331</v>
      </c>
      <c r="AG1917" s="26"/>
      <c r="AH1917" s="53"/>
    </row>
    <row r="1918" spans="1:34" ht="51.6" customHeight="1" x14ac:dyDescent="0.45">
      <c r="A1918" s="23">
        <v>1912</v>
      </c>
      <c r="B1918" s="25"/>
      <c r="C1918" s="25"/>
      <c r="D1918" s="29"/>
      <c r="E1918" s="1"/>
      <c r="F1918" s="1"/>
      <c r="G1918" s="25"/>
      <c r="H1918" s="71"/>
      <c r="I1918" s="83"/>
      <c r="J1918" s="50" t="str">
        <f t="shared" si="60"/>
        <v/>
      </c>
      <c r="K1918" s="23" t="s">
        <v>7120</v>
      </c>
      <c r="L1918" s="49" t="e">
        <f>VLOOKUP(E1918&amp;F1918,団体コード!$A$1:$C$1743,3,FALSE)</f>
        <v>#N/A</v>
      </c>
      <c r="M1918" s="49" t="e">
        <f>VLOOKUP(E1918&amp;F1918,団体コード!$A$1:$C$1743,2,FALSE)</f>
        <v>#N/A</v>
      </c>
      <c r="N1918" s="51" t="e">
        <f>VLOOKUP(E1918,団体コード!$E$1:$F$48,2,FALSE)</f>
        <v>#N/A</v>
      </c>
      <c r="O1918" s="51" t="e">
        <f t="shared" si="61"/>
        <v>#N/A</v>
      </c>
      <c r="P1918" s="51">
        <v>1</v>
      </c>
      <c r="Q1918" s="51" t="s">
        <v>5341</v>
      </c>
      <c r="R1918" s="54" t="b">
        <v>1</v>
      </c>
      <c r="S1918" s="52" t="s">
        <v>7126</v>
      </c>
      <c r="T1918" s="67" t="s">
        <v>7127</v>
      </c>
      <c r="U1918" s="75" t="s">
        <v>5331</v>
      </c>
      <c r="V1918" s="47" t="s">
        <v>5331</v>
      </c>
      <c r="W1918" s="47" t="s">
        <v>5331</v>
      </c>
      <c r="X1918" s="47" t="s">
        <v>5331</v>
      </c>
      <c r="Y1918" s="47" t="s">
        <v>5331</v>
      </c>
      <c r="Z1918" s="28"/>
      <c r="AA1918" s="27"/>
      <c r="AB1918" s="27"/>
      <c r="AC1918" s="27"/>
      <c r="AD1918" s="30"/>
      <c r="AE1918" s="1"/>
      <c r="AF1918" s="23" t="s">
        <v>5331</v>
      </c>
      <c r="AG1918" s="26"/>
      <c r="AH1918" s="53"/>
    </row>
    <row r="1919" spans="1:34" ht="51.6" customHeight="1" x14ac:dyDescent="0.45">
      <c r="A1919" s="23">
        <v>1913</v>
      </c>
      <c r="B1919" s="25"/>
      <c r="C1919" s="25"/>
      <c r="D1919" s="29"/>
      <c r="E1919" s="1"/>
      <c r="F1919" s="1"/>
      <c r="G1919" s="25"/>
      <c r="H1919" s="71"/>
      <c r="I1919" s="83"/>
      <c r="J1919" s="50" t="str">
        <f t="shared" si="60"/>
        <v/>
      </c>
      <c r="K1919" s="23" t="s">
        <v>7120</v>
      </c>
      <c r="L1919" s="49" t="e">
        <f>VLOOKUP(E1919&amp;F1919,団体コード!$A$1:$C$1743,3,FALSE)</f>
        <v>#N/A</v>
      </c>
      <c r="M1919" s="49" t="e">
        <f>VLOOKUP(E1919&amp;F1919,団体コード!$A$1:$C$1743,2,FALSE)</f>
        <v>#N/A</v>
      </c>
      <c r="N1919" s="51" t="e">
        <f>VLOOKUP(E1919,団体コード!$E$1:$F$48,2,FALSE)</f>
        <v>#N/A</v>
      </c>
      <c r="O1919" s="51" t="e">
        <f t="shared" si="61"/>
        <v>#N/A</v>
      </c>
      <c r="P1919" s="51">
        <v>1</v>
      </c>
      <c r="Q1919" s="51" t="s">
        <v>5341</v>
      </c>
      <c r="R1919" s="54" t="b">
        <v>1</v>
      </c>
      <c r="S1919" s="52" t="s">
        <v>7126</v>
      </c>
      <c r="T1919" s="67" t="s">
        <v>7127</v>
      </c>
      <c r="U1919" s="75" t="s">
        <v>5331</v>
      </c>
      <c r="V1919" s="47" t="s">
        <v>5331</v>
      </c>
      <c r="W1919" s="47" t="s">
        <v>5331</v>
      </c>
      <c r="X1919" s="47" t="s">
        <v>5331</v>
      </c>
      <c r="Y1919" s="47" t="s">
        <v>5331</v>
      </c>
      <c r="Z1919" s="28"/>
      <c r="AA1919" s="27"/>
      <c r="AB1919" s="27"/>
      <c r="AC1919" s="27"/>
      <c r="AD1919" s="30"/>
      <c r="AE1919" s="1"/>
      <c r="AF1919" s="23" t="s">
        <v>5331</v>
      </c>
      <c r="AG1919" s="26"/>
      <c r="AH1919" s="53"/>
    </row>
    <row r="1920" spans="1:34" ht="51.6" customHeight="1" x14ac:dyDescent="0.45">
      <c r="A1920" s="23">
        <v>1914</v>
      </c>
      <c r="B1920" s="25"/>
      <c r="C1920" s="25"/>
      <c r="D1920" s="29"/>
      <c r="E1920" s="1"/>
      <c r="F1920" s="1"/>
      <c r="G1920" s="25"/>
      <c r="H1920" s="71"/>
      <c r="I1920" s="83"/>
      <c r="J1920" s="50" t="str">
        <f t="shared" si="60"/>
        <v/>
      </c>
      <c r="K1920" s="23" t="s">
        <v>7120</v>
      </c>
      <c r="L1920" s="49" t="e">
        <f>VLOOKUP(E1920&amp;F1920,団体コード!$A$1:$C$1743,3,FALSE)</f>
        <v>#N/A</v>
      </c>
      <c r="M1920" s="49" t="e">
        <f>VLOOKUP(E1920&amp;F1920,団体コード!$A$1:$C$1743,2,FALSE)</f>
        <v>#N/A</v>
      </c>
      <c r="N1920" s="51" t="e">
        <f>VLOOKUP(E1920,団体コード!$E$1:$F$48,2,FALSE)</f>
        <v>#N/A</v>
      </c>
      <c r="O1920" s="51" t="e">
        <f t="shared" si="61"/>
        <v>#N/A</v>
      </c>
      <c r="P1920" s="51">
        <v>1</v>
      </c>
      <c r="Q1920" s="51" t="s">
        <v>5341</v>
      </c>
      <c r="R1920" s="54" t="b">
        <v>1</v>
      </c>
      <c r="S1920" s="52" t="s">
        <v>7126</v>
      </c>
      <c r="T1920" s="67" t="s">
        <v>7127</v>
      </c>
      <c r="U1920" s="75" t="s">
        <v>5331</v>
      </c>
      <c r="V1920" s="47" t="s">
        <v>5331</v>
      </c>
      <c r="W1920" s="47" t="s">
        <v>5331</v>
      </c>
      <c r="X1920" s="47" t="s">
        <v>5331</v>
      </c>
      <c r="Y1920" s="47" t="s">
        <v>5331</v>
      </c>
      <c r="Z1920" s="28"/>
      <c r="AA1920" s="27"/>
      <c r="AB1920" s="27"/>
      <c r="AC1920" s="27"/>
      <c r="AD1920" s="30"/>
      <c r="AE1920" s="1"/>
      <c r="AF1920" s="23" t="s">
        <v>5331</v>
      </c>
      <c r="AG1920" s="26"/>
      <c r="AH1920" s="53"/>
    </row>
    <row r="1921" spans="1:34" ht="51.6" customHeight="1" x14ac:dyDescent="0.45">
      <c r="A1921" s="23">
        <v>1915</v>
      </c>
      <c r="B1921" s="25"/>
      <c r="C1921" s="25"/>
      <c r="D1921" s="29"/>
      <c r="E1921" s="1"/>
      <c r="F1921" s="1"/>
      <c r="G1921" s="25"/>
      <c r="H1921" s="71"/>
      <c r="I1921" s="83"/>
      <c r="J1921" s="50" t="str">
        <f t="shared" si="60"/>
        <v/>
      </c>
      <c r="K1921" s="23" t="s">
        <v>7120</v>
      </c>
      <c r="L1921" s="49" t="e">
        <f>VLOOKUP(E1921&amp;F1921,団体コード!$A$1:$C$1743,3,FALSE)</f>
        <v>#N/A</v>
      </c>
      <c r="M1921" s="49" t="e">
        <f>VLOOKUP(E1921&amp;F1921,団体コード!$A$1:$C$1743,2,FALSE)</f>
        <v>#N/A</v>
      </c>
      <c r="N1921" s="51" t="e">
        <f>VLOOKUP(E1921,団体コード!$E$1:$F$48,2,FALSE)</f>
        <v>#N/A</v>
      </c>
      <c r="O1921" s="51" t="e">
        <f t="shared" si="61"/>
        <v>#N/A</v>
      </c>
      <c r="P1921" s="51">
        <v>1</v>
      </c>
      <c r="Q1921" s="51" t="s">
        <v>5341</v>
      </c>
      <c r="R1921" s="54" t="b">
        <v>1</v>
      </c>
      <c r="S1921" s="52" t="s">
        <v>7126</v>
      </c>
      <c r="T1921" s="67" t="s">
        <v>7127</v>
      </c>
      <c r="U1921" s="75" t="s">
        <v>5331</v>
      </c>
      <c r="V1921" s="47" t="s">
        <v>5331</v>
      </c>
      <c r="W1921" s="47" t="s">
        <v>5331</v>
      </c>
      <c r="X1921" s="47" t="s">
        <v>5331</v>
      </c>
      <c r="Y1921" s="47" t="s">
        <v>5331</v>
      </c>
      <c r="Z1921" s="28"/>
      <c r="AA1921" s="27"/>
      <c r="AB1921" s="27"/>
      <c r="AC1921" s="27"/>
      <c r="AD1921" s="30"/>
      <c r="AE1921" s="1"/>
      <c r="AF1921" s="23" t="s">
        <v>5331</v>
      </c>
      <c r="AG1921" s="26"/>
      <c r="AH1921" s="53"/>
    </row>
    <row r="1922" spans="1:34" ht="51.6" customHeight="1" x14ac:dyDescent="0.45">
      <c r="A1922" s="23">
        <v>1916</v>
      </c>
      <c r="B1922" s="25"/>
      <c r="C1922" s="25"/>
      <c r="D1922" s="29"/>
      <c r="E1922" s="1"/>
      <c r="F1922" s="1"/>
      <c r="G1922" s="25"/>
      <c r="H1922" s="71"/>
      <c r="I1922" s="83"/>
      <c r="J1922" s="50" t="str">
        <f t="shared" si="60"/>
        <v/>
      </c>
      <c r="K1922" s="23" t="s">
        <v>7120</v>
      </c>
      <c r="L1922" s="49" t="e">
        <f>VLOOKUP(E1922&amp;F1922,団体コード!$A$1:$C$1743,3,FALSE)</f>
        <v>#N/A</v>
      </c>
      <c r="M1922" s="49" t="e">
        <f>VLOOKUP(E1922&amp;F1922,団体コード!$A$1:$C$1743,2,FALSE)</f>
        <v>#N/A</v>
      </c>
      <c r="N1922" s="51" t="e">
        <f>VLOOKUP(E1922,団体コード!$E$1:$F$48,2,FALSE)</f>
        <v>#N/A</v>
      </c>
      <c r="O1922" s="51" t="e">
        <f t="shared" si="61"/>
        <v>#N/A</v>
      </c>
      <c r="P1922" s="51">
        <v>1</v>
      </c>
      <c r="Q1922" s="51" t="s">
        <v>5341</v>
      </c>
      <c r="R1922" s="54" t="b">
        <v>1</v>
      </c>
      <c r="S1922" s="52" t="s">
        <v>7126</v>
      </c>
      <c r="T1922" s="67" t="s">
        <v>7127</v>
      </c>
      <c r="U1922" s="75" t="s">
        <v>5331</v>
      </c>
      <c r="V1922" s="47" t="s">
        <v>5331</v>
      </c>
      <c r="W1922" s="47" t="s">
        <v>5331</v>
      </c>
      <c r="X1922" s="47" t="s">
        <v>5331</v>
      </c>
      <c r="Y1922" s="47" t="s">
        <v>5331</v>
      </c>
      <c r="Z1922" s="28"/>
      <c r="AA1922" s="27"/>
      <c r="AB1922" s="27"/>
      <c r="AC1922" s="27"/>
      <c r="AD1922" s="30"/>
      <c r="AE1922" s="1"/>
      <c r="AF1922" s="23" t="s">
        <v>5331</v>
      </c>
      <c r="AG1922" s="26"/>
      <c r="AH1922" s="53"/>
    </row>
    <row r="1923" spans="1:34" ht="51.6" customHeight="1" x14ac:dyDescent="0.45">
      <c r="A1923" s="23">
        <v>1917</v>
      </c>
      <c r="B1923" s="25"/>
      <c r="C1923" s="25"/>
      <c r="D1923" s="29"/>
      <c r="E1923" s="1"/>
      <c r="F1923" s="1"/>
      <c r="G1923" s="25"/>
      <c r="H1923" s="71"/>
      <c r="I1923" s="83"/>
      <c r="J1923" s="50" t="str">
        <f t="shared" si="60"/>
        <v/>
      </c>
      <c r="K1923" s="23" t="s">
        <v>7120</v>
      </c>
      <c r="L1923" s="49" t="e">
        <f>VLOOKUP(E1923&amp;F1923,団体コード!$A$1:$C$1743,3,FALSE)</f>
        <v>#N/A</v>
      </c>
      <c r="M1923" s="49" t="e">
        <f>VLOOKUP(E1923&amp;F1923,団体コード!$A$1:$C$1743,2,FALSE)</f>
        <v>#N/A</v>
      </c>
      <c r="N1923" s="51" t="e">
        <f>VLOOKUP(E1923,団体コード!$E$1:$F$48,2,FALSE)</f>
        <v>#N/A</v>
      </c>
      <c r="O1923" s="51" t="e">
        <f t="shared" si="61"/>
        <v>#N/A</v>
      </c>
      <c r="P1923" s="51">
        <v>1</v>
      </c>
      <c r="Q1923" s="51" t="s">
        <v>5341</v>
      </c>
      <c r="R1923" s="54" t="b">
        <v>1</v>
      </c>
      <c r="S1923" s="52" t="s">
        <v>7126</v>
      </c>
      <c r="T1923" s="67" t="s">
        <v>7127</v>
      </c>
      <c r="U1923" s="75" t="s">
        <v>5331</v>
      </c>
      <c r="V1923" s="47" t="s">
        <v>5331</v>
      </c>
      <c r="W1923" s="47" t="s">
        <v>5331</v>
      </c>
      <c r="X1923" s="47" t="s">
        <v>5331</v>
      </c>
      <c r="Y1923" s="47" t="s">
        <v>5331</v>
      </c>
      <c r="Z1923" s="28"/>
      <c r="AA1923" s="27"/>
      <c r="AB1923" s="27"/>
      <c r="AC1923" s="27"/>
      <c r="AD1923" s="30"/>
      <c r="AE1923" s="1"/>
      <c r="AF1923" s="23" t="s">
        <v>5331</v>
      </c>
      <c r="AG1923" s="26"/>
      <c r="AH1923" s="53"/>
    </row>
    <row r="1924" spans="1:34" ht="51.6" customHeight="1" x14ac:dyDescent="0.45">
      <c r="A1924" s="23">
        <v>1918</v>
      </c>
      <c r="B1924" s="25"/>
      <c r="C1924" s="25"/>
      <c r="D1924" s="29"/>
      <c r="E1924" s="1"/>
      <c r="F1924" s="1"/>
      <c r="G1924" s="25"/>
      <c r="H1924" s="71"/>
      <c r="I1924" s="83"/>
      <c r="J1924" s="50" t="str">
        <f t="shared" si="60"/>
        <v/>
      </c>
      <c r="K1924" s="23" t="s">
        <v>7120</v>
      </c>
      <c r="L1924" s="49" t="e">
        <f>VLOOKUP(E1924&amp;F1924,団体コード!$A$1:$C$1743,3,FALSE)</f>
        <v>#N/A</v>
      </c>
      <c r="M1924" s="49" t="e">
        <f>VLOOKUP(E1924&amp;F1924,団体コード!$A$1:$C$1743,2,FALSE)</f>
        <v>#N/A</v>
      </c>
      <c r="N1924" s="51" t="e">
        <f>VLOOKUP(E1924,団体コード!$E$1:$F$48,2,FALSE)</f>
        <v>#N/A</v>
      </c>
      <c r="O1924" s="51" t="e">
        <f t="shared" si="61"/>
        <v>#N/A</v>
      </c>
      <c r="P1924" s="51">
        <v>1</v>
      </c>
      <c r="Q1924" s="51" t="s">
        <v>5341</v>
      </c>
      <c r="R1924" s="54" t="b">
        <v>1</v>
      </c>
      <c r="S1924" s="52" t="s">
        <v>7126</v>
      </c>
      <c r="T1924" s="67" t="s">
        <v>7127</v>
      </c>
      <c r="U1924" s="75" t="s">
        <v>5331</v>
      </c>
      <c r="V1924" s="47" t="s">
        <v>5331</v>
      </c>
      <c r="W1924" s="47" t="s">
        <v>5331</v>
      </c>
      <c r="X1924" s="47" t="s">
        <v>5331</v>
      </c>
      <c r="Y1924" s="47" t="s">
        <v>5331</v>
      </c>
      <c r="Z1924" s="28"/>
      <c r="AA1924" s="27"/>
      <c r="AB1924" s="27"/>
      <c r="AC1924" s="27"/>
      <c r="AD1924" s="30"/>
      <c r="AE1924" s="1"/>
      <c r="AF1924" s="23" t="s">
        <v>5331</v>
      </c>
      <c r="AG1924" s="26"/>
      <c r="AH1924" s="53"/>
    </row>
    <row r="1925" spans="1:34" ht="51.6" customHeight="1" x14ac:dyDescent="0.45">
      <c r="A1925" s="23">
        <v>1919</v>
      </c>
      <c r="B1925" s="25"/>
      <c r="C1925" s="25"/>
      <c r="D1925" s="29"/>
      <c r="E1925" s="1"/>
      <c r="F1925" s="1"/>
      <c r="G1925" s="25"/>
      <c r="H1925" s="71"/>
      <c r="I1925" s="83"/>
      <c r="J1925" s="50" t="str">
        <f t="shared" si="60"/>
        <v/>
      </c>
      <c r="K1925" s="23" t="s">
        <v>7120</v>
      </c>
      <c r="L1925" s="49" t="e">
        <f>VLOOKUP(E1925&amp;F1925,団体コード!$A$1:$C$1743,3,FALSE)</f>
        <v>#N/A</v>
      </c>
      <c r="M1925" s="49" t="e">
        <f>VLOOKUP(E1925&amp;F1925,団体コード!$A$1:$C$1743,2,FALSE)</f>
        <v>#N/A</v>
      </c>
      <c r="N1925" s="51" t="e">
        <f>VLOOKUP(E1925,団体コード!$E$1:$F$48,2,FALSE)</f>
        <v>#N/A</v>
      </c>
      <c r="O1925" s="51" t="e">
        <f t="shared" si="61"/>
        <v>#N/A</v>
      </c>
      <c r="P1925" s="51">
        <v>1</v>
      </c>
      <c r="Q1925" s="51" t="s">
        <v>5341</v>
      </c>
      <c r="R1925" s="54" t="b">
        <v>1</v>
      </c>
      <c r="S1925" s="52" t="s">
        <v>7126</v>
      </c>
      <c r="T1925" s="67" t="s">
        <v>7127</v>
      </c>
      <c r="U1925" s="75" t="s">
        <v>5331</v>
      </c>
      <c r="V1925" s="47" t="s">
        <v>5331</v>
      </c>
      <c r="W1925" s="47" t="s">
        <v>5331</v>
      </c>
      <c r="X1925" s="47" t="s">
        <v>5331</v>
      </c>
      <c r="Y1925" s="47" t="s">
        <v>5331</v>
      </c>
      <c r="Z1925" s="28"/>
      <c r="AA1925" s="27"/>
      <c r="AB1925" s="27"/>
      <c r="AC1925" s="27"/>
      <c r="AD1925" s="30"/>
      <c r="AE1925" s="1"/>
      <c r="AF1925" s="23" t="s">
        <v>5331</v>
      </c>
      <c r="AG1925" s="26"/>
      <c r="AH1925" s="53"/>
    </row>
    <row r="1926" spans="1:34" ht="51.6" customHeight="1" x14ac:dyDescent="0.45">
      <c r="A1926" s="23">
        <v>1920</v>
      </c>
      <c r="B1926" s="25"/>
      <c r="C1926" s="25"/>
      <c r="D1926" s="29"/>
      <c r="E1926" s="1"/>
      <c r="F1926" s="1"/>
      <c r="G1926" s="25"/>
      <c r="H1926" s="71"/>
      <c r="I1926" s="83"/>
      <c r="J1926" s="50" t="str">
        <f t="shared" si="60"/>
        <v/>
      </c>
      <c r="K1926" s="23" t="s">
        <v>7120</v>
      </c>
      <c r="L1926" s="49" t="e">
        <f>VLOOKUP(E1926&amp;F1926,団体コード!$A$1:$C$1743,3,FALSE)</f>
        <v>#N/A</v>
      </c>
      <c r="M1926" s="49" t="e">
        <f>VLOOKUP(E1926&amp;F1926,団体コード!$A$1:$C$1743,2,FALSE)</f>
        <v>#N/A</v>
      </c>
      <c r="N1926" s="51" t="e">
        <f>VLOOKUP(E1926,団体コード!$E$1:$F$48,2,FALSE)</f>
        <v>#N/A</v>
      </c>
      <c r="O1926" s="51" t="e">
        <f t="shared" si="61"/>
        <v>#N/A</v>
      </c>
      <c r="P1926" s="51">
        <v>1</v>
      </c>
      <c r="Q1926" s="51" t="s">
        <v>5341</v>
      </c>
      <c r="R1926" s="54" t="b">
        <v>1</v>
      </c>
      <c r="S1926" s="52" t="s">
        <v>7126</v>
      </c>
      <c r="T1926" s="67" t="s">
        <v>7127</v>
      </c>
      <c r="U1926" s="75" t="s">
        <v>5331</v>
      </c>
      <c r="V1926" s="47" t="s">
        <v>5331</v>
      </c>
      <c r="W1926" s="47" t="s">
        <v>5331</v>
      </c>
      <c r="X1926" s="47" t="s">
        <v>5331</v>
      </c>
      <c r="Y1926" s="47" t="s">
        <v>5331</v>
      </c>
      <c r="Z1926" s="28"/>
      <c r="AA1926" s="27"/>
      <c r="AB1926" s="27"/>
      <c r="AC1926" s="27"/>
      <c r="AD1926" s="30"/>
      <c r="AE1926" s="1"/>
      <c r="AF1926" s="23" t="s">
        <v>5331</v>
      </c>
      <c r="AG1926" s="26"/>
      <c r="AH1926" s="53"/>
    </row>
    <row r="1927" spans="1:34" ht="51.6" customHeight="1" x14ac:dyDescent="0.45">
      <c r="A1927" s="23">
        <v>1921</v>
      </c>
      <c r="B1927" s="25"/>
      <c r="C1927" s="25"/>
      <c r="D1927" s="29"/>
      <c r="E1927" s="1"/>
      <c r="F1927" s="1"/>
      <c r="G1927" s="25"/>
      <c r="H1927" s="71"/>
      <c r="I1927" s="83"/>
      <c r="J1927" s="50" t="str">
        <f t="shared" si="60"/>
        <v/>
      </c>
      <c r="K1927" s="23" t="s">
        <v>7120</v>
      </c>
      <c r="L1927" s="49" t="e">
        <f>VLOOKUP(E1927&amp;F1927,団体コード!$A$1:$C$1743,3,FALSE)</f>
        <v>#N/A</v>
      </c>
      <c r="M1927" s="49" t="e">
        <f>VLOOKUP(E1927&amp;F1927,団体コード!$A$1:$C$1743,2,FALSE)</f>
        <v>#N/A</v>
      </c>
      <c r="N1927" s="51" t="e">
        <f>VLOOKUP(E1927,団体コード!$E$1:$F$48,2,FALSE)</f>
        <v>#N/A</v>
      </c>
      <c r="O1927" s="51" t="e">
        <f t="shared" si="61"/>
        <v>#N/A</v>
      </c>
      <c r="P1927" s="51">
        <v>1</v>
      </c>
      <c r="Q1927" s="51" t="s">
        <v>5341</v>
      </c>
      <c r="R1927" s="54" t="b">
        <v>1</v>
      </c>
      <c r="S1927" s="52" t="s">
        <v>7126</v>
      </c>
      <c r="T1927" s="67" t="s">
        <v>7127</v>
      </c>
      <c r="U1927" s="75" t="s">
        <v>5331</v>
      </c>
      <c r="V1927" s="47" t="s">
        <v>5331</v>
      </c>
      <c r="W1927" s="47" t="s">
        <v>5331</v>
      </c>
      <c r="X1927" s="47" t="s">
        <v>5331</v>
      </c>
      <c r="Y1927" s="47" t="s">
        <v>5331</v>
      </c>
      <c r="Z1927" s="28"/>
      <c r="AA1927" s="27"/>
      <c r="AB1927" s="27"/>
      <c r="AC1927" s="27"/>
      <c r="AD1927" s="30"/>
      <c r="AE1927" s="1"/>
      <c r="AF1927" s="23" t="s">
        <v>5331</v>
      </c>
      <c r="AG1927" s="26"/>
      <c r="AH1927" s="53"/>
    </row>
    <row r="1928" spans="1:34" ht="51.6" customHeight="1" x14ac:dyDescent="0.45">
      <c r="A1928" s="23">
        <v>1922</v>
      </c>
      <c r="B1928" s="25"/>
      <c r="C1928" s="25"/>
      <c r="D1928" s="29"/>
      <c r="E1928" s="1"/>
      <c r="F1928" s="1"/>
      <c r="G1928" s="25"/>
      <c r="H1928" s="71"/>
      <c r="I1928" s="83"/>
      <c r="J1928" s="50" t="str">
        <f t="shared" ref="J1928:J1991" si="62">E1928&amp;F1928&amp;G1928</f>
        <v/>
      </c>
      <c r="K1928" s="23" t="s">
        <v>7120</v>
      </c>
      <c r="L1928" s="49" t="e">
        <f>VLOOKUP(E1928&amp;F1928,団体コード!$A$1:$C$1743,3,FALSE)</f>
        <v>#N/A</v>
      </c>
      <c r="M1928" s="49" t="e">
        <f>VLOOKUP(E1928&amp;F1928,団体コード!$A$1:$C$1743,2,FALSE)</f>
        <v>#N/A</v>
      </c>
      <c r="N1928" s="51" t="e">
        <f>VLOOKUP(E1928,団体コード!$E$1:$F$48,2,FALSE)</f>
        <v>#N/A</v>
      </c>
      <c r="O1928" s="51" t="e">
        <f t="shared" ref="O1928:O1991" si="63">N1928</f>
        <v>#N/A</v>
      </c>
      <c r="P1928" s="51">
        <v>1</v>
      </c>
      <c r="Q1928" s="51" t="s">
        <v>5341</v>
      </c>
      <c r="R1928" s="54" t="b">
        <v>1</v>
      </c>
      <c r="S1928" s="52" t="s">
        <v>7126</v>
      </c>
      <c r="T1928" s="67" t="s">
        <v>7127</v>
      </c>
      <c r="U1928" s="75" t="s">
        <v>5331</v>
      </c>
      <c r="V1928" s="47" t="s">
        <v>5331</v>
      </c>
      <c r="W1928" s="47" t="s">
        <v>5331</v>
      </c>
      <c r="X1928" s="47" t="s">
        <v>5331</v>
      </c>
      <c r="Y1928" s="47" t="s">
        <v>5331</v>
      </c>
      <c r="Z1928" s="28"/>
      <c r="AA1928" s="27"/>
      <c r="AB1928" s="27"/>
      <c r="AC1928" s="27"/>
      <c r="AD1928" s="30"/>
      <c r="AE1928" s="1"/>
      <c r="AF1928" s="23" t="s">
        <v>5331</v>
      </c>
      <c r="AG1928" s="26"/>
      <c r="AH1928" s="53"/>
    </row>
    <row r="1929" spans="1:34" ht="51.6" customHeight="1" x14ac:dyDescent="0.45">
      <c r="A1929" s="23">
        <v>1923</v>
      </c>
      <c r="B1929" s="25"/>
      <c r="C1929" s="25"/>
      <c r="D1929" s="29"/>
      <c r="E1929" s="1"/>
      <c r="F1929" s="1"/>
      <c r="G1929" s="25"/>
      <c r="H1929" s="71"/>
      <c r="I1929" s="83"/>
      <c r="J1929" s="50" t="str">
        <f t="shared" si="62"/>
        <v/>
      </c>
      <c r="K1929" s="23" t="s">
        <v>7120</v>
      </c>
      <c r="L1929" s="49" t="e">
        <f>VLOOKUP(E1929&amp;F1929,団体コード!$A$1:$C$1743,3,FALSE)</f>
        <v>#N/A</v>
      </c>
      <c r="M1929" s="49" t="e">
        <f>VLOOKUP(E1929&amp;F1929,団体コード!$A$1:$C$1743,2,FALSE)</f>
        <v>#N/A</v>
      </c>
      <c r="N1929" s="51" t="e">
        <f>VLOOKUP(E1929,団体コード!$E$1:$F$48,2,FALSE)</f>
        <v>#N/A</v>
      </c>
      <c r="O1929" s="51" t="e">
        <f t="shared" si="63"/>
        <v>#N/A</v>
      </c>
      <c r="P1929" s="51">
        <v>1</v>
      </c>
      <c r="Q1929" s="51" t="s">
        <v>5341</v>
      </c>
      <c r="R1929" s="54" t="b">
        <v>1</v>
      </c>
      <c r="S1929" s="52" t="s">
        <v>7126</v>
      </c>
      <c r="T1929" s="67" t="s">
        <v>7127</v>
      </c>
      <c r="U1929" s="75" t="s">
        <v>5331</v>
      </c>
      <c r="V1929" s="47" t="s">
        <v>5331</v>
      </c>
      <c r="W1929" s="47" t="s">
        <v>5331</v>
      </c>
      <c r="X1929" s="47" t="s">
        <v>5331</v>
      </c>
      <c r="Y1929" s="47" t="s">
        <v>5331</v>
      </c>
      <c r="Z1929" s="28"/>
      <c r="AA1929" s="27"/>
      <c r="AB1929" s="27"/>
      <c r="AC1929" s="27"/>
      <c r="AD1929" s="30"/>
      <c r="AE1929" s="1"/>
      <c r="AF1929" s="23" t="s">
        <v>5331</v>
      </c>
      <c r="AG1929" s="26"/>
      <c r="AH1929" s="53"/>
    </row>
    <row r="1930" spans="1:34" ht="51.6" customHeight="1" x14ac:dyDescent="0.45">
      <c r="A1930" s="23">
        <v>1924</v>
      </c>
      <c r="B1930" s="25"/>
      <c r="C1930" s="25"/>
      <c r="D1930" s="29"/>
      <c r="E1930" s="1"/>
      <c r="F1930" s="1"/>
      <c r="G1930" s="25"/>
      <c r="H1930" s="71"/>
      <c r="I1930" s="83"/>
      <c r="J1930" s="50" t="str">
        <f t="shared" si="62"/>
        <v/>
      </c>
      <c r="K1930" s="23" t="s">
        <v>7120</v>
      </c>
      <c r="L1930" s="49" t="e">
        <f>VLOOKUP(E1930&amp;F1930,団体コード!$A$1:$C$1743,3,FALSE)</f>
        <v>#N/A</v>
      </c>
      <c r="M1930" s="49" t="e">
        <f>VLOOKUP(E1930&amp;F1930,団体コード!$A$1:$C$1743,2,FALSE)</f>
        <v>#N/A</v>
      </c>
      <c r="N1930" s="51" t="e">
        <f>VLOOKUP(E1930,団体コード!$E$1:$F$48,2,FALSE)</f>
        <v>#N/A</v>
      </c>
      <c r="O1930" s="51" t="e">
        <f t="shared" si="63"/>
        <v>#N/A</v>
      </c>
      <c r="P1930" s="51">
        <v>1</v>
      </c>
      <c r="Q1930" s="51" t="s">
        <v>5341</v>
      </c>
      <c r="R1930" s="54" t="b">
        <v>1</v>
      </c>
      <c r="S1930" s="52" t="s">
        <v>7126</v>
      </c>
      <c r="T1930" s="67" t="s">
        <v>7127</v>
      </c>
      <c r="U1930" s="75" t="s">
        <v>5331</v>
      </c>
      <c r="V1930" s="47" t="s">
        <v>5331</v>
      </c>
      <c r="W1930" s="47" t="s">
        <v>5331</v>
      </c>
      <c r="X1930" s="47" t="s">
        <v>5331</v>
      </c>
      <c r="Y1930" s="47" t="s">
        <v>5331</v>
      </c>
      <c r="Z1930" s="28"/>
      <c r="AA1930" s="27"/>
      <c r="AB1930" s="27"/>
      <c r="AC1930" s="27"/>
      <c r="AD1930" s="30"/>
      <c r="AE1930" s="1"/>
      <c r="AF1930" s="23" t="s">
        <v>5331</v>
      </c>
      <c r="AG1930" s="26"/>
      <c r="AH1930" s="53"/>
    </row>
    <row r="1931" spans="1:34" ht="51.6" customHeight="1" x14ac:dyDescent="0.45">
      <c r="A1931" s="23">
        <v>1925</v>
      </c>
      <c r="B1931" s="25"/>
      <c r="C1931" s="25"/>
      <c r="D1931" s="29"/>
      <c r="E1931" s="1"/>
      <c r="F1931" s="1"/>
      <c r="G1931" s="25"/>
      <c r="H1931" s="71"/>
      <c r="I1931" s="83"/>
      <c r="J1931" s="50" t="str">
        <f t="shared" si="62"/>
        <v/>
      </c>
      <c r="K1931" s="23" t="s">
        <v>7120</v>
      </c>
      <c r="L1931" s="49" t="e">
        <f>VLOOKUP(E1931&amp;F1931,団体コード!$A$1:$C$1743,3,FALSE)</f>
        <v>#N/A</v>
      </c>
      <c r="M1931" s="49" t="e">
        <f>VLOOKUP(E1931&amp;F1931,団体コード!$A$1:$C$1743,2,FALSE)</f>
        <v>#N/A</v>
      </c>
      <c r="N1931" s="51" t="e">
        <f>VLOOKUP(E1931,団体コード!$E$1:$F$48,2,FALSE)</f>
        <v>#N/A</v>
      </c>
      <c r="O1931" s="51" t="e">
        <f t="shared" si="63"/>
        <v>#N/A</v>
      </c>
      <c r="P1931" s="51">
        <v>1</v>
      </c>
      <c r="Q1931" s="51" t="s">
        <v>5341</v>
      </c>
      <c r="R1931" s="54" t="b">
        <v>1</v>
      </c>
      <c r="S1931" s="52" t="s">
        <v>7126</v>
      </c>
      <c r="T1931" s="67" t="s">
        <v>7127</v>
      </c>
      <c r="U1931" s="75" t="s">
        <v>5331</v>
      </c>
      <c r="V1931" s="47" t="s">
        <v>5331</v>
      </c>
      <c r="W1931" s="47" t="s">
        <v>5331</v>
      </c>
      <c r="X1931" s="47" t="s">
        <v>5331</v>
      </c>
      <c r="Y1931" s="47" t="s">
        <v>5331</v>
      </c>
      <c r="Z1931" s="28"/>
      <c r="AA1931" s="27"/>
      <c r="AB1931" s="27"/>
      <c r="AC1931" s="27"/>
      <c r="AD1931" s="30"/>
      <c r="AE1931" s="1"/>
      <c r="AF1931" s="23" t="s">
        <v>5331</v>
      </c>
      <c r="AG1931" s="26"/>
      <c r="AH1931" s="53"/>
    </row>
    <row r="1932" spans="1:34" ht="51.6" customHeight="1" x14ac:dyDescent="0.45">
      <c r="A1932" s="23">
        <v>1926</v>
      </c>
      <c r="B1932" s="25"/>
      <c r="C1932" s="25"/>
      <c r="D1932" s="29"/>
      <c r="E1932" s="1"/>
      <c r="F1932" s="1"/>
      <c r="G1932" s="25"/>
      <c r="H1932" s="71"/>
      <c r="I1932" s="83"/>
      <c r="J1932" s="50" t="str">
        <f t="shared" si="62"/>
        <v/>
      </c>
      <c r="K1932" s="23" t="s">
        <v>7120</v>
      </c>
      <c r="L1932" s="49" t="e">
        <f>VLOOKUP(E1932&amp;F1932,団体コード!$A$1:$C$1743,3,FALSE)</f>
        <v>#N/A</v>
      </c>
      <c r="M1932" s="49" t="e">
        <f>VLOOKUP(E1932&amp;F1932,団体コード!$A$1:$C$1743,2,FALSE)</f>
        <v>#N/A</v>
      </c>
      <c r="N1932" s="51" t="e">
        <f>VLOOKUP(E1932,団体コード!$E$1:$F$48,2,FALSE)</f>
        <v>#N/A</v>
      </c>
      <c r="O1932" s="51" t="e">
        <f t="shared" si="63"/>
        <v>#N/A</v>
      </c>
      <c r="P1932" s="51">
        <v>1</v>
      </c>
      <c r="Q1932" s="51" t="s">
        <v>5341</v>
      </c>
      <c r="R1932" s="54" t="b">
        <v>1</v>
      </c>
      <c r="S1932" s="52" t="s">
        <v>7126</v>
      </c>
      <c r="T1932" s="67" t="s">
        <v>7127</v>
      </c>
      <c r="U1932" s="75" t="s">
        <v>5331</v>
      </c>
      <c r="V1932" s="47" t="s">
        <v>5331</v>
      </c>
      <c r="W1932" s="47" t="s">
        <v>5331</v>
      </c>
      <c r="X1932" s="47" t="s">
        <v>5331</v>
      </c>
      <c r="Y1932" s="47" t="s">
        <v>5331</v>
      </c>
      <c r="Z1932" s="28"/>
      <c r="AA1932" s="27"/>
      <c r="AB1932" s="27"/>
      <c r="AC1932" s="27"/>
      <c r="AD1932" s="30"/>
      <c r="AE1932" s="1"/>
      <c r="AF1932" s="23" t="s">
        <v>5331</v>
      </c>
      <c r="AG1932" s="26"/>
      <c r="AH1932" s="53"/>
    </row>
    <row r="1933" spans="1:34" ht="51.6" customHeight="1" x14ac:dyDescent="0.45">
      <c r="A1933" s="23">
        <v>1927</v>
      </c>
      <c r="B1933" s="25"/>
      <c r="C1933" s="25"/>
      <c r="D1933" s="29"/>
      <c r="E1933" s="1"/>
      <c r="F1933" s="1"/>
      <c r="G1933" s="25"/>
      <c r="H1933" s="71"/>
      <c r="I1933" s="83"/>
      <c r="J1933" s="50" t="str">
        <f t="shared" si="62"/>
        <v/>
      </c>
      <c r="K1933" s="23" t="s">
        <v>7120</v>
      </c>
      <c r="L1933" s="49" t="e">
        <f>VLOOKUP(E1933&amp;F1933,団体コード!$A$1:$C$1743,3,FALSE)</f>
        <v>#N/A</v>
      </c>
      <c r="M1933" s="49" t="e">
        <f>VLOOKUP(E1933&amp;F1933,団体コード!$A$1:$C$1743,2,FALSE)</f>
        <v>#N/A</v>
      </c>
      <c r="N1933" s="51" t="e">
        <f>VLOOKUP(E1933,団体コード!$E$1:$F$48,2,FALSE)</f>
        <v>#N/A</v>
      </c>
      <c r="O1933" s="51" t="e">
        <f t="shared" si="63"/>
        <v>#N/A</v>
      </c>
      <c r="P1933" s="51">
        <v>1</v>
      </c>
      <c r="Q1933" s="51" t="s">
        <v>5341</v>
      </c>
      <c r="R1933" s="54" t="b">
        <v>1</v>
      </c>
      <c r="S1933" s="52" t="s">
        <v>7126</v>
      </c>
      <c r="T1933" s="67" t="s">
        <v>7127</v>
      </c>
      <c r="U1933" s="75" t="s">
        <v>5331</v>
      </c>
      <c r="V1933" s="47" t="s">
        <v>5331</v>
      </c>
      <c r="W1933" s="47" t="s">
        <v>5331</v>
      </c>
      <c r="X1933" s="47" t="s">
        <v>5331</v>
      </c>
      <c r="Y1933" s="47" t="s">
        <v>5331</v>
      </c>
      <c r="Z1933" s="28"/>
      <c r="AA1933" s="27"/>
      <c r="AB1933" s="27"/>
      <c r="AC1933" s="27"/>
      <c r="AD1933" s="30"/>
      <c r="AE1933" s="1"/>
      <c r="AF1933" s="23" t="s">
        <v>5331</v>
      </c>
      <c r="AG1933" s="26"/>
      <c r="AH1933" s="53"/>
    </row>
    <row r="1934" spans="1:34" ht="51.6" customHeight="1" x14ac:dyDescent="0.45">
      <c r="A1934" s="23">
        <v>1928</v>
      </c>
      <c r="B1934" s="25"/>
      <c r="C1934" s="25"/>
      <c r="D1934" s="29"/>
      <c r="E1934" s="1"/>
      <c r="F1934" s="1"/>
      <c r="G1934" s="25"/>
      <c r="H1934" s="71"/>
      <c r="I1934" s="83"/>
      <c r="J1934" s="50" t="str">
        <f t="shared" si="62"/>
        <v/>
      </c>
      <c r="K1934" s="23" t="s">
        <v>7120</v>
      </c>
      <c r="L1934" s="49" t="e">
        <f>VLOOKUP(E1934&amp;F1934,団体コード!$A$1:$C$1743,3,FALSE)</f>
        <v>#N/A</v>
      </c>
      <c r="M1934" s="49" t="e">
        <f>VLOOKUP(E1934&amp;F1934,団体コード!$A$1:$C$1743,2,FALSE)</f>
        <v>#N/A</v>
      </c>
      <c r="N1934" s="51" t="e">
        <f>VLOOKUP(E1934,団体コード!$E$1:$F$48,2,FALSE)</f>
        <v>#N/A</v>
      </c>
      <c r="O1934" s="51" t="e">
        <f t="shared" si="63"/>
        <v>#N/A</v>
      </c>
      <c r="P1934" s="51">
        <v>1</v>
      </c>
      <c r="Q1934" s="51" t="s">
        <v>5341</v>
      </c>
      <c r="R1934" s="54" t="b">
        <v>1</v>
      </c>
      <c r="S1934" s="52" t="s">
        <v>7126</v>
      </c>
      <c r="T1934" s="67" t="s">
        <v>7127</v>
      </c>
      <c r="U1934" s="75" t="s">
        <v>5331</v>
      </c>
      <c r="V1934" s="47" t="s">
        <v>5331</v>
      </c>
      <c r="W1934" s="47" t="s">
        <v>5331</v>
      </c>
      <c r="X1934" s="47" t="s">
        <v>5331</v>
      </c>
      <c r="Y1934" s="47" t="s">
        <v>5331</v>
      </c>
      <c r="Z1934" s="28"/>
      <c r="AA1934" s="27"/>
      <c r="AB1934" s="27"/>
      <c r="AC1934" s="27"/>
      <c r="AD1934" s="30"/>
      <c r="AE1934" s="1"/>
      <c r="AF1934" s="23" t="s">
        <v>5331</v>
      </c>
      <c r="AG1934" s="26"/>
      <c r="AH1934" s="53"/>
    </row>
    <row r="1935" spans="1:34" ht="51.6" customHeight="1" x14ac:dyDescent="0.45">
      <c r="A1935" s="23">
        <v>1929</v>
      </c>
      <c r="B1935" s="25"/>
      <c r="C1935" s="25"/>
      <c r="D1935" s="29"/>
      <c r="E1935" s="1"/>
      <c r="F1935" s="1"/>
      <c r="G1935" s="25"/>
      <c r="H1935" s="71"/>
      <c r="I1935" s="83"/>
      <c r="J1935" s="50" t="str">
        <f t="shared" si="62"/>
        <v/>
      </c>
      <c r="K1935" s="23" t="s">
        <v>7120</v>
      </c>
      <c r="L1935" s="49" t="e">
        <f>VLOOKUP(E1935&amp;F1935,団体コード!$A$1:$C$1743,3,FALSE)</f>
        <v>#N/A</v>
      </c>
      <c r="M1935" s="49" t="e">
        <f>VLOOKUP(E1935&amp;F1935,団体コード!$A$1:$C$1743,2,FALSE)</f>
        <v>#N/A</v>
      </c>
      <c r="N1935" s="51" t="e">
        <f>VLOOKUP(E1935,団体コード!$E$1:$F$48,2,FALSE)</f>
        <v>#N/A</v>
      </c>
      <c r="O1935" s="51" t="e">
        <f t="shared" si="63"/>
        <v>#N/A</v>
      </c>
      <c r="P1935" s="51">
        <v>1</v>
      </c>
      <c r="Q1935" s="51" t="s">
        <v>5341</v>
      </c>
      <c r="R1935" s="54" t="b">
        <v>1</v>
      </c>
      <c r="S1935" s="52" t="s">
        <v>7126</v>
      </c>
      <c r="T1935" s="67" t="s">
        <v>7127</v>
      </c>
      <c r="U1935" s="75" t="s">
        <v>5331</v>
      </c>
      <c r="V1935" s="47" t="s">
        <v>5331</v>
      </c>
      <c r="W1935" s="47" t="s">
        <v>5331</v>
      </c>
      <c r="X1935" s="47" t="s">
        <v>5331</v>
      </c>
      <c r="Y1935" s="47" t="s">
        <v>5331</v>
      </c>
      <c r="Z1935" s="28"/>
      <c r="AA1935" s="27"/>
      <c r="AB1935" s="27"/>
      <c r="AC1935" s="27"/>
      <c r="AD1935" s="30"/>
      <c r="AE1935" s="1"/>
      <c r="AF1935" s="23" t="s">
        <v>5331</v>
      </c>
      <c r="AG1935" s="26"/>
      <c r="AH1935" s="53"/>
    </row>
    <row r="1936" spans="1:34" ht="51.6" customHeight="1" x14ac:dyDescent="0.45">
      <c r="A1936" s="23">
        <v>1930</v>
      </c>
      <c r="B1936" s="25"/>
      <c r="C1936" s="25"/>
      <c r="D1936" s="29"/>
      <c r="E1936" s="1"/>
      <c r="F1936" s="1"/>
      <c r="G1936" s="25"/>
      <c r="H1936" s="71"/>
      <c r="I1936" s="83"/>
      <c r="J1936" s="50" t="str">
        <f t="shared" si="62"/>
        <v/>
      </c>
      <c r="K1936" s="23" t="s">
        <v>7120</v>
      </c>
      <c r="L1936" s="49" t="e">
        <f>VLOOKUP(E1936&amp;F1936,団体コード!$A$1:$C$1743,3,FALSE)</f>
        <v>#N/A</v>
      </c>
      <c r="M1936" s="49" t="e">
        <f>VLOOKUP(E1936&amp;F1936,団体コード!$A$1:$C$1743,2,FALSE)</f>
        <v>#N/A</v>
      </c>
      <c r="N1936" s="51" t="e">
        <f>VLOOKUP(E1936,団体コード!$E$1:$F$48,2,FALSE)</f>
        <v>#N/A</v>
      </c>
      <c r="O1936" s="51" t="e">
        <f t="shared" si="63"/>
        <v>#N/A</v>
      </c>
      <c r="P1936" s="51">
        <v>1</v>
      </c>
      <c r="Q1936" s="51" t="s">
        <v>5341</v>
      </c>
      <c r="R1936" s="54" t="b">
        <v>1</v>
      </c>
      <c r="S1936" s="52" t="s">
        <v>7126</v>
      </c>
      <c r="T1936" s="67" t="s">
        <v>7127</v>
      </c>
      <c r="U1936" s="75" t="s">
        <v>5331</v>
      </c>
      <c r="V1936" s="47" t="s">
        <v>5331</v>
      </c>
      <c r="W1936" s="47" t="s">
        <v>5331</v>
      </c>
      <c r="X1936" s="47" t="s">
        <v>5331</v>
      </c>
      <c r="Y1936" s="47" t="s">
        <v>5331</v>
      </c>
      <c r="Z1936" s="28"/>
      <c r="AA1936" s="27"/>
      <c r="AB1936" s="27"/>
      <c r="AC1936" s="27"/>
      <c r="AD1936" s="30"/>
      <c r="AE1936" s="1"/>
      <c r="AF1936" s="23" t="s">
        <v>5331</v>
      </c>
      <c r="AG1936" s="26"/>
      <c r="AH1936" s="53"/>
    </row>
    <row r="1937" spans="1:34" ht="51.6" customHeight="1" x14ac:dyDescent="0.45">
      <c r="A1937" s="23">
        <v>1931</v>
      </c>
      <c r="B1937" s="25"/>
      <c r="C1937" s="25"/>
      <c r="D1937" s="29"/>
      <c r="E1937" s="1"/>
      <c r="F1937" s="1"/>
      <c r="G1937" s="25"/>
      <c r="H1937" s="71"/>
      <c r="I1937" s="83"/>
      <c r="J1937" s="50" t="str">
        <f t="shared" si="62"/>
        <v/>
      </c>
      <c r="K1937" s="23" t="s">
        <v>7120</v>
      </c>
      <c r="L1937" s="49" t="e">
        <f>VLOOKUP(E1937&amp;F1937,団体コード!$A$1:$C$1743,3,FALSE)</f>
        <v>#N/A</v>
      </c>
      <c r="M1937" s="49" t="e">
        <f>VLOOKUP(E1937&amp;F1937,団体コード!$A$1:$C$1743,2,FALSE)</f>
        <v>#N/A</v>
      </c>
      <c r="N1937" s="51" t="e">
        <f>VLOOKUP(E1937,団体コード!$E$1:$F$48,2,FALSE)</f>
        <v>#N/A</v>
      </c>
      <c r="O1937" s="51" t="e">
        <f t="shared" si="63"/>
        <v>#N/A</v>
      </c>
      <c r="P1937" s="51">
        <v>1</v>
      </c>
      <c r="Q1937" s="51" t="s">
        <v>5341</v>
      </c>
      <c r="R1937" s="54" t="b">
        <v>1</v>
      </c>
      <c r="S1937" s="52" t="s">
        <v>7126</v>
      </c>
      <c r="T1937" s="67" t="s">
        <v>7127</v>
      </c>
      <c r="U1937" s="75" t="s">
        <v>5331</v>
      </c>
      <c r="V1937" s="47" t="s">
        <v>5331</v>
      </c>
      <c r="W1937" s="47" t="s">
        <v>5331</v>
      </c>
      <c r="X1937" s="47" t="s">
        <v>5331</v>
      </c>
      <c r="Y1937" s="47" t="s">
        <v>5331</v>
      </c>
      <c r="Z1937" s="28"/>
      <c r="AA1937" s="27"/>
      <c r="AB1937" s="27"/>
      <c r="AC1937" s="27"/>
      <c r="AD1937" s="30"/>
      <c r="AE1937" s="1"/>
      <c r="AF1937" s="23" t="s">
        <v>5331</v>
      </c>
      <c r="AG1937" s="26"/>
      <c r="AH1937" s="53"/>
    </row>
    <row r="1938" spans="1:34" ht="51.6" customHeight="1" x14ac:dyDescent="0.45">
      <c r="A1938" s="23">
        <v>1932</v>
      </c>
      <c r="B1938" s="25"/>
      <c r="C1938" s="25"/>
      <c r="D1938" s="29"/>
      <c r="E1938" s="1"/>
      <c r="F1938" s="1"/>
      <c r="G1938" s="25"/>
      <c r="H1938" s="71"/>
      <c r="I1938" s="83"/>
      <c r="J1938" s="50" t="str">
        <f t="shared" si="62"/>
        <v/>
      </c>
      <c r="K1938" s="23" t="s">
        <v>7120</v>
      </c>
      <c r="L1938" s="49" t="e">
        <f>VLOOKUP(E1938&amp;F1938,団体コード!$A$1:$C$1743,3,FALSE)</f>
        <v>#N/A</v>
      </c>
      <c r="M1938" s="49" t="e">
        <f>VLOOKUP(E1938&amp;F1938,団体コード!$A$1:$C$1743,2,FALSE)</f>
        <v>#N/A</v>
      </c>
      <c r="N1938" s="51" t="e">
        <f>VLOOKUP(E1938,団体コード!$E$1:$F$48,2,FALSE)</f>
        <v>#N/A</v>
      </c>
      <c r="O1938" s="51" t="e">
        <f t="shared" si="63"/>
        <v>#N/A</v>
      </c>
      <c r="P1938" s="51">
        <v>1</v>
      </c>
      <c r="Q1938" s="51" t="s">
        <v>5341</v>
      </c>
      <c r="R1938" s="54" t="b">
        <v>1</v>
      </c>
      <c r="S1938" s="52" t="s">
        <v>7126</v>
      </c>
      <c r="T1938" s="67" t="s">
        <v>7127</v>
      </c>
      <c r="U1938" s="75" t="s">
        <v>5331</v>
      </c>
      <c r="V1938" s="47" t="s">
        <v>5331</v>
      </c>
      <c r="W1938" s="47" t="s">
        <v>5331</v>
      </c>
      <c r="X1938" s="47" t="s">
        <v>5331</v>
      </c>
      <c r="Y1938" s="47" t="s">
        <v>5331</v>
      </c>
      <c r="Z1938" s="28"/>
      <c r="AA1938" s="27"/>
      <c r="AB1938" s="27"/>
      <c r="AC1938" s="27"/>
      <c r="AD1938" s="30"/>
      <c r="AE1938" s="1"/>
      <c r="AF1938" s="23" t="s">
        <v>5331</v>
      </c>
      <c r="AG1938" s="26"/>
      <c r="AH1938" s="53"/>
    </row>
    <row r="1939" spans="1:34" ht="51.6" customHeight="1" x14ac:dyDescent="0.45">
      <c r="A1939" s="23">
        <v>1933</v>
      </c>
      <c r="B1939" s="25"/>
      <c r="C1939" s="25"/>
      <c r="D1939" s="29"/>
      <c r="E1939" s="1"/>
      <c r="F1939" s="1"/>
      <c r="G1939" s="25"/>
      <c r="H1939" s="71"/>
      <c r="I1939" s="83"/>
      <c r="J1939" s="50" t="str">
        <f t="shared" si="62"/>
        <v/>
      </c>
      <c r="K1939" s="23" t="s">
        <v>7120</v>
      </c>
      <c r="L1939" s="49" t="e">
        <f>VLOOKUP(E1939&amp;F1939,団体コード!$A$1:$C$1743,3,FALSE)</f>
        <v>#N/A</v>
      </c>
      <c r="M1939" s="49" t="e">
        <f>VLOOKUP(E1939&amp;F1939,団体コード!$A$1:$C$1743,2,FALSE)</f>
        <v>#N/A</v>
      </c>
      <c r="N1939" s="51" t="e">
        <f>VLOOKUP(E1939,団体コード!$E$1:$F$48,2,FALSE)</f>
        <v>#N/A</v>
      </c>
      <c r="O1939" s="51" t="e">
        <f t="shared" si="63"/>
        <v>#N/A</v>
      </c>
      <c r="P1939" s="51">
        <v>1</v>
      </c>
      <c r="Q1939" s="51" t="s">
        <v>5341</v>
      </c>
      <c r="R1939" s="54" t="b">
        <v>1</v>
      </c>
      <c r="S1939" s="52" t="s">
        <v>7126</v>
      </c>
      <c r="T1939" s="67" t="s">
        <v>7127</v>
      </c>
      <c r="U1939" s="75" t="s">
        <v>5331</v>
      </c>
      <c r="V1939" s="47" t="s">
        <v>5331</v>
      </c>
      <c r="W1939" s="47" t="s">
        <v>5331</v>
      </c>
      <c r="X1939" s="47" t="s">
        <v>5331</v>
      </c>
      <c r="Y1939" s="47" t="s">
        <v>5331</v>
      </c>
      <c r="Z1939" s="28"/>
      <c r="AA1939" s="27"/>
      <c r="AB1939" s="27"/>
      <c r="AC1939" s="27"/>
      <c r="AD1939" s="30"/>
      <c r="AE1939" s="1"/>
      <c r="AF1939" s="23" t="s">
        <v>5331</v>
      </c>
      <c r="AG1939" s="26"/>
      <c r="AH1939" s="53"/>
    </row>
    <row r="1940" spans="1:34" ht="51.6" customHeight="1" x14ac:dyDescent="0.45">
      <c r="A1940" s="23">
        <v>1934</v>
      </c>
      <c r="B1940" s="25"/>
      <c r="C1940" s="25"/>
      <c r="D1940" s="29"/>
      <c r="E1940" s="1"/>
      <c r="F1940" s="1"/>
      <c r="G1940" s="25"/>
      <c r="H1940" s="71"/>
      <c r="I1940" s="83"/>
      <c r="J1940" s="50" t="str">
        <f t="shared" si="62"/>
        <v/>
      </c>
      <c r="K1940" s="23" t="s">
        <v>7120</v>
      </c>
      <c r="L1940" s="49" t="e">
        <f>VLOOKUP(E1940&amp;F1940,団体コード!$A$1:$C$1743,3,FALSE)</f>
        <v>#N/A</v>
      </c>
      <c r="M1940" s="49" t="e">
        <f>VLOOKUP(E1940&amp;F1940,団体コード!$A$1:$C$1743,2,FALSE)</f>
        <v>#N/A</v>
      </c>
      <c r="N1940" s="51" t="e">
        <f>VLOOKUP(E1940,団体コード!$E$1:$F$48,2,FALSE)</f>
        <v>#N/A</v>
      </c>
      <c r="O1940" s="51" t="e">
        <f t="shared" si="63"/>
        <v>#N/A</v>
      </c>
      <c r="P1940" s="51">
        <v>1</v>
      </c>
      <c r="Q1940" s="51" t="s">
        <v>5341</v>
      </c>
      <c r="R1940" s="54" t="b">
        <v>1</v>
      </c>
      <c r="S1940" s="52" t="s">
        <v>7126</v>
      </c>
      <c r="T1940" s="67" t="s">
        <v>7127</v>
      </c>
      <c r="U1940" s="75" t="s">
        <v>5331</v>
      </c>
      <c r="V1940" s="47" t="s">
        <v>5331</v>
      </c>
      <c r="W1940" s="47" t="s">
        <v>5331</v>
      </c>
      <c r="X1940" s="47" t="s">
        <v>5331</v>
      </c>
      <c r="Y1940" s="47" t="s">
        <v>5331</v>
      </c>
      <c r="Z1940" s="28"/>
      <c r="AA1940" s="27"/>
      <c r="AB1940" s="27"/>
      <c r="AC1940" s="27"/>
      <c r="AD1940" s="30"/>
      <c r="AE1940" s="1"/>
      <c r="AF1940" s="23" t="s">
        <v>5331</v>
      </c>
      <c r="AG1940" s="26"/>
      <c r="AH1940" s="53"/>
    </row>
    <row r="1941" spans="1:34" ht="51.6" customHeight="1" x14ac:dyDescent="0.45">
      <c r="A1941" s="23">
        <v>1935</v>
      </c>
      <c r="B1941" s="25"/>
      <c r="C1941" s="25"/>
      <c r="D1941" s="29"/>
      <c r="E1941" s="1"/>
      <c r="F1941" s="1"/>
      <c r="G1941" s="25"/>
      <c r="H1941" s="71"/>
      <c r="I1941" s="83"/>
      <c r="J1941" s="50" t="str">
        <f t="shared" si="62"/>
        <v/>
      </c>
      <c r="K1941" s="23" t="s">
        <v>7120</v>
      </c>
      <c r="L1941" s="49" t="e">
        <f>VLOOKUP(E1941&amp;F1941,団体コード!$A$1:$C$1743,3,FALSE)</f>
        <v>#N/A</v>
      </c>
      <c r="M1941" s="49" t="e">
        <f>VLOOKUP(E1941&amp;F1941,団体コード!$A$1:$C$1743,2,FALSE)</f>
        <v>#N/A</v>
      </c>
      <c r="N1941" s="51" t="e">
        <f>VLOOKUP(E1941,団体コード!$E$1:$F$48,2,FALSE)</f>
        <v>#N/A</v>
      </c>
      <c r="O1941" s="51" t="e">
        <f t="shared" si="63"/>
        <v>#N/A</v>
      </c>
      <c r="P1941" s="51">
        <v>1</v>
      </c>
      <c r="Q1941" s="51" t="s">
        <v>5341</v>
      </c>
      <c r="R1941" s="54" t="b">
        <v>1</v>
      </c>
      <c r="S1941" s="52" t="s">
        <v>7126</v>
      </c>
      <c r="T1941" s="67" t="s">
        <v>7127</v>
      </c>
      <c r="U1941" s="75" t="s">
        <v>5331</v>
      </c>
      <c r="V1941" s="47" t="s">
        <v>5331</v>
      </c>
      <c r="W1941" s="47" t="s">
        <v>5331</v>
      </c>
      <c r="X1941" s="47" t="s">
        <v>5331</v>
      </c>
      <c r="Y1941" s="47" t="s">
        <v>5331</v>
      </c>
      <c r="Z1941" s="28"/>
      <c r="AA1941" s="27"/>
      <c r="AB1941" s="27"/>
      <c r="AC1941" s="27"/>
      <c r="AD1941" s="30"/>
      <c r="AE1941" s="1"/>
      <c r="AF1941" s="23" t="s">
        <v>5331</v>
      </c>
      <c r="AG1941" s="26"/>
      <c r="AH1941" s="53"/>
    </row>
    <row r="1942" spans="1:34" ht="51.6" customHeight="1" x14ac:dyDescent="0.45">
      <c r="A1942" s="23">
        <v>1936</v>
      </c>
      <c r="B1942" s="25"/>
      <c r="C1942" s="25"/>
      <c r="D1942" s="29"/>
      <c r="E1942" s="1"/>
      <c r="F1942" s="1"/>
      <c r="G1942" s="25"/>
      <c r="H1942" s="71"/>
      <c r="I1942" s="83"/>
      <c r="J1942" s="50" t="str">
        <f t="shared" si="62"/>
        <v/>
      </c>
      <c r="K1942" s="23" t="s">
        <v>7120</v>
      </c>
      <c r="L1942" s="49" t="e">
        <f>VLOOKUP(E1942&amp;F1942,団体コード!$A$1:$C$1743,3,FALSE)</f>
        <v>#N/A</v>
      </c>
      <c r="M1942" s="49" t="e">
        <f>VLOOKUP(E1942&amp;F1942,団体コード!$A$1:$C$1743,2,FALSE)</f>
        <v>#N/A</v>
      </c>
      <c r="N1942" s="51" t="e">
        <f>VLOOKUP(E1942,団体コード!$E$1:$F$48,2,FALSE)</f>
        <v>#N/A</v>
      </c>
      <c r="O1942" s="51" t="e">
        <f t="shared" si="63"/>
        <v>#N/A</v>
      </c>
      <c r="P1942" s="51">
        <v>1</v>
      </c>
      <c r="Q1942" s="51" t="s">
        <v>5341</v>
      </c>
      <c r="R1942" s="54" t="b">
        <v>1</v>
      </c>
      <c r="S1942" s="52" t="s">
        <v>7126</v>
      </c>
      <c r="T1942" s="67" t="s">
        <v>7127</v>
      </c>
      <c r="U1942" s="75" t="s">
        <v>5331</v>
      </c>
      <c r="V1942" s="47" t="s">
        <v>5331</v>
      </c>
      <c r="W1942" s="47" t="s">
        <v>5331</v>
      </c>
      <c r="X1942" s="47" t="s">
        <v>5331</v>
      </c>
      <c r="Y1942" s="47" t="s">
        <v>5331</v>
      </c>
      <c r="Z1942" s="28"/>
      <c r="AA1942" s="27"/>
      <c r="AB1942" s="27"/>
      <c r="AC1942" s="27"/>
      <c r="AD1942" s="30"/>
      <c r="AE1942" s="1"/>
      <c r="AF1942" s="23" t="s">
        <v>5331</v>
      </c>
      <c r="AG1942" s="26"/>
      <c r="AH1942" s="53"/>
    </row>
    <row r="1943" spans="1:34" ht="51.6" customHeight="1" x14ac:dyDescent="0.45">
      <c r="A1943" s="23">
        <v>1937</v>
      </c>
      <c r="B1943" s="25"/>
      <c r="C1943" s="25"/>
      <c r="D1943" s="29"/>
      <c r="E1943" s="1"/>
      <c r="F1943" s="1"/>
      <c r="G1943" s="25"/>
      <c r="H1943" s="71"/>
      <c r="I1943" s="83"/>
      <c r="J1943" s="50" t="str">
        <f t="shared" si="62"/>
        <v/>
      </c>
      <c r="K1943" s="23" t="s">
        <v>7120</v>
      </c>
      <c r="L1943" s="49" t="e">
        <f>VLOOKUP(E1943&amp;F1943,団体コード!$A$1:$C$1743,3,FALSE)</f>
        <v>#N/A</v>
      </c>
      <c r="M1943" s="49" t="e">
        <f>VLOOKUP(E1943&amp;F1943,団体コード!$A$1:$C$1743,2,FALSE)</f>
        <v>#N/A</v>
      </c>
      <c r="N1943" s="51" t="e">
        <f>VLOOKUP(E1943,団体コード!$E$1:$F$48,2,FALSE)</f>
        <v>#N/A</v>
      </c>
      <c r="O1943" s="51" t="e">
        <f t="shared" si="63"/>
        <v>#N/A</v>
      </c>
      <c r="P1943" s="51">
        <v>1</v>
      </c>
      <c r="Q1943" s="51" t="s">
        <v>5341</v>
      </c>
      <c r="R1943" s="54" t="b">
        <v>1</v>
      </c>
      <c r="S1943" s="52" t="s">
        <v>7126</v>
      </c>
      <c r="T1943" s="67" t="s">
        <v>7127</v>
      </c>
      <c r="U1943" s="75" t="s">
        <v>5331</v>
      </c>
      <c r="V1943" s="47" t="s">
        <v>5331</v>
      </c>
      <c r="W1943" s="47" t="s">
        <v>5331</v>
      </c>
      <c r="X1943" s="47" t="s">
        <v>5331</v>
      </c>
      <c r="Y1943" s="47" t="s">
        <v>5331</v>
      </c>
      <c r="Z1943" s="28"/>
      <c r="AA1943" s="27"/>
      <c r="AB1943" s="27"/>
      <c r="AC1943" s="27"/>
      <c r="AD1943" s="30"/>
      <c r="AE1943" s="1"/>
      <c r="AF1943" s="23" t="s">
        <v>5331</v>
      </c>
      <c r="AG1943" s="26"/>
      <c r="AH1943" s="53"/>
    </row>
    <row r="1944" spans="1:34" ht="51.6" customHeight="1" x14ac:dyDescent="0.45">
      <c r="A1944" s="23">
        <v>1938</v>
      </c>
      <c r="B1944" s="25"/>
      <c r="C1944" s="25"/>
      <c r="D1944" s="29"/>
      <c r="E1944" s="1"/>
      <c r="F1944" s="1"/>
      <c r="G1944" s="25"/>
      <c r="H1944" s="71"/>
      <c r="I1944" s="83"/>
      <c r="J1944" s="50" t="str">
        <f t="shared" si="62"/>
        <v/>
      </c>
      <c r="K1944" s="23" t="s">
        <v>7120</v>
      </c>
      <c r="L1944" s="49" t="e">
        <f>VLOOKUP(E1944&amp;F1944,団体コード!$A$1:$C$1743,3,FALSE)</f>
        <v>#N/A</v>
      </c>
      <c r="M1944" s="49" t="e">
        <f>VLOOKUP(E1944&amp;F1944,団体コード!$A$1:$C$1743,2,FALSE)</f>
        <v>#N/A</v>
      </c>
      <c r="N1944" s="51" t="e">
        <f>VLOOKUP(E1944,団体コード!$E$1:$F$48,2,FALSE)</f>
        <v>#N/A</v>
      </c>
      <c r="O1944" s="51" t="e">
        <f t="shared" si="63"/>
        <v>#N/A</v>
      </c>
      <c r="P1944" s="51">
        <v>1</v>
      </c>
      <c r="Q1944" s="51" t="s">
        <v>5341</v>
      </c>
      <c r="R1944" s="54" t="b">
        <v>1</v>
      </c>
      <c r="S1944" s="52" t="s">
        <v>7126</v>
      </c>
      <c r="T1944" s="67" t="s">
        <v>7127</v>
      </c>
      <c r="U1944" s="75" t="s">
        <v>5331</v>
      </c>
      <c r="V1944" s="47" t="s">
        <v>5331</v>
      </c>
      <c r="W1944" s="47" t="s">
        <v>5331</v>
      </c>
      <c r="X1944" s="47" t="s">
        <v>5331</v>
      </c>
      <c r="Y1944" s="47" t="s">
        <v>5331</v>
      </c>
      <c r="Z1944" s="28"/>
      <c r="AA1944" s="27"/>
      <c r="AB1944" s="27"/>
      <c r="AC1944" s="27"/>
      <c r="AD1944" s="30"/>
      <c r="AE1944" s="1"/>
      <c r="AF1944" s="23" t="s">
        <v>5331</v>
      </c>
      <c r="AG1944" s="26"/>
      <c r="AH1944" s="53"/>
    </row>
    <row r="1945" spans="1:34" ht="51.6" customHeight="1" x14ac:dyDescent="0.45">
      <c r="A1945" s="23">
        <v>1939</v>
      </c>
      <c r="B1945" s="25"/>
      <c r="C1945" s="25"/>
      <c r="D1945" s="29"/>
      <c r="E1945" s="1"/>
      <c r="F1945" s="1"/>
      <c r="G1945" s="25"/>
      <c r="H1945" s="71"/>
      <c r="I1945" s="83"/>
      <c r="J1945" s="50" t="str">
        <f t="shared" si="62"/>
        <v/>
      </c>
      <c r="K1945" s="23" t="s">
        <v>7120</v>
      </c>
      <c r="L1945" s="49" t="e">
        <f>VLOOKUP(E1945&amp;F1945,団体コード!$A$1:$C$1743,3,FALSE)</f>
        <v>#N/A</v>
      </c>
      <c r="M1945" s="49" t="e">
        <f>VLOOKUP(E1945&amp;F1945,団体コード!$A$1:$C$1743,2,FALSE)</f>
        <v>#N/A</v>
      </c>
      <c r="N1945" s="51" t="e">
        <f>VLOOKUP(E1945,団体コード!$E$1:$F$48,2,FALSE)</f>
        <v>#N/A</v>
      </c>
      <c r="O1945" s="51" t="e">
        <f t="shared" si="63"/>
        <v>#N/A</v>
      </c>
      <c r="P1945" s="51">
        <v>1</v>
      </c>
      <c r="Q1945" s="51" t="s">
        <v>5341</v>
      </c>
      <c r="R1945" s="54" t="b">
        <v>1</v>
      </c>
      <c r="S1945" s="52" t="s">
        <v>7126</v>
      </c>
      <c r="T1945" s="67" t="s">
        <v>7127</v>
      </c>
      <c r="U1945" s="75" t="s">
        <v>5331</v>
      </c>
      <c r="V1945" s="47" t="s">
        <v>5331</v>
      </c>
      <c r="W1945" s="47" t="s">
        <v>5331</v>
      </c>
      <c r="X1945" s="47" t="s">
        <v>5331</v>
      </c>
      <c r="Y1945" s="47" t="s">
        <v>5331</v>
      </c>
      <c r="Z1945" s="28"/>
      <c r="AA1945" s="27"/>
      <c r="AB1945" s="27"/>
      <c r="AC1945" s="27"/>
      <c r="AD1945" s="30"/>
      <c r="AE1945" s="1"/>
      <c r="AF1945" s="23" t="s">
        <v>5331</v>
      </c>
      <c r="AG1945" s="26"/>
      <c r="AH1945" s="53"/>
    </row>
    <row r="1946" spans="1:34" ht="51.6" customHeight="1" x14ac:dyDescent="0.45">
      <c r="A1946" s="23">
        <v>1940</v>
      </c>
      <c r="B1946" s="25"/>
      <c r="C1946" s="25"/>
      <c r="D1946" s="29"/>
      <c r="E1946" s="1"/>
      <c r="F1946" s="1"/>
      <c r="G1946" s="25"/>
      <c r="H1946" s="71"/>
      <c r="I1946" s="83"/>
      <c r="J1946" s="50" t="str">
        <f t="shared" si="62"/>
        <v/>
      </c>
      <c r="K1946" s="23" t="s">
        <v>7120</v>
      </c>
      <c r="L1946" s="49" t="e">
        <f>VLOOKUP(E1946&amp;F1946,団体コード!$A$1:$C$1743,3,FALSE)</f>
        <v>#N/A</v>
      </c>
      <c r="M1946" s="49" t="e">
        <f>VLOOKUP(E1946&amp;F1946,団体コード!$A$1:$C$1743,2,FALSE)</f>
        <v>#N/A</v>
      </c>
      <c r="N1946" s="51" t="e">
        <f>VLOOKUP(E1946,団体コード!$E$1:$F$48,2,FALSE)</f>
        <v>#N/A</v>
      </c>
      <c r="O1946" s="51" t="e">
        <f t="shared" si="63"/>
        <v>#N/A</v>
      </c>
      <c r="P1946" s="51">
        <v>1</v>
      </c>
      <c r="Q1946" s="51" t="s">
        <v>5341</v>
      </c>
      <c r="R1946" s="54" t="b">
        <v>1</v>
      </c>
      <c r="S1946" s="52" t="s">
        <v>7126</v>
      </c>
      <c r="T1946" s="67" t="s">
        <v>7127</v>
      </c>
      <c r="U1946" s="75" t="s">
        <v>5331</v>
      </c>
      <c r="V1946" s="47" t="s">
        <v>5331</v>
      </c>
      <c r="W1946" s="47" t="s">
        <v>5331</v>
      </c>
      <c r="X1946" s="47" t="s">
        <v>5331</v>
      </c>
      <c r="Y1946" s="47" t="s">
        <v>5331</v>
      </c>
      <c r="Z1946" s="28"/>
      <c r="AA1946" s="27"/>
      <c r="AB1946" s="27"/>
      <c r="AC1946" s="27"/>
      <c r="AD1946" s="30"/>
      <c r="AE1946" s="1"/>
      <c r="AF1946" s="23" t="s">
        <v>5331</v>
      </c>
      <c r="AG1946" s="26"/>
      <c r="AH1946" s="53"/>
    </row>
    <row r="1947" spans="1:34" ht="51.6" customHeight="1" x14ac:dyDescent="0.45">
      <c r="A1947" s="23">
        <v>1941</v>
      </c>
      <c r="B1947" s="25"/>
      <c r="C1947" s="25"/>
      <c r="D1947" s="29"/>
      <c r="E1947" s="1"/>
      <c r="F1947" s="1"/>
      <c r="G1947" s="25"/>
      <c r="H1947" s="71"/>
      <c r="I1947" s="83"/>
      <c r="J1947" s="50" t="str">
        <f t="shared" si="62"/>
        <v/>
      </c>
      <c r="K1947" s="23" t="s">
        <v>7120</v>
      </c>
      <c r="L1947" s="49" t="e">
        <f>VLOOKUP(E1947&amp;F1947,団体コード!$A$1:$C$1743,3,FALSE)</f>
        <v>#N/A</v>
      </c>
      <c r="M1947" s="49" t="e">
        <f>VLOOKUP(E1947&amp;F1947,団体コード!$A$1:$C$1743,2,FALSE)</f>
        <v>#N/A</v>
      </c>
      <c r="N1947" s="51" t="e">
        <f>VLOOKUP(E1947,団体コード!$E$1:$F$48,2,FALSE)</f>
        <v>#N/A</v>
      </c>
      <c r="O1947" s="51" t="e">
        <f t="shared" si="63"/>
        <v>#N/A</v>
      </c>
      <c r="P1947" s="51">
        <v>1</v>
      </c>
      <c r="Q1947" s="51" t="s">
        <v>5341</v>
      </c>
      <c r="R1947" s="54" t="b">
        <v>1</v>
      </c>
      <c r="S1947" s="52" t="s">
        <v>7126</v>
      </c>
      <c r="T1947" s="67" t="s">
        <v>7127</v>
      </c>
      <c r="U1947" s="75" t="s">
        <v>5331</v>
      </c>
      <c r="V1947" s="47" t="s">
        <v>5331</v>
      </c>
      <c r="W1947" s="47" t="s">
        <v>5331</v>
      </c>
      <c r="X1947" s="47" t="s">
        <v>5331</v>
      </c>
      <c r="Y1947" s="47" t="s">
        <v>5331</v>
      </c>
      <c r="Z1947" s="28"/>
      <c r="AA1947" s="27"/>
      <c r="AB1947" s="27"/>
      <c r="AC1947" s="27"/>
      <c r="AD1947" s="30"/>
      <c r="AE1947" s="1"/>
      <c r="AF1947" s="23" t="s">
        <v>5331</v>
      </c>
      <c r="AG1947" s="26"/>
      <c r="AH1947" s="53"/>
    </row>
    <row r="1948" spans="1:34" ht="51.6" customHeight="1" x14ac:dyDescent="0.45">
      <c r="A1948" s="23">
        <v>1942</v>
      </c>
      <c r="B1948" s="25"/>
      <c r="C1948" s="25"/>
      <c r="D1948" s="29"/>
      <c r="E1948" s="1"/>
      <c r="F1948" s="1"/>
      <c r="G1948" s="25"/>
      <c r="H1948" s="71"/>
      <c r="I1948" s="83"/>
      <c r="J1948" s="50" t="str">
        <f t="shared" si="62"/>
        <v/>
      </c>
      <c r="K1948" s="23" t="s">
        <v>7120</v>
      </c>
      <c r="L1948" s="49" t="e">
        <f>VLOOKUP(E1948&amp;F1948,団体コード!$A$1:$C$1743,3,FALSE)</f>
        <v>#N/A</v>
      </c>
      <c r="M1948" s="49" t="e">
        <f>VLOOKUP(E1948&amp;F1948,団体コード!$A$1:$C$1743,2,FALSE)</f>
        <v>#N/A</v>
      </c>
      <c r="N1948" s="51" t="e">
        <f>VLOOKUP(E1948,団体コード!$E$1:$F$48,2,FALSE)</f>
        <v>#N/A</v>
      </c>
      <c r="O1948" s="51" t="e">
        <f t="shared" si="63"/>
        <v>#N/A</v>
      </c>
      <c r="P1948" s="51">
        <v>1</v>
      </c>
      <c r="Q1948" s="51" t="s">
        <v>5341</v>
      </c>
      <c r="R1948" s="54" t="b">
        <v>1</v>
      </c>
      <c r="S1948" s="52" t="s">
        <v>7126</v>
      </c>
      <c r="T1948" s="67" t="s">
        <v>7127</v>
      </c>
      <c r="U1948" s="75" t="s">
        <v>5331</v>
      </c>
      <c r="V1948" s="47" t="s">
        <v>5331</v>
      </c>
      <c r="W1948" s="47" t="s">
        <v>5331</v>
      </c>
      <c r="X1948" s="47" t="s">
        <v>5331</v>
      </c>
      <c r="Y1948" s="47" t="s">
        <v>5331</v>
      </c>
      <c r="Z1948" s="28"/>
      <c r="AA1948" s="27"/>
      <c r="AB1948" s="27"/>
      <c r="AC1948" s="27"/>
      <c r="AD1948" s="30"/>
      <c r="AE1948" s="1"/>
      <c r="AF1948" s="23" t="s">
        <v>5331</v>
      </c>
      <c r="AG1948" s="26"/>
      <c r="AH1948" s="53"/>
    </row>
    <row r="1949" spans="1:34" ht="51.6" customHeight="1" x14ac:dyDescent="0.45">
      <c r="A1949" s="23">
        <v>1943</v>
      </c>
      <c r="B1949" s="25"/>
      <c r="C1949" s="25"/>
      <c r="D1949" s="29"/>
      <c r="E1949" s="1"/>
      <c r="F1949" s="1"/>
      <c r="G1949" s="25"/>
      <c r="H1949" s="71"/>
      <c r="I1949" s="83"/>
      <c r="J1949" s="50" t="str">
        <f t="shared" si="62"/>
        <v/>
      </c>
      <c r="K1949" s="23" t="s">
        <v>7120</v>
      </c>
      <c r="L1949" s="49" t="e">
        <f>VLOOKUP(E1949&amp;F1949,団体コード!$A$1:$C$1743,3,FALSE)</f>
        <v>#N/A</v>
      </c>
      <c r="M1949" s="49" t="e">
        <f>VLOOKUP(E1949&amp;F1949,団体コード!$A$1:$C$1743,2,FALSE)</f>
        <v>#N/A</v>
      </c>
      <c r="N1949" s="51" t="e">
        <f>VLOOKUP(E1949,団体コード!$E$1:$F$48,2,FALSE)</f>
        <v>#N/A</v>
      </c>
      <c r="O1949" s="51" t="e">
        <f t="shared" si="63"/>
        <v>#N/A</v>
      </c>
      <c r="P1949" s="51">
        <v>1</v>
      </c>
      <c r="Q1949" s="51" t="s">
        <v>5341</v>
      </c>
      <c r="R1949" s="54" t="b">
        <v>1</v>
      </c>
      <c r="S1949" s="52" t="s">
        <v>7126</v>
      </c>
      <c r="T1949" s="67" t="s">
        <v>7127</v>
      </c>
      <c r="U1949" s="75" t="s">
        <v>5331</v>
      </c>
      <c r="V1949" s="47" t="s">
        <v>5331</v>
      </c>
      <c r="W1949" s="47" t="s">
        <v>5331</v>
      </c>
      <c r="X1949" s="47" t="s">
        <v>5331</v>
      </c>
      <c r="Y1949" s="47" t="s">
        <v>5331</v>
      </c>
      <c r="Z1949" s="28"/>
      <c r="AA1949" s="27"/>
      <c r="AB1949" s="27"/>
      <c r="AC1949" s="27"/>
      <c r="AD1949" s="30"/>
      <c r="AE1949" s="1"/>
      <c r="AF1949" s="23" t="s">
        <v>5331</v>
      </c>
      <c r="AG1949" s="26"/>
      <c r="AH1949" s="53"/>
    </row>
    <row r="1950" spans="1:34" ht="51.6" customHeight="1" x14ac:dyDescent="0.45">
      <c r="A1950" s="23">
        <v>1944</v>
      </c>
      <c r="B1950" s="25"/>
      <c r="C1950" s="25"/>
      <c r="D1950" s="29"/>
      <c r="E1950" s="1"/>
      <c r="F1950" s="1"/>
      <c r="G1950" s="25"/>
      <c r="H1950" s="71"/>
      <c r="I1950" s="83"/>
      <c r="J1950" s="50" t="str">
        <f t="shared" si="62"/>
        <v/>
      </c>
      <c r="K1950" s="23" t="s">
        <v>7120</v>
      </c>
      <c r="L1950" s="49" t="e">
        <f>VLOOKUP(E1950&amp;F1950,団体コード!$A$1:$C$1743,3,FALSE)</f>
        <v>#N/A</v>
      </c>
      <c r="M1950" s="49" t="e">
        <f>VLOOKUP(E1950&amp;F1950,団体コード!$A$1:$C$1743,2,FALSE)</f>
        <v>#N/A</v>
      </c>
      <c r="N1950" s="51" t="e">
        <f>VLOOKUP(E1950,団体コード!$E$1:$F$48,2,FALSE)</f>
        <v>#N/A</v>
      </c>
      <c r="O1950" s="51" t="e">
        <f t="shared" si="63"/>
        <v>#N/A</v>
      </c>
      <c r="P1950" s="51">
        <v>1</v>
      </c>
      <c r="Q1950" s="51" t="s">
        <v>5341</v>
      </c>
      <c r="R1950" s="54" t="b">
        <v>1</v>
      </c>
      <c r="S1950" s="52" t="s">
        <v>7126</v>
      </c>
      <c r="T1950" s="67" t="s">
        <v>7127</v>
      </c>
      <c r="U1950" s="75" t="s">
        <v>5331</v>
      </c>
      <c r="V1950" s="47" t="s">
        <v>5331</v>
      </c>
      <c r="W1950" s="47" t="s">
        <v>5331</v>
      </c>
      <c r="X1950" s="47" t="s">
        <v>5331</v>
      </c>
      <c r="Y1950" s="47" t="s">
        <v>5331</v>
      </c>
      <c r="Z1950" s="28"/>
      <c r="AA1950" s="27"/>
      <c r="AB1950" s="27"/>
      <c r="AC1950" s="27"/>
      <c r="AD1950" s="30"/>
      <c r="AE1950" s="1"/>
      <c r="AF1950" s="23" t="s">
        <v>5331</v>
      </c>
      <c r="AG1950" s="26"/>
      <c r="AH1950" s="53"/>
    </row>
    <row r="1951" spans="1:34" ht="51.6" customHeight="1" x14ac:dyDescent="0.45">
      <c r="A1951" s="23">
        <v>1945</v>
      </c>
      <c r="B1951" s="25"/>
      <c r="C1951" s="25"/>
      <c r="D1951" s="29"/>
      <c r="E1951" s="1"/>
      <c r="F1951" s="1"/>
      <c r="G1951" s="25"/>
      <c r="H1951" s="71"/>
      <c r="I1951" s="83"/>
      <c r="J1951" s="50" t="str">
        <f t="shared" si="62"/>
        <v/>
      </c>
      <c r="K1951" s="23" t="s">
        <v>7120</v>
      </c>
      <c r="L1951" s="49" t="e">
        <f>VLOOKUP(E1951&amp;F1951,団体コード!$A$1:$C$1743,3,FALSE)</f>
        <v>#N/A</v>
      </c>
      <c r="M1951" s="49" t="e">
        <f>VLOOKUP(E1951&amp;F1951,団体コード!$A$1:$C$1743,2,FALSE)</f>
        <v>#N/A</v>
      </c>
      <c r="N1951" s="51" t="e">
        <f>VLOOKUP(E1951,団体コード!$E$1:$F$48,2,FALSE)</f>
        <v>#N/A</v>
      </c>
      <c r="O1951" s="51" t="e">
        <f t="shared" si="63"/>
        <v>#N/A</v>
      </c>
      <c r="P1951" s="51">
        <v>1</v>
      </c>
      <c r="Q1951" s="51" t="s">
        <v>5341</v>
      </c>
      <c r="R1951" s="54" t="b">
        <v>1</v>
      </c>
      <c r="S1951" s="52" t="s">
        <v>7126</v>
      </c>
      <c r="T1951" s="67" t="s">
        <v>7127</v>
      </c>
      <c r="U1951" s="75" t="s">
        <v>5331</v>
      </c>
      <c r="V1951" s="47" t="s">
        <v>5331</v>
      </c>
      <c r="W1951" s="47" t="s">
        <v>5331</v>
      </c>
      <c r="X1951" s="47" t="s">
        <v>5331</v>
      </c>
      <c r="Y1951" s="47" t="s">
        <v>5331</v>
      </c>
      <c r="Z1951" s="28"/>
      <c r="AA1951" s="27"/>
      <c r="AB1951" s="27"/>
      <c r="AC1951" s="27"/>
      <c r="AD1951" s="30"/>
      <c r="AE1951" s="1"/>
      <c r="AF1951" s="23" t="s">
        <v>5331</v>
      </c>
      <c r="AG1951" s="26"/>
      <c r="AH1951" s="53"/>
    </row>
    <row r="1952" spans="1:34" ht="51.6" customHeight="1" x14ac:dyDescent="0.45">
      <c r="A1952" s="23">
        <v>1946</v>
      </c>
      <c r="B1952" s="25"/>
      <c r="C1952" s="25"/>
      <c r="D1952" s="29"/>
      <c r="E1952" s="1"/>
      <c r="F1952" s="1"/>
      <c r="G1952" s="25"/>
      <c r="H1952" s="71"/>
      <c r="I1952" s="83"/>
      <c r="J1952" s="50" t="str">
        <f t="shared" si="62"/>
        <v/>
      </c>
      <c r="K1952" s="23" t="s">
        <v>7120</v>
      </c>
      <c r="L1952" s="49" t="e">
        <f>VLOOKUP(E1952&amp;F1952,団体コード!$A$1:$C$1743,3,FALSE)</f>
        <v>#N/A</v>
      </c>
      <c r="M1952" s="49" t="e">
        <f>VLOOKUP(E1952&amp;F1952,団体コード!$A$1:$C$1743,2,FALSE)</f>
        <v>#N/A</v>
      </c>
      <c r="N1952" s="51" t="e">
        <f>VLOOKUP(E1952,団体コード!$E$1:$F$48,2,FALSE)</f>
        <v>#N/A</v>
      </c>
      <c r="O1952" s="51" t="e">
        <f t="shared" si="63"/>
        <v>#N/A</v>
      </c>
      <c r="P1952" s="51">
        <v>1</v>
      </c>
      <c r="Q1952" s="51" t="s">
        <v>5341</v>
      </c>
      <c r="R1952" s="54" t="b">
        <v>1</v>
      </c>
      <c r="S1952" s="52" t="s">
        <v>7126</v>
      </c>
      <c r="T1952" s="67" t="s">
        <v>7127</v>
      </c>
      <c r="U1952" s="75" t="s">
        <v>5331</v>
      </c>
      <c r="V1952" s="47" t="s">
        <v>5331</v>
      </c>
      <c r="W1952" s="47" t="s">
        <v>5331</v>
      </c>
      <c r="X1952" s="47" t="s">
        <v>5331</v>
      </c>
      <c r="Y1952" s="47" t="s">
        <v>5331</v>
      </c>
      <c r="Z1952" s="28"/>
      <c r="AA1952" s="27"/>
      <c r="AB1952" s="27"/>
      <c r="AC1952" s="27"/>
      <c r="AD1952" s="30"/>
      <c r="AE1952" s="1"/>
      <c r="AF1952" s="23" t="s">
        <v>5331</v>
      </c>
      <c r="AG1952" s="26"/>
      <c r="AH1952" s="53"/>
    </row>
    <row r="1953" spans="1:34" ht="51.6" customHeight="1" x14ac:dyDescent="0.45">
      <c r="A1953" s="23">
        <v>1947</v>
      </c>
      <c r="B1953" s="25"/>
      <c r="C1953" s="25"/>
      <c r="D1953" s="29"/>
      <c r="E1953" s="1"/>
      <c r="F1953" s="1"/>
      <c r="G1953" s="25"/>
      <c r="H1953" s="71"/>
      <c r="I1953" s="83"/>
      <c r="J1953" s="50" t="str">
        <f t="shared" si="62"/>
        <v/>
      </c>
      <c r="K1953" s="23" t="s">
        <v>7120</v>
      </c>
      <c r="L1953" s="49" t="e">
        <f>VLOOKUP(E1953&amp;F1953,団体コード!$A$1:$C$1743,3,FALSE)</f>
        <v>#N/A</v>
      </c>
      <c r="M1953" s="49" t="e">
        <f>VLOOKUP(E1953&amp;F1953,団体コード!$A$1:$C$1743,2,FALSE)</f>
        <v>#N/A</v>
      </c>
      <c r="N1953" s="51" t="e">
        <f>VLOOKUP(E1953,団体コード!$E$1:$F$48,2,FALSE)</f>
        <v>#N/A</v>
      </c>
      <c r="O1953" s="51" t="e">
        <f t="shared" si="63"/>
        <v>#N/A</v>
      </c>
      <c r="P1953" s="51">
        <v>1</v>
      </c>
      <c r="Q1953" s="51" t="s">
        <v>5341</v>
      </c>
      <c r="R1953" s="54" t="b">
        <v>1</v>
      </c>
      <c r="S1953" s="52" t="s">
        <v>7126</v>
      </c>
      <c r="T1953" s="67" t="s">
        <v>7127</v>
      </c>
      <c r="U1953" s="75" t="s">
        <v>5331</v>
      </c>
      <c r="V1953" s="47" t="s">
        <v>5331</v>
      </c>
      <c r="W1953" s="47" t="s">
        <v>5331</v>
      </c>
      <c r="X1953" s="47" t="s">
        <v>5331</v>
      </c>
      <c r="Y1953" s="47" t="s">
        <v>5331</v>
      </c>
      <c r="Z1953" s="28"/>
      <c r="AA1953" s="27"/>
      <c r="AB1953" s="27"/>
      <c r="AC1953" s="27"/>
      <c r="AD1953" s="30"/>
      <c r="AE1953" s="1"/>
      <c r="AF1953" s="23" t="s">
        <v>5331</v>
      </c>
      <c r="AG1953" s="26"/>
      <c r="AH1953" s="53"/>
    </row>
    <row r="1954" spans="1:34" ht="51.6" customHeight="1" x14ac:dyDescent="0.45">
      <c r="A1954" s="23">
        <v>1948</v>
      </c>
      <c r="B1954" s="25"/>
      <c r="C1954" s="25"/>
      <c r="D1954" s="29"/>
      <c r="E1954" s="1"/>
      <c r="F1954" s="1"/>
      <c r="G1954" s="25"/>
      <c r="H1954" s="71"/>
      <c r="I1954" s="83"/>
      <c r="J1954" s="50" t="str">
        <f t="shared" si="62"/>
        <v/>
      </c>
      <c r="K1954" s="23" t="s">
        <v>7120</v>
      </c>
      <c r="L1954" s="49" t="e">
        <f>VLOOKUP(E1954&amp;F1954,団体コード!$A$1:$C$1743,3,FALSE)</f>
        <v>#N/A</v>
      </c>
      <c r="M1954" s="49" t="e">
        <f>VLOOKUP(E1954&amp;F1954,団体コード!$A$1:$C$1743,2,FALSE)</f>
        <v>#N/A</v>
      </c>
      <c r="N1954" s="51" t="e">
        <f>VLOOKUP(E1954,団体コード!$E$1:$F$48,2,FALSE)</f>
        <v>#N/A</v>
      </c>
      <c r="O1954" s="51" t="e">
        <f t="shared" si="63"/>
        <v>#N/A</v>
      </c>
      <c r="P1954" s="51">
        <v>1</v>
      </c>
      <c r="Q1954" s="51" t="s">
        <v>5341</v>
      </c>
      <c r="R1954" s="54" t="b">
        <v>1</v>
      </c>
      <c r="S1954" s="52" t="s">
        <v>7126</v>
      </c>
      <c r="T1954" s="67" t="s">
        <v>7127</v>
      </c>
      <c r="U1954" s="75" t="s">
        <v>5331</v>
      </c>
      <c r="V1954" s="47" t="s">
        <v>5331</v>
      </c>
      <c r="W1954" s="47" t="s">
        <v>5331</v>
      </c>
      <c r="X1954" s="47" t="s">
        <v>5331</v>
      </c>
      <c r="Y1954" s="47" t="s">
        <v>5331</v>
      </c>
      <c r="Z1954" s="28"/>
      <c r="AA1954" s="27"/>
      <c r="AB1954" s="27"/>
      <c r="AC1954" s="27"/>
      <c r="AD1954" s="30"/>
      <c r="AE1954" s="1"/>
      <c r="AF1954" s="23" t="s">
        <v>5331</v>
      </c>
      <c r="AG1954" s="26"/>
      <c r="AH1954" s="53"/>
    </row>
    <row r="1955" spans="1:34" ht="51.6" customHeight="1" x14ac:dyDescent="0.45">
      <c r="A1955" s="23">
        <v>1949</v>
      </c>
      <c r="B1955" s="25"/>
      <c r="C1955" s="25"/>
      <c r="D1955" s="29"/>
      <c r="E1955" s="1"/>
      <c r="F1955" s="1"/>
      <c r="G1955" s="25"/>
      <c r="H1955" s="71"/>
      <c r="I1955" s="83"/>
      <c r="J1955" s="50" t="str">
        <f t="shared" si="62"/>
        <v/>
      </c>
      <c r="K1955" s="23" t="s">
        <v>7120</v>
      </c>
      <c r="L1955" s="49" t="e">
        <f>VLOOKUP(E1955&amp;F1955,団体コード!$A$1:$C$1743,3,FALSE)</f>
        <v>#N/A</v>
      </c>
      <c r="M1955" s="49" t="e">
        <f>VLOOKUP(E1955&amp;F1955,団体コード!$A$1:$C$1743,2,FALSE)</f>
        <v>#N/A</v>
      </c>
      <c r="N1955" s="51" t="e">
        <f>VLOOKUP(E1955,団体コード!$E$1:$F$48,2,FALSE)</f>
        <v>#N/A</v>
      </c>
      <c r="O1955" s="51" t="e">
        <f t="shared" si="63"/>
        <v>#N/A</v>
      </c>
      <c r="P1955" s="51">
        <v>1</v>
      </c>
      <c r="Q1955" s="51" t="s">
        <v>5341</v>
      </c>
      <c r="R1955" s="54" t="b">
        <v>1</v>
      </c>
      <c r="S1955" s="52" t="s">
        <v>7126</v>
      </c>
      <c r="T1955" s="67" t="s">
        <v>7127</v>
      </c>
      <c r="U1955" s="75" t="s">
        <v>5331</v>
      </c>
      <c r="V1955" s="47" t="s">
        <v>5331</v>
      </c>
      <c r="W1955" s="47" t="s">
        <v>5331</v>
      </c>
      <c r="X1955" s="47" t="s">
        <v>5331</v>
      </c>
      <c r="Y1955" s="47" t="s">
        <v>5331</v>
      </c>
      <c r="Z1955" s="28"/>
      <c r="AA1955" s="27"/>
      <c r="AB1955" s="27"/>
      <c r="AC1955" s="27"/>
      <c r="AD1955" s="30"/>
      <c r="AE1955" s="1"/>
      <c r="AF1955" s="23" t="s">
        <v>5331</v>
      </c>
      <c r="AG1955" s="26"/>
      <c r="AH1955" s="53"/>
    </row>
    <row r="1956" spans="1:34" ht="51.6" customHeight="1" x14ac:dyDescent="0.45">
      <c r="A1956" s="23">
        <v>1950</v>
      </c>
      <c r="B1956" s="25"/>
      <c r="C1956" s="25"/>
      <c r="D1956" s="29"/>
      <c r="E1956" s="1"/>
      <c r="F1956" s="1"/>
      <c r="G1956" s="25"/>
      <c r="H1956" s="71"/>
      <c r="I1956" s="83"/>
      <c r="J1956" s="50" t="str">
        <f t="shared" si="62"/>
        <v/>
      </c>
      <c r="K1956" s="23" t="s">
        <v>7120</v>
      </c>
      <c r="L1956" s="49" t="e">
        <f>VLOOKUP(E1956&amp;F1956,団体コード!$A$1:$C$1743,3,FALSE)</f>
        <v>#N/A</v>
      </c>
      <c r="M1956" s="49" t="e">
        <f>VLOOKUP(E1956&amp;F1956,団体コード!$A$1:$C$1743,2,FALSE)</f>
        <v>#N/A</v>
      </c>
      <c r="N1956" s="51" t="e">
        <f>VLOOKUP(E1956,団体コード!$E$1:$F$48,2,FALSE)</f>
        <v>#N/A</v>
      </c>
      <c r="O1956" s="51" t="e">
        <f t="shared" si="63"/>
        <v>#N/A</v>
      </c>
      <c r="P1956" s="51">
        <v>1</v>
      </c>
      <c r="Q1956" s="51" t="s">
        <v>5341</v>
      </c>
      <c r="R1956" s="54" t="b">
        <v>1</v>
      </c>
      <c r="S1956" s="52" t="s">
        <v>7126</v>
      </c>
      <c r="T1956" s="67" t="s">
        <v>7127</v>
      </c>
      <c r="U1956" s="75" t="s">
        <v>5331</v>
      </c>
      <c r="V1956" s="47" t="s">
        <v>5331</v>
      </c>
      <c r="W1956" s="47" t="s">
        <v>5331</v>
      </c>
      <c r="X1956" s="47" t="s">
        <v>5331</v>
      </c>
      <c r="Y1956" s="47" t="s">
        <v>5331</v>
      </c>
      <c r="Z1956" s="28"/>
      <c r="AA1956" s="27"/>
      <c r="AB1956" s="27"/>
      <c r="AC1956" s="27"/>
      <c r="AD1956" s="30"/>
      <c r="AE1956" s="1"/>
      <c r="AF1956" s="23" t="s">
        <v>5331</v>
      </c>
      <c r="AG1956" s="26"/>
      <c r="AH1956" s="53"/>
    </row>
    <row r="1957" spans="1:34" ht="51.6" customHeight="1" x14ac:dyDescent="0.45">
      <c r="A1957" s="23">
        <v>1951</v>
      </c>
      <c r="B1957" s="25"/>
      <c r="C1957" s="25"/>
      <c r="D1957" s="29"/>
      <c r="E1957" s="1"/>
      <c r="F1957" s="1"/>
      <c r="G1957" s="25"/>
      <c r="H1957" s="71"/>
      <c r="I1957" s="83"/>
      <c r="J1957" s="50" t="str">
        <f t="shared" si="62"/>
        <v/>
      </c>
      <c r="K1957" s="23" t="s">
        <v>7120</v>
      </c>
      <c r="L1957" s="49" t="e">
        <f>VLOOKUP(E1957&amp;F1957,団体コード!$A$1:$C$1743,3,FALSE)</f>
        <v>#N/A</v>
      </c>
      <c r="M1957" s="49" t="e">
        <f>VLOOKUP(E1957&amp;F1957,団体コード!$A$1:$C$1743,2,FALSE)</f>
        <v>#N/A</v>
      </c>
      <c r="N1957" s="51" t="e">
        <f>VLOOKUP(E1957,団体コード!$E$1:$F$48,2,FALSE)</f>
        <v>#N/A</v>
      </c>
      <c r="O1957" s="51" t="e">
        <f t="shared" si="63"/>
        <v>#N/A</v>
      </c>
      <c r="P1957" s="51">
        <v>1</v>
      </c>
      <c r="Q1957" s="51" t="s">
        <v>5341</v>
      </c>
      <c r="R1957" s="54" t="b">
        <v>1</v>
      </c>
      <c r="S1957" s="52" t="s">
        <v>7126</v>
      </c>
      <c r="T1957" s="67" t="s">
        <v>7127</v>
      </c>
      <c r="U1957" s="75" t="s">
        <v>5331</v>
      </c>
      <c r="V1957" s="47" t="s">
        <v>5331</v>
      </c>
      <c r="W1957" s="47" t="s">
        <v>5331</v>
      </c>
      <c r="X1957" s="47" t="s">
        <v>5331</v>
      </c>
      <c r="Y1957" s="47" t="s">
        <v>5331</v>
      </c>
      <c r="Z1957" s="28"/>
      <c r="AA1957" s="27"/>
      <c r="AB1957" s="27"/>
      <c r="AC1957" s="27"/>
      <c r="AD1957" s="30"/>
      <c r="AE1957" s="1"/>
      <c r="AF1957" s="23" t="s">
        <v>5331</v>
      </c>
      <c r="AG1957" s="26"/>
      <c r="AH1957" s="53"/>
    </row>
    <row r="1958" spans="1:34" ht="51.6" customHeight="1" x14ac:dyDescent="0.45">
      <c r="A1958" s="23">
        <v>1952</v>
      </c>
      <c r="B1958" s="25"/>
      <c r="C1958" s="25"/>
      <c r="D1958" s="29"/>
      <c r="E1958" s="1"/>
      <c r="F1958" s="1"/>
      <c r="G1958" s="25"/>
      <c r="H1958" s="71"/>
      <c r="I1958" s="83"/>
      <c r="J1958" s="50" t="str">
        <f t="shared" si="62"/>
        <v/>
      </c>
      <c r="K1958" s="23" t="s">
        <v>7120</v>
      </c>
      <c r="L1958" s="49" t="e">
        <f>VLOOKUP(E1958&amp;F1958,団体コード!$A$1:$C$1743,3,FALSE)</f>
        <v>#N/A</v>
      </c>
      <c r="M1958" s="49" t="e">
        <f>VLOOKUP(E1958&amp;F1958,団体コード!$A$1:$C$1743,2,FALSE)</f>
        <v>#N/A</v>
      </c>
      <c r="N1958" s="51" t="e">
        <f>VLOOKUP(E1958,団体コード!$E$1:$F$48,2,FALSE)</f>
        <v>#N/A</v>
      </c>
      <c r="O1958" s="51" t="e">
        <f t="shared" si="63"/>
        <v>#N/A</v>
      </c>
      <c r="P1958" s="51">
        <v>1</v>
      </c>
      <c r="Q1958" s="51" t="s">
        <v>5341</v>
      </c>
      <c r="R1958" s="54" t="b">
        <v>1</v>
      </c>
      <c r="S1958" s="52" t="s">
        <v>7126</v>
      </c>
      <c r="T1958" s="67" t="s">
        <v>7127</v>
      </c>
      <c r="U1958" s="75" t="s">
        <v>5331</v>
      </c>
      <c r="V1958" s="47" t="s">
        <v>5331</v>
      </c>
      <c r="W1958" s="47" t="s">
        <v>5331</v>
      </c>
      <c r="X1958" s="47" t="s">
        <v>5331</v>
      </c>
      <c r="Y1958" s="47" t="s">
        <v>5331</v>
      </c>
      <c r="Z1958" s="28"/>
      <c r="AA1958" s="27"/>
      <c r="AB1958" s="27"/>
      <c r="AC1958" s="27"/>
      <c r="AD1958" s="30"/>
      <c r="AE1958" s="1"/>
      <c r="AF1958" s="23" t="s">
        <v>5331</v>
      </c>
      <c r="AG1958" s="26"/>
      <c r="AH1958" s="53"/>
    </row>
    <row r="1959" spans="1:34" ht="51.6" customHeight="1" x14ac:dyDescent="0.45">
      <c r="A1959" s="23">
        <v>1953</v>
      </c>
      <c r="B1959" s="25"/>
      <c r="C1959" s="25"/>
      <c r="D1959" s="29"/>
      <c r="E1959" s="1"/>
      <c r="F1959" s="1"/>
      <c r="G1959" s="25"/>
      <c r="H1959" s="71"/>
      <c r="I1959" s="83"/>
      <c r="J1959" s="50" t="str">
        <f t="shared" si="62"/>
        <v/>
      </c>
      <c r="K1959" s="23" t="s">
        <v>7120</v>
      </c>
      <c r="L1959" s="49" t="e">
        <f>VLOOKUP(E1959&amp;F1959,団体コード!$A$1:$C$1743,3,FALSE)</f>
        <v>#N/A</v>
      </c>
      <c r="M1959" s="49" t="e">
        <f>VLOOKUP(E1959&amp;F1959,団体コード!$A$1:$C$1743,2,FALSE)</f>
        <v>#N/A</v>
      </c>
      <c r="N1959" s="51" t="e">
        <f>VLOOKUP(E1959,団体コード!$E$1:$F$48,2,FALSE)</f>
        <v>#N/A</v>
      </c>
      <c r="O1959" s="51" t="e">
        <f t="shared" si="63"/>
        <v>#N/A</v>
      </c>
      <c r="P1959" s="51">
        <v>1</v>
      </c>
      <c r="Q1959" s="51" t="s">
        <v>5341</v>
      </c>
      <c r="R1959" s="54" t="b">
        <v>1</v>
      </c>
      <c r="S1959" s="52" t="s">
        <v>7126</v>
      </c>
      <c r="T1959" s="67" t="s">
        <v>7127</v>
      </c>
      <c r="U1959" s="75" t="s">
        <v>5331</v>
      </c>
      <c r="V1959" s="47" t="s">
        <v>5331</v>
      </c>
      <c r="W1959" s="47" t="s">
        <v>5331</v>
      </c>
      <c r="X1959" s="47" t="s">
        <v>5331</v>
      </c>
      <c r="Y1959" s="47" t="s">
        <v>5331</v>
      </c>
      <c r="Z1959" s="28"/>
      <c r="AA1959" s="27"/>
      <c r="AB1959" s="27"/>
      <c r="AC1959" s="27"/>
      <c r="AD1959" s="30"/>
      <c r="AE1959" s="1"/>
      <c r="AF1959" s="23" t="s">
        <v>5331</v>
      </c>
      <c r="AG1959" s="26"/>
      <c r="AH1959" s="53"/>
    </row>
    <row r="1960" spans="1:34" ht="51.6" customHeight="1" x14ac:dyDescent="0.45">
      <c r="A1960" s="23">
        <v>1954</v>
      </c>
      <c r="B1960" s="25"/>
      <c r="C1960" s="25"/>
      <c r="D1960" s="29"/>
      <c r="E1960" s="1"/>
      <c r="F1960" s="1"/>
      <c r="G1960" s="25"/>
      <c r="H1960" s="71"/>
      <c r="I1960" s="83"/>
      <c r="J1960" s="50" t="str">
        <f t="shared" si="62"/>
        <v/>
      </c>
      <c r="K1960" s="23" t="s">
        <v>7120</v>
      </c>
      <c r="L1960" s="49" t="e">
        <f>VLOOKUP(E1960&amp;F1960,団体コード!$A$1:$C$1743,3,FALSE)</f>
        <v>#N/A</v>
      </c>
      <c r="M1960" s="49" t="e">
        <f>VLOOKUP(E1960&amp;F1960,団体コード!$A$1:$C$1743,2,FALSE)</f>
        <v>#N/A</v>
      </c>
      <c r="N1960" s="51" t="e">
        <f>VLOOKUP(E1960,団体コード!$E$1:$F$48,2,FALSE)</f>
        <v>#N/A</v>
      </c>
      <c r="O1960" s="51" t="e">
        <f t="shared" si="63"/>
        <v>#N/A</v>
      </c>
      <c r="P1960" s="51">
        <v>1</v>
      </c>
      <c r="Q1960" s="51" t="s">
        <v>5341</v>
      </c>
      <c r="R1960" s="54" t="b">
        <v>1</v>
      </c>
      <c r="S1960" s="52" t="s">
        <v>7126</v>
      </c>
      <c r="T1960" s="67" t="s">
        <v>7127</v>
      </c>
      <c r="U1960" s="75" t="s">
        <v>5331</v>
      </c>
      <c r="V1960" s="47" t="s">
        <v>5331</v>
      </c>
      <c r="W1960" s="47" t="s">
        <v>5331</v>
      </c>
      <c r="X1960" s="47" t="s">
        <v>5331</v>
      </c>
      <c r="Y1960" s="47" t="s">
        <v>5331</v>
      </c>
      <c r="Z1960" s="28"/>
      <c r="AA1960" s="27"/>
      <c r="AB1960" s="27"/>
      <c r="AC1960" s="27"/>
      <c r="AD1960" s="30"/>
      <c r="AE1960" s="1"/>
      <c r="AF1960" s="23" t="s">
        <v>5331</v>
      </c>
      <c r="AG1960" s="26"/>
      <c r="AH1960" s="53"/>
    </row>
    <row r="1961" spans="1:34" ht="51.6" customHeight="1" x14ac:dyDescent="0.45">
      <c r="A1961" s="23">
        <v>1955</v>
      </c>
      <c r="B1961" s="25"/>
      <c r="C1961" s="25"/>
      <c r="D1961" s="29"/>
      <c r="E1961" s="1"/>
      <c r="F1961" s="1"/>
      <c r="G1961" s="25"/>
      <c r="H1961" s="71"/>
      <c r="I1961" s="83"/>
      <c r="J1961" s="50" t="str">
        <f t="shared" si="62"/>
        <v/>
      </c>
      <c r="K1961" s="23" t="s">
        <v>7120</v>
      </c>
      <c r="L1961" s="49" t="e">
        <f>VLOOKUP(E1961&amp;F1961,団体コード!$A$1:$C$1743,3,FALSE)</f>
        <v>#N/A</v>
      </c>
      <c r="M1961" s="49" t="e">
        <f>VLOOKUP(E1961&amp;F1961,団体コード!$A$1:$C$1743,2,FALSE)</f>
        <v>#N/A</v>
      </c>
      <c r="N1961" s="51" t="e">
        <f>VLOOKUP(E1961,団体コード!$E$1:$F$48,2,FALSE)</f>
        <v>#N/A</v>
      </c>
      <c r="O1961" s="51" t="e">
        <f t="shared" si="63"/>
        <v>#N/A</v>
      </c>
      <c r="P1961" s="51">
        <v>1</v>
      </c>
      <c r="Q1961" s="51" t="s">
        <v>5341</v>
      </c>
      <c r="R1961" s="54" t="b">
        <v>1</v>
      </c>
      <c r="S1961" s="52" t="s">
        <v>7126</v>
      </c>
      <c r="T1961" s="67" t="s">
        <v>7127</v>
      </c>
      <c r="U1961" s="75" t="s">
        <v>5331</v>
      </c>
      <c r="V1961" s="47" t="s">
        <v>5331</v>
      </c>
      <c r="W1961" s="47" t="s">
        <v>5331</v>
      </c>
      <c r="X1961" s="47" t="s">
        <v>5331</v>
      </c>
      <c r="Y1961" s="47" t="s">
        <v>5331</v>
      </c>
      <c r="Z1961" s="28"/>
      <c r="AA1961" s="27"/>
      <c r="AB1961" s="27"/>
      <c r="AC1961" s="27"/>
      <c r="AD1961" s="30"/>
      <c r="AE1961" s="1"/>
      <c r="AF1961" s="23" t="s">
        <v>5331</v>
      </c>
      <c r="AG1961" s="26"/>
      <c r="AH1961" s="53"/>
    </row>
    <row r="1962" spans="1:34" ht="51.6" customHeight="1" x14ac:dyDescent="0.45">
      <c r="A1962" s="23">
        <v>1956</v>
      </c>
      <c r="B1962" s="25"/>
      <c r="C1962" s="25"/>
      <c r="D1962" s="29"/>
      <c r="E1962" s="1"/>
      <c r="F1962" s="1"/>
      <c r="G1962" s="25"/>
      <c r="H1962" s="71"/>
      <c r="I1962" s="83"/>
      <c r="J1962" s="50" t="str">
        <f t="shared" si="62"/>
        <v/>
      </c>
      <c r="K1962" s="23" t="s">
        <v>7120</v>
      </c>
      <c r="L1962" s="49" t="e">
        <f>VLOOKUP(E1962&amp;F1962,団体コード!$A$1:$C$1743,3,FALSE)</f>
        <v>#N/A</v>
      </c>
      <c r="M1962" s="49" t="e">
        <f>VLOOKUP(E1962&amp;F1962,団体コード!$A$1:$C$1743,2,FALSE)</f>
        <v>#N/A</v>
      </c>
      <c r="N1962" s="51" t="e">
        <f>VLOOKUP(E1962,団体コード!$E$1:$F$48,2,FALSE)</f>
        <v>#N/A</v>
      </c>
      <c r="O1962" s="51" t="e">
        <f t="shared" si="63"/>
        <v>#N/A</v>
      </c>
      <c r="P1962" s="51">
        <v>1</v>
      </c>
      <c r="Q1962" s="51" t="s">
        <v>5341</v>
      </c>
      <c r="R1962" s="54" t="b">
        <v>1</v>
      </c>
      <c r="S1962" s="52" t="s">
        <v>7126</v>
      </c>
      <c r="T1962" s="67" t="s">
        <v>7127</v>
      </c>
      <c r="U1962" s="75" t="s">
        <v>5331</v>
      </c>
      <c r="V1962" s="47" t="s">
        <v>5331</v>
      </c>
      <c r="W1962" s="47" t="s">
        <v>5331</v>
      </c>
      <c r="X1962" s="47" t="s">
        <v>5331</v>
      </c>
      <c r="Y1962" s="47" t="s">
        <v>5331</v>
      </c>
      <c r="Z1962" s="28"/>
      <c r="AA1962" s="27"/>
      <c r="AB1962" s="27"/>
      <c r="AC1962" s="27"/>
      <c r="AD1962" s="30"/>
      <c r="AE1962" s="1"/>
      <c r="AF1962" s="23" t="s">
        <v>5331</v>
      </c>
      <c r="AG1962" s="26"/>
      <c r="AH1962" s="53"/>
    </row>
    <row r="1963" spans="1:34" ht="51.6" customHeight="1" x14ac:dyDescent="0.45">
      <c r="A1963" s="23">
        <v>1957</v>
      </c>
      <c r="B1963" s="25"/>
      <c r="C1963" s="25"/>
      <c r="D1963" s="29"/>
      <c r="E1963" s="1"/>
      <c r="F1963" s="1"/>
      <c r="G1963" s="25"/>
      <c r="H1963" s="71"/>
      <c r="I1963" s="83"/>
      <c r="J1963" s="50" t="str">
        <f t="shared" si="62"/>
        <v/>
      </c>
      <c r="K1963" s="23" t="s">
        <v>7120</v>
      </c>
      <c r="L1963" s="49" t="e">
        <f>VLOOKUP(E1963&amp;F1963,団体コード!$A$1:$C$1743,3,FALSE)</f>
        <v>#N/A</v>
      </c>
      <c r="M1963" s="49" t="e">
        <f>VLOOKUP(E1963&amp;F1963,団体コード!$A$1:$C$1743,2,FALSE)</f>
        <v>#N/A</v>
      </c>
      <c r="N1963" s="51" t="e">
        <f>VLOOKUP(E1963,団体コード!$E$1:$F$48,2,FALSE)</f>
        <v>#N/A</v>
      </c>
      <c r="O1963" s="51" t="e">
        <f t="shared" si="63"/>
        <v>#N/A</v>
      </c>
      <c r="P1963" s="51">
        <v>1</v>
      </c>
      <c r="Q1963" s="51" t="s">
        <v>5341</v>
      </c>
      <c r="R1963" s="54" t="b">
        <v>1</v>
      </c>
      <c r="S1963" s="52" t="s">
        <v>7126</v>
      </c>
      <c r="T1963" s="67" t="s">
        <v>7127</v>
      </c>
      <c r="U1963" s="75" t="s">
        <v>5331</v>
      </c>
      <c r="V1963" s="47" t="s">
        <v>5331</v>
      </c>
      <c r="W1963" s="47" t="s">
        <v>5331</v>
      </c>
      <c r="X1963" s="47" t="s">
        <v>5331</v>
      </c>
      <c r="Y1963" s="47" t="s">
        <v>5331</v>
      </c>
      <c r="Z1963" s="28"/>
      <c r="AA1963" s="27"/>
      <c r="AB1963" s="27"/>
      <c r="AC1963" s="27"/>
      <c r="AD1963" s="30"/>
      <c r="AE1963" s="1"/>
      <c r="AF1963" s="23" t="s">
        <v>5331</v>
      </c>
      <c r="AG1963" s="26"/>
      <c r="AH1963" s="53"/>
    </row>
    <row r="1964" spans="1:34" ht="51.6" customHeight="1" x14ac:dyDescent="0.45">
      <c r="A1964" s="23">
        <v>1958</v>
      </c>
      <c r="B1964" s="25"/>
      <c r="C1964" s="25"/>
      <c r="D1964" s="29"/>
      <c r="E1964" s="1"/>
      <c r="F1964" s="1"/>
      <c r="G1964" s="25"/>
      <c r="H1964" s="71"/>
      <c r="I1964" s="83"/>
      <c r="J1964" s="50" t="str">
        <f t="shared" si="62"/>
        <v/>
      </c>
      <c r="K1964" s="23" t="s">
        <v>7120</v>
      </c>
      <c r="L1964" s="49" t="e">
        <f>VLOOKUP(E1964&amp;F1964,団体コード!$A$1:$C$1743,3,FALSE)</f>
        <v>#N/A</v>
      </c>
      <c r="M1964" s="49" t="e">
        <f>VLOOKUP(E1964&amp;F1964,団体コード!$A$1:$C$1743,2,FALSE)</f>
        <v>#N/A</v>
      </c>
      <c r="N1964" s="51" t="e">
        <f>VLOOKUP(E1964,団体コード!$E$1:$F$48,2,FALSE)</f>
        <v>#N/A</v>
      </c>
      <c r="O1964" s="51" t="e">
        <f t="shared" si="63"/>
        <v>#N/A</v>
      </c>
      <c r="P1964" s="51">
        <v>1</v>
      </c>
      <c r="Q1964" s="51" t="s">
        <v>5341</v>
      </c>
      <c r="R1964" s="54" t="b">
        <v>1</v>
      </c>
      <c r="S1964" s="52" t="s">
        <v>7126</v>
      </c>
      <c r="T1964" s="67" t="s">
        <v>7127</v>
      </c>
      <c r="U1964" s="75" t="s">
        <v>5331</v>
      </c>
      <c r="V1964" s="47" t="s">
        <v>5331</v>
      </c>
      <c r="W1964" s="47" t="s">
        <v>5331</v>
      </c>
      <c r="X1964" s="47" t="s">
        <v>5331</v>
      </c>
      <c r="Y1964" s="47" t="s">
        <v>5331</v>
      </c>
      <c r="Z1964" s="28"/>
      <c r="AA1964" s="27"/>
      <c r="AB1964" s="27"/>
      <c r="AC1964" s="27"/>
      <c r="AD1964" s="30"/>
      <c r="AE1964" s="1"/>
      <c r="AF1964" s="23" t="s">
        <v>5331</v>
      </c>
      <c r="AG1964" s="26"/>
      <c r="AH1964" s="53"/>
    </row>
    <row r="1965" spans="1:34" ht="51.6" customHeight="1" x14ac:dyDescent="0.45">
      <c r="A1965" s="23">
        <v>1959</v>
      </c>
      <c r="B1965" s="25"/>
      <c r="C1965" s="25"/>
      <c r="D1965" s="29"/>
      <c r="E1965" s="1"/>
      <c r="F1965" s="1"/>
      <c r="G1965" s="25"/>
      <c r="H1965" s="71"/>
      <c r="I1965" s="83"/>
      <c r="J1965" s="50" t="str">
        <f t="shared" si="62"/>
        <v/>
      </c>
      <c r="K1965" s="23" t="s">
        <v>7120</v>
      </c>
      <c r="L1965" s="49" t="e">
        <f>VLOOKUP(E1965&amp;F1965,団体コード!$A$1:$C$1743,3,FALSE)</f>
        <v>#N/A</v>
      </c>
      <c r="M1965" s="49" t="e">
        <f>VLOOKUP(E1965&amp;F1965,団体コード!$A$1:$C$1743,2,FALSE)</f>
        <v>#N/A</v>
      </c>
      <c r="N1965" s="51" t="e">
        <f>VLOOKUP(E1965,団体コード!$E$1:$F$48,2,FALSE)</f>
        <v>#N/A</v>
      </c>
      <c r="O1965" s="51" t="e">
        <f t="shared" si="63"/>
        <v>#N/A</v>
      </c>
      <c r="P1965" s="51">
        <v>1</v>
      </c>
      <c r="Q1965" s="51" t="s">
        <v>5341</v>
      </c>
      <c r="R1965" s="54" t="b">
        <v>1</v>
      </c>
      <c r="S1965" s="52" t="s">
        <v>7126</v>
      </c>
      <c r="T1965" s="67" t="s">
        <v>7127</v>
      </c>
      <c r="U1965" s="75" t="s">
        <v>5331</v>
      </c>
      <c r="V1965" s="47" t="s">
        <v>5331</v>
      </c>
      <c r="W1965" s="47" t="s">
        <v>5331</v>
      </c>
      <c r="X1965" s="47" t="s">
        <v>5331</v>
      </c>
      <c r="Y1965" s="47" t="s">
        <v>5331</v>
      </c>
      <c r="Z1965" s="28"/>
      <c r="AA1965" s="27"/>
      <c r="AB1965" s="27"/>
      <c r="AC1965" s="27"/>
      <c r="AD1965" s="30"/>
      <c r="AE1965" s="1"/>
      <c r="AF1965" s="23" t="s">
        <v>5331</v>
      </c>
      <c r="AG1965" s="26"/>
      <c r="AH1965" s="53"/>
    </row>
    <row r="1966" spans="1:34" ht="51.6" customHeight="1" x14ac:dyDescent="0.45">
      <c r="A1966" s="23">
        <v>1960</v>
      </c>
      <c r="B1966" s="25"/>
      <c r="C1966" s="25"/>
      <c r="D1966" s="29"/>
      <c r="E1966" s="1"/>
      <c r="F1966" s="1"/>
      <c r="G1966" s="25"/>
      <c r="H1966" s="71"/>
      <c r="I1966" s="83"/>
      <c r="J1966" s="50" t="str">
        <f t="shared" si="62"/>
        <v/>
      </c>
      <c r="K1966" s="23" t="s">
        <v>7120</v>
      </c>
      <c r="L1966" s="49" t="e">
        <f>VLOOKUP(E1966&amp;F1966,団体コード!$A$1:$C$1743,3,FALSE)</f>
        <v>#N/A</v>
      </c>
      <c r="M1966" s="49" t="e">
        <f>VLOOKUP(E1966&amp;F1966,団体コード!$A$1:$C$1743,2,FALSE)</f>
        <v>#N/A</v>
      </c>
      <c r="N1966" s="51" t="e">
        <f>VLOOKUP(E1966,団体コード!$E$1:$F$48,2,FALSE)</f>
        <v>#N/A</v>
      </c>
      <c r="O1966" s="51" t="e">
        <f t="shared" si="63"/>
        <v>#N/A</v>
      </c>
      <c r="P1966" s="51">
        <v>1</v>
      </c>
      <c r="Q1966" s="51" t="s">
        <v>5341</v>
      </c>
      <c r="R1966" s="54" t="b">
        <v>1</v>
      </c>
      <c r="S1966" s="52" t="s">
        <v>7126</v>
      </c>
      <c r="T1966" s="67" t="s">
        <v>7127</v>
      </c>
      <c r="U1966" s="75" t="s">
        <v>5331</v>
      </c>
      <c r="V1966" s="47" t="s">
        <v>5331</v>
      </c>
      <c r="W1966" s="47" t="s">
        <v>5331</v>
      </c>
      <c r="X1966" s="47" t="s">
        <v>5331</v>
      </c>
      <c r="Y1966" s="47" t="s">
        <v>5331</v>
      </c>
      <c r="Z1966" s="28"/>
      <c r="AA1966" s="27"/>
      <c r="AB1966" s="27"/>
      <c r="AC1966" s="27"/>
      <c r="AD1966" s="30"/>
      <c r="AE1966" s="1"/>
      <c r="AF1966" s="23" t="s">
        <v>5331</v>
      </c>
      <c r="AG1966" s="26"/>
      <c r="AH1966" s="53"/>
    </row>
    <row r="1967" spans="1:34" ht="51.6" customHeight="1" x14ac:dyDescent="0.45">
      <c r="A1967" s="23">
        <v>1961</v>
      </c>
      <c r="B1967" s="25"/>
      <c r="C1967" s="25"/>
      <c r="D1967" s="29"/>
      <c r="E1967" s="1"/>
      <c r="F1967" s="1"/>
      <c r="G1967" s="25"/>
      <c r="H1967" s="71"/>
      <c r="I1967" s="83"/>
      <c r="J1967" s="50" t="str">
        <f t="shared" si="62"/>
        <v/>
      </c>
      <c r="K1967" s="23" t="s">
        <v>7120</v>
      </c>
      <c r="L1967" s="49" t="e">
        <f>VLOOKUP(E1967&amp;F1967,団体コード!$A$1:$C$1743,3,FALSE)</f>
        <v>#N/A</v>
      </c>
      <c r="M1967" s="49" t="e">
        <f>VLOOKUP(E1967&amp;F1967,団体コード!$A$1:$C$1743,2,FALSE)</f>
        <v>#N/A</v>
      </c>
      <c r="N1967" s="51" t="e">
        <f>VLOOKUP(E1967,団体コード!$E$1:$F$48,2,FALSE)</f>
        <v>#N/A</v>
      </c>
      <c r="O1967" s="51" t="e">
        <f t="shared" si="63"/>
        <v>#N/A</v>
      </c>
      <c r="P1967" s="51">
        <v>1</v>
      </c>
      <c r="Q1967" s="51" t="s">
        <v>5341</v>
      </c>
      <c r="R1967" s="54" t="b">
        <v>1</v>
      </c>
      <c r="S1967" s="52" t="s">
        <v>7126</v>
      </c>
      <c r="T1967" s="67" t="s">
        <v>7127</v>
      </c>
      <c r="U1967" s="75" t="s">
        <v>5331</v>
      </c>
      <c r="V1967" s="47" t="s">
        <v>5331</v>
      </c>
      <c r="W1967" s="47" t="s">
        <v>5331</v>
      </c>
      <c r="X1967" s="47" t="s">
        <v>5331</v>
      </c>
      <c r="Y1967" s="47" t="s">
        <v>5331</v>
      </c>
      <c r="Z1967" s="28"/>
      <c r="AA1967" s="27"/>
      <c r="AB1967" s="27"/>
      <c r="AC1967" s="27"/>
      <c r="AD1967" s="30"/>
      <c r="AE1967" s="1"/>
      <c r="AF1967" s="23" t="s">
        <v>5331</v>
      </c>
      <c r="AG1967" s="26"/>
      <c r="AH1967" s="53"/>
    </row>
    <row r="1968" spans="1:34" ht="51.6" customHeight="1" x14ac:dyDescent="0.45">
      <c r="A1968" s="23">
        <v>1962</v>
      </c>
      <c r="B1968" s="25"/>
      <c r="C1968" s="25"/>
      <c r="D1968" s="29"/>
      <c r="E1968" s="1"/>
      <c r="F1968" s="1"/>
      <c r="G1968" s="25"/>
      <c r="H1968" s="71"/>
      <c r="I1968" s="83"/>
      <c r="J1968" s="50" t="str">
        <f t="shared" si="62"/>
        <v/>
      </c>
      <c r="K1968" s="23" t="s">
        <v>7120</v>
      </c>
      <c r="L1968" s="49" t="e">
        <f>VLOOKUP(E1968&amp;F1968,団体コード!$A$1:$C$1743,3,FALSE)</f>
        <v>#N/A</v>
      </c>
      <c r="M1968" s="49" t="e">
        <f>VLOOKUP(E1968&amp;F1968,団体コード!$A$1:$C$1743,2,FALSE)</f>
        <v>#N/A</v>
      </c>
      <c r="N1968" s="51" t="e">
        <f>VLOOKUP(E1968,団体コード!$E$1:$F$48,2,FALSE)</f>
        <v>#N/A</v>
      </c>
      <c r="O1968" s="51" t="e">
        <f t="shared" si="63"/>
        <v>#N/A</v>
      </c>
      <c r="P1968" s="51">
        <v>1</v>
      </c>
      <c r="Q1968" s="51" t="s">
        <v>5341</v>
      </c>
      <c r="R1968" s="54" t="b">
        <v>1</v>
      </c>
      <c r="S1968" s="52" t="s">
        <v>7126</v>
      </c>
      <c r="T1968" s="67" t="s">
        <v>7127</v>
      </c>
      <c r="U1968" s="75" t="s">
        <v>5331</v>
      </c>
      <c r="V1968" s="47" t="s">
        <v>5331</v>
      </c>
      <c r="W1968" s="47" t="s">
        <v>5331</v>
      </c>
      <c r="X1968" s="47" t="s">
        <v>5331</v>
      </c>
      <c r="Y1968" s="47" t="s">
        <v>5331</v>
      </c>
      <c r="Z1968" s="28"/>
      <c r="AA1968" s="27"/>
      <c r="AB1968" s="27"/>
      <c r="AC1968" s="27"/>
      <c r="AD1968" s="30"/>
      <c r="AE1968" s="1"/>
      <c r="AF1968" s="23" t="s">
        <v>5331</v>
      </c>
      <c r="AG1968" s="26"/>
      <c r="AH1968" s="53"/>
    </row>
    <row r="1969" spans="1:34" ht="51.6" customHeight="1" x14ac:dyDescent="0.45">
      <c r="A1969" s="23">
        <v>1963</v>
      </c>
      <c r="B1969" s="25"/>
      <c r="C1969" s="25"/>
      <c r="D1969" s="29"/>
      <c r="E1969" s="1"/>
      <c r="F1969" s="1"/>
      <c r="G1969" s="25"/>
      <c r="H1969" s="71"/>
      <c r="I1969" s="83"/>
      <c r="J1969" s="50" t="str">
        <f t="shared" si="62"/>
        <v/>
      </c>
      <c r="K1969" s="23" t="s">
        <v>7120</v>
      </c>
      <c r="L1969" s="49" t="e">
        <f>VLOOKUP(E1969&amp;F1969,団体コード!$A$1:$C$1743,3,FALSE)</f>
        <v>#N/A</v>
      </c>
      <c r="M1969" s="49" t="e">
        <f>VLOOKUP(E1969&amp;F1969,団体コード!$A$1:$C$1743,2,FALSE)</f>
        <v>#N/A</v>
      </c>
      <c r="N1969" s="51" t="e">
        <f>VLOOKUP(E1969,団体コード!$E$1:$F$48,2,FALSE)</f>
        <v>#N/A</v>
      </c>
      <c r="O1969" s="51" t="e">
        <f t="shared" si="63"/>
        <v>#N/A</v>
      </c>
      <c r="P1969" s="51">
        <v>1</v>
      </c>
      <c r="Q1969" s="51" t="s">
        <v>5341</v>
      </c>
      <c r="R1969" s="54" t="b">
        <v>1</v>
      </c>
      <c r="S1969" s="52" t="s">
        <v>7126</v>
      </c>
      <c r="T1969" s="67" t="s">
        <v>7127</v>
      </c>
      <c r="U1969" s="75" t="s">
        <v>5331</v>
      </c>
      <c r="V1969" s="47" t="s">
        <v>5331</v>
      </c>
      <c r="W1969" s="47" t="s">
        <v>5331</v>
      </c>
      <c r="X1969" s="47" t="s">
        <v>5331</v>
      </c>
      <c r="Y1969" s="47" t="s">
        <v>5331</v>
      </c>
      <c r="Z1969" s="28"/>
      <c r="AA1969" s="27"/>
      <c r="AB1969" s="27"/>
      <c r="AC1969" s="27"/>
      <c r="AD1969" s="30"/>
      <c r="AE1969" s="1"/>
      <c r="AF1969" s="23" t="s">
        <v>5331</v>
      </c>
      <c r="AG1969" s="26"/>
      <c r="AH1969" s="53"/>
    </row>
    <row r="1970" spans="1:34" ht="51.6" customHeight="1" x14ac:dyDescent="0.45">
      <c r="A1970" s="23">
        <v>1964</v>
      </c>
      <c r="B1970" s="25"/>
      <c r="C1970" s="25"/>
      <c r="D1970" s="29"/>
      <c r="E1970" s="1"/>
      <c r="F1970" s="1"/>
      <c r="G1970" s="25"/>
      <c r="H1970" s="71"/>
      <c r="I1970" s="83"/>
      <c r="J1970" s="50" t="str">
        <f t="shared" si="62"/>
        <v/>
      </c>
      <c r="K1970" s="23" t="s">
        <v>7120</v>
      </c>
      <c r="L1970" s="49" t="e">
        <f>VLOOKUP(E1970&amp;F1970,団体コード!$A$1:$C$1743,3,FALSE)</f>
        <v>#N/A</v>
      </c>
      <c r="M1970" s="49" t="e">
        <f>VLOOKUP(E1970&amp;F1970,団体コード!$A$1:$C$1743,2,FALSE)</f>
        <v>#N/A</v>
      </c>
      <c r="N1970" s="51" t="e">
        <f>VLOOKUP(E1970,団体コード!$E$1:$F$48,2,FALSE)</f>
        <v>#N/A</v>
      </c>
      <c r="O1970" s="51" t="e">
        <f t="shared" si="63"/>
        <v>#N/A</v>
      </c>
      <c r="P1970" s="51">
        <v>1</v>
      </c>
      <c r="Q1970" s="51" t="s">
        <v>5341</v>
      </c>
      <c r="R1970" s="54" t="b">
        <v>1</v>
      </c>
      <c r="S1970" s="52" t="s">
        <v>7126</v>
      </c>
      <c r="T1970" s="67" t="s">
        <v>7127</v>
      </c>
      <c r="U1970" s="75" t="s">
        <v>5331</v>
      </c>
      <c r="V1970" s="47" t="s">
        <v>5331</v>
      </c>
      <c r="W1970" s="47" t="s">
        <v>5331</v>
      </c>
      <c r="X1970" s="47" t="s">
        <v>5331</v>
      </c>
      <c r="Y1970" s="47" t="s">
        <v>5331</v>
      </c>
      <c r="Z1970" s="28"/>
      <c r="AA1970" s="27"/>
      <c r="AB1970" s="27"/>
      <c r="AC1970" s="27"/>
      <c r="AD1970" s="30"/>
      <c r="AE1970" s="1"/>
      <c r="AF1970" s="23" t="s">
        <v>5331</v>
      </c>
      <c r="AG1970" s="26"/>
      <c r="AH1970" s="53"/>
    </row>
    <row r="1971" spans="1:34" ht="51.6" customHeight="1" x14ac:dyDescent="0.45">
      <c r="A1971" s="23">
        <v>1965</v>
      </c>
      <c r="B1971" s="25"/>
      <c r="C1971" s="25"/>
      <c r="D1971" s="29"/>
      <c r="E1971" s="1"/>
      <c r="F1971" s="1"/>
      <c r="G1971" s="25"/>
      <c r="H1971" s="71"/>
      <c r="I1971" s="83"/>
      <c r="J1971" s="50" t="str">
        <f t="shared" si="62"/>
        <v/>
      </c>
      <c r="K1971" s="23" t="s">
        <v>7120</v>
      </c>
      <c r="L1971" s="49" t="e">
        <f>VLOOKUP(E1971&amp;F1971,団体コード!$A$1:$C$1743,3,FALSE)</f>
        <v>#N/A</v>
      </c>
      <c r="M1971" s="49" t="e">
        <f>VLOOKUP(E1971&amp;F1971,団体コード!$A$1:$C$1743,2,FALSE)</f>
        <v>#N/A</v>
      </c>
      <c r="N1971" s="51" t="e">
        <f>VLOOKUP(E1971,団体コード!$E$1:$F$48,2,FALSE)</f>
        <v>#N/A</v>
      </c>
      <c r="O1971" s="51" t="e">
        <f t="shared" si="63"/>
        <v>#N/A</v>
      </c>
      <c r="P1971" s="51">
        <v>1</v>
      </c>
      <c r="Q1971" s="51" t="s">
        <v>5341</v>
      </c>
      <c r="R1971" s="54" t="b">
        <v>1</v>
      </c>
      <c r="S1971" s="52" t="s">
        <v>7126</v>
      </c>
      <c r="T1971" s="67" t="s">
        <v>7127</v>
      </c>
      <c r="U1971" s="75" t="s">
        <v>5331</v>
      </c>
      <c r="V1971" s="47" t="s">
        <v>5331</v>
      </c>
      <c r="W1971" s="47" t="s">
        <v>5331</v>
      </c>
      <c r="X1971" s="47" t="s">
        <v>5331</v>
      </c>
      <c r="Y1971" s="47" t="s">
        <v>5331</v>
      </c>
      <c r="Z1971" s="28"/>
      <c r="AA1971" s="27"/>
      <c r="AB1971" s="27"/>
      <c r="AC1971" s="27"/>
      <c r="AD1971" s="30"/>
      <c r="AE1971" s="1"/>
      <c r="AF1971" s="23" t="s">
        <v>5331</v>
      </c>
      <c r="AG1971" s="26"/>
      <c r="AH1971" s="53"/>
    </row>
    <row r="1972" spans="1:34" ht="51.6" customHeight="1" x14ac:dyDescent="0.45">
      <c r="A1972" s="23">
        <v>1966</v>
      </c>
      <c r="B1972" s="25"/>
      <c r="C1972" s="25"/>
      <c r="D1972" s="29"/>
      <c r="E1972" s="1"/>
      <c r="F1972" s="1"/>
      <c r="G1972" s="25"/>
      <c r="H1972" s="71"/>
      <c r="I1972" s="83"/>
      <c r="J1972" s="50" t="str">
        <f t="shared" si="62"/>
        <v/>
      </c>
      <c r="K1972" s="23" t="s">
        <v>7120</v>
      </c>
      <c r="L1972" s="49" t="e">
        <f>VLOOKUP(E1972&amp;F1972,団体コード!$A$1:$C$1743,3,FALSE)</f>
        <v>#N/A</v>
      </c>
      <c r="M1972" s="49" t="e">
        <f>VLOOKUP(E1972&amp;F1972,団体コード!$A$1:$C$1743,2,FALSE)</f>
        <v>#N/A</v>
      </c>
      <c r="N1972" s="51" t="e">
        <f>VLOOKUP(E1972,団体コード!$E$1:$F$48,2,FALSE)</f>
        <v>#N/A</v>
      </c>
      <c r="O1972" s="51" t="e">
        <f t="shared" si="63"/>
        <v>#N/A</v>
      </c>
      <c r="P1972" s="51">
        <v>1</v>
      </c>
      <c r="Q1972" s="51" t="s">
        <v>5341</v>
      </c>
      <c r="R1972" s="54" t="b">
        <v>1</v>
      </c>
      <c r="S1972" s="52" t="s">
        <v>7126</v>
      </c>
      <c r="T1972" s="67" t="s">
        <v>7127</v>
      </c>
      <c r="U1972" s="75" t="s">
        <v>5331</v>
      </c>
      <c r="V1972" s="47" t="s">
        <v>5331</v>
      </c>
      <c r="W1972" s="47" t="s">
        <v>5331</v>
      </c>
      <c r="X1972" s="47" t="s">
        <v>5331</v>
      </c>
      <c r="Y1972" s="47" t="s">
        <v>5331</v>
      </c>
      <c r="Z1972" s="28"/>
      <c r="AA1972" s="27"/>
      <c r="AB1972" s="27"/>
      <c r="AC1972" s="27"/>
      <c r="AD1972" s="30"/>
      <c r="AE1972" s="1"/>
      <c r="AF1972" s="23" t="s">
        <v>5331</v>
      </c>
      <c r="AG1972" s="26"/>
      <c r="AH1972" s="53"/>
    </row>
    <row r="1973" spans="1:34" ht="51.6" customHeight="1" x14ac:dyDescent="0.45">
      <c r="A1973" s="23">
        <v>1967</v>
      </c>
      <c r="B1973" s="25"/>
      <c r="C1973" s="25"/>
      <c r="D1973" s="29"/>
      <c r="E1973" s="1"/>
      <c r="F1973" s="1"/>
      <c r="G1973" s="25"/>
      <c r="H1973" s="71"/>
      <c r="I1973" s="83"/>
      <c r="J1973" s="50" t="str">
        <f t="shared" si="62"/>
        <v/>
      </c>
      <c r="K1973" s="23" t="s">
        <v>7120</v>
      </c>
      <c r="L1973" s="49" t="e">
        <f>VLOOKUP(E1973&amp;F1973,団体コード!$A$1:$C$1743,3,FALSE)</f>
        <v>#N/A</v>
      </c>
      <c r="M1973" s="49" t="e">
        <f>VLOOKUP(E1973&amp;F1973,団体コード!$A$1:$C$1743,2,FALSE)</f>
        <v>#N/A</v>
      </c>
      <c r="N1973" s="51" t="e">
        <f>VLOOKUP(E1973,団体コード!$E$1:$F$48,2,FALSE)</f>
        <v>#N/A</v>
      </c>
      <c r="O1973" s="51" t="e">
        <f t="shared" si="63"/>
        <v>#N/A</v>
      </c>
      <c r="P1973" s="51">
        <v>1</v>
      </c>
      <c r="Q1973" s="51" t="s">
        <v>5341</v>
      </c>
      <c r="R1973" s="54" t="b">
        <v>1</v>
      </c>
      <c r="S1973" s="52" t="s">
        <v>7126</v>
      </c>
      <c r="T1973" s="67" t="s">
        <v>7127</v>
      </c>
      <c r="U1973" s="75" t="s">
        <v>5331</v>
      </c>
      <c r="V1973" s="47" t="s">
        <v>5331</v>
      </c>
      <c r="W1973" s="47" t="s">
        <v>5331</v>
      </c>
      <c r="X1973" s="47" t="s">
        <v>5331</v>
      </c>
      <c r="Y1973" s="47" t="s">
        <v>5331</v>
      </c>
      <c r="Z1973" s="28"/>
      <c r="AA1973" s="27"/>
      <c r="AB1973" s="27"/>
      <c r="AC1973" s="27"/>
      <c r="AD1973" s="30"/>
      <c r="AE1973" s="1"/>
      <c r="AF1973" s="23" t="s">
        <v>5331</v>
      </c>
      <c r="AG1973" s="26"/>
      <c r="AH1973" s="53"/>
    </row>
    <row r="1974" spans="1:34" ht="51.6" customHeight="1" x14ac:dyDescent="0.45">
      <c r="A1974" s="23">
        <v>1968</v>
      </c>
      <c r="B1974" s="25"/>
      <c r="C1974" s="25"/>
      <c r="D1974" s="29"/>
      <c r="E1974" s="1"/>
      <c r="F1974" s="1"/>
      <c r="G1974" s="25"/>
      <c r="H1974" s="71"/>
      <c r="I1974" s="83"/>
      <c r="J1974" s="50" t="str">
        <f t="shared" si="62"/>
        <v/>
      </c>
      <c r="K1974" s="23" t="s">
        <v>7120</v>
      </c>
      <c r="L1974" s="49" t="e">
        <f>VLOOKUP(E1974&amp;F1974,団体コード!$A$1:$C$1743,3,FALSE)</f>
        <v>#N/A</v>
      </c>
      <c r="M1974" s="49" t="e">
        <f>VLOOKUP(E1974&amp;F1974,団体コード!$A$1:$C$1743,2,FALSE)</f>
        <v>#N/A</v>
      </c>
      <c r="N1974" s="51" t="e">
        <f>VLOOKUP(E1974,団体コード!$E$1:$F$48,2,FALSE)</f>
        <v>#N/A</v>
      </c>
      <c r="O1974" s="51" t="e">
        <f t="shared" si="63"/>
        <v>#N/A</v>
      </c>
      <c r="P1974" s="51">
        <v>1</v>
      </c>
      <c r="Q1974" s="51" t="s">
        <v>5341</v>
      </c>
      <c r="R1974" s="54" t="b">
        <v>1</v>
      </c>
      <c r="S1974" s="52" t="s">
        <v>7126</v>
      </c>
      <c r="T1974" s="67" t="s">
        <v>7127</v>
      </c>
      <c r="U1974" s="75" t="s">
        <v>5331</v>
      </c>
      <c r="V1974" s="47" t="s">
        <v>5331</v>
      </c>
      <c r="W1974" s="47" t="s">
        <v>5331</v>
      </c>
      <c r="X1974" s="47" t="s">
        <v>5331</v>
      </c>
      <c r="Y1974" s="47" t="s">
        <v>5331</v>
      </c>
      <c r="Z1974" s="28"/>
      <c r="AA1974" s="27"/>
      <c r="AB1974" s="27"/>
      <c r="AC1974" s="27"/>
      <c r="AD1974" s="30"/>
      <c r="AE1974" s="1"/>
      <c r="AF1974" s="23" t="s">
        <v>5331</v>
      </c>
      <c r="AG1974" s="26"/>
      <c r="AH1974" s="53"/>
    </row>
    <row r="1975" spans="1:34" ht="51.6" customHeight="1" x14ac:dyDescent="0.45">
      <c r="A1975" s="23">
        <v>1969</v>
      </c>
      <c r="B1975" s="25"/>
      <c r="C1975" s="25"/>
      <c r="D1975" s="29"/>
      <c r="E1975" s="1"/>
      <c r="F1975" s="1"/>
      <c r="G1975" s="25"/>
      <c r="H1975" s="71"/>
      <c r="I1975" s="83"/>
      <c r="J1975" s="50" t="str">
        <f t="shared" si="62"/>
        <v/>
      </c>
      <c r="K1975" s="23" t="s">
        <v>7120</v>
      </c>
      <c r="L1975" s="49" t="e">
        <f>VLOOKUP(E1975&amp;F1975,団体コード!$A$1:$C$1743,3,FALSE)</f>
        <v>#N/A</v>
      </c>
      <c r="M1975" s="49" t="e">
        <f>VLOOKUP(E1975&amp;F1975,団体コード!$A$1:$C$1743,2,FALSE)</f>
        <v>#N/A</v>
      </c>
      <c r="N1975" s="51" t="e">
        <f>VLOOKUP(E1975,団体コード!$E$1:$F$48,2,FALSE)</f>
        <v>#N/A</v>
      </c>
      <c r="O1975" s="51" t="e">
        <f t="shared" si="63"/>
        <v>#N/A</v>
      </c>
      <c r="P1975" s="51">
        <v>1</v>
      </c>
      <c r="Q1975" s="51" t="s">
        <v>5341</v>
      </c>
      <c r="R1975" s="54" t="b">
        <v>1</v>
      </c>
      <c r="S1975" s="52" t="s">
        <v>7126</v>
      </c>
      <c r="T1975" s="67" t="s">
        <v>7127</v>
      </c>
      <c r="U1975" s="75" t="s">
        <v>5331</v>
      </c>
      <c r="V1975" s="47" t="s">
        <v>5331</v>
      </c>
      <c r="W1975" s="47" t="s">
        <v>5331</v>
      </c>
      <c r="X1975" s="47" t="s">
        <v>5331</v>
      </c>
      <c r="Y1975" s="47" t="s">
        <v>5331</v>
      </c>
      <c r="Z1975" s="28"/>
      <c r="AA1975" s="27"/>
      <c r="AB1975" s="27"/>
      <c r="AC1975" s="27"/>
      <c r="AD1975" s="30"/>
      <c r="AE1975" s="1"/>
      <c r="AF1975" s="23" t="s">
        <v>5331</v>
      </c>
      <c r="AG1975" s="26"/>
      <c r="AH1975" s="53"/>
    </row>
    <row r="1976" spans="1:34" ht="51.6" customHeight="1" x14ac:dyDescent="0.45">
      <c r="A1976" s="23">
        <v>1970</v>
      </c>
      <c r="B1976" s="25"/>
      <c r="C1976" s="25"/>
      <c r="D1976" s="29"/>
      <c r="E1976" s="1"/>
      <c r="F1976" s="1"/>
      <c r="G1976" s="25"/>
      <c r="H1976" s="71"/>
      <c r="I1976" s="83"/>
      <c r="J1976" s="50" t="str">
        <f t="shared" si="62"/>
        <v/>
      </c>
      <c r="K1976" s="23" t="s">
        <v>7120</v>
      </c>
      <c r="L1976" s="49" t="e">
        <f>VLOOKUP(E1976&amp;F1976,団体コード!$A$1:$C$1743,3,FALSE)</f>
        <v>#N/A</v>
      </c>
      <c r="M1976" s="49" t="e">
        <f>VLOOKUP(E1976&amp;F1976,団体コード!$A$1:$C$1743,2,FALSE)</f>
        <v>#N/A</v>
      </c>
      <c r="N1976" s="51" t="e">
        <f>VLOOKUP(E1976,団体コード!$E$1:$F$48,2,FALSE)</f>
        <v>#N/A</v>
      </c>
      <c r="O1976" s="51" t="e">
        <f t="shared" si="63"/>
        <v>#N/A</v>
      </c>
      <c r="P1976" s="51">
        <v>1</v>
      </c>
      <c r="Q1976" s="51" t="s">
        <v>5341</v>
      </c>
      <c r="R1976" s="54" t="b">
        <v>1</v>
      </c>
      <c r="S1976" s="52" t="s">
        <v>7126</v>
      </c>
      <c r="T1976" s="67" t="s">
        <v>7127</v>
      </c>
      <c r="U1976" s="75" t="s">
        <v>5331</v>
      </c>
      <c r="V1976" s="47" t="s">
        <v>5331</v>
      </c>
      <c r="W1976" s="47" t="s">
        <v>5331</v>
      </c>
      <c r="X1976" s="47" t="s">
        <v>5331</v>
      </c>
      <c r="Y1976" s="47" t="s">
        <v>5331</v>
      </c>
      <c r="Z1976" s="28"/>
      <c r="AA1976" s="27"/>
      <c r="AB1976" s="27"/>
      <c r="AC1976" s="27"/>
      <c r="AD1976" s="30"/>
      <c r="AE1976" s="1"/>
      <c r="AF1976" s="23" t="s">
        <v>5331</v>
      </c>
      <c r="AG1976" s="26"/>
      <c r="AH1976" s="53"/>
    </row>
    <row r="1977" spans="1:34" ht="51.6" customHeight="1" x14ac:dyDescent="0.45">
      <c r="A1977" s="23">
        <v>1971</v>
      </c>
      <c r="B1977" s="25"/>
      <c r="C1977" s="25"/>
      <c r="D1977" s="29"/>
      <c r="E1977" s="1"/>
      <c r="F1977" s="1"/>
      <c r="G1977" s="25"/>
      <c r="H1977" s="71"/>
      <c r="I1977" s="83"/>
      <c r="J1977" s="50" t="str">
        <f t="shared" si="62"/>
        <v/>
      </c>
      <c r="K1977" s="23" t="s">
        <v>7120</v>
      </c>
      <c r="L1977" s="49" t="e">
        <f>VLOOKUP(E1977&amp;F1977,団体コード!$A$1:$C$1743,3,FALSE)</f>
        <v>#N/A</v>
      </c>
      <c r="M1977" s="49" t="e">
        <f>VLOOKUP(E1977&amp;F1977,団体コード!$A$1:$C$1743,2,FALSE)</f>
        <v>#N/A</v>
      </c>
      <c r="N1977" s="51" t="e">
        <f>VLOOKUP(E1977,団体コード!$E$1:$F$48,2,FALSE)</f>
        <v>#N/A</v>
      </c>
      <c r="O1977" s="51" t="e">
        <f t="shared" si="63"/>
        <v>#N/A</v>
      </c>
      <c r="P1977" s="51">
        <v>1</v>
      </c>
      <c r="Q1977" s="51" t="s">
        <v>5341</v>
      </c>
      <c r="R1977" s="54" t="b">
        <v>1</v>
      </c>
      <c r="S1977" s="52" t="s">
        <v>7126</v>
      </c>
      <c r="T1977" s="67" t="s">
        <v>7127</v>
      </c>
      <c r="U1977" s="75" t="s">
        <v>5331</v>
      </c>
      <c r="V1977" s="47" t="s">
        <v>5331</v>
      </c>
      <c r="W1977" s="47" t="s">
        <v>5331</v>
      </c>
      <c r="X1977" s="47" t="s">
        <v>5331</v>
      </c>
      <c r="Y1977" s="47" t="s">
        <v>5331</v>
      </c>
      <c r="Z1977" s="28"/>
      <c r="AA1977" s="27"/>
      <c r="AB1977" s="27"/>
      <c r="AC1977" s="27"/>
      <c r="AD1977" s="30"/>
      <c r="AE1977" s="1"/>
      <c r="AF1977" s="23" t="s">
        <v>5331</v>
      </c>
      <c r="AG1977" s="26"/>
      <c r="AH1977" s="53"/>
    </row>
    <row r="1978" spans="1:34" ht="51.6" customHeight="1" x14ac:dyDescent="0.45">
      <c r="A1978" s="23">
        <v>1972</v>
      </c>
      <c r="B1978" s="25"/>
      <c r="C1978" s="25"/>
      <c r="D1978" s="29"/>
      <c r="E1978" s="1"/>
      <c r="F1978" s="1"/>
      <c r="G1978" s="25"/>
      <c r="H1978" s="71"/>
      <c r="I1978" s="83"/>
      <c r="J1978" s="50" t="str">
        <f t="shared" si="62"/>
        <v/>
      </c>
      <c r="K1978" s="23" t="s">
        <v>7120</v>
      </c>
      <c r="L1978" s="49" t="e">
        <f>VLOOKUP(E1978&amp;F1978,団体コード!$A$1:$C$1743,3,FALSE)</f>
        <v>#N/A</v>
      </c>
      <c r="M1978" s="49" t="e">
        <f>VLOOKUP(E1978&amp;F1978,団体コード!$A$1:$C$1743,2,FALSE)</f>
        <v>#N/A</v>
      </c>
      <c r="N1978" s="51" t="e">
        <f>VLOOKUP(E1978,団体コード!$E$1:$F$48,2,FALSE)</f>
        <v>#N/A</v>
      </c>
      <c r="O1978" s="51" t="e">
        <f t="shared" si="63"/>
        <v>#N/A</v>
      </c>
      <c r="P1978" s="51">
        <v>1</v>
      </c>
      <c r="Q1978" s="51" t="s">
        <v>5341</v>
      </c>
      <c r="R1978" s="54" t="b">
        <v>1</v>
      </c>
      <c r="S1978" s="52" t="s">
        <v>7126</v>
      </c>
      <c r="T1978" s="67" t="s">
        <v>7127</v>
      </c>
      <c r="U1978" s="75" t="s">
        <v>5331</v>
      </c>
      <c r="V1978" s="47" t="s">
        <v>5331</v>
      </c>
      <c r="W1978" s="47" t="s">
        <v>5331</v>
      </c>
      <c r="X1978" s="47" t="s">
        <v>5331</v>
      </c>
      <c r="Y1978" s="47" t="s">
        <v>5331</v>
      </c>
      <c r="Z1978" s="28"/>
      <c r="AA1978" s="27"/>
      <c r="AB1978" s="27"/>
      <c r="AC1978" s="27"/>
      <c r="AD1978" s="30"/>
      <c r="AE1978" s="1"/>
      <c r="AF1978" s="23" t="s">
        <v>5331</v>
      </c>
      <c r="AG1978" s="26"/>
      <c r="AH1978" s="53"/>
    </row>
    <row r="1979" spans="1:34" ht="51.6" customHeight="1" x14ac:dyDescent="0.45">
      <c r="A1979" s="23">
        <v>1973</v>
      </c>
      <c r="B1979" s="25"/>
      <c r="C1979" s="25"/>
      <c r="D1979" s="29"/>
      <c r="E1979" s="1"/>
      <c r="F1979" s="1"/>
      <c r="G1979" s="25"/>
      <c r="H1979" s="71"/>
      <c r="I1979" s="83"/>
      <c r="J1979" s="50" t="str">
        <f t="shared" si="62"/>
        <v/>
      </c>
      <c r="K1979" s="23" t="s">
        <v>7120</v>
      </c>
      <c r="L1979" s="49" t="e">
        <f>VLOOKUP(E1979&amp;F1979,団体コード!$A$1:$C$1743,3,FALSE)</f>
        <v>#N/A</v>
      </c>
      <c r="M1979" s="49" t="e">
        <f>VLOOKUP(E1979&amp;F1979,団体コード!$A$1:$C$1743,2,FALSE)</f>
        <v>#N/A</v>
      </c>
      <c r="N1979" s="51" t="e">
        <f>VLOOKUP(E1979,団体コード!$E$1:$F$48,2,FALSE)</f>
        <v>#N/A</v>
      </c>
      <c r="O1979" s="51" t="e">
        <f t="shared" si="63"/>
        <v>#N/A</v>
      </c>
      <c r="P1979" s="51">
        <v>1</v>
      </c>
      <c r="Q1979" s="51" t="s">
        <v>5341</v>
      </c>
      <c r="R1979" s="54" t="b">
        <v>1</v>
      </c>
      <c r="S1979" s="52" t="s">
        <v>7126</v>
      </c>
      <c r="T1979" s="67" t="s">
        <v>7127</v>
      </c>
      <c r="U1979" s="75" t="s">
        <v>5331</v>
      </c>
      <c r="V1979" s="47" t="s">
        <v>5331</v>
      </c>
      <c r="W1979" s="47" t="s">
        <v>5331</v>
      </c>
      <c r="X1979" s="47" t="s">
        <v>5331</v>
      </c>
      <c r="Y1979" s="47" t="s">
        <v>5331</v>
      </c>
      <c r="Z1979" s="28"/>
      <c r="AA1979" s="27"/>
      <c r="AB1979" s="27"/>
      <c r="AC1979" s="27"/>
      <c r="AD1979" s="30"/>
      <c r="AE1979" s="1"/>
      <c r="AF1979" s="23" t="s">
        <v>5331</v>
      </c>
      <c r="AG1979" s="26"/>
      <c r="AH1979" s="53"/>
    </row>
    <row r="1980" spans="1:34" ht="51.6" customHeight="1" x14ac:dyDescent="0.45">
      <c r="A1980" s="23">
        <v>1974</v>
      </c>
      <c r="B1980" s="25"/>
      <c r="C1980" s="25"/>
      <c r="D1980" s="29"/>
      <c r="E1980" s="1"/>
      <c r="F1980" s="1"/>
      <c r="G1980" s="25"/>
      <c r="H1980" s="71"/>
      <c r="I1980" s="83"/>
      <c r="J1980" s="50" t="str">
        <f t="shared" si="62"/>
        <v/>
      </c>
      <c r="K1980" s="23" t="s">
        <v>7120</v>
      </c>
      <c r="L1980" s="49" t="e">
        <f>VLOOKUP(E1980&amp;F1980,団体コード!$A$1:$C$1743,3,FALSE)</f>
        <v>#N/A</v>
      </c>
      <c r="M1980" s="49" t="e">
        <f>VLOOKUP(E1980&amp;F1980,団体コード!$A$1:$C$1743,2,FALSE)</f>
        <v>#N/A</v>
      </c>
      <c r="N1980" s="51" t="e">
        <f>VLOOKUP(E1980,団体コード!$E$1:$F$48,2,FALSE)</f>
        <v>#N/A</v>
      </c>
      <c r="O1980" s="51" t="e">
        <f t="shared" si="63"/>
        <v>#N/A</v>
      </c>
      <c r="P1980" s="51">
        <v>1</v>
      </c>
      <c r="Q1980" s="51" t="s">
        <v>5341</v>
      </c>
      <c r="R1980" s="54" t="b">
        <v>1</v>
      </c>
      <c r="S1980" s="52" t="s">
        <v>7126</v>
      </c>
      <c r="T1980" s="67" t="s">
        <v>7127</v>
      </c>
      <c r="U1980" s="75" t="s">
        <v>5331</v>
      </c>
      <c r="V1980" s="47" t="s">
        <v>5331</v>
      </c>
      <c r="W1980" s="47" t="s">
        <v>5331</v>
      </c>
      <c r="X1980" s="47" t="s">
        <v>5331</v>
      </c>
      <c r="Y1980" s="47" t="s">
        <v>5331</v>
      </c>
      <c r="Z1980" s="28"/>
      <c r="AA1980" s="27"/>
      <c r="AB1980" s="27"/>
      <c r="AC1980" s="27"/>
      <c r="AD1980" s="30"/>
      <c r="AE1980" s="1"/>
      <c r="AF1980" s="23" t="s">
        <v>5331</v>
      </c>
      <c r="AG1980" s="26"/>
      <c r="AH1980" s="53"/>
    </row>
    <row r="1981" spans="1:34" ht="51.6" customHeight="1" x14ac:dyDescent="0.45">
      <c r="A1981" s="23">
        <v>1975</v>
      </c>
      <c r="B1981" s="25"/>
      <c r="C1981" s="25"/>
      <c r="D1981" s="29"/>
      <c r="E1981" s="1"/>
      <c r="F1981" s="1"/>
      <c r="G1981" s="25"/>
      <c r="H1981" s="71"/>
      <c r="I1981" s="83"/>
      <c r="J1981" s="50" t="str">
        <f t="shared" si="62"/>
        <v/>
      </c>
      <c r="K1981" s="23" t="s">
        <v>7120</v>
      </c>
      <c r="L1981" s="49" t="e">
        <f>VLOOKUP(E1981&amp;F1981,団体コード!$A$1:$C$1743,3,FALSE)</f>
        <v>#N/A</v>
      </c>
      <c r="M1981" s="49" t="e">
        <f>VLOOKUP(E1981&amp;F1981,団体コード!$A$1:$C$1743,2,FALSE)</f>
        <v>#N/A</v>
      </c>
      <c r="N1981" s="51" t="e">
        <f>VLOOKUP(E1981,団体コード!$E$1:$F$48,2,FALSE)</f>
        <v>#N/A</v>
      </c>
      <c r="O1981" s="51" t="e">
        <f t="shared" si="63"/>
        <v>#N/A</v>
      </c>
      <c r="P1981" s="51">
        <v>1</v>
      </c>
      <c r="Q1981" s="51" t="s">
        <v>5341</v>
      </c>
      <c r="R1981" s="54" t="b">
        <v>1</v>
      </c>
      <c r="S1981" s="52" t="s">
        <v>7126</v>
      </c>
      <c r="T1981" s="67" t="s">
        <v>7127</v>
      </c>
      <c r="U1981" s="75" t="s">
        <v>5331</v>
      </c>
      <c r="V1981" s="47" t="s">
        <v>5331</v>
      </c>
      <c r="W1981" s="47" t="s">
        <v>5331</v>
      </c>
      <c r="X1981" s="47" t="s">
        <v>5331</v>
      </c>
      <c r="Y1981" s="47" t="s">
        <v>5331</v>
      </c>
      <c r="Z1981" s="28"/>
      <c r="AA1981" s="27"/>
      <c r="AB1981" s="27"/>
      <c r="AC1981" s="27"/>
      <c r="AD1981" s="30"/>
      <c r="AE1981" s="1"/>
      <c r="AF1981" s="23" t="s">
        <v>5331</v>
      </c>
      <c r="AG1981" s="26"/>
      <c r="AH1981" s="53"/>
    </row>
    <row r="1982" spans="1:34" ht="51.6" customHeight="1" x14ac:dyDescent="0.45">
      <c r="A1982" s="23">
        <v>1976</v>
      </c>
      <c r="B1982" s="25"/>
      <c r="C1982" s="25"/>
      <c r="D1982" s="29"/>
      <c r="E1982" s="1"/>
      <c r="F1982" s="1"/>
      <c r="G1982" s="25"/>
      <c r="H1982" s="71"/>
      <c r="I1982" s="83"/>
      <c r="J1982" s="50" t="str">
        <f t="shared" si="62"/>
        <v/>
      </c>
      <c r="K1982" s="23" t="s">
        <v>7120</v>
      </c>
      <c r="L1982" s="49" t="e">
        <f>VLOOKUP(E1982&amp;F1982,団体コード!$A$1:$C$1743,3,FALSE)</f>
        <v>#N/A</v>
      </c>
      <c r="M1982" s="49" t="e">
        <f>VLOOKUP(E1982&amp;F1982,団体コード!$A$1:$C$1743,2,FALSE)</f>
        <v>#N/A</v>
      </c>
      <c r="N1982" s="51" t="e">
        <f>VLOOKUP(E1982,団体コード!$E$1:$F$48,2,FALSE)</f>
        <v>#N/A</v>
      </c>
      <c r="O1982" s="51" t="e">
        <f t="shared" si="63"/>
        <v>#N/A</v>
      </c>
      <c r="P1982" s="51">
        <v>1</v>
      </c>
      <c r="Q1982" s="51" t="s">
        <v>5341</v>
      </c>
      <c r="R1982" s="54" t="b">
        <v>1</v>
      </c>
      <c r="S1982" s="52" t="s">
        <v>7126</v>
      </c>
      <c r="T1982" s="67" t="s">
        <v>7127</v>
      </c>
      <c r="U1982" s="75" t="s">
        <v>5331</v>
      </c>
      <c r="V1982" s="47" t="s">
        <v>5331</v>
      </c>
      <c r="W1982" s="47" t="s">
        <v>5331</v>
      </c>
      <c r="X1982" s="47" t="s">
        <v>5331</v>
      </c>
      <c r="Y1982" s="47" t="s">
        <v>5331</v>
      </c>
      <c r="Z1982" s="28"/>
      <c r="AA1982" s="27"/>
      <c r="AB1982" s="27"/>
      <c r="AC1982" s="27"/>
      <c r="AD1982" s="30"/>
      <c r="AE1982" s="1"/>
      <c r="AF1982" s="23" t="s">
        <v>5331</v>
      </c>
      <c r="AG1982" s="26"/>
      <c r="AH1982" s="53"/>
    </row>
    <row r="1983" spans="1:34" ht="51.6" customHeight="1" x14ac:dyDescent="0.45">
      <c r="A1983" s="23">
        <v>1977</v>
      </c>
      <c r="B1983" s="25"/>
      <c r="C1983" s="25"/>
      <c r="D1983" s="29"/>
      <c r="E1983" s="1"/>
      <c r="F1983" s="1"/>
      <c r="G1983" s="25"/>
      <c r="H1983" s="71"/>
      <c r="I1983" s="83"/>
      <c r="J1983" s="50" t="str">
        <f t="shared" si="62"/>
        <v/>
      </c>
      <c r="K1983" s="23" t="s">
        <v>7120</v>
      </c>
      <c r="L1983" s="49" t="e">
        <f>VLOOKUP(E1983&amp;F1983,団体コード!$A$1:$C$1743,3,FALSE)</f>
        <v>#N/A</v>
      </c>
      <c r="M1983" s="49" t="e">
        <f>VLOOKUP(E1983&amp;F1983,団体コード!$A$1:$C$1743,2,FALSE)</f>
        <v>#N/A</v>
      </c>
      <c r="N1983" s="51" t="e">
        <f>VLOOKUP(E1983,団体コード!$E$1:$F$48,2,FALSE)</f>
        <v>#N/A</v>
      </c>
      <c r="O1983" s="51" t="e">
        <f t="shared" si="63"/>
        <v>#N/A</v>
      </c>
      <c r="P1983" s="51">
        <v>1</v>
      </c>
      <c r="Q1983" s="51" t="s">
        <v>5341</v>
      </c>
      <c r="R1983" s="54" t="b">
        <v>1</v>
      </c>
      <c r="S1983" s="52" t="s">
        <v>7126</v>
      </c>
      <c r="T1983" s="67" t="s">
        <v>7127</v>
      </c>
      <c r="U1983" s="75" t="s">
        <v>5331</v>
      </c>
      <c r="V1983" s="47" t="s">
        <v>5331</v>
      </c>
      <c r="W1983" s="47" t="s">
        <v>5331</v>
      </c>
      <c r="X1983" s="47" t="s">
        <v>5331</v>
      </c>
      <c r="Y1983" s="47" t="s">
        <v>5331</v>
      </c>
      <c r="Z1983" s="28"/>
      <c r="AA1983" s="27"/>
      <c r="AB1983" s="27"/>
      <c r="AC1983" s="27"/>
      <c r="AD1983" s="30"/>
      <c r="AE1983" s="1"/>
      <c r="AF1983" s="23" t="s">
        <v>5331</v>
      </c>
      <c r="AG1983" s="26"/>
      <c r="AH1983" s="53"/>
    </row>
    <row r="1984" spans="1:34" ht="51.6" customHeight="1" x14ac:dyDescent="0.45">
      <c r="A1984" s="23">
        <v>1978</v>
      </c>
      <c r="B1984" s="25"/>
      <c r="C1984" s="25"/>
      <c r="D1984" s="29"/>
      <c r="E1984" s="1"/>
      <c r="F1984" s="1"/>
      <c r="G1984" s="25"/>
      <c r="H1984" s="71"/>
      <c r="I1984" s="83"/>
      <c r="J1984" s="50" t="str">
        <f t="shared" si="62"/>
        <v/>
      </c>
      <c r="K1984" s="23" t="s">
        <v>7120</v>
      </c>
      <c r="L1984" s="49" t="e">
        <f>VLOOKUP(E1984&amp;F1984,団体コード!$A$1:$C$1743,3,FALSE)</f>
        <v>#N/A</v>
      </c>
      <c r="M1984" s="49" t="e">
        <f>VLOOKUP(E1984&amp;F1984,団体コード!$A$1:$C$1743,2,FALSE)</f>
        <v>#N/A</v>
      </c>
      <c r="N1984" s="51" t="e">
        <f>VLOOKUP(E1984,団体コード!$E$1:$F$48,2,FALSE)</f>
        <v>#N/A</v>
      </c>
      <c r="O1984" s="51" t="e">
        <f t="shared" si="63"/>
        <v>#N/A</v>
      </c>
      <c r="P1984" s="51">
        <v>1</v>
      </c>
      <c r="Q1984" s="51" t="s">
        <v>5341</v>
      </c>
      <c r="R1984" s="54" t="b">
        <v>1</v>
      </c>
      <c r="S1984" s="52" t="s">
        <v>7126</v>
      </c>
      <c r="T1984" s="67" t="s">
        <v>7127</v>
      </c>
      <c r="U1984" s="75" t="s">
        <v>5331</v>
      </c>
      <c r="V1984" s="47" t="s">
        <v>5331</v>
      </c>
      <c r="W1984" s="47" t="s">
        <v>5331</v>
      </c>
      <c r="X1984" s="47" t="s">
        <v>5331</v>
      </c>
      <c r="Y1984" s="47" t="s">
        <v>5331</v>
      </c>
      <c r="Z1984" s="28"/>
      <c r="AA1984" s="27"/>
      <c r="AB1984" s="27"/>
      <c r="AC1984" s="27"/>
      <c r="AD1984" s="30"/>
      <c r="AE1984" s="1"/>
      <c r="AF1984" s="23" t="s">
        <v>5331</v>
      </c>
      <c r="AG1984" s="26"/>
      <c r="AH1984" s="53"/>
    </row>
    <row r="1985" spans="1:34" ht="51.6" customHeight="1" x14ac:dyDescent="0.45">
      <c r="A1985" s="23">
        <v>1979</v>
      </c>
      <c r="B1985" s="25"/>
      <c r="C1985" s="25"/>
      <c r="D1985" s="29"/>
      <c r="E1985" s="1"/>
      <c r="F1985" s="1"/>
      <c r="G1985" s="25"/>
      <c r="H1985" s="71"/>
      <c r="I1985" s="83"/>
      <c r="J1985" s="50" t="str">
        <f t="shared" si="62"/>
        <v/>
      </c>
      <c r="K1985" s="23" t="s">
        <v>7120</v>
      </c>
      <c r="L1985" s="49" t="e">
        <f>VLOOKUP(E1985&amp;F1985,団体コード!$A$1:$C$1743,3,FALSE)</f>
        <v>#N/A</v>
      </c>
      <c r="M1985" s="49" t="e">
        <f>VLOOKUP(E1985&amp;F1985,団体コード!$A$1:$C$1743,2,FALSE)</f>
        <v>#N/A</v>
      </c>
      <c r="N1985" s="51" t="e">
        <f>VLOOKUP(E1985,団体コード!$E$1:$F$48,2,FALSE)</f>
        <v>#N/A</v>
      </c>
      <c r="O1985" s="51" t="e">
        <f t="shared" si="63"/>
        <v>#N/A</v>
      </c>
      <c r="P1985" s="51">
        <v>1</v>
      </c>
      <c r="Q1985" s="51" t="s">
        <v>5341</v>
      </c>
      <c r="R1985" s="54" t="b">
        <v>1</v>
      </c>
      <c r="S1985" s="52" t="s">
        <v>7126</v>
      </c>
      <c r="T1985" s="67" t="s">
        <v>7127</v>
      </c>
      <c r="U1985" s="75" t="s">
        <v>5331</v>
      </c>
      <c r="V1985" s="47" t="s">
        <v>5331</v>
      </c>
      <c r="W1985" s="47" t="s">
        <v>5331</v>
      </c>
      <c r="X1985" s="47" t="s">
        <v>5331</v>
      </c>
      <c r="Y1985" s="47" t="s">
        <v>5331</v>
      </c>
      <c r="Z1985" s="28"/>
      <c r="AA1985" s="27"/>
      <c r="AB1985" s="27"/>
      <c r="AC1985" s="27"/>
      <c r="AD1985" s="30"/>
      <c r="AE1985" s="1"/>
      <c r="AF1985" s="23" t="s">
        <v>5331</v>
      </c>
      <c r="AG1985" s="26"/>
      <c r="AH1985" s="53"/>
    </row>
    <row r="1986" spans="1:34" ht="51.6" customHeight="1" x14ac:dyDescent="0.45">
      <c r="A1986" s="23">
        <v>1980</v>
      </c>
      <c r="B1986" s="25"/>
      <c r="C1986" s="25"/>
      <c r="D1986" s="29"/>
      <c r="E1986" s="1"/>
      <c r="F1986" s="1"/>
      <c r="G1986" s="25"/>
      <c r="H1986" s="71"/>
      <c r="I1986" s="83"/>
      <c r="J1986" s="50" t="str">
        <f t="shared" si="62"/>
        <v/>
      </c>
      <c r="K1986" s="23" t="s">
        <v>7120</v>
      </c>
      <c r="L1986" s="49" t="e">
        <f>VLOOKUP(E1986&amp;F1986,団体コード!$A$1:$C$1743,3,FALSE)</f>
        <v>#N/A</v>
      </c>
      <c r="M1986" s="49" t="e">
        <f>VLOOKUP(E1986&amp;F1986,団体コード!$A$1:$C$1743,2,FALSE)</f>
        <v>#N/A</v>
      </c>
      <c r="N1986" s="51" t="e">
        <f>VLOOKUP(E1986,団体コード!$E$1:$F$48,2,FALSE)</f>
        <v>#N/A</v>
      </c>
      <c r="O1986" s="51" t="e">
        <f t="shared" si="63"/>
        <v>#N/A</v>
      </c>
      <c r="P1986" s="51">
        <v>1</v>
      </c>
      <c r="Q1986" s="51" t="s">
        <v>5341</v>
      </c>
      <c r="R1986" s="54" t="b">
        <v>1</v>
      </c>
      <c r="S1986" s="52" t="s">
        <v>7126</v>
      </c>
      <c r="T1986" s="67" t="s">
        <v>7127</v>
      </c>
      <c r="U1986" s="75" t="s">
        <v>5331</v>
      </c>
      <c r="V1986" s="47" t="s">
        <v>5331</v>
      </c>
      <c r="W1986" s="47" t="s">
        <v>5331</v>
      </c>
      <c r="X1986" s="47" t="s">
        <v>5331</v>
      </c>
      <c r="Y1986" s="47" t="s">
        <v>5331</v>
      </c>
      <c r="Z1986" s="28"/>
      <c r="AA1986" s="27"/>
      <c r="AB1986" s="27"/>
      <c r="AC1986" s="27"/>
      <c r="AD1986" s="30"/>
      <c r="AE1986" s="1"/>
      <c r="AF1986" s="23" t="s">
        <v>5331</v>
      </c>
      <c r="AG1986" s="26"/>
      <c r="AH1986" s="53"/>
    </row>
    <row r="1987" spans="1:34" ht="51.6" customHeight="1" x14ac:dyDescent="0.45">
      <c r="A1987" s="23">
        <v>1981</v>
      </c>
      <c r="B1987" s="25"/>
      <c r="C1987" s="25"/>
      <c r="D1987" s="29"/>
      <c r="E1987" s="1"/>
      <c r="F1987" s="1"/>
      <c r="G1987" s="25"/>
      <c r="H1987" s="71"/>
      <c r="I1987" s="83"/>
      <c r="J1987" s="50" t="str">
        <f t="shared" si="62"/>
        <v/>
      </c>
      <c r="K1987" s="23" t="s">
        <v>7120</v>
      </c>
      <c r="L1987" s="49" t="e">
        <f>VLOOKUP(E1987&amp;F1987,団体コード!$A$1:$C$1743,3,FALSE)</f>
        <v>#N/A</v>
      </c>
      <c r="M1987" s="49" t="e">
        <f>VLOOKUP(E1987&amp;F1987,団体コード!$A$1:$C$1743,2,FALSE)</f>
        <v>#N/A</v>
      </c>
      <c r="N1987" s="51" t="e">
        <f>VLOOKUP(E1987,団体コード!$E$1:$F$48,2,FALSE)</f>
        <v>#N/A</v>
      </c>
      <c r="O1987" s="51" t="e">
        <f t="shared" si="63"/>
        <v>#N/A</v>
      </c>
      <c r="P1987" s="51">
        <v>1</v>
      </c>
      <c r="Q1987" s="51" t="s">
        <v>5341</v>
      </c>
      <c r="R1987" s="54" t="b">
        <v>1</v>
      </c>
      <c r="S1987" s="52" t="s">
        <v>7126</v>
      </c>
      <c r="T1987" s="67" t="s">
        <v>7127</v>
      </c>
      <c r="U1987" s="75" t="s">
        <v>5331</v>
      </c>
      <c r="V1987" s="47" t="s">
        <v>5331</v>
      </c>
      <c r="W1987" s="47" t="s">
        <v>5331</v>
      </c>
      <c r="X1987" s="47" t="s">
        <v>5331</v>
      </c>
      <c r="Y1987" s="47" t="s">
        <v>5331</v>
      </c>
      <c r="Z1987" s="28"/>
      <c r="AA1987" s="27"/>
      <c r="AB1987" s="27"/>
      <c r="AC1987" s="27"/>
      <c r="AD1987" s="30"/>
      <c r="AE1987" s="1"/>
      <c r="AF1987" s="23" t="s">
        <v>5331</v>
      </c>
      <c r="AG1987" s="26"/>
      <c r="AH1987" s="53"/>
    </row>
    <row r="1988" spans="1:34" ht="51.6" customHeight="1" x14ac:dyDescent="0.45">
      <c r="A1988" s="23">
        <v>1982</v>
      </c>
      <c r="B1988" s="25"/>
      <c r="C1988" s="25"/>
      <c r="D1988" s="29"/>
      <c r="E1988" s="1"/>
      <c r="F1988" s="1"/>
      <c r="G1988" s="25"/>
      <c r="H1988" s="71"/>
      <c r="I1988" s="83"/>
      <c r="J1988" s="50" t="str">
        <f t="shared" si="62"/>
        <v/>
      </c>
      <c r="K1988" s="23" t="s">
        <v>7120</v>
      </c>
      <c r="L1988" s="49" t="e">
        <f>VLOOKUP(E1988&amp;F1988,団体コード!$A$1:$C$1743,3,FALSE)</f>
        <v>#N/A</v>
      </c>
      <c r="M1988" s="49" t="e">
        <f>VLOOKUP(E1988&amp;F1988,団体コード!$A$1:$C$1743,2,FALSE)</f>
        <v>#N/A</v>
      </c>
      <c r="N1988" s="51" t="e">
        <f>VLOOKUP(E1988,団体コード!$E$1:$F$48,2,FALSE)</f>
        <v>#N/A</v>
      </c>
      <c r="O1988" s="51" t="e">
        <f t="shared" si="63"/>
        <v>#N/A</v>
      </c>
      <c r="P1988" s="51">
        <v>1</v>
      </c>
      <c r="Q1988" s="51" t="s">
        <v>5341</v>
      </c>
      <c r="R1988" s="54" t="b">
        <v>1</v>
      </c>
      <c r="S1988" s="52" t="s">
        <v>7126</v>
      </c>
      <c r="T1988" s="67" t="s">
        <v>7127</v>
      </c>
      <c r="U1988" s="75" t="s">
        <v>5331</v>
      </c>
      <c r="V1988" s="47" t="s">
        <v>5331</v>
      </c>
      <c r="W1988" s="47" t="s">
        <v>5331</v>
      </c>
      <c r="X1988" s="47" t="s">
        <v>5331</v>
      </c>
      <c r="Y1988" s="47" t="s">
        <v>5331</v>
      </c>
      <c r="Z1988" s="28"/>
      <c r="AA1988" s="27"/>
      <c r="AB1988" s="27"/>
      <c r="AC1988" s="27"/>
      <c r="AD1988" s="30"/>
      <c r="AE1988" s="1"/>
      <c r="AF1988" s="23" t="s">
        <v>5331</v>
      </c>
      <c r="AG1988" s="26"/>
      <c r="AH1988" s="53"/>
    </row>
    <row r="1989" spans="1:34" ht="51.6" customHeight="1" x14ac:dyDescent="0.45">
      <c r="A1989" s="23">
        <v>1983</v>
      </c>
      <c r="B1989" s="25"/>
      <c r="C1989" s="25"/>
      <c r="D1989" s="29"/>
      <c r="E1989" s="1"/>
      <c r="F1989" s="1"/>
      <c r="G1989" s="25"/>
      <c r="H1989" s="71"/>
      <c r="I1989" s="83"/>
      <c r="J1989" s="50" t="str">
        <f t="shared" si="62"/>
        <v/>
      </c>
      <c r="K1989" s="23" t="s">
        <v>7120</v>
      </c>
      <c r="L1989" s="49" t="e">
        <f>VLOOKUP(E1989&amp;F1989,団体コード!$A$1:$C$1743,3,FALSE)</f>
        <v>#N/A</v>
      </c>
      <c r="M1989" s="49" t="e">
        <f>VLOOKUP(E1989&amp;F1989,団体コード!$A$1:$C$1743,2,FALSE)</f>
        <v>#N/A</v>
      </c>
      <c r="N1989" s="51" t="e">
        <f>VLOOKUP(E1989,団体コード!$E$1:$F$48,2,FALSE)</f>
        <v>#N/A</v>
      </c>
      <c r="O1989" s="51" t="e">
        <f t="shared" si="63"/>
        <v>#N/A</v>
      </c>
      <c r="P1989" s="51">
        <v>1</v>
      </c>
      <c r="Q1989" s="51" t="s">
        <v>5341</v>
      </c>
      <c r="R1989" s="54" t="b">
        <v>1</v>
      </c>
      <c r="S1989" s="52" t="s">
        <v>7126</v>
      </c>
      <c r="T1989" s="67" t="s">
        <v>7127</v>
      </c>
      <c r="U1989" s="75" t="s">
        <v>5331</v>
      </c>
      <c r="V1989" s="47" t="s">
        <v>5331</v>
      </c>
      <c r="W1989" s="47" t="s">
        <v>5331</v>
      </c>
      <c r="X1989" s="47" t="s">
        <v>5331</v>
      </c>
      <c r="Y1989" s="47" t="s">
        <v>5331</v>
      </c>
      <c r="Z1989" s="28"/>
      <c r="AA1989" s="27"/>
      <c r="AB1989" s="27"/>
      <c r="AC1989" s="27"/>
      <c r="AD1989" s="30"/>
      <c r="AE1989" s="1"/>
      <c r="AF1989" s="23" t="s">
        <v>5331</v>
      </c>
      <c r="AG1989" s="26"/>
      <c r="AH1989" s="53"/>
    </row>
    <row r="1990" spans="1:34" ht="51.6" customHeight="1" x14ac:dyDescent="0.45">
      <c r="A1990" s="23">
        <v>1984</v>
      </c>
      <c r="B1990" s="25"/>
      <c r="C1990" s="25"/>
      <c r="D1990" s="29"/>
      <c r="E1990" s="1"/>
      <c r="F1990" s="1"/>
      <c r="G1990" s="25"/>
      <c r="H1990" s="71"/>
      <c r="I1990" s="83"/>
      <c r="J1990" s="50" t="str">
        <f t="shared" si="62"/>
        <v/>
      </c>
      <c r="K1990" s="23" t="s">
        <v>7120</v>
      </c>
      <c r="L1990" s="49" t="e">
        <f>VLOOKUP(E1990&amp;F1990,団体コード!$A$1:$C$1743,3,FALSE)</f>
        <v>#N/A</v>
      </c>
      <c r="M1990" s="49" t="e">
        <f>VLOOKUP(E1990&amp;F1990,団体コード!$A$1:$C$1743,2,FALSE)</f>
        <v>#N/A</v>
      </c>
      <c r="N1990" s="51" t="e">
        <f>VLOOKUP(E1990,団体コード!$E$1:$F$48,2,FALSE)</f>
        <v>#N/A</v>
      </c>
      <c r="O1990" s="51" t="e">
        <f t="shared" si="63"/>
        <v>#N/A</v>
      </c>
      <c r="P1990" s="51">
        <v>1</v>
      </c>
      <c r="Q1990" s="51" t="s">
        <v>5341</v>
      </c>
      <c r="R1990" s="54" t="b">
        <v>1</v>
      </c>
      <c r="S1990" s="52" t="s">
        <v>7126</v>
      </c>
      <c r="T1990" s="67" t="s">
        <v>7127</v>
      </c>
      <c r="U1990" s="75" t="s">
        <v>5331</v>
      </c>
      <c r="V1990" s="47" t="s">
        <v>5331</v>
      </c>
      <c r="W1990" s="47" t="s">
        <v>5331</v>
      </c>
      <c r="X1990" s="47" t="s">
        <v>5331</v>
      </c>
      <c r="Y1990" s="47" t="s">
        <v>5331</v>
      </c>
      <c r="Z1990" s="28"/>
      <c r="AA1990" s="27"/>
      <c r="AB1990" s="27"/>
      <c r="AC1990" s="27"/>
      <c r="AD1990" s="30"/>
      <c r="AE1990" s="1"/>
      <c r="AF1990" s="23" t="s">
        <v>5331</v>
      </c>
      <c r="AG1990" s="26"/>
      <c r="AH1990" s="53"/>
    </row>
    <row r="1991" spans="1:34" ht="51.6" customHeight="1" x14ac:dyDescent="0.45">
      <c r="A1991" s="23">
        <v>1985</v>
      </c>
      <c r="B1991" s="25"/>
      <c r="C1991" s="25"/>
      <c r="D1991" s="29"/>
      <c r="E1991" s="1"/>
      <c r="F1991" s="1"/>
      <c r="G1991" s="25"/>
      <c r="H1991" s="71"/>
      <c r="I1991" s="83"/>
      <c r="J1991" s="50" t="str">
        <f t="shared" si="62"/>
        <v/>
      </c>
      <c r="K1991" s="23" t="s">
        <v>7120</v>
      </c>
      <c r="L1991" s="49" t="e">
        <f>VLOOKUP(E1991&amp;F1991,団体コード!$A$1:$C$1743,3,FALSE)</f>
        <v>#N/A</v>
      </c>
      <c r="M1991" s="49" t="e">
        <f>VLOOKUP(E1991&amp;F1991,団体コード!$A$1:$C$1743,2,FALSE)</f>
        <v>#N/A</v>
      </c>
      <c r="N1991" s="51" t="e">
        <f>VLOOKUP(E1991,団体コード!$E$1:$F$48,2,FALSE)</f>
        <v>#N/A</v>
      </c>
      <c r="O1991" s="51" t="e">
        <f t="shared" si="63"/>
        <v>#N/A</v>
      </c>
      <c r="P1991" s="51">
        <v>1</v>
      </c>
      <c r="Q1991" s="51" t="s">
        <v>5341</v>
      </c>
      <c r="R1991" s="54" t="b">
        <v>1</v>
      </c>
      <c r="S1991" s="52" t="s">
        <v>7126</v>
      </c>
      <c r="T1991" s="67" t="s">
        <v>7127</v>
      </c>
      <c r="U1991" s="75" t="s">
        <v>5331</v>
      </c>
      <c r="V1991" s="47" t="s">
        <v>5331</v>
      </c>
      <c r="W1991" s="47" t="s">
        <v>5331</v>
      </c>
      <c r="X1991" s="47" t="s">
        <v>5331</v>
      </c>
      <c r="Y1991" s="47" t="s">
        <v>5331</v>
      </c>
      <c r="Z1991" s="28"/>
      <c r="AA1991" s="27"/>
      <c r="AB1991" s="27"/>
      <c r="AC1991" s="27"/>
      <c r="AD1991" s="30"/>
      <c r="AE1991" s="1"/>
      <c r="AF1991" s="23" t="s">
        <v>5331</v>
      </c>
      <c r="AG1991" s="26"/>
      <c r="AH1991" s="53"/>
    </row>
    <row r="1992" spans="1:34" ht="51.6" customHeight="1" x14ac:dyDescent="0.45">
      <c r="A1992" s="23">
        <v>1986</v>
      </c>
      <c r="B1992" s="25"/>
      <c r="C1992" s="25"/>
      <c r="D1992" s="29"/>
      <c r="E1992" s="1"/>
      <c r="F1992" s="1"/>
      <c r="G1992" s="25"/>
      <c r="H1992" s="71"/>
      <c r="I1992" s="83"/>
      <c r="J1992" s="50" t="str">
        <f t="shared" ref="J1992:J2055" si="64">E1992&amp;F1992&amp;G1992</f>
        <v/>
      </c>
      <c r="K1992" s="23" t="s">
        <v>7120</v>
      </c>
      <c r="L1992" s="49" t="e">
        <f>VLOOKUP(E1992&amp;F1992,団体コード!$A$1:$C$1743,3,FALSE)</f>
        <v>#N/A</v>
      </c>
      <c r="M1992" s="49" t="e">
        <f>VLOOKUP(E1992&amp;F1992,団体コード!$A$1:$C$1743,2,FALSE)</f>
        <v>#N/A</v>
      </c>
      <c r="N1992" s="51" t="e">
        <f>VLOOKUP(E1992,団体コード!$E$1:$F$48,2,FALSE)</f>
        <v>#N/A</v>
      </c>
      <c r="O1992" s="51" t="e">
        <f t="shared" ref="O1992:O2055" si="65">N1992</f>
        <v>#N/A</v>
      </c>
      <c r="P1992" s="51">
        <v>1</v>
      </c>
      <c r="Q1992" s="51" t="s">
        <v>5341</v>
      </c>
      <c r="R1992" s="54" t="b">
        <v>1</v>
      </c>
      <c r="S1992" s="52" t="s">
        <v>7126</v>
      </c>
      <c r="T1992" s="67" t="s">
        <v>7127</v>
      </c>
      <c r="U1992" s="75" t="s">
        <v>5331</v>
      </c>
      <c r="V1992" s="47" t="s">
        <v>5331</v>
      </c>
      <c r="W1992" s="47" t="s">
        <v>5331</v>
      </c>
      <c r="X1992" s="47" t="s">
        <v>5331</v>
      </c>
      <c r="Y1992" s="47" t="s">
        <v>5331</v>
      </c>
      <c r="Z1992" s="28"/>
      <c r="AA1992" s="27"/>
      <c r="AB1992" s="27"/>
      <c r="AC1992" s="27"/>
      <c r="AD1992" s="30"/>
      <c r="AE1992" s="1"/>
      <c r="AF1992" s="23" t="s">
        <v>5331</v>
      </c>
      <c r="AG1992" s="26"/>
      <c r="AH1992" s="53"/>
    </row>
    <row r="1993" spans="1:34" ht="51.6" customHeight="1" x14ac:dyDescent="0.45">
      <c r="A1993" s="23">
        <v>1987</v>
      </c>
      <c r="B1993" s="25"/>
      <c r="C1993" s="25"/>
      <c r="D1993" s="29"/>
      <c r="E1993" s="1"/>
      <c r="F1993" s="1"/>
      <c r="G1993" s="25"/>
      <c r="H1993" s="71"/>
      <c r="I1993" s="83"/>
      <c r="J1993" s="50" t="str">
        <f t="shared" si="64"/>
        <v/>
      </c>
      <c r="K1993" s="23" t="s">
        <v>7120</v>
      </c>
      <c r="L1993" s="49" t="e">
        <f>VLOOKUP(E1993&amp;F1993,団体コード!$A$1:$C$1743,3,FALSE)</f>
        <v>#N/A</v>
      </c>
      <c r="M1993" s="49" t="e">
        <f>VLOOKUP(E1993&amp;F1993,団体コード!$A$1:$C$1743,2,FALSE)</f>
        <v>#N/A</v>
      </c>
      <c r="N1993" s="51" t="e">
        <f>VLOOKUP(E1993,団体コード!$E$1:$F$48,2,FALSE)</f>
        <v>#N/A</v>
      </c>
      <c r="O1993" s="51" t="e">
        <f t="shared" si="65"/>
        <v>#N/A</v>
      </c>
      <c r="P1993" s="51">
        <v>1</v>
      </c>
      <c r="Q1993" s="51" t="s">
        <v>5341</v>
      </c>
      <c r="R1993" s="54" t="b">
        <v>1</v>
      </c>
      <c r="S1993" s="52" t="s">
        <v>7126</v>
      </c>
      <c r="T1993" s="67" t="s">
        <v>7127</v>
      </c>
      <c r="U1993" s="75" t="s">
        <v>5331</v>
      </c>
      <c r="V1993" s="47" t="s">
        <v>5331</v>
      </c>
      <c r="W1993" s="47" t="s">
        <v>5331</v>
      </c>
      <c r="X1993" s="47" t="s">
        <v>5331</v>
      </c>
      <c r="Y1993" s="47" t="s">
        <v>5331</v>
      </c>
      <c r="Z1993" s="28"/>
      <c r="AA1993" s="27"/>
      <c r="AB1993" s="27"/>
      <c r="AC1993" s="27"/>
      <c r="AD1993" s="30"/>
      <c r="AE1993" s="1"/>
      <c r="AF1993" s="23" t="s">
        <v>5331</v>
      </c>
      <c r="AG1993" s="26"/>
      <c r="AH1993" s="53"/>
    </row>
    <row r="1994" spans="1:34" ht="51.6" customHeight="1" x14ac:dyDescent="0.45">
      <c r="A1994" s="23">
        <v>1988</v>
      </c>
      <c r="B1994" s="25"/>
      <c r="C1994" s="25"/>
      <c r="D1994" s="29"/>
      <c r="E1994" s="1"/>
      <c r="F1994" s="1"/>
      <c r="G1994" s="25"/>
      <c r="H1994" s="71"/>
      <c r="I1994" s="83"/>
      <c r="J1994" s="50" t="str">
        <f t="shared" si="64"/>
        <v/>
      </c>
      <c r="K1994" s="23" t="s">
        <v>7120</v>
      </c>
      <c r="L1994" s="49" t="e">
        <f>VLOOKUP(E1994&amp;F1994,団体コード!$A$1:$C$1743,3,FALSE)</f>
        <v>#N/A</v>
      </c>
      <c r="M1994" s="49" t="e">
        <f>VLOOKUP(E1994&amp;F1994,団体コード!$A$1:$C$1743,2,FALSE)</f>
        <v>#N/A</v>
      </c>
      <c r="N1994" s="51" t="e">
        <f>VLOOKUP(E1994,団体コード!$E$1:$F$48,2,FALSE)</f>
        <v>#N/A</v>
      </c>
      <c r="O1994" s="51" t="e">
        <f t="shared" si="65"/>
        <v>#N/A</v>
      </c>
      <c r="P1994" s="51">
        <v>1</v>
      </c>
      <c r="Q1994" s="51" t="s">
        <v>5341</v>
      </c>
      <c r="R1994" s="54" t="b">
        <v>1</v>
      </c>
      <c r="S1994" s="52" t="s">
        <v>7126</v>
      </c>
      <c r="T1994" s="67" t="s">
        <v>7127</v>
      </c>
      <c r="U1994" s="75" t="s">
        <v>5331</v>
      </c>
      <c r="V1994" s="47" t="s">
        <v>5331</v>
      </c>
      <c r="W1994" s="47" t="s">
        <v>5331</v>
      </c>
      <c r="X1994" s="47" t="s">
        <v>5331</v>
      </c>
      <c r="Y1994" s="47" t="s">
        <v>5331</v>
      </c>
      <c r="Z1994" s="28"/>
      <c r="AA1994" s="27"/>
      <c r="AB1994" s="27"/>
      <c r="AC1994" s="27"/>
      <c r="AD1994" s="30"/>
      <c r="AE1994" s="1"/>
      <c r="AF1994" s="23" t="s">
        <v>5331</v>
      </c>
      <c r="AG1994" s="26"/>
      <c r="AH1994" s="53"/>
    </row>
    <row r="1995" spans="1:34" ht="51.6" customHeight="1" x14ac:dyDescent="0.45">
      <c r="A1995" s="23">
        <v>1989</v>
      </c>
      <c r="B1995" s="25"/>
      <c r="C1995" s="25"/>
      <c r="D1995" s="29"/>
      <c r="E1995" s="1"/>
      <c r="F1995" s="1"/>
      <c r="G1995" s="25"/>
      <c r="H1995" s="71"/>
      <c r="I1995" s="83"/>
      <c r="J1995" s="50" t="str">
        <f t="shared" si="64"/>
        <v/>
      </c>
      <c r="K1995" s="23" t="s">
        <v>7120</v>
      </c>
      <c r="L1995" s="49" t="e">
        <f>VLOOKUP(E1995&amp;F1995,団体コード!$A$1:$C$1743,3,FALSE)</f>
        <v>#N/A</v>
      </c>
      <c r="M1995" s="49" t="e">
        <f>VLOOKUP(E1995&amp;F1995,団体コード!$A$1:$C$1743,2,FALSE)</f>
        <v>#N/A</v>
      </c>
      <c r="N1995" s="51" t="e">
        <f>VLOOKUP(E1995,団体コード!$E$1:$F$48,2,FALSE)</f>
        <v>#N/A</v>
      </c>
      <c r="O1995" s="51" t="e">
        <f t="shared" si="65"/>
        <v>#N/A</v>
      </c>
      <c r="P1995" s="51">
        <v>1</v>
      </c>
      <c r="Q1995" s="51" t="s">
        <v>5341</v>
      </c>
      <c r="R1995" s="54" t="b">
        <v>1</v>
      </c>
      <c r="S1995" s="52" t="s">
        <v>7126</v>
      </c>
      <c r="T1995" s="67" t="s">
        <v>7127</v>
      </c>
      <c r="U1995" s="75" t="s">
        <v>5331</v>
      </c>
      <c r="V1995" s="47" t="s">
        <v>5331</v>
      </c>
      <c r="W1995" s="47" t="s">
        <v>5331</v>
      </c>
      <c r="X1995" s="47" t="s">
        <v>5331</v>
      </c>
      <c r="Y1995" s="47" t="s">
        <v>5331</v>
      </c>
      <c r="Z1995" s="28"/>
      <c r="AA1995" s="27"/>
      <c r="AB1995" s="27"/>
      <c r="AC1995" s="27"/>
      <c r="AD1995" s="30"/>
      <c r="AE1995" s="1"/>
      <c r="AF1995" s="23" t="s">
        <v>5331</v>
      </c>
      <c r="AG1995" s="26"/>
      <c r="AH1995" s="53"/>
    </row>
    <row r="1996" spans="1:34" ht="51.6" customHeight="1" x14ac:dyDescent="0.45">
      <c r="A1996" s="23">
        <v>1990</v>
      </c>
      <c r="B1996" s="25"/>
      <c r="C1996" s="25"/>
      <c r="D1996" s="29"/>
      <c r="E1996" s="1"/>
      <c r="F1996" s="1"/>
      <c r="G1996" s="25"/>
      <c r="H1996" s="71"/>
      <c r="I1996" s="83"/>
      <c r="J1996" s="50" t="str">
        <f t="shared" si="64"/>
        <v/>
      </c>
      <c r="K1996" s="23" t="s">
        <v>7120</v>
      </c>
      <c r="L1996" s="49" t="e">
        <f>VLOOKUP(E1996&amp;F1996,団体コード!$A$1:$C$1743,3,FALSE)</f>
        <v>#N/A</v>
      </c>
      <c r="M1996" s="49" t="e">
        <f>VLOOKUP(E1996&amp;F1996,団体コード!$A$1:$C$1743,2,FALSE)</f>
        <v>#N/A</v>
      </c>
      <c r="N1996" s="51" t="e">
        <f>VLOOKUP(E1996,団体コード!$E$1:$F$48,2,FALSE)</f>
        <v>#N/A</v>
      </c>
      <c r="O1996" s="51" t="e">
        <f t="shared" si="65"/>
        <v>#N/A</v>
      </c>
      <c r="P1996" s="51">
        <v>1</v>
      </c>
      <c r="Q1996" s="51" t="s">
        <v>5341</v>
      </c>
      <c r="R1996" s="54" t="b">
        <v>1</v>
      </c>
      <c r="S1996" s="52" t="s">
        <v>7126</v>
      </c>
      <c r="T1996" s="67" t="s">
        <v>7127</v>
      </c>
      <c r="U1996" s="75" t="s">
        <v>5331</v>
      </c>
      <c r="V1996" s="47" t="s">
        <v>5331</v>
      </c>
      <c r="W1996" s="47" t="s">
        <v>5331</v>
      </c>
      <c r="X1996" s="47" t="s">
        <v>5331</v>
      </c>
      <c r="Y1996" s="47" t="s">
        <v>5331</v>
      </c>
      <c r="Z1996" s="28"/>
      <c r="AA1996" s="27"/>
      <c r="AB1996" s="27"/>
      <c r="AC1996" s="27"/>
      <c r="AD1996" s="30"/>
      <c r="AE1996" s="1"/>
      <c r="AF1996" s="23" t="s">
        <v>5331</v>
      </c>
      <c r="AG1996" s="26"/>
      <c r="AH1996" s="53"/>
    </row>
    <row r="1997" spans="1:34" ht="51.6" customHeight="1" x14ac:dyDescent="0.45">
      <c r="A1997" s="23">
        <v>1991</v>
      </c>
      <c r="B1997" s="25"/>
      <c r="C1997" s="25"/>
      <c r="D1997" s="29"/>
      <c r="E1997" s="1"/>
      <c r="F1997" s="1"/>
      <c r="G1997" s="25"/>
      <c r="H1997" s="71"/>
      <c r="I1997" s="83"/>
      <c r="J1997" s="50" t="str">
        <f t="shared" si="64"/>
        <v/>
      </c>
      <c r="K1997" s="23" t="s">
        <v>7120</v>
      </c>
      <c r="L1997" s="49" t="e">
        <f>VLOOKUP(E1997&amp;F1997,団体コード!$A$1:$C$1743,3,FALSE)</f>
        <v>#N/A</v>
      </c>
      <c r="M1997" s="49" t="e">
        <f>VLOOKUP(E1997&amp;F1997,団体コード!$A$1:$C$1743,2,FALSE)</f>
        <v>#N/A</v>
      </c>
      <c r="N1997" s="51" t="e">
        <f>VLOOKUP(E1997,団体コード!$E$1:$F$48,2,FALSE)</f>
        <v>#N/A</v>
      </c>
      <c r="O1997" s="51" t="e">
        <f t="shared" si="65"/>
        <v>#N/A</v>
      </c>
      <c r="P1997" s="51">
        <v>1</v>
      </c>
      <c r="Q1997" s="51" t="s">
        <v>5341</v>
      </c>
      <c r="R1997" s="54" t="b">
        <v>1</v>
      </c>
      <c r="S1997" s="52" t="s">
        <v>7126</v>
      </c>
      <c r="T1997" s="67" t="s">
        <v>7127</v>
      </c>
      <c r="U1997" s="75" t="s">
        <v>5331</v>
      </c>
      <c r="V1997" s="47" t="s">
        <v>5331</v>
      </c>
      <c r="W1997" s="47" t="s">
        <v>5331</v>
      </c>
      <c r="X1997" s="47" t="s">
        <v>5331</v>
      </c>
      <c r="Y1997" s="47" t="s">
        <v>5331</v>
      </c>
      <c r="Z1997" s="28"/>
      <c r="AA1997" s="27"/>
      <c r="AB1997" s="27"/>
      <c r="AC1997" s="27"/>
      <c r="AD1997" s="30"/>
      <c r="AE1997" s="1"/>
      <c r="AF1997" s="23" t="s">
        <v>5331</v>
      </c>
      <c r="AG1997" s="26"/>
      <c r="AH1997" s="53"/>
    </row>
    <row r="1998" spans="1:34" ht="51.6" customHeight="1" x14ac:dyDescent="0.45">
      <c r="A1998" s="23">
        <v>1992</v>
      </c>
      <c r="B1998" s="25"/>
      <c r="C1998" s="25"/>
      <c r="D1998" s="29"/>
      <c r="E1998" s="1"/>
      <c r="F1998" s="1"/>
      <c r="G1998" s="25"/>
      <c r="H1998" s="71"/>
      <c r="I1998" s="83"/>
      <c r="J1998" s="50" t="str">
        <f t="shared" si="64"/>
        <v/>
      </c>
      <c r="K1998" s="23" t="s">
        <v>7120</v>
      </c>
      <c r="L1998" s="49" t="e">
        <f>VLOOKUP(E1998&amp;F1998,団体コード!$A$1:$C$1743,3,FALSE)</f>
        <v>#N/A</v>
      </c>
      <c r="M1998" s="49" t="e">
        <f>VLOOKUP(E1998&amp;F1998,団体コード!$A$1:$C$1743,2,FALSE)</f>
        <v>#N/A</v>
      </c>
      <c r="N1998" s="51" t="e">
        <f>VLOOKUP(E1998,団体コード!$E$1:$F$48,2,FALSE)</f>
        <v>#N/A</v>
      </c>
      <c r="O1998" s="51" t="e">
        <f t="shared" si="65"/>
        <v>#N/A</v>
      </c>
      <c r="P1998" s="51">
        <v>1</v>
      </c>
      <c r="Q1998" s="51" t="s">
        <v>5341</v>
      </c>
      <c r="R1998" s="54" t="b">
        <v>1</v>
      </c>
      <c r="S1998" s="52" t="s">
        <v>7126</v>
      </c>
      <c r="T1998" s="67" t="s">
        <v>7127</v>
      </c>
      <c r="U1998" s="75" t="s">
        <v>5331</v>
      </c>
      <c r="V1998" s="47" t="s">
        <v>5331</v>
      </c>
      <c r="W1998" s="47" t="s">
        <v>5331</v>
      </c>
      <c r="X1998" s="47" t="s">
        <v>5331</v>
      </c>
      <c r="Y1998" s="47" t="s">
        <v>5331</v>
      </c>
      <c r="Z1998" s="28"/>
      <c r="AA1998" s="27"/>
      <c r="AB1998" s="27"/>
      <c r="AC1998" s="27"/>
      <c r="AD1998" s="30"/>
      <c r="AE1998" s="1"/>
      <c r="AF1998" s="23" t="s">
        <v>5331</v>
      </c>
      <c r="AG1998" s="26"/>
      <c r="AH1998" s="53"/>
    </row>
    <row r="1999" spans="1:34" ht="51.6" customHeight="1" x14ac:dyDescent="0.45">
      <c r="A1999" s="23">
        <v>1993</v>
      </c>
      <c r="B1999" s="25"/>
      <c r="C1999" s="25"/>
      <c r="D1999" s="29"/>
      <c r="E1999" s="1"/>
      <c r="F1999" s="1"/>
      <c r="G1999" s="25"/>
      <c r="H1999" s="71"/>
      <c r="I1999" s="83"/>
      <c r="J1999" s="50" t="str">
        <f t="shared" si="64"/>
        <v/>
      </c>
      <c r="K1999" s="23" t="s">
        <v>7120</v>
      </c>
      <c r="L1999" s="49" t="e">
        <f>VLOOKUP(E1999&amp;F1999,団体コード!$A$1:$C$1743,3,FALSE)</f>
        <v>#N/A</v>
      </c>
      <c r="M1999" s="49" t="e">
        <f>VLOOKUP(E1999&amp;F1999,団体コード!$A$1:$C$1743,2,FALSE)</f>
        <v>#N/A</v>
      </c>
      <c r="N1999" s="51" t="e">
        <f>VLOOKUP(E1999,団体コード!$E$1:$F$48,2,FALSE)</f>
        <v>#N/A</v>
      </c>
      <c r="O1999" s="51" t="e">
        <f t="shared" si="65"/>
        <v>#N/A</v>
      </c>
      <c r="P1999" s="51">
        <v>1</v>
      </c>
      <c r="Q1999" s="51" t="s">
        <v>5341</v>
      </c>
      <c r="R1999" s="54" t="b">
        <v>1</v>
      </c>
      <c r="S1999" s="52" t="s">
        <v>7126</v>
      </c>
      <c r="T1999" s="67" t="s">
        <v>7127</v>
      </c>
      <c r="U1999" s="75" t="s">
        <v>5331</v>
      </c>
      <c r="V1999" s="47" t="s">
        <v>5331</v>
      </c>
      <c r="W1999" s="47" t="s">
        <v>5331</v>
      </c>
      <c r="X1999" s="47" t="s">
        <v>5331</v>
      </c>
      <c r="Y1999" s="47" t="s">
        <v>5331</v>
      </c>
      <c r="Z1999" s="28"/>
      <c r="AA1999" s="27"/>
      <c r="AB1999" s="27"/>
      <c r="AC1999" s="27"/>
      <c r="AD1999" s="30"/>
      <c r="AE1999" s="1"/>
      <c r="AF1999" s="23" t="s">
        <v>5331</v>
      </c>
      <c r="AG1999" s="26"/>
      <c r="AH1999" s="53"/>
    </row>
    <row r="2000" spans="1:34" ht="51.6" customHeight="1" x14ac:dyDescent="0.45">
      <c r="A2000" s="23">
        <v>1994</v>
      </c>
      <c r="B2000" s="25"/>
      <c r="C2000" s="25"/>
      <c r="D2000" s="29"/>
      <c r="E2000" s="1"/>
      <c r="F2000" s="1"/>
      <c r="G2000" s="25"/>
      <c r="H2000" s="71"/>
      <c r="I2000" s="83"/>
      <c r="J2000" s="50" t="str">
        <f t="shared" si="64"/>
        <v/>
      </c>
      <c r="K2000" s="23" t="s">
        <v>7120</v>
      </c>
      <c r="L2000" s="49" t="e">
        <f>VLOOKUP(E2000&amp;F2000,団体コード!$A$1:$C$1743,3,FALSE)</f>
        <v>#N/A</v>
      </c>
      <c r="M2000" s="49" t="e">
        <f>VLOOKUP(E2000&amp;F2000,団体コード!$A$1:$C$1743,2,FALSE)</f>
        <v>#N/A</v>
      </c>
      <c r="N2000" s="51" t="e">
        <f>VLOOKUP(E2000,団体コード!$E$1:$F$48,2,FALSE)</f>
        <v>#N/A</v>
      </c>
      <c r="O2000" s="51" t="e">
        <f t="shared" si="65"/>
        <v>#N/A</v>
      </c>
      <c r="P2000" s="51">
        <v>1</v>
      </c>
      <c r="Q2000" s="51" t="s">
        <v>5341</v>
      </c>
      <c r="R2000" s="54" t="b">
        <v>1</v>
      </c>
      <c r="S2000" s="52" t="s">
        <v>7126</v>
      </c>
      <c r="T2000" s="67" t="s">
        <v>7127</v>
      </c>
      <c r="U2000" s="75" t="s">
        <v>5331</v>
      </c>
      <c r="V2000" s="47" t="s">
        <v>5331</v>
      </c>
      <c r="W2000" s="47" t="s">
        <v>5331</v>
      </c>
      <c r="X2000" s="47" t="s">
        <v>5331</v>
      </c>
      <c r="Y2000" s="47" t="s">
        <v>5331</v>
      </c>
      <c r="Z2000" s="28"/>
      <c r="AA2000" s="27"/>
      <c r="AB2000" s="27"/>
      <c r="AC2000" s="27"/>
      <c r="AD2000" s="30"/>
      <c r="AE2000" s="1"/>
      <c r="AF2000" s="23" t="s">
        <v>5331</v>
      </c>
      <c r="AG2000" s="26"/>
      <c r="AH2000" s="53"/>
    </row>
    <row r="2001" spans="1:34" ht="51.6" customHeight="1" x14ac:dyDescent="0.45">
      <c r="A2001" s="23">
        <v>1995</v>
      </c>
      <c r="B2001" s="25"/>
      <c r="C2001" s="25"/>
      <c r="D2001" s="29"/>
      <c r="E2001" s="1"/>
      <c r="F2001" s="1"/>
      <c r="G2001" s="25"/>
      <c r="H2001" s="71"/>
      <c r="I2001" s="83"/>
      <c r="J2001" s="50" t="str">
        <f t="shared" si="64"/>
        <v/>
      </c>
      <c r="K2001" s="23" t="s">
        <v>7120</v>
      </c>
      <c r="L2001" s="49" t="e">
        <f>VLOOKUP(E2001&amp;F2001,団体コード!$A$1:$C$1743,3,FALSE)</f>
        <v>#N/A</v>
      </c>
      <c r="M2001" s="49" t="e">
        <f>VLOOKUP(E2001&amp;F2001,団体コード!$A$1:$C$1743,2,FALSE)</f>
        <v>#N/A</v>
      </c>
      <c r="N2001" s="51" t="e">
        <f>VLOOKUP(E2001,団体コード!$E$1:$F$48,2,FALSE)</f>
        <v>#N/A</v>
      </c>
      <c r="O2001" s="51" t="e">
        <f t="shared" si="65"/>
        <v>#N/A</v>
      </c>
      <c r="P2001" s="51">
        <v>1</v>
      </c>
      <c r="Q2001" s="51" t="s">
        <v>5341</v>
      </c>
      <c r="R2001" s="54" t="b">
        <v>1</v>
      </c>
      <c r="S2001" s="52" t="s">
        <v>7126</v>
      </c>
      <c r="T2001" s="67" t="s">
        <v>7127</v>
      </c>
      <c r="U2001" s="75" t="s">
        <v>5331</v>
      </c>
      <c r="V2001" s="47" t="s">
        <v>5331</v>
      </c>
      <c r="W2001" s="47" t="s">
        <v>5331</v>
      </c>
      <c r="X2001" s="47" t="s">
        <v>5331</v>
      </c>
      <c r="Y2001" s="47" t="s">
        <v>5331</v>
      </c>
      <c r="Z2001" s="28"/>
      <c r="AA2001" s="27"/>
      <c r="AB2001" s="27"/>
      <c r="AC2001" s="27"/>
      <c r="AD2001" s="30"/>
      <c r="AE2001" s="1"/>
      <c r="AF2001" s="23" t="s">
        <v>5331</v>
      </c>
      <c r="AG2001" s="26"/>
      <c r="AH2001" s="53"/>
    </row>
    <row r="2002" spans="1:34" ht="51.6" customHeight="1" x14ac:dyDescent="0.45">
      <c r="A2002" s="23">
        <v>1996</v>
      </c>
      <c r="B2002" s="25"/>
      <c r="C2002" s="25"/>
      <c r="D2002" s="29"/>
      <c r="E2002" s="1"/>
      <c r="F2002" s="1"/>
      <c r="G2002" s="25"/>
      <c r="H2002" s="71"/>
      <c r="I2002" s="83"/>
      <c r="J2002" s="50" t="str">
        <f t="shared" si="64"/>
        <v/>
      </c>
      <c r="K2002" s="23" t="s">
        <v>7120</v>
      </c>
      <c r="L2002" s="49" t="e">
        <f>VLOOKUP(E2002&amp;F2002,団体コード!$A$1:$C$1743,3,FALSE)</f>
        <v>#N/A</v>
      </c>
      <c r="M2002" s="49" t="e">
        <f>VLOOKUP(E2002&amp;F2002,団体コード!$A$1:$C$1743,2,FALSE)</f>
        <v>#N/A</v>
      </c>
      <c r="N2002" s="51" t="e">
        <f>VLOOKUP(E2002,団体コード!$E$1:$F$48,2,FALSE)</f>
        <v>#N/A</v>
      </c>
      <c r="O2002" s="51" t="e">
        <f t="shared" si="65"/>
        <v>#N/A</v>
      </c>
      <c r="P2002" s="51">
        <v>1</v>
      </c>
      <c r="Q2002" s="51" t="s">
        <v>5341</v>
      </c>
      <c r="R2002" s="54" t="b">
        <v>1</v>
      </c>
      <c r="S2002" s="52" t="s">
        <v>7126</v>
      </c>
      <c r="T2002" s="67" t="s">
        <v>7127</v>
      </c>
      <c r="U2002" s="75" t="s">
        <v>5331</v>
      </c>
      <c r="V2002" s="47" t="s">
        <v>5331</v>
      </c>
      <c r="W2002" s="47" t="s">
        <v>5331</v>
      </c>
      <c r="X2002" s="47" t="s">
        <v>5331</v>
      </c>
      <c r="Y2002" s="47" t="s">
        <v>5331</v>
      </c>
      <c r="Z2002" s="28"/>
      <c r="AA2002" s="27"/>
      <c r="AB2002" s="27"/>
      <c r="AC2002" s="27"/>
      <c r="AD2002" s="30"/>
      <c r="AE2002" s="1"/>
      <c r="AF2002" s="23" t="s">
        <v>5331</v>
      </c>
      <c r="AG2002" s="26"/>
      <c r="AH2002" s="53"/>
    </row>
    <row r="2003" spans="1:34" ht="51.6" customHeight="1" x14ac:dyDescent="0.45">
      <c r="A2003" s="23">
        <v>1997</v>
      </c>
      <c r="B2003" s="25"/>
      <c r="C2003" s="25"/>
      <c r="D2003" s="29"/>
      <c r="E2003" s="1"/>
      <c r="F2003" s="1"/>
      <c r="G2003" s="25"/>
      <c r="H2003" s="71"/>
      <c r="I2003" s="83"/>
      <c r="J2003" s="50" t="str">
        <f t="shared" si="64"/>
        <v/>
      </c>
      <c r="K2003" s="23" t="s">
        <v>7120</v>
      </c>
      <c r="L2003" s="49" t="e">
        <f>VLOOKUP(E2003&amp;F2003,団体コード!$A$1:$C$1743,3,FALSE)</f>
        <v>#N/A</v>
      </c>
      <c r="M2003" s="49" t="e">
        <f>VLOOKUP(E2003&amp;F2003,団体コード!$A$1:$C$1743,2,FALSE)</f>
        <v>#N/A</v>
      </c>
      <c r="N2003" s="51" t="e">
        <f>VLOOKUP(E2003,団体コード!$E$1:$F$48,2,FALSE)</f>
        <v>#N/A</v>
      </c>
      <c r="O2003" s="51" t="e">
        <f t="shared" si="65"/>
        <v>#N/A</v>
      </c>
      <c r="P2003" s="51">
        <v>1</v>
      </c>
      <c r="Q2003" s="51" t="s">
        <v>5341</v>
      </c>
      <c r="R2003" s="54" t="b">
        <v>1</v>
      </c>
      <c r="S2003" s="52" t="s">
        <v>7126</v>
      </c>
      <c r="T2003" s="67" t="s">
        <v>7127</v>
      </c>
      <c r="U2003" s="75" t="s">
        <v>5331</v>
      </c>
      <c r="V2003" s="47" t="s">
        <v>5331</v>
      </c>
      <c r="W2003" s="47" t="s">
        <v>5331</v>
      </c>
      <c r="X2003" s="47" t="s">
        <v>5331</v>
      </c>
      <c r="Y2003" s="47" t="s">
        <v>5331</v>
      </c>
      <c r="Z2003" s="28"/>
      <c r="AA2003" s="27"/>
      <c r="AB2003" s="27"/>
      <c r="AC2003" s="27"/>
      <c r="AD2003" s="30"/>
      <c r="AE2003" s="1"/>
      <c r="AF2003" s="23" t="s">
        <v>5331</v>
      </c>
      <c r="AG2003" s="26"/>
      <c r="AH2003" s="53"/>
    </row>
    <row r="2004" spans="1:34" ht="51.6" customHeight="1" x14ac:dyDescent="0.45">
      <c r="A2004" s="23">
        <v>1998</v>
      </c>
      <c r="B2004" s="25"/>
      <c r="C2004" s="25"/>
      <c r="D2004" s="29"/>
      <c r="E2004" s="1"/>
      <c r="F2004" s="1"/>
      <c r="G2004" s="25"/>
      <c r="H2004" s="71"/>
      <c r="I2004" s="83"/>
      <c r="J2004" s="50" t="str">
        <f t="shared" si="64"/>
        <v/>
      </c>
      <c r="K2004" s="23" t="s">
        <v>7120</v>
      </c>
      <c r="L2004" s="49" t="e">
        <f>VLOOKUP(E2004&amp;F2004,団体コード!$A$1:$C$1743,3,FALSE)</f>
        <v>#N/A</v>
      </c>
      <c r="M2004" s="49" t="e">
        <f>VLOOKUP(E2004&amp;F2004,団体コード!$A$1:$C$1743,2,FALSE)</f>
        <v>#N/A</v>
      </c>
      <c r="N2004" s="51" t="e">
        <f>VLOOKUP(E2004,団体コード!$E$1:$F$48,2,FALSE)</f>
        <v>#N/A</v>
      </c>
      <c r="O2004" s="51" t="e">
        <f t="shared" si="65"/>
        <v>#N/A</v>
      </c>
      <c r="P2004" s="51">
        <v>1</v>
      </c>
      <c r="Q2004" s="51" t="s">
        <v>5341</v>
      </c>
      <c r="R2004" s="54" t="b">
        <v>1</v>
      </c>
      <c r="S2004" s="52" t="s">
        <v>7126</v>
      </c>
      <c r="T2004" s="67" t="s">
        <v>7127</v>
      </c>
      <c r="U2004" s="75" t="s">
        <v>5331</v>
      </c>
      <c r="V2004" s="47" t="s">
        <v>5331</v>
      </c>
      <c r="W2004" s="47" t="s">
        <v>5331</v>
      </c>
      <c r="X2004" s="47" t="s">
        <v>5331</v>
      </c>
      <c r="Y2004" s="47" t="s">
        <v>5331</v>
      </c>
      <c r="Z2004" s="28"/>
      <c r="AA2004" s="27"/>
      <c r="AB2004" s="27"/>
      <c r="AC2004" s="27"/>
      <c r="AD2004" s="30"/>
      <c r="AE2004" s="1"/>
      <c r="AF2004" s="23" t="s">
        <v>5331</v>
      </c>
      <c r="AG2004" s="26"/>
      <c r="AH2004" s="53"/>
    </row>
    <row r="2005" spans="1:34" ht="51.6" customHeight="1" x14ac:dyDescent="0.45">
      <c r="A2005" s="23">
        <v>1999</v>
      </c>
      <c r="B2005" s="25"/>
      <c r="C2005" s="25"/>
      <c r="D2005" s="29"/>
      <c r="E2005" s="1"/>
      <c r="F2005" s="1"/>
      <c r="G2005" s="25"/>
      <c r="H2005" s="71"/>
      <c r="I2005" s="83"/>
      <c r="J2005" s="50" t="str">
        <f t="shared" si="64"/>
        <v/>
      </c>
      <c r="K2005" s="23" t="s">
        <v>7120</v>
      </c>
      <c r="L2005" s="49" t="e">
        <f>VLOOKUP(E2005&amp;F2005,団体コード!$A$1:$C$1743,3,FALSE)</f>
        <v>#N/A</v>
      </c>
      <c r="M2005" s="49" t="e">
        <f>VLOOKUP(E2005&amp;F2005,団体コード!$A$1:$C$1743,2,FALSE)</f>
        <v>#N/A</v>
      </c>
      <c r="N2005" s="51" t="e">
        <f>VLOOKUP(E2005,団体コード!$E$1:$F$48,2,FALSE)</f>
        <v>#N/A</v>
      </c>
      <c r="O2005" s="51" t="e">
        <f t="shared" si="65"/>
        <v>#N/A</v>
      </c>
      <c r="P2005" s="51">
        <v>1</v>
      </c>
      <c r="Q2005" s="51" t="s">
        <v>5341</v>
      </c>
      <c r="R2005" s="54" t="b">
        <v>1</v>
      </c>
      <c r="S2005" s="52" t="s">
        <v>7126</v>
      </c>
      <c r="T2005" s="67" t="s">
        <v>7127</v>
      </c>
      <c r="U2005" s="75" t="s">
        <v>5331</v>
      </c>
      <c r="V2005" s="47" t="s">
        <v>5331</v>
      </c>
      <c r="W2005" s="47" t="s">
        <v>5331</v>
      </c>
      <c r="X2005" s="47" t="s">
        <v>5331</v>
      </c>
      <c r="Y2005" s="47" t="s">
        <v>5331</v>
      </c>
      <c r="Z2005" s="28"/>
      <c r="AA2005" s="27"/>
      <c r="AB2005" s="27"/>
      <c r="AC2005" s="27"/>
      <c r="AD2005" s="30"/>
      <c r="AE2005" s="1"/>
      <c r="AF2005" s="23" t="s">
        <v>5331</v>
      </c>
      <c r="AG2005" s="26"/>
      <c r="AH2005" s="53"/>
    </row>
    <row r="2006" spans="1:34" ht="51.6" customHeight="1" x14ac:dyDescent="0.45">
      <c r="A2006" s="23">
        <v>2000</v>
      </c>
      <c r="B2006" s="25"/>
      <c r="C2006" s="25"/>
      <c r="D2006" s="29"/>
      <c r="E2006" s="1"/>
      <c r="F2006" s="1"/>
      <c r="G2006" s="25"/>
      <c r="H2006" s="71"/>
      <c r="I2006" s="83"/>
      <c r="J2006" s="50" t="str">
        <f t="shared" si="64"/>
        <v/>
      </c>
      <c r="K2006" s="23" t="s">
        <v>7120</v>
      </c>
      <c r="L2006" s="49" t="e">
        <f>VLOOKUP(E2006&amp;F2006,団体コード!$A$1:$C$1743,3,FALSE)</f>
        <v>#N/A</v>
      </c>
      <c r="M2006" s="49" t="e">
        <f>VLOOKUP(E2006&amp;F2006,団体コード!$A$1:$C$1743,2,FALSE)</f>
        <v>#N/A</v>
      </c>
      <c r="N2006" s="51" t="e">
        <f>VLOOKUP(E2006,団体コード!$E$1:$F$48,2,FALSE)</f>
        <v>#N/A</v>
      </c>
      <c r="O2006" s="51" t="e">
        <f t="shared" si="65"/>
        <v>#N/A</v>
      </c>
      <c r="P2006" s="51">
        <v>1</v>
      </c>
      <c r="Q2006" s="51" t="s">
        <v>5341</v>
      </c>
      <c r="R2006" s="54" t="b">
        <v>1</v>
      </c>
      <c r="S2006" s="52" t="s">
        <v>7126</v>
      </c>
      <c r="T2006" s="67" t="s">
        <v>7127</v>
      </c>
      <c r="U2006" s="75" t="s">
        <v>5331</v>
      </c>
      <c r="V2006" s="47" t="s">
        <v>5331</v>
      </c>
      <c r="W2006" s="47" t="s">
        <v>5331</v>
      </c>
      <c r="X2006" s="47" t="s">
        <v>5331</v>
      </c>
      <c r="Y2006" s="47" t="s">
        <v>5331</v>
      </c>
      <c r="Z2006" s="28"/>
      <c r="AA2006" s="27"/>
      <c r="AB2006" s="27"/>
      <c r="AC2006" s="27"/>
      <c r="AD2006" s="30"/>
      <c r="AE2006" s="1"/>
      <c r="AF2006" s="23" t="s">
        <v>5331</v>
      </c>
      <c r="AG2006" s="26"/>
      <c r="AH2006" s="53"/>
    </row>
    <row r="2007" spans="1:34" ht="51.6" customHeight="1" x14ac:dyDescent="0.45">
      <c r="A2007" s="23">
        <v>2001</v>
      </c>
      <c r="B2007" s="25"/>
      <c r="C2007" s="25"/>
      <c r="D2007" s="29"/>
      <c r="E2007" s="1"/>
      <c r="F2007" s="1"/>
      <c r="G2007" s="25"/>
      <c r="H2007" s="71"/>
      <c r="I2007" s="83"/>
      <c r="J2007" s="50" t="str">
        <f t="shared" si="64"/>
        <v/>
      </c>
      <c r="K2007" s="23" t="s">
        <v>7120</v>
      </c>
      <c r="L2007" s="49" t="e">
        <f>VLOOKUP(E2007&amp;F2007,団体コード!$A$1:$C$1743,3,FALSE)</f>
        <v>#N/A</v>
      </c>
      <c r="M2007" s="49" t="e">
        <f>VLOOKUP(E2007&amp;F2007,団体コード!$A$1:$C$1743,2,FALSE)</f>
        <v>#N/A</v>
      </c>
      <c r="N2007" s="51" t="e">
        <f>VLOOKUP(E2007,団体コード!$E$1:$F$48,2,FALSE)</f>
        <v>#N/A</v>
      </c>
      <c r="O2007" s="51" t="e">
        <f t="shared" si="65"/>
        <v>#N/A</v>
      </c>
      <c r="P2007" s="51">
        <v>1</v>
      </c>
      <c r="Q2007" s="51" t="s">
        <v>5341</v>
      </c>
      <c r="R2007" s="54" t="b">
        <v>1</v>
      </c>
      <c r="S2007" s="52" t="s">
        <v>7126</v>
      </c>
      <c r="T2007" s="67" t="s">
        <v>7127</v>
      </c>
      <c r="U2007" s="75" t="s">
        <v>5331</v>
      </c>
      <c r="V2007" s="47" t="s">
        <v>5331</v>
      </c>
      <c r="W2007" s="47" t="s">
        <v>5331</v>
      </c>
      <c r="X2007" s="47" t="s">
        <v>5331</v>
      </c>
      <c r="Y2007" s="47" t="s">
        <v>5331</v>
      </c>
      <c r="Z2007" s="28"/>
      <c r="AA2007" s="27"/>
      <c r="AB2007" s="27"/>
      <c r="AC2007" s="27"/>
      <c r="AD2007" s="30"/>
      <c r="AE2007" s="1"/>
      <c r="AF2007" s="23" t="s">
        <v>5331</v>
      </c>
      <c r="AG2007" s="26"/>
      <c r="AH2007" s="53"/>
    </row>
    <row r="2008" spans="1:34" ht="51.6" customHeight="1" x14ac:dyDescent="0.45">
      <c r="A2008" s="23">
        <v>2002</v>
      </c>
      <c r="B2008" s="25"/>
      <c r="C2008" s="25"/>
      <c r="D2008" s="29"/>
      <c r="E2008" s="1"/>
      <c r="F2008" s="1"/>
      <c r="G2008" s="25"/>
      <c r="H2008" s="71"/>
      <c r="I2008" s="83"/>
      <c r="J2008" s="50" t="str">
        <f t="shared" si="64"/>
        <v/>
      </c>
      <c r="K2008" s="23" t="s">
        <v>7120</v>
      </c>
      <c r="L2008" s="49" t="e">
        <f>VLOOKUP(E2008&amp;F2008,団体コード!$A$1:$C$1743,3,FALSE)</f>
        <v>#N/A</v>
      </c>
      <c r="M2008" s="49" t="e">
        <f>VLOOKUP(E2008&amp;F2008,団体コード!$A$1:$C$1743,2,FALSE)</f>
        <v>#N/A</v>
      </c>
      <c r="N2008" s="51" t="e">
        <f>VLOOKUP(E2008,団体コード!$E$1:$F$48,2,FALSE)</f>
        <v>#N/A</v>
      </c>
      <c r="O2008" s="51" t="e">
        <f t="shared" si="65"/>
        <v>#N/A</v>
      </c>
      <c r="P2008" s="51">
        <v>1</v>
      </c>
      <c r="Q2008" s="51" t="s">
        <v>5341</v>
      </c>
      <c r="R2008" s="54" t="b">
        <v>1</v>
      </c>
      <c r="S2008" s="52" t="s">
        <v>7126</v>
      </c>
      <c r="T2008" s="67" t="s">
        <v>7127</v>
      </c>
      <c r="U2008" s="75" t="s">
        <v>5331</v>
      </c>
      <c r="V2008" s="47" t="s">
        <v>5331</v>
      </c>
      <c r="W2008" s="47" t="s">
        <v>5331</v>
      </c>
      <c r="X2008" s="47" t="s">
        <v>5331</v>
      </c>
      <c r="Y2008" s="47" t="s">
        <v>5331</v>
      </c>
      <c r="Z2008" s="28"/>
      <c r="AA2008" s="27"/>
      <c r="AB2008" s="27"/>
      <c r="AC2008" s="27"/>
      <c r="AD2008" s="30"/>
      <c r="AE2008" s="1"/>
      <c r="AF2008" s="23" t="s">
        <v>5331</v>
      </c>
      <c r="AG2008" s="26"/>
      <c r="AH2008" s="53"/>
    </row>
    <row r="2009" spans="1:34" ht="51.6" customHeight="1" x14ac:dyDescent="0.45">
      <c r="A2009" s="23">
        <v>2003</v>
      </c>
      <c r="B2009" s="25"/>
      <c r="C2009" s="25"/>
      <c r="D2009" s="29"/>
      <c r="E2009" s="1"/>
      <c r="F2009" s="1"/>
      <c r="G2009" s="25"/>
      <c r="H2009" s="71"/>
      <c r="I2009" s="83"/>
      <c r="J2009" s="50" t="str">
        <f t="shared" si="64"/>
        <v/>
      </c>
      <c r="K2009" s="23" t="s">
        <v>7120</v>
      </c>
      <c r="L2009" s="49" t="e">
        <f>VLOOKUP(E2009&amp;F2009,団体コード!$A$1:$C$1743,3,FALSE)</f>
        <v>#N/A</v>
      </c>
      <c r="M2009" s="49" t="e">
        <f>VLOOKUP(E2009&amp;F2009,団体コード!$A$1:$C$1743,2,FALSE)</f>
        <v>#N/A</v>
      </c>
      <c r="N2009" s="51" t="e">
        <f>VLOOKUP(E2009,団体コード!$E$1:$F$48,2,FALSE)</f>
        <v>#N/A</v>
      </c>
      <c r="O2009" s="51" t="e">
        <f t="shared" si="65"/>
        <v>#N/A</v>
      </c>
      <c r="P2009" s="51">
        <v>1</v>
      </c>
      <c r="Q2009" s="51" t="s">
        <v>5341</v>
      </c>
      <c r="R2009" s="54" t="b">
        <v>1</v>
      </c>
      <c r="S2009" s="52" t="s">
        <v>7126</v>
      </c>
      <c r="T2009" s="67" t="s">
        <v>7127</v>
      </c>
      <c r="U2009" s="75" t="s">
        <v>5331</v>
      </c>
      <c r="V2009" s="47" t="s">
        <v>5331</v>
      </c>
      <c r="W2009" s="47" t="s">
        <v>5331</v>
      </c>
      <c r="X2009" s="47" t="s">
        <v>5331</v>
      </c>
      <c r="Y2009" s="47" t="s">
        <v>5331</v>
      </c>
      <c r="Z2009" s="28"/>
      <c r="AA2009" s="27"/>
      <c r="AB2009" s="27"/>
      <c r="AC2009" s="27"/>
      <c r="AD2009" s="30"/>
      <c r="AE2009" s="1"/>
      <c r="AF2009" s="23" t="s">
        <v>5331</v>
      </c>
      <c r="AG2009" s="26"/>
      <c r="AH2009" s="53"/>
    </row>
    <row r="2010" spans="1:34" ht="51.6" customHeight="1" x14ac:dyDescent="0.45">
      <c r="A2010" s="23">
        <v>2004</v>
      </c>
      <c r="B2010" s="25"/>
      <c r="C2010" s="25"/>
      <c r="D2010" s="29"/>
      <c r="E2010" s="1"/>
      <c r="F2010" s="1"/>
      <c r="G2010" s="25"/>
      <c r="H2010" s="71"/>
      <c r="I2010" s="83"/>
      <c r="J2010" s="50" t="str">
        <f t="shared" si="64"/>
        <v/>
      </c>
      <c r="K2010" s="23" t="s">
        <v>7120</v>
      </c>
      <c r="L2010" s="49" t="e">
        <f>VLOOKUP(E2010&amp;F2010,団体コード!$A$1:$C$1743,3,FALSE)</f>
        <v>#N/A</v>
      </c>
      <c r="M2010" s="49" t="e">
        <f>VLOOKUP(E2010&amp;F2010,団体コード!$A$1:$C$1743,2,FALSE)</f>
        <v>#N/A</v>
      </c>
      <c r="N2010" s="51" t="e">
        <f>VLOOKUP(E2010,団体コード!$E$1:$F$48,2,FALSE)</f>
        <v>#N/A</v>
      </c>
      <c r="O2010" s="51" t="e">
        <f t="shared" si="65"/>
        <v>#N/A</v>
      </c>
      <c r="P2010" s="51">
        <v>1</v>
      </c>
      <c r="Q2010" s="51" t="s">
        <v>5341</v>
      </c>
      <c r="R2010" s="54" t="b">
        <v>1</v>
      </c>
      <c r="S2010" s="52" t="s">
        <v>7126</v>
      </c>
      <c r="T2010" s="67" t="s">
        <v>7127</v>
      </c>
      <c r="U2010" s="75" t="s">
        <v>5331</v>
      </c>
      <c r="V2010" s="47" t="s">
        <v>5331</v>
      </c>
      <c r="W2010" s="47" t="s">
        <v>5331</v>
      </c>
      <c r="X2010" s="47" t="s">
        <v>5331</v>
      </c>
      <c r="Y2010" s="47" t="s">
        <v>5331</v>
      </c>
      <c r="Z2010" s="28"/>
      <c r="AA2010" s="27"/>
      <c r="AB2010" s="27"/>
      <c r="AC2010" s="27"/>
      <c r="AD2010" s="30"/>
      <c r="AE2010" s="1"/>
      <c r="AF2010" s="23" t="s">
        <v>5331</v>
      </c>
      <c r="AG2010" s="26"/>
      <c r="AH2010" s="53"/>
    </row>
    <row r="2011" spans="1:34" ht="51.6" customHeight="1" x14ac:dyDescent="0.45">
      <c r="A2011" s="23">
        <v>2005</v>
      </c>
      <c r="B2011" s="25"/>
      <c r="C2011" s="25"/>
      <c r="D2011" s="29"/>
      <c r="E2011" s="1"/>
      <c r="F2011" s="1"/>
      <c r="G2011" s="25"/>
      <c r="H2011" s="71"/>
      <c r="I2011" s="83"/>
      <c r="J2011" s="50" t="str">
        <f t="shared" si="64"/>
        <v/>
      </c>
      <c r="K2011" s="23" t="s">
        <v>7120</v>
      </c>
      <c r="L2011" s="49" t="e">
        <f>VLOOKUP(E2011&amp;F2011,団体コード!$A$1:$C$1743,3,FALSE)</f>
        <v>#N/A</v>
      </c>
      <c r="M2011" s="49" t="e">
        <f>VLOOKUP(E2011&amp;F2011,団体コード!$A$1:$C$1743,2,FALSE)</f>
        <v>#N/A</v>
      </c>
      <c r="N2011" s="51" t="e">
        <f>VLOOKUP(E2011,団体コード!$E$1:$F$48,2,FALSE)</f>
        <v>#N/A</v>
      </c>
      <c r="O2011" s="51" t="e">
        <f t="shared" si="65"/>
        <v>#N/A</v>
      </c>
      <c r="P2011" s="51">
        <v>1</v>
      </c>
      <c r="Q2011" s="51" t="s">
        <v>5341</v>
      </c>
      <c r="R2011" s="54" t="b">
        <v>1</v>
      </c>
      <c r="S2011" s="52" t="s">
        <v>7126</v>
      </c>
      <c r="T2011" s="67" t="s">
        <v>7127</v>
      </c>
      <c r="U2011" s="75" t="s">
        <v>5331</v>
      </c>
      <c r="V2011" s="47" t="s">
        <v>5331</v>
      </c>
      <c r="W2011" s="47" t="s">
        <v>5331</v>
      </c>
      <c r="X2011" s="47" t="s">
        <v>5331</v>
      </c>
      <c r="Y2011" s="47" t="s">
        <v>5331</v>
      </c>
      <c r="Z2011" s="28"/>
      <c r="AA2011" s="27"/>
      <c r="AB2011" s="27"/>
      <c r="AC2011" s="27"/>
      <c r="AD2011" s="30"/>
      <c r="AE2011" s="1"/>
      <c r="AF2011" s="23" t="s">
        <v>5331</v>
      </c>
      <c r="AG2011" s="26"/>
      <c r="AH2011" s="53"/>
    </row>
    <row r="2012" spans="1:34" ht="51.6" customHeight="1" x14ac:dyDescent="0.45">
      <c r="A2012" s="23">
        <v>2006</v>
      </c>
      <c r="B2012" s="25"/>
      <c r="C2012" s="25"/>
      <c r="D2012" s="29"/>
      <c r="E2012" s="1"/>
      <c r="F2012" s="1"/>
      <c r="G2012" s="25"/>
      <c r="H2012" s="71"/>
      <c r="I2012" s="83"/>
      <c r="J2012" s="50" t="str">
        <f t="shared" si="64"/>
        <v/>
      </c>
      <c r="K2012" s="23" t="s">
        <v>7120</v>
      </c>
      <c r="L2012" s="49" t="e">
        <f>VLOOKUP(E2012&amp;F2012,団体コード!$A$1:$C$1743,3,FALSE)</f>
        <v>#N/A</v>
      </c>
      <c r="M2012" s="49" t="e">
        <f>VLOOKUP(E2012&amp;F2012,団体コード!$A$1:$C$1743,2,FALSE)</f>
        <v>#N/A</v>
      </c>
      <c r="N2012" s="51" t="e">
        <f>VLOOKUP(E2012,団体コード!$E$1:$F$48,2,FALSE)</f>
        <v>#N/A</v>
      </c>
      <c r="O2012" s="51" t="e">
        <f t="shared" si="65"/>
        <v>#N/A</v>
      </c>
      <c r="P2012" s="51">
        <v>1</v>
      </c>
      <c r="Q2012" s="51" t="s">
        <v>5341</v>
      </c>
      <c r="R2012" s="54" t="b">
        <v>1</v>
      </c>
      <c r="S2012" s="52" t="s">
        <v>7126</v>
      </c>
      <c r="T2012" s="67" t="s">
        <v>7127</v>
      </c>
      <c r="U2012" s="75" t="s">
        <v>5331</v>
      </c>
      <c r="V2012" s="47" t="s">
        <v>5331</v>
      </c>
      <c r="W2012" s="47" t="s">
        <v>5331</v>
      </c>
      <c r="X2012" s="47" t="s">
        <v>5331</v>
      </c>
      <c r="Y2012" s="47" t="s">
        <v>5331</v>
      </c>
      <c r="Z2012" s="28"/>
      <c r="AA2012" s="27"/>
      <c r="AB2012" s="27"/>
      <c r="AC2012" s="27"/>
      <c r="AD2012" s="30"/>
      <c r="AE2012" s="1"/>
      <c r="AF2012" s="23" t="s">
        <v>5331</v>
      </c>
      <c r="AG2012" s="26"/>
      <c r="AH2012" s="53"/>
    </row>
    <row r="2013" spans="1:34" ht="51.6" customHeight="1" x14ac:dyDescent="0.45">
      <c r="A2013" s="23">
        <v>2007</v>
      </c>
      <c r="B2013" s="25"/>
      <c r="C2013" s="25"/>
      <c r="D2013" s="29"/>
      <c r="E2013" s="1"/>
      <c r="F2013" s="1"/>
      <c r="G2013" s="25"/>
      <c r="H2013" s="71"/>
      <c r="I2013" s="83"/>
      <c r="J2013" s="50" t="str">
        <f t="shared" si="64"/>
        <v/>
      </c>
      <c r="K2013" s="23" t="s">
        <v>7120</v>
      </c>
      <c r="L2013" s="49" t="e">
        <f>VLOOKUP(E2013&amp;F2013,団体コード!$A$1:$C$1743,3,FALSE)</f>
        <v>#N/A</v>
      </c>
      <c r="M2013" s="49" t="e">
        <f>VLOOKUP(E2013&amp;F2013,団体コード!$A$1:$C$1743,2,FALSE)</f>
        <v>#N/A</v>
      </c>
      <c r="N2013" s="51" t="e">
        <f>VLOOKUP(E2013,団体コード!$E$1:$F$48,2,FALSE)</f>
        <v>#N/A</v>
      </c>
      <c r="O2013" s="51" t="e">
        <f t="shared" si="65"/>
        <v>#N/A</v>
      </c>
      <c r="P2013" s="51">
        <v>1</v>
      </c>
      <c r="Q2013" s="51" t="s">
        <v>5341</v>
      </c>
      <c r="R2013" s="54" t="b">
        <v>1</v>
      </c>
      <c r="S2013" s="52" t="s">
        <v>7126</v>
      </c>
      <c r="T2013" s="67" t="s">
        <v>7127</v>
      </c>
      <c r="U2013" s="75" t="s">
        <v>5331</v>
      </c>
      <c r="V2013" s="47" t="s">
        <v>5331</v>
      </c>
      <c r="W2013" s="47" t="s">
        <v>5331</v>
      </c>
      <c r="X2013" s="47" t="s">
        <v>5331</v>
      </c>
      <c r="Y2013" s="47" t="s">
        <v>5331</v>
      </c>
      <c r="Z2013" s="28"/>
      <c r="AA2013" s="27"/>
      <c r="AB2013" s="27"/>
      <c r="AC2013" s="27"/>
      <c r="AD2013" s="30"/>
      <c r="AE2013" s="1"/>
      <c r="AF2013" s="23" t="s">
        <v>5331</v>
      </c>
      <c r="AG2013" s="26"/>
      <c r="AH2013" s="53"/>
    </row>
    <row r="2014" spans="1:34" ht="51.6" customHeight="1" x14ac:dyDescent="0.45">
      <c r="A2014" s="23">
        <v>2008</v>
      </c>
      <c r="B2014" s="25"/>
      <c r="C2014" s="25"/>
      <c r="D2014" s="29"/>
      <c r="E2014" s="1"/>
      <c r="F2014" s="1"/>
      <c r="G2014" s="25"/>
      <c r="H2014" s="71"/>
      <c r="I2014" s="83"/>
      <c r="J2014" s="50" t="str">
        <f t="shared" si="64"/>
        <v/>
      </c>
      <c r="K2014" s="23" t="s">
        <v>7120</v>
      </c>
      <c r="L2014" s="49" t="e">
        <f>VLOOKUP(E2014&amp;F2014,団体コード!$A$1:$C$1743,3,FALSE)</f>
        <v>#N/A</v>
      </c>
      <c r="M2014" s="49" t="e">
        <f>VLOOKUP(E2014&amp;F2014,団体コード!$A$1:$C$1743,2,FALSE)</f>
        <v>#N/A</v>
      </c>
      <c r="N2014" s="51" t="e">
        <f>VLOOKUP(E2014,団体コード!$E$1:$F$48,2,FALSE)</f>
        <v>#N/A</v>
      </c>
      <c r="O2014" s="51" t="e">
        <f t="shared" si="65"/>
        <v>#N/A</v>
      </c>
      <c r="P2014" s="51">
        <v>1</v>
      </c>
      <c r="Q2014" s="51" t="s">
        <v>5341</v>
      </c>
      <c r="R2014" s="54" t="b">
        <v>1</v>
      </c>
      <c r="S2014" s="52" t="s">
        <v>7126</v>
      </c>
      <c r="T2014" s="67" t="s">
        <v>7127</v>
      </c>
      <c r="U2014" s="75" t="s">
        <v>5331</v>
      </c>
      <c r="V2014" s="47" t="s">
        <v>5331</v>
      </c>
      <c r="W2014" s="47" t="s">
        <v>5331</v>
      </c>
      <c r="X2014" s="47" t="s">
        <v>5331</v>
      </c>
      <c r="Y2014" s="47" t="s">
        <v>5331</v>
      </c>
      <c r="Z2014" s="28"/>
      <c r="AA2014" s="27"/>
      <c r="AB2014" s="27"/>
      <c r="AC2014" s="27"/>
      <c r="AD2014" s="30"/>
      <c r="AE2014" s="1"/>
      <c r="AF2014" s="23" t="s">
        <v>5331</v>
      </c>
      <c r="AG2014" s="26"/>
      <c r="AH2014" s="53"/>
    </row>
    <row r="2015" spans="1:34" ht="51.6" customHeight="1" x14ac:dyDescent="0.45">
      <c r="A2015" s="23">
        <v>2009</v>
      </c>
      <c r="B2015" s="25"/>
      <c r="C2015" s="25"/>
      <c r="D2015" s="29"/>
      <c r="E2015" s="1"/>
      <c r="F2015" s="1"/>
      <c r="G2015" s="25"/>
      <c r="H2015" s="71"/>
      <c r="I2015" s="83"/>
      <c r="J2015" s="50" t="str">
        <f t="shared" si="64"/>
        <v/>
      </c>
      <c r="K2015" s="23" t="s">
        <v>7120</v>
      </c>
      <c r="L2015" s="49" t="e">
        <f>VLOOKUP(E2015&amp;F2015,団体コード!$A$1:$C$1743,3,FALSE)</f>
        <v>#N/A</v>
      </c>
      <c r="M2015" s="49" t="e">
        <f>VLOOKUP(E2015&amp;F2015,団体コード!$A$1:$C$1743,2,FALSE)</f>
        <v>#N/A</v>
      </c>
      <c r="N2015" s="51" t="e">
        <f>VLOOKUP(E2015,団体コード!$E$1:$F$48,2,FALSE)</f>
        <v>#N/A</v>
      </c>
      <c r="O2015" s="51" t="e">
        <f t="shared" si="65"/>
        <v>#N/A</v>
      </c>
      <c r="P2015" s="51">
        <v>1</v>
      </c>
      <c r="Q2015" s="51" t="s">
        <v>5341</v>
      </c>
      <c r="R2015" s="54" t="b">
        <v>1</v>
      </c>
      <c r="S2015" s="52" t="s">
        <v>7126</v>
      </c>
      <c r="T2015" s="67" t="s">
        <v>7127</v>
      </c>
      <c r="U2015" s="75" t="s">
        <v>5331</v>
      </c>
      <c r="V2015" s="47" t="s">
        <v>5331</v>
      </c>
      <c r="W2015" s="47" t="s">
        <v>5331</v>
      </c>
      <c r="X2015" s="47" t="s">
        <v>5331</v>
      </c>
      <c r="Y2015" s="47" t="s">
        <v>5331</v>
      </c>
      <c r="Z2015" s="28"/>
      <c r="AA2015" s="27"/>
      <c r="AB2015" s="27"/>
      <c r="AC2015" s="27"/>
      <c r="AD2015" s="30"/>
      <c r="AE2015" s="1"/>
      <c r="AF2015" s="23" t="s">
        <v>5331</v>
      </c>
      <c r="AG2015" s="26"/>
      <c r="AH2015" s="53"/>
    </row>
    <row r="2016" spans="1:34" ht="51.6" customHeight="1" x14ac:dyDescent="0.45">
      <c r="A2016" s="23">
        <v>2010</v>
      </c>
      <c r="B2016" s="25"/>
      <c r="C2016" s="25"/>
      <c r="D2016" s="29"/>
      <c r="E2016" s="1"/>
      <c r="F2016" s="1"/>
      <c r="G2016" s="25"/>
      <c r="H2016" s="71"/>
      <c r="I2016" s="83"/>
      <c r="J2016" s="50" t="str">
        <f t="shared" si="64"/>
        <v/>
      </c>
      <c r="K2016" s="23" t="s">
        <v>7120</v>
      </c>
      <c r="L2016" s="49" t="e">
        <f>VLOOKUP(E2016&amp;F2016,団体コード!$A$1:$C$1743,3,FALSE)</f>
        <v>#N/A</v>
      </c>
      <c r="M2016" s="49" t="e">
        <f>VLOOKUP(E2016&amp;F2016,団体コード!$A$1:$C$1743,2,FALSE)</f>
        <v>#N/A</v>
      </c>
      <c r="N2016" s="51" t="e">
        <f>VLOOKUP(E2016,団体コード!$E$1:$F$48,2,FALSE)</f>
        <v>#N/A</v>
      </c>
      <c r="O2016" s="51" t="e">
        <f t="shared" si="65"/>
        <v>#N/A</v>
      </c>
      <c r="P2016" s="51">
        <v>1</v>
      </c>
      <c r="Q2016" s="51" t="s">
        <v>5341</v>
      </c>
      <c r="R2016" s="54" t="b">
        <v>1</v>
      </c>
      <c r="S2016" s="52" t="s">
        <v>7126</v>
      </c>
      <c r="T2016" s="67" t="s">
        <v>7127</v>
      </c>
      <c r="U2016" s="75" t="s">
        <v>5331</v>
      </c>
      <c r="V2016" s="47" t="s">
        <v>5331</v>
      </c>
      <c r="W2016" s="47" t="s">
        <v>5331</v>
      </c>
      <c r="X2016" s="47" t="s">
        <v>5331</v>
      </c>
      <c r="Y2016" s="47" t="s">
        <v>5331</v>
      </c>
      <c r="Z2016" s="28"/>
      <c r="AA2016" s="27"/>
      <c r="AB2016" s="27"/>
      <c r="AC2016" s="27"/>
      <c r="AD2016" s="30"/>
      <c r="AE2016" s="1"/>
      <c r="AF2016" s="23" t="s">
        <v>5331</v>
      </c>
      <c r="AG2016" s="26"/>
      <c r="AH2016" s="53"/>
    </row>
    <row r="2017" spans="1:34" ht="51.6" customHeight="1" x14ac:dyDescent="0.45">
      <c r="A2017" s="23">
        <v>2011</v>
      </c>
      <c r="B2017" s="25"/>
      <c r="C2017" s="25"/>
      <c r="D2017" s="29"/>
      <c r="E2017" s="1"/>
      <c r="F2017" s="1"/>
      <c r="G2017" s="25"/>
      <c r="H2017" s="71"/>
      <c r="I2017" s="83"/>
      <c r="J2017" s="50" t="str">
        <f t="shared" si="64"/>
        <v/>
      </c>
      <c r="K2017" s="23" t="s">
        <v>7120</v>
      </c>
      <c r="L2017" s="49" t="e">
        <f>VLOOKUP(E2017&amp;F2017,団体コード!$A$1:$C$1743,3,FALSE)</f>
        <v>#N/A</v>
      </c>
      <c r="M2017" s="49" t="e">
        <f>VLOOKUP(E2017&amp;F2017,団体コード!$A$1:$C$1743,2,FALSE)</f>
        <v>#N/A</v>
      </c>
      <c r="N2017" s="51" t="e">
        <f>VLOOKUP(E2017,団体コード!$E$1:$F$48,2,FALSE)</f>
        <v>#N/A</v>
      </c>
      <c r="O2017" s="51" t="e">
        <f t="shared" si="65"/>
        <v>#N/A</v>
      </c>
      <c r="P2017" s="51">
        <v>1</v>
      </c>
      <c r="Q2017" s="51" t="s">
        <v>5341</v>
      </c>
      <c r="R2017" s="54" t="b">
        <v>1</v>
      </c>
      <c r="S2017" s="52" t="s">
        <v>7126</v>
      </c>
      <c r="T2017" s="67" t="s">
        <v>7127</v>
      </c>
      <c r="U2017" s="75" t="s">
        <v>5331</v>
      </c>
      <c r="V2017" s="47" t="s">
        <v>5331</v>
      </c>
      <c r="W2017" s="47" t="s">
        <v>5331</v>
      </c>
      <c r="X2017" s="47" t="s">
        <v>5331</v>
      </c>
      <c r="Y2017" s="47" t="s">
        <v>5331</v>
      </c>
      <c r="Z2017" s="28"/>
      <c r="AA2017" s="27"/>
      <c r="AB2017" s="27"/>
      <c r="AC2017" s="27"/>
      <c r="AD2017" s="30"/>
      <c r="AE2017" s="1"/>
      <c r="AF2017" s="23" t="s">
        <v>5331</v>
      </c>
      <c r="AG2017" s="26"/>
      <c r="AH2017" s="53"/>
    </row>
    <row r="2018" spans="1:34" ht="51.6" customHeight="1" x14ac:dyDescent="0.45">
      <c r="A2018" s="23">
        <v>2012</v>
      </c>
      <c r="B2018" s="25"/>
      <c r="C2018" s="25"/>
      <c r="D2018" s="29"/>
      <c r="E2018" s="1"/>
      <c r="F2018" s="1"/>
      <c r="G2018" s="25"/>
      <c r="H2018" s="71"/>
      <c r="I2018" s="83"/>
      <c r="J2018" s="50" t="str">
        <f t="shared" si="64"/>
        <v/>
      </c>
      <c r="K2018" s="23" t="s">
        <v>7120</v>
      </c>
      <c r="L2018" s="49" t="e">
        <f>VLOOKUP(E2018&amp;F2018,団体コード!$A$1:$C$1743,3,FALSE)</f>
        <v>#N/A</v>
      </c>
      <c r="M2018" s="49" t="e">
        <f>VLOOKUP(E2018&amp;F2018,団体コード!$A$1:$C$1743,2,FALSE)</f>
        <v>#N/A</v>
      </c>
      <c r="N2018" s="51" t="e">
        <f>VLOOKUP(E2018,団体コード!$E$1:$F$48,2,FALSE)</f>
        <v>#N/A</v>
      </c>
      <c r="O2018" s="51" t="e">
        <f t="shared" si="65"/>
        <v>#N/A</v>
      </c>
      <c r="P2018" s="51">
        <v>1</v>
      </c>
      <c r="Q2018" s="51" t="s">
        <v>5341</v>
      </c>
      <c r="R2018" s="54" t="b">
        <v>1</v>
      </c>
      <c r="S2018" s="52" t="s">
        <v>7126</v>
      </c>
      <c r="T2018" s="67" t="s">
        <v>7127</v>
      </c>
      <c r="U2018" s="75" t="s">
        <v>5331</v>
      </c>
      <c r="V2018" s="47" t="s">
        <v>5331</v>
      </c>
      <c r="W2018" s="47" t="s">
        <v>5331</v>
      </c>
      <c r="X2018" s="47" t="s">
        <v>5331</v>
      </c>
      <c r="Y2018" s="47" t="s">
        <v>5331</v>
      </c>
      <c r="Z2018" s="28"/>
      <c r="AA2018" s="27"/>
      <c r="AB2018" s="27"/>
      <c r="AC2018" s="27"/>
      <c r="AD2018" s="30"/>
      <c r="AE2018" s="1"/>
      <c r="AF2018" s="23" t="s">
        <v>5331</v>
      </c>
      <c r="AG2018" s="26"/>
      <c r="AH2018" s="53"/>
    </row>
    <row r="2019" spans="1:34" ht="51.6" customHeight="1" x14ac:dyDescent="0.45">
      <c r="A2019" s="23">
        <v>2013</v>
      </c>
      <c r="B2019" s="25"/>
      <c r="C2019" s="25"/>
      <c r="D2019" s="29"/>
      <c r="E2019" s="1"/>
      <c r="F2019" s="1"/>
      <c r="G2019" s="25"/>
      <c r="H2019" s="71"/>
      <c r="I2019" s="83"/>
      <c r="J2019" s="50" t="str">
        <f t="shared" si="64"/>
        <v/>
      </c>
      <c r="K2019" s="23" t="s">
        <v>7120</v>
      </c>
      <c r="L2019" s="49" t="e">
        <f>VLOOKUP(E2019&amp;F2019,団体コード!$A$1:$C$1743,3,FALSE)</f>
        <v>#N/A</v>
      </c>
      <c r="M2019" s="49" t="e">
        <f>VLOOKUP(E2019&amp;F2019,団体コード!$A$1:$C$1743,2,FALSE)</f>
        <v>#N/A</v>
      </c>
      <c r="N2019" s="51" t="e">
        <f>VLOOKUP(E2019,団体コード!$E$1:$F$48,2,FALSE)</f>
        <v>#N/A</v>
      </c>
      <c r="O2019" s="51" t="e">
        <f t="shared" si="65"/>
        <v>#N/A</v>
      </c>
      <c r="P2019" s="51">
        <v>1</v>
      </c>
      <c r="Q2019" s="51" t="s">
        <v>5341</v>
      </c>
      <c r="R2019" s="54" t="b">
        <v>1</v>
      </c>
      <c r="S2019" s="52" t="s">
        <v>7126</v>
      </c>
      <c r="T2019" s="67" t="s">
        <v>7127</v>
      </c>
      <c r="U2019" s="75" t="s">
        <v>5331</v>
      </c>
      <c r="V2019" s="47" t="s">
        <v>5331</v>
      </c>
      <c r="W2019" s="47" t="s">
        <v>5331</v>
      </c>
      <c r="X2019" s="47" t="s">
        <v>5331</v>
      </c>
      <c r="Y2019" s="47" t="s">
        <v>5331</v>
      </c>
      <c r="Z2019" s="28"/>
      <c r="AA2019" s="27"/>
      <c r="AB2019" s="27"/>
      <c r="AC2019" s="27"/>
      <c r="AD2019" s="30"/>
      <c r="AE2019" s="1"/>
      <c r="AF2019" s="23" t="s">
        <v>5331</v>
      </c>
      <c r="AG2019" s="26"/>
      <c r="AH2019" s="53"/>
    </row>
    <row r="2020" spans="1:34" ht="51.6" customHeight="1" x14ac:dyDescent="0.45">
      <c r="A2020" s="23">
        <v>2014</v>
      </c>
      <c r="B2020" s="25"/>
      <c r="C2020" s="25"/>
      <c r="D2020" s="29"/>
      <c r="E2020" s="1"/>
      <c r="F2020" s="1"/>
      <c r="G2020" s="25"/>
      <c r="H2020" s="71"/>
      <c r="I2020" s="83"/>
      <c r="J2020" s="50" t="str">
        <f t="shared" si="64"/>
        <v/>
      </c>
      <c r="K2020" s="23" t="s">
        <v>7120</v>
      </c>
      <c r="L2020" s="49" t="e">
        <f>VLOOKUP(E2020&amp;F2020,団体コード!$A$1:$C$1743,3,FALSE)</f>
        <v>#N/A</v>
      </c>
      <c r="M2020" s="49" t="e">
        <f>VLOOKUP(E2020&amp;F2020,団体コード!$A$1:$C$1743,2,FALSE)</f>
        <v>#N/A</v>
      </c>
      <c r="N2020" s="51" t="e">
        <f>VLOOKUP(E2020,団体コード!$E$1:$F$48,2,FALSE)</f>
        <v>#N/A</v>
      </c>
      <c r="O2020" s="51" t="e">
        <f t="shared" si="65"/>
        <v>#N/A</v>
      </c>
      <c r="P2020" s="51">
        <v>1</v>
      </c>
      <c r="Q2020" s="51" t="s">
        <v>5341</v>
      </c>
      <c r="R2020" s="54" t="b">
        <v>1</v>
      </c>
      <c r="S2020" s="52" t="s">
        <v>7126</v>
      </c>
      <c r="T2020" s="67" t="s">
        <v>7127</v>
      </c>
      <c r="U2020" s="75" t="s">
        <v>5331</v>
      </c>
      <c r="V2020" s="47" t="s">
        <v>5331</v>
      </c>
      <c r="W2020" s="47" t="s">
        <v>5331</v>
      </c>
      <c r="X2020" s="47" t="s">
        <v>5331</v>
      </c>
      <c r="Y2020" s="47" t="s">
        <v>5331</v>
      </c>
      <c r="Z2020" s="28"/>
      <c r="AA2020" s="27"/>
      <c r="AB2020" s="27"/>
      <c r="AC2020" s="27"/>
      <c r="AD2020" s="30"/>
      <c r="AE2020" s="1"/>
      <c r="AF2020" s="23" t="s">
        <v>5331</v>
      </c>
      <c r="AG2020" s="26"/>
      <c r="AH2020" s="53"/>
    </row>
    <row r="2021" spans="1:34" ht="51.6" customHeight="1" x14ac:dyDescent="0.45">
      <c r="A2021" s="23">
        <v>2015</v>
      </c>
      <c r="B2021" s="25"/>
      <c r="C2021" s="25"/>
      <c r="D2021" s="29"/>
      <c r="E2021" s="1"/>
      <c r="F2021" s="1"/>
      <c r="G2021" s="25"/>
      <c r="H2021" s="71"/>
      <c r="I2021" s="83"/>
      <c r="J2021" s="50" t="str">
        <f t="shared" si="64"/>
        <v/>
      </c>
      <c r="K2021" s="23" t="s">
        <v>7120</v>
      </c>
      <c r="L2021" s="49" t="e">
        <f>VLOOKUP(E2021&amp;F2021,団体コード!$A$1:$C$1743,3,FALSE)</f>
        <v>#N/A</v>
      </c>
      <c r="M2021" s="49" t="e">
        <f>VLOOKUP(E2021&amp;F2021,団体コード!$A$1:$C$1743,2,FALSE)</f>
        <v>#N/A</v>
      </c>
      <c r="N2021" s="51" t="e">
        <f>VLOOKUP(E2021,団体コード!$E$1:$F$48,2,FALSE)</f>
        <v>#N/A</v>
      </c>
      <c r="O2021" s="51" t="e">
        <f t="shared" si="65"/>
        <v>#N/A</v>
      </c>
      <c r="P2021" s="51">
        <v>1</v>
      </c>
      <c r="Q2021" s="51" t="s">
        <v>5341</v>
      </c>
      <c r="R2021" s="54" t="b">
        <v>1</v>
      </c>
      <c r="S2021" s="52" t="s">
        <v>7126</v>
      </c>
      <c r="T2021" s="67" t="s">
        <v>7127</v>
      </c>
      <c r="U2021" s="75" t="s">
        <v>5331</v>
      </c>
      <c r="V2021" s="47" t="s">
        <v>5331</v>
      </c>
      <c r="W2021" s="47" t="s">
        <v>5331</v>
      </c>
      <c r="X2021" s="47" t="s">
        <v>5331</v>
      </c>
      <c r="Y2021" s="47" t="s">
        <v>5331</v>
      </c>
      <c r="Z2021" s="28"/>
      <c r="AA2021" s="27"/>
      <c r="AB2021" s="27"/>
      <c r="AC2021" s="27"/>
      <c r="AD2021" s="30"/>
      <c r="AE2021" s="1"/>
      <c r="AF2021" s="23" t="s">
        <v>5331</v>
      </c>
      <c r="AG2021" s="26"/>
      <c r="AH2021" s="53"/>
    </row>
    <row r="2022" spans="1:34" ht="51.6" customHeight="1" x14ac:dyDescent="0.45">
      <c r="A2022" s="23">
        <v>2016</v>
      </c>
      <c r="B2022" s="25"/>
      <c r="C2022" s="25"/>
      <c r="D2022" s="29"/>
      <c r="E2022" s="1"/>
      <c r="F2022" s="1"/>
      <c r="G2022" s="25"/>
      <c r="H2022" s="71"/>
      <c r="I2022" s="83"/>
      <c r="J2022" s="50" t="str">
        <f t="shared" si="64"/>
        <v/>
      </c>
      <c r="K2022" s="23" t="s">
        <v>7120</v>
      </c>
      <c r="L2022" s="49" t="e">
        <f>VLOOKUP(E2022&amp;F2022,団体コード!$A$1:$C$1743,3,FALSE)</f>
        <v>#N/A</v>
      </c>
      <c r="M2022" s="49" t="e">
        <f>VLOOKUP(E2022&amp;F2022,団体コード!$A$1:$C$1743,2,FALSE)</f>
        <v>#N/A</v>
      </c>
      <c r="N2022" s="51" t="e">
        <f>VLOOKUP(E2022,団体コード!$E$1:$F$48,2,FALSE)</f>
        <v>#N/A</v>
      </c>
      <c r="O2022" s="51" t="e">
        <f t="shared" si="65"/>
        <v>#N/A</v>
      </c>
      <c r="P2022" s="51">
        <v>1</v>
      </c>
      <c r="Q2022" s="51" t="s">
        <v>5341</v>
      </c>
      <c r="R2022" s="54" t="b">
        <v>1</v>
      </c>
      <c r="S2022" s="52" t="s">
        <v>7126</v>
      </c>
      <c r="T2022" s="67" t="s">
        <v>7127</v>
      </c>
      <c r="U2022" s="75" t="s">
        <v>5331</v>
      </c>
      <c r="V2022" s="47" t="s">
        <v>5331</v>
      </c>
      <c r="W2022" s="47" t="s">
        <v>5331</v>
      </c>
      <c r="X2022" s="47" t="s">
        <v>5331</v>
      </c>
      <c r="Y2022" s="47" t="s">
        <v>5331</v>
      </c>
      <c r="Z2022" s="28"/>
      <c r="AA2022" s="27"/>
      <c r="AB2022" s="27"/>
      <c r="AC2022" s="27"/>
      <c r="AD2022" s="30"/>
      <c r="AE2022" s="1"/>
      <c r="AF2022" s="23" t="s">
        <v>5331</v>
      </c>
      <c r="AG2022" s="26"/>
      <c r="AH2022" s="53"/>
    </row>
    <row r="2023" spans="1:34" ht="51.6" customHeight="1" x14ac:dyDescent="0.45">
      <c r="A2023" s="23">
        <v>2017</v>
      </c>
      <c r="B2023" s="25"/>
      <c r="C2023" s="25"/>
      <c r="D2023" s="29"/>
      <c r="E2023" s="1"/>
      <c r="F2023" s="1"/>
      <c r="G2023" s="25"/>
      <c r="H2023" s="71"/>
      <c r="I2023" s="83"/>
      <c r="J2023" s="50" t="str">
        <f t="shared" si="64"/>
        <v/>
      </c>
      <c r="K2023" s="23" t="s">
        <v>7120</v>
      </c>
      <c r="L2023" s="49" t="e">
        <f>VLOOKUP(E2023&amp;F2023,団体コード!$A$1:$C$1743,3,FALSE)</f>
        <v>#N/A</v>
      </c>
      <c r="M2023" s="49" t="e">
        <f>VLOOKUP(E2023&amp;F2023,団体コード!$A$1:$C$1743,2,FALSE)</f>
        <v>#N/A</v>
      </c>
      <c r="N2023" s="51" t="e">
        <f>VLOOKUP(E2023,団体コード!$E$1:$F$48,2,FALSE)</f>
        <v>#N/A</v>
      </c>
      <c r="O2023" s="51" t="e">
        <f t="shared" si="65"/>
        <v>#N/A</v>
      </c>
      <c r="P2023" s="51">
        <v>1</v>
      </c>
      <c r="Q2023" s="51" t="s">
        <v>5341</v>
      </c>
      <c r="R2023" s="54" t="b">
        <v>1</v>
      </c>
      <c r="S2023" s="52" t="s">
        <v>7126</v>
      </c>
      <c r="T2023" s="67" t="s">
        <v>7127</v>
      </c>
      <c r="U2023" s="75" t="s">
        <v>5331</v>
      </c>
      <c r="V2023" s="47" t="s">
        <v>5331</v>
      </c>
      <c r="W2023" s="47" t="s">
        <v>5331</v>
      </c>
      <c r="X2023" s="47" t="s">
        <v>5331</v>
      </c>
      <c r="Y2023" s="47" t="s">
        <v>5331</v>
      </c>
      <c r="Z2023" s="28"/>
      <c r="AA2023" s="27"/>
      <c r="AB2023" s="27"/>
      <c r="AC2023" s="27"/>
      <c r="AD2023" s="30"/>
      <c r="AE2023" s="1"/>
      <c r="AF2023" s="23" t="s">
        <v>5331</v>
      </c>
      <c r="AG2023" s="26"/>
      <c r="AH2023" s="53"/>
    </row>
    <row r="2024" spans="1:34" ht="51.6" customHeight="1" x14ac:dyDescent="0.45">
      <c r="A2024" s="23">
        <v>2018</v>
      </c>
      <c r="B2024" s="25"/>
      <c r="C2024" s="25"/>
      <c r="D2024" s="29"/>
      <c r="E2024" s="1"/>
      <c r="F2024" s="1"/>
      <c r="G2024" s="25"/>
      <c r="H2024" s="71"/>
      <c r="I2024" s="83"/>
      <c r="J2024" s="50" t="str">
        <f t="shared" si="64"/>
        <v/>
      </c>
      <c r="K2024" s="23" t="s">
        <v>7120</v>
      </c>
      <c r="L2024" s="49" t="e">
        <f>VLOOKUP(E2024&amp;F2024,団体コード!$A$1:$C$1743,3,FALSE)</f>
        <v>#N/A</v>
      </c>
      <c r="M2024" s="49" t="e">
        <f>VLOOKUP(E2024&amp;F2024,団体コード!$A$1:$C$1743,2,FALSE)</f>
        <v>#N/A</v>
      </c>
      <c r="N2024" s="51" t="e">
        <f>VLOOKUP(E2024,団体コード!$E$1:$F$48,2,FALSE)</f>
        <v>#N/A</v>
      </c>
      <c r="O2024" s="51" t="e">
        <f t="shared" si="65"/>
        <v>#N/A</v>
      </c>
      <c r="P2024" s="51">
        <v>1</v>
      </c>
      <c r="Q2024" s="51" t="s">
        <v>5341</v>
      </c>
      <c r="R2024" s="54" t="b">
        <v>1</v>
      </c>
      <c r="S2024" s="52" t="s">
        <v>7126</v>
      </c>
      <c r="T2024" s="67" t="s">
        <v>7127</v>
      </c>
      <c r="U2024" s="75" t="s">
        <v>5331</v>
      </c>
      <c r="V2024" s="47" t="s">
        <v>5331</v>
      </c>
      <c r="W2024" s="47" t="s">
        <v>5331</v>
      </c>
      <c r="X2024" s="47" t="s">
        <v>5331</v>
      </c>
      <c r="Y2024" s="47" t="s">
        <v>5331</v>
      </c>
      <c r="Z2024" s="28"/>
      <c r="AA2024" s="27"/>
      <c r="AB2024" s="27"/>
      <c r="AC2024" s="27"/>
      <c r="AD2024" s="30"/>
      <c r="AE2024" s="1"/>
      <c r="AF2024" s="23" t="s">
        <v>5331</v>
      </c>
      <c r="AG2024" s="26"/>
      <c r="AH2024" s="53"/>
    </row>
    <row r="2025" spans="1:34" ht="51.6" customHeight="1" x14ac:dyDescent="0.45">
      <c r="A2025" s="23">
        <v>2019</v>
      </c>
      <c r="B2025" s="25"/>
      <c r="C2025" s="25"/>
      <c r="D2025" s="29"/>
      <c r="E2025" s="1"/>
      <c r="F2025" s="1"/>
      <c r="G2025" s="25"/>
      <c r="H2025" s="71"/>
      <c r="I2025" s="83"/>
      <c r="J2025" s="50" t="str">
        <f t="shared" si="64"/>
        <v/>
      </c>
      <c r="K2025" s="23" t="s">
        <v>7120</v>
      </c>
      <c r="L2025" s="49" t="e">
        <f>VLOOKUP(E2025&amp;F2025,団体コード!$A$1:$C$1743,3,FALSE)</f>
        <v>#N/A</v>
      </c>
      <c r="M2025" s="49" t="e">
        <f>VLOOKUP(E2025&amp;F2025,団体コード!$A$1:$C$1743,2,FALSE)</f>
        <v>#N/A</v>
      </c>
      <c r="N2025" s="51" t="e">
        <f>VLOOKUP(E2025,団体コード!$E$1:$F$48,2,FALSE)</f>
        <v>#N/A</v>
      </c>
      <c r="O2025" s="51" t="e">
        <f t="shared" si="65"/>
        <v>#N/A</v>
      </c>
      <c r="P2025" s="51">
        <v>1</v>
      </c>
      <c r="Q2025" s="51" t="s">
        <v>5341</v>
      </c>
      <c r="R2025" s="54" t="b">
        <v>1</v>
      </c>
      <c r="S2025" s="52" t="s">
        <v>7126</v>
      </c>
      <c r="T2025" s="67" t="s">
        <v>7127</v>
      </c>
      <c r="U2025" s="75" t="s">
        <v>5331</v>
      </c>
      <c r="V2025" s="47" t="s">
        <v>5331</v>
      </c>
      <c r="W2025" s="47" t="s">
        <v>5331</v>
      </c>
      <c r="X2025" s="47" t="s">
        <v>5331</v>
      </c>
      <c r="Y2025" s="47" t="s">
        <v>5331</v>
      </c>
      <c r="Z2025" s="28"/>
      <c r="AA2025" s="27"/>
      <c r="AB2025" s="27"/>
      <c r="AC2025" s="27"/>
      <c r="AD2025" s="30"/>
      <c r="AE2025" s="1"/>
      <c r="AF2025" s="23" t="s">
        <v>5331</v>
      </c>
      <c r="AG2025" s="26"/>
      <c r="AH2025" s="53"/>
    </row>
    <row r="2026" spans="1:34" ht="51.6" customHeight="1" x14ac:dyDescent="0.45">
      <c r="A2026" s="23">
        <v>2020</v>
      </c>
      <c r="B2026" s="25"/>
      <c r="C2026" s="25"/>
      <c r="D2026" s="29"/>
      <c r="E2026" s="1"/>
      <c r="F2026" s="1"/>
      <c r="G2026" s="25"/>
      <c r="H2026" s="71"/>
      <c r="I2026" s="83"/>
      <c r="J2026" s="50" t="str">
        <f t="shared" si="64"/>
        <v/>
      </c>
      <c r="K2026" s="23" t="s">
        <v>7120</v>
      </c>
      <c r="L2026" s="49" t="e">
        <f>VLOOKUP(E2026&amp;F2026,団体コード!$A$1:$C$1743,3,FALSE)</f>
        <v>#N/A</v>
      </c>
      <c r="M2026" s="49" t="e">
        <f>VLOOKUP(E2026&amp;F2026,団体コード!$A$1:$C$1743,2,FALSE)</f>
        <v>#N/A</v>
      </c>
      <c r="N2026" s="51" t="e">
        <f>VLOOKUP(E2026,団体コード!$E$1:$F$48,2,FALSE)</f>
        <v>#N/A</v>
      </c>
      <c r="O2026" s="51" t="e">
        <f t="shared" si="65"/>
        <v>#N/A</v>
      </c>
      <c r="P2026" s="51">
        <v>1</v>
      </c>
      <c r="Q2026" s="51" t="s">
        <v>5341</v>
      </c>
      <c r="R2026" s="54" t="b">
        <v>1</v>
      </c>
      <c r="S2026" s="52" t="s">
        <v>7126</v>
      </c>
      <c r="T2026" s="67" t="s">
        <v>7127</v>
      </c>
      <c r="U2026" s="75" t="s">
        <v>5331</v>
      </c>
      <c r="V2026" s="47" t="s">
        <v>5331</v>
      </c>
      <c r="W2026" s="47" t="s">
        <v>5331</v>
      </c>
      <c r="X2026" s="47" t="s">
        <v>5331</v>
      </c>
      <c r="Y2026" s="47" t="s">
        <v>5331</v>
      </c>
      <c r="Z2026" s="28"/>
      <c r="AA2026" s="27"/>
      <c r="AB2026" s="27"/>
      <c r="AC2026" s="27"/>
      <c r="AD2026" s="30"/>
      <c r="AE2026" s="1"/>
      <c r="AF2026" s="23" t="s">
        <v>5331</v>
      </c>
      <c r="AG2026" s="26"/>
      <c r="AH2026" s="53"/>
    </row>
    <row r="2027" spans="1:34" ht="51.6" customHeight="1" x14ac:dyDescent="0.45">
      <c r="A2027" s="23">
        <v>2021</v>
      </c>
      <c r="B2027" s="25"/>
      <c r="C2027" s="25"/>
      <c r="D2027" s="29"/>
      <c r="E2027" s="1"/>
      <c r="F2027" s="1"/>
      <c r="G2027" s="25"/>
      <c r="H2027" s="71"/>
      <c r="I2027" s="83"/>
      <c r="J2027" s="50" t="str">
        <f t="shared" si="64"/>
        <v/>
      </c>
      <c r="K2027" s="23" t="s">
        <v>7120</v>
      </c>
      <c r="L2027" s="49" t="e">
        <f>VLOOKUP(E2027&amp;F2027,団体コード!$A$1:$C$1743,3,FALSE)</f>
        <v>#N/A</v>
      </c>
      <c r="M2027" s="49" t="e">
        <f>VLOOKUP(E2027&amp;F2027,団体コード!$A$1:$C$1743,2,FALSE)</f>
        <v>#N/A</v>
      </c>
      <c r="N2027" s="51" t="e">
        <f>VLOOKUP(E2027,団体コード!$E$1:$F$48,2,FALSE)</f>
        <v>#N/A</v>
      </c>
      <c r="O2027" s="51" t="e">
        <f t="shared" si="65"/>
        <v>#N/A</v>
      </c>
      <c r="P2027" s="51">
        <v>1</v>
      </c>
      <c r="Q2027" s="51" t="s">
        <v>5341</v>
      </c>
      <c r="R2027" s="54" t="b">
        <v>1</v>
      </c>
      <c r="S2027" s="52" t="s">
        <v>7126</v>
      </c>
      <c r="T2027" s="67" t="s">
        <v>7127</v>
      </c>
      <c r="U2027" s="75" t="s">
        <v>5331</v>
      </c>
      <c r="V2027" s="47" t="s">
        <v>5331</v>
      </c>
      <c r="W2027" s="47" t="s">
        <v>5331</v>
      </c>
      <c r="X2027" s="47" t="s">
        <v>5331</v>
      </c>
      <c r="Y2027" s="47" t="s">
        <v>5331</v>
      </c>
      <c r="Z2027" s="28"/>
      <c r="AA2027" s="27"/>
      <c r="AB2027" s="27"/>
      <c r="AC2027" s="27"/>
      <c r="AD2027" s="30"/>
      <c r="AE2027" s="1"/>
      <c r="AF2027" s="23" t="s">
        <v>5331</v>
      </c>
      <c r="AG2027" s="26"/>
      <c r="AH2027" s="53"/>
    </row>
    <row r="2028" spans="1:34" ht="51.6" customHeight="1" x14ac:dyDescent="0.45">
      <c r="A2028" s="23">
        <v>2022</v>
      </c>
      <c r="B2028" s="25"/>
      <c r="C2028" s="25"/>
      <c r="D2028" s="29"/>
      <c r="E2028" s="1"/>
      <c r="F2028" s="1"/>
      <c r="G2028" s="25"/>
      <c r="H2028" s="71"/>
      <c r="I2028" s="83"/>
      <c r="J2028" s="50" t="str">
        <f t="shared" si="64"/>
        <v/>
      </c>
      <c r="K2028" s="23" t="s">
        <v>7120</v>
      </c>
      <c r="L2028" s="49" t="e">
        <f>VLOOKUP(E2028&amp;F2028,団体コード!$A$1:$C$1743,3,FALSE)</f>
        <v>#N/A</v>
      </c>
      <c r="M2028" s="49" t="e">
        <f>VLOOKUP(E2028&amp;F2028,団体コード!$A$1:$C$1743,2,FALSE)</f>
        <v>#N/A</v>
      </c>
      <c r="N2028" s="51" t="e">
        <f>VLOOKUP(E2028,団体コード!$E$1:$F$48,2,FALSE)</f>
        <v>#N/A</v>
      </c>
      <c r="O2028" s="51" t="e">
        <f t="shared" si="65"/>
        <v>#N/A</v>
      </c>
      <c r="P2028" s="51">
        <v>1</v>
      </c>
      <c r="Q2028" s="51" t="s">
        <v>5341</v>
      </c>
      <c r="R2028" s="54" t="b">
        <v>1</v>
      </c>
      <c r="S2028" s="52" t="s">
        <v>7126</v>
      </c>
      <c r="T2028" s="67" t="s">
        <v>7127</v>
      </c>
      <c r="U2028" s="75" t="s">
        <v>5331</v>
      </c>
      <c r="V2028" s="47" t="s">
        <v>5331</v>
      </c>
      <c r="W2028" s="47" t="s">
        <v>5331</v>
      </c>
      <c r="X2028" s="47" t="s">
        <v>5331</v>
      </c>
      <c r="Y2028" s="47" t="s">
        <v>5331</v>
      </c>
      <c r="Z2028" s="28"/>
      <c r="AA2028" s="27"/>
      <c r="AB2028" s="27"/>
      <c r="AC2028" s="27"/>
      <c r="AD2028" s="30"/>
      <c r="AE2028" s="1"/>
      <c r="AF2028" s="23" t="s">
        <v>5331</v>
      </c>
      <c r="AG2028" s="26"/>
      <c r="AH2028" s="53"/>
    </row>
    <row r="2029" spans="1:34" ht="51.6" customHeight="1" x14ac:dyDescent="0.45">
      <c r="A2029" s="23">
        <v>2023</v>
      </c>
      <c r="B2029" s="25"/>
      <c r="C2029" s="25"/>
      <c r="D2029" s="29"/>
      <c r="E2029" s="1"/>
      <c r="F2029" s="1"/>
      <c r="G2029" s="25"/>
      <c r="H2029" s="71"/>
      <c r="I2029" s="83"/>
      <c r="J2029" s="50" t="str">
        <f t="shared" si="64"/>
        <v/>
      </c>
      <c r="K2029" s="23" t="s">
        <v>7120</v>
      </c>
      <c r="L2029" s="49" t="e">
        <f>VLOOKUP(E2029&amp;F2029,団体コード!$A$1:$C$1743,3,FALSE)</f>
        <v>#N/A</v>
      </c>
      <c r="M2029" s="49" t="e">
        <f>VLOOKUP(E2029&amp;F2029,団体コード!$A$1:$C$1743,2,FALSE)</f>
        <v>#N/A</v>
      </c>
      <c r="N2029" s="51" t="e">
        <f>VLOOKUP(E2029,団体コード!$E$1:$F$48,2,FALSE)</f>
        <v>#N/A</v>
      </c>
      <c r="O2029" s="51" t="e">
        <f t="shared" si="65"/>
        <v>#N/A</v>
      </c>
      <c r="P2029" s="51">
        <v>1</v>
      </c>
      <c r="Q2029" s="51" t="s">
        <v>5341</v>
      </c>
      <c r="R2029" s="54" t="b">
        <v>1</v>
      </c>
      <c r="S2029" s="52" t="s">
        <v>7126</v>
      </c>
      <c r="T2029" s="67" t="s">
        <v>7127</v>
      </c>
      <c r="U2029" s="75" t="s">
        <v>5331</v>
      </c>
      <c r="V2029" s="47" t="s">
        <v>5331</v>
      </c>
      <c r="W2029" s="47" t="s">
        <v>5331</v>
      </c>
      <c r="X2029" s="47" t="s">
        <v>5331</v>
      </c>
      <c r="Y2029" s="47" t="s">
        <v>5331</v>
      </c>
      <c r="Z2029" s="28"/>
      <c r="AA2029" s="27"/>
      <c r="AB2029" s="27"/>
      <c r="AC2029" s="27"/>
      <c r="AD2029" s="30"/>
      <c r="AE2029" s="1"/>
      <c r="AF2029" s="23" t="s">
        <v>5331</v>
      </c>
      <c r="AG2029" s="26"/>
      <c r="AH2029" s="53"/>
    </row>
    <row r="2030" spans="1:34" ht="51.6" customHeight="1" x14ac:dyDescent="0.45">
      <c r="A2030" s="23">
        <v>2024</v>
      </c>
      <c r="B2030" s="25"/>
      <c r="C2030" s="25"/>
      <c r="D2030" s="29"/>
      <c r="E2030" s="1"/>
      <c r="F2030" s="1"/>
      <c r="G2030" s="25"/>
      <c r="H2030" s="71"/>
      <c r="I2030" s="83"/>
      <c r="J2030" s="50" t="str">
        <f t="shared" si="64"/>
        <v/>
      </c>
      <c r="K2030" s="23" t="s">
        <v>7120</v>
      </c>
      <c r="L2030" s="49" t="e">
        <f>VLOOKUP(E2030&amp;F2030,団体コード!$A$1:$C$1743,3,FALSE)</f>
        <v>#N/A</v>
      </c>
      <c r="M2030" s="49" t="e">
        <f>VLOOKUP(E2030&amp;F2030,団体コード!$A$1:$C$1743,2,FALSE)</f>
        <v>#N/A</v>
      </c>
      <c r="N2030" s="51" t="e">
        <f>VLOOKUP(E2030,団体コード!$E$1:$F$48,2,FALSE)</f>
        <v>#N/A</v>
      </c>
      <c r="O2030" s="51" t="e">
        <f t="shared" si="65"/>
        <v>#N/A</v>
      </c>
      <c r="P2030" s="51">
        <v>1</v>
      </c>
      <c r="Q2030" s="51" t="s">
        <v>5341</v>
      </c>
      <c r="R2030" s="54" t="b">
        <v>1</v>
      </c>
      <c r="S2030" s="52" t="s">
        <v>7126</v>
      </c>
      <c r="T2030" s="67" t="s">
        <v>7127</v>
      </c>
      <c r="U2030" s="75" t="s">
        <v>5331</v>
      </c>
      <c r="V2030" s="47" t="s">
        <v>5331</v>
      </c>
      <c r="W2030" s="47" t="s">
        <v>5331</v>
      </c>
      <c r="X2030" s="47" t="s">
        <v>5331</v>
      </c>
      <c r="Y2030" s="47" t="s">
        <v>5331</v>
      </c>
      <c r="Z2030" s="28"/>
      <c r="AA2030" s="27"/>
      <c r="AB2030" s="27"/>
      <c r="AC2030" s="27"/>
      <c r="AD2030" s="30"/>
      <c r="AE2030" s="1"/>
      <c r="AF2030" s="23" t="s">
        <v>5331</v>
      </c>
      <c r="AG2030" s="26"/>
      <c r="AH2030" s="53"/>
    </row>
    <row r="2031" spans="1:34" ht="51.6" customHeight="1" x14ac:dyDescent="0.45">
      <c r="A2031" s="23">
        <v>2025</v>
      </c>
      <c r="B2031" s="25"/>
      <c r="C2031" s="25"/>
      <c r="D2031" s="29"/>
      <c r="E2031" s="1"/>
      <c r="F2031" s="1"/>
      <c r="G2031" s="25"/>
      <c r="H2031" s="71"/>
      <c r="I2031" s="83"/>
      <c r="J2031" s="50" t="str">
        <f t="shared" si="64"/>
        <v/>
      </c>
      <c r="K2031" s="23" t="s">
        <v>7120</v>
      </c>
      <c r="L2031" s="49" t="e">
        <f>VLOOKUP(E2031&amp;F2031,団体コード!$A$1:$C$1743,3,FALSE)</f>
        <v>#N/A</v>
      </c>
      <c r="M2031" s="49" t="e">
        <f>VLOOKUP(E2031&amp;F2031,団体コード!$A$1:$C$1743,2,FALSE)</f>
        <v>#N/A</v>
      </c>
      <c r="N2031" s="51" t="e">
        <f>VLOOKUP(E2031,団体コード!$E$1:$F$48,2,FALSE)</f>
        <v>#N/A</v>
      </c>
      <c r="O2031" s="51" t="e">
        <f t="shared" si="65"/>
        <v>#N/A</v>
      </c>
      <c r="P2031" s="51">
        <v>1</v>
      </c>
      <c r="Q2031" s="51" t="s">
        <v>5341</v>
      </c>
      <c r="R2031" s="54" t="b">
        <v>1</v>
      </c>
      <c r="S2031" s="52" t="s">
        <v>7126</v>
      </c>
      <c r="T2031" s="67" t="s">
        <v>7127</v>
      </c>
      <c r="U2031" s="75" t="s">
        <v>5331</v>
      </c>
      <c r="V2031" s="47" t="s">
        <v>5331</v>
      </c>
      <c r="W2031" s="47" t="s">
        <v>5331</v>
      </c>
      <c r="X2031" s="47" t="s">
        <v>5331</v>
      </c>
      <c r="Y2031" s="47" t="s">
        <v>5331</v>
      </c>
      <c r="Z2031" s="28"/>
      <c r="AA2031" s="27"/>
      <c r="AB2031" s="27"/>
      <c r="AC2031" s="27"/>
      <c r="AD2031" s="30"/>
      <c r="AE2031" s="1"/>
      <c r="AF2031" s="23" t="s">
        <v>5331</v>
      </c>
      <c r="AG2031" s="26"/>
      <c r="AH2031" s="53"/>
    </row>
    <row r="2032" spans="1:34" ht="51.6" customHeight="1" x14ac:dyDescent="0.45">
      <c r="A2032" s="23">
        <v>2026</v>
      </c>
      <c r="B2032" s="25"/>
      <c r="C2032" s="25"/>
      <c r="D2032" s="29"/>
      <c r="E2032" s="1"/>
      <c r="F2032" s="1"/>
      <c r="G2032" s="25"/>
      <c r="H2032" s="71"/>
      <c r="I2032" s="83"/>
      <c r="J2032" s="50" t="str">
        <f t="shared" si="64"/>
        <v/>
      </c>
      <c r="K2032" s="23" t="s">
        <v>7120</v>
      </c>
      <c r="L2032" s="49" t="e">
        <f>VLOOKUP(E2032&amp;F2032,団体コード!$A$1:$C$1743,3,FALSE)</f>
        <v>#N/A</v>
      </c>
      <c r="M2032" s="49" t="e">
        <f>VLOOKUP(E2032&amp;F2032,団体コード!$A$1:$C$1743,2,FALSE)</f>
        <v>#N/A</v>
      </c>
      <c r="N2032" s="51" t="e">
        <f>VLOOKUP(E2032,団体コード!$E$1:$F$48,2,FALSE)</f>
        <v>#N/A</v>
      </c>
      <c r="O2032" s="51" t="e">
        <f t="shared" si="65"/>
        <v>#N/A</v>
      </c>
      <c r="P2032" s="51">
        <v>1</v>
      </c>
      <c r="Q2032" s="51" t="s">
        <v>5341</v>
      </c>
      <c r="R2032" s="54" t="b">
        <v>1</v>
      </c>
      <c r="S2032" s="52" t="s">
        <v>7126</v>
      </c>
      <c r="T2032" s="67" t="s">
        <v>7127</v>
      </c>
      <c r="U2032" s="75" t="s">
        <v>5331</v>
      </c>
      <c r="V2032" s="47" t="s">
        <v>5331</v>
      </c>
      <c r="W2032" s="47" t="s">
        <v>5331</v>
      </c>
      <c r="X2032" s="47" t="s">
        <v>5331</v>
      </c>
      <c r="Y2032" s="47" t="s">
        <v>5331</v>
      </c>
      <c r="Z2032" s="28"/>
      <c r="AA2032" s="27"/>
      <c r="AB2032" s="27"/>
      <c r="AC2032" s="27"/>
      <c r="AD2032" s="30"/>
      <c r="AE2032" s="1"/>
      <c r="AF2032" s="23" t="s">
        <v>5331</v>
      </c>
      <c r="AG2032" s="26"/>
      <c r="AH2032" s="53"/>
    </row>
    <row r="2033" spans="1:34" ht="51.6" customHeight="1" x14ac:dyDescent="0.45">
      <c r="A2033" s="23">
        <v>2027</v>
      </c>
      <c r="B2033" s="25"/>
      <c r="C2033" s="25"/>
      <c r="D2033" s="29"/>
      <c r="E2033" s="1"/>
      <c r="F2033" s="1"/>
      <c r="G2033" s="25"/>
      <c r="H2033" s="71"/>
      <c r="I2033" s="83"/>
      <c r="J2033" s="50" t="str">
        <f t="shared" si="64"/>
        <v/>
      </c>
      <c r="K2033" s="23" t="s">
        <v>7120</v>
      </c>
      <c r="L2033" s="49" t="e">
        <f>VLOOKUP(E2033&amp;F2033,団体コード!$A$1:$C$1743,3,FALSE)</f>
        <v>#N/A</v>
      </c>
      <c r="M2033" s="49" t="e">
        <f>VLOOKUP(E2033&amp;F2033,団体コード!$A$1:$C$1743,2,FALSE)</f>
        <v>#N/A</v>
      </c>
      <c r="N2033" s="51" t="e">
        <f>VLOOKUP(E2033,団体コード!$E$1:$F$48,2,FALSE)</f>
        <v>#N/A</v>
      </c>
      <c r="O2033" s="51" t="e">
        <f t="shared" si="65"/>
        <v>#N/A</v>
      </c>
      <c r="P2033" s="51">
        <v>1</v>
      </c>
      <c r="Q2033" s="51" t="s">
        <v>5341</v>
      </c>
      <c r="R2033" s="54" t="b">
        <v>1</v>
      </c>
      <c r="S2033" s="52" t="s">
        <v>7126</v>
      </c>
      <c r="T2033" s="67" t="s">
        <v>7127</v>
      </c>
      <c r="U2033" s="75" t="s">
        <v>5331</v>
      </c>
      <c r="V2033" s="47" t="s">
        <v>5331</v>
      </c>
      <c r="W2033" s="47" t="s">
        <v>5331</v>
      </c>
      <c r="X2033" s="47" t="s">
        <v>5331</v>
      </c>
      <c r="Y2033" s="47" t="s">
        <v>5331</v>
      </c>
      <c r="Z2033" s="28"/>
      <c r="AA2033" s="27"/>
      <c r="AB2033" s="27"/>
      <c r="AC2033" s="27"/>
      <c r="AD2033" s="30"/>
      <c r="AE2033" s="1"/>
      <c r="AF2033" s="23" t="s">
        <v>5331</v>
      </c>
      <c r="AG2033" s="26"/>
      <c r="AH2033" s="53"/>
    </row>
    <row r="2034" spans="1:34" ht="51.6" customHeight="1" x14ac:dyDescent="0.45">
      <c r="A2034" s="23">
        <v>2028</v>
      </c>
      <c r="B2034" s="25"/>
      <c r="C2034" s="25"/>
      <c r="D2034" s="29"/>
      <c r="E2034" s="1"/>
      <c r="F2034" s="1"/>
      <c r="G2034" s="25"/>
      <c r="H2034" s="71"/>
      <c r="I2034" s="83"/>
      <c r="J2034" s="50" t="str">
        <f t="shared" si="64"/>
        <v/>
      </c>
      <c r="K2034" s="23" t="s">
        <v>7120</v>
      </c>
      <c r="L2034" s="49" t="e">
        <f>VLOOKUP(E2034&amp;F2034,団体コード!$A$1:$C$1743,3,FALSE)</f>
        <v>#N/A</v>
      </c>
      <c r="M2034" s="49" t="e">
        <f>VLOOKUP(E2034&amp;F2034,団体コード!$A$1:$C$1743,2,FALSE)</f>
        <v>#N/A</v>
      </c>
      <c r="N2034" s="51" t="e">
        <f>VLOOKUP(E2034,団体コード!$E$1:$F$48,2,FALSE)</f>
        <v>#N/A</v>
      </c>
      <c r="O2034" s="51" t="e">
        <f t="shared" si="65"/>
        <v>#N/A</v>
      </c>
      <c r="P2034" s="51">
        <v>1</v>
      </c>
      <c r="Q2034" s="51" t="s">
        <v>5341</v>
      </c>
      <c r="R2034" s="54" t="b">
        <v>1</v>
      </c>
      <c r="S2034" s="52" t="s">
        <v>7126</v>
      </c>
      <c r="T2034" s="67" t="s">
        <v>7127</v>
      </c>
      <c r="U2034" s="75" t="s">
        <v>5331</v>
      </c>
      <c r="V2034" s="47" t="s">
        <v>5331</v>
      </c>
      <c r="W2034" s="47" t="s">
        <v>5331</v>
      </c>
      <c r="X2034" s="47" t="s">
        <v>5331</v>
      </c>
      <c r="Y2034" s="47" t="s">
        <v>5331</v>
      </c>
      <c r="Z2034" s="28"/>
      <c r="AA2034" s="27"/>
      <c r="AB2034" s="27"/>
      <c r="AC2034" s="27"/>
      <c r="AD2034" s="30"/>
      <c r="AE2034" s="1"/>
      <c r="AF2034" s="23" t="s">
        <v>5331</v>
      </c>
      <c r="AG2034" s="26"/>
      <c r="AH2034" s="53"/>
    </row>
    <row r="2035" spans="1:34" ht="51.6" customHeight="1" x14ac:dyDescent="0.45">
      <c r="A2035" s="23">
        <v>2029</v>
      </c>
      <c r="B2035" s="25"/>
      <c r="C2035" s="25"/>
      <c r="D2035" s="29"/>
      <c r="E2035" s="1"/>
      <c r="F2035" s="1"/>
      <c r="G2035" s="25"/>
      <c r="H2035" s="71"/>
      <c r="I2035" s="83"/>
      <c r="J2035" s="50" t="str">
        <f t="shared" si="64"/>
        <v/>
      </c>
      <c r="K2035" s="23" t="s">
        <v>7120</v>
      </c>
      <c r="L2035" s="49" t="e">
        <f>VLOOKUP(E2035&amp;F2035,団体コード!$A$1:$C$1743,3,FALSE)</f>
        <v>#N/A</v>
      </c>
      <c r="M2035" s="49" t="e">
        <f>VLOOKUP(E2035&amp;F2035,団体コード!$A$1:$C$1743,2,FALSE)</f>
        <v>#N/A</v>
      </c>
      <c r="N2035" s="51" t="e">
        <f>VLOOKUP(E2035,団体コード!$E$1:$F$48,2,FALSE)</f>
        <v>#N/A</v>
      </c>
      <c r="O2035" s="51" t="e">
        <f t="shared" si="65"/>
        <v>#N/A</v>
      </c>
      <c r="P2035" s="51">
        <v>1</v>
      </c>
      <c r="Q2035" s="51" t="s">
        <v>5341</v>
      </c>
      <c r="R2035" s="54" t="b">
        <v>1</v>
      </c>
      <c r="S2035" s="52" t="s">
        <v>7126</v>
      </c>
      <c r="T2035" s="67" t="s">
        <v>7127</v>
      </c>
      <c r="U2035" s="75" t="s">
        <v>5331</v>
      </c>
      <c r="V2035" s="47" t="s">
        <v>5331</v>
      </c>
      <c r="W2035" s="47" t="s">
        <v>5331</v>
      </c>
      <c r="X2035" s="47" t="s">
        <v>5331</v>
      </c>
      <c r="Y2035" s="47" t="s">
        <v>5331</v>
      </c>
      <c r="Z2035" s="28"/>
      <c r="AA2035" s="27"/>
      <c r="AB2035" s="27"/>
      <c r="AC2035" s="27"/>
      <c r="AD2035" s="30"/>
      <c r="AE2035" s="1"/>
      <c r="AF2035" s="23" t="s">
        <v>5331</v>
      </c>
      <c r="AG2035" s="26"/>
      <c r="AH2035" s="53"/>
    </row>
    <row r="2036" spans="1:34" ht="51.6" customHeight="1" x14ac:dyDescent="0.45">
      <c r="A2036" s="23">
        <v>2030</v>
      </c>
      <c r="B2036" s="25"/>
      <c r="C2036" s="25"/>
      <c r="D2036" s="29"/>
      <c r="E2036" s="1"/>
      <c r="F2036" s="1"/>
      <c r="G2036" s="25"/>
      <c r="H2036" s="71"/>
      <c r="I2036" s="83"/>
      <c r="J2036" s="50" t="str">
        <f t="shared" si="64"/>
        <v/>
      </c>
      <c r="K2036" s="23" t="s">
        <v>7120</v>
      </c>
      <c r="L2036" s="49" t="e">
        <f>VLOOKUP(E2036&amp;F2036,団体コード!$A$1:$C$1743,3,FALSE)</f>
        <v>#N/A</v>
      </c>
      <c r="M2036" s="49" t="e">
        <f>VLOOKUP(E2036&amp;F2036,団体コード!$A$1:$C$1743,2,FALSE)</f>
        <v>#N/A</v>
      </c>
      <c r="N2036" s="51" t="e">
        <f>VLOOKUP(E2036,団体コード!$E$1:$F$48,2,FALSE)</f>
        <v>#N/A</v>
      </c>
      <c r="O2036" s="51" t="e">
        <f t="shared" si="65"/>
        <v>#N/A</v>
      </c>
      <c r="P2036" s="51">
        <v>1</v>
      </c>
      <c r="Q2036" s="51" t="s">
        <v>5341</v>
      </c>
      <c r="R2036" s="54" t="b">
        <v>1</v>
      </c>
      <c r="S2036" s="52" t="s">
        <v>7126</v>
      </c>
      <c r="T2036" s="67" t="s">
        <v>7127</v>
      </c>
      <c r="U2036" s="75" t="s">
        <v>5331</v>
      </c>
      <c r="V2036" s="47" t="s">
        <v>5331</v>
      </c>
      <c r="W2036" s="47" t="s">
        <v>5331</v>
      </c>
      <c r="X2036" s="47" t="s">
        <v>5331</v>
      </c>
      <c r="Y2036" s="47" t="s">
        <v>5331</v>
      </c>
      <c r="Z2036" s="28"/>
      <c r="AA2036" s="27"/>
      <c r="AB2036" s="27"/>
      <c r="AC2036" s="27"/>
      <c r="AD2036" s="30"/>
      <c r="AE2036" s="1"/>
      <c r="AF2036" s="23" t="s">
        <v>5331</v>
      </c>
      <c r="AG2036" s="26"/>
      <c r="AH2036" s="53"/>
    </row>
    <row r="2037" spans="1:34" ht="51.6" customHeight="1" x14ac:dyDescent="0.45">
      <c r="A2037" s="23">
        <v>2031</v>
      </c>
      <c r="B2037" s="25"/>
      <c r="C2037" s="25"/>
      <c r="D2037" s="29"/>
      <c r="E2037" s="1"/>
      <c r="F2037" s="1"/>
      <c r="G2037" s="25"/>
      <c r="H2037" s="71"/>
      <c r="I2037" s="83"/>
      <c r="J2037" s="50" t="str">
        <f t="shared" si="64"/>
        <v/>
      </c>
      <c r="K2037" s="23" t="s">
        <v>7120</v>
      </c>
      <c r="L2037" s="49" t="e">
        <f>VLOOKUP(E2037&amp;F2037,団体コード!$A$1:$C$1743,3,FALSE)</f>
        <v>#N/A</v>
      </c>
      <c r="M2037" s="49" t="e">
        <f>VLOOKUP(E2037&amp;F2037,団体コード!$A$1:$C$1743,2,FALSE)</f>
        <v>#N/A</v>
      </c>
      <c r="N2037" s="51" t="e">
        <f>VLOOKUP(E2037,団体コード!$E$1:$F$48,2,FALSE)</f>
        <v>#N/A</v>
      </c>
      <c r="O2037" s="51" t="e">
        <f t="shared" si="65"/>
        <v>#N/A</v>
      </c>
      <c r="P2037" s="51">
        <v>1</v>
      </c>
      <c r="Q2037" s="51" t="s">
        <v>5341</v>
      </c>
      <c r="R2037" s="54" t="b">
        <v>1</v>
      </c>
      <c r="S2037" s="52" t="s">
        <v>7126</v>
      </c>
      <c r="T2037" s="67" t="s">
        <v>7127</v>
      </c>
      <c r="U2037" s="75" t="s">
        <v>5331</v>
      </c>
      <c r="V2037" s="47" t="s">
        <v>5331</v>
      </c>
      <c r="W2037" s="47" t="s">
        <v>5331</v>
      </c>
      <c r="X2037" s="47" t="s">
        <v>5331</v>
      </c>
      <c r="Y2037" s="47" t="s">
        <v>5331</v>
      </c>
      <c r="Z2037" s="28"/>
      <c r="AA2037" s="27"/>
      <c r="AB2037" s="27"/>
      <c r="AC2037" s="27"/>
      <c r="AD2037" s="30"/>
      <c r="AE2037" s="1"/>
      <c r="AF2037" s="23" t="s">
        <v>5331</v>
      </c>
      <c r="AG2037" s="26"/>
      <c r="AH2037" s="53"/>
    </row>
    <row r="2038" spans="1:34" ht="51.6" customHeight="1" x14ac:dyDescent="0.45">
      <c r="A2038" s="23">
        <v>2032</v>
      </c>
      <c r="B2038" s="25"/>
      <c r="C2038" s="25"/>
      <c r="D2038" s="29"/>
      <c r="E2038" s="1"/>
      <c r="F2038" s="1"/>
      <c r="G2038" s="25"/>
      <c r="H2038" s="71"/>
      <c r="I2038" s="83"/>
      <c r="J2038" s="50" t="str">
        <f t="shared" si="64"/>
        <v/>
      </c>
      <c r="K2038" s="23" t="s">
        <v>7120</v>
      </c>
      <c r="L2038" s="49" t="e">
        <f>VLOOKUP(E2038&amp;F2038,団体コード!$A$1:$C$1743,3,FALSE)</f>
        <v>#N/A</v>
      </c>
      <c r="M2038" s="49" t="e">
        <f>VLOOKUP(E2038&amp;F2038,団体コード!$A$1:$C$1743,2,FALSE)</f>
        <v>#N/A</v>
      </c>
      <c r="N2038" s="51" t="e">
        <f>VLOOKUP(E2038,団体コード!$E$1:$F$48,2,FALSE)</f>
        <v>#N/A</v>
      </c>
      <c r="O2038" s="51" t="e">
        <f t="shared" si="65"/>
        <v>#N/A</v>
      </c>
      <c r="P2038" s="51">
        <v>1</v>
      </c>
      <c r="Q2038" s="51" t="s">
        <v>5341</v>
      </c>
      <c r="R2038" s="54" t="b">
        <v>1</v>
      </c>
      <c r="S2038" s="52" t="s">
        <v>7126</v>
      </c>
      <c r="T2038" s="67" t="s">
        <v>7127</v>
      </c>
      <c r="U2038" s="75" t="s">
        <v>5331</v>
      </c>
      <c r="V2038" s="47" t="s">
        <v>5331</v>
      </c>
      <c r="W2038" s="47" t="s">
        <v>5331</v>
      </c>
      <c r="X2038" s="47" t="s">
        <v>5331</v>
      </c>
      <c r="Y2038" s="47" t="s">
        <v>5331</v>
      </c>
      <c r="Z2038" s="28"/>
      <c r="AA2038" s="27"/>
      <c r="AB2038" s="27"/>
      <c r="AC2038" s="27"/>
      <c r="AD2038" s="30"/>
      <c r="AE2038" s="1"/>
      <c r="AF2038" s="23" t="s">
        <v>5331</v>
      </c>
      <c r="AG2038" s="26"/>
      <c r="AH2038" s="53"/>
    </row>
    <row r="2039" spans="1:34" ht="51.6" customHeight="1" x14ac:dyDescent="0.45">
      <c r="A2039" s="23">
        <v>2033</v>
      </c>
      <c r="B2039" s="25"/>
      <c r="C2039" s="25"/>
      <c r="D2039" s="29"/>
      <c r="E2039" s="1"/>
      <c r="F2039" s="1"/>
      <c r="G2039" s="25"/>
      <c r="H2039" s="71"/>
      <c r="I2039" s="83"/>
      <c r="J2039" s="50" t="str">
        <f t="shared" si="64"/>
        <v/>
      </c>
      <c r="K2039" s="23" t="s">
        <v>7120</v>
      </c>
      <c r="L2039" s="49" t="e">
        <f>VLOOKUP(E2039&amp;F2039,団体コード!$A$1:$C$1743,3,FALSE)</f>
        <v>#N/A</v>
      </c>
      <c r="M2039" s="49" t="e">
        <f>VLOOKUP(E2039&amp;F2039,団体コード!$A$1:$C$1743,2,FALSE)</f>
        <v>#N/A</v>
      </c>
      <c r="N2039" s="51" t="e">
        <f>VLOOKUP(E2039,団体コード!$E$1:$F$48,2,FALSE)</f>
        <v>#N/A</v>
      </c>
      <c r="O2039" s="51" t="e">
        <f t="shared" si="65"/>
        <v>#N/A</v>
      </c>
      <c r="P2039" s="51">
        <v>1</v>
      </c>
      <c r="Q2039" s="51" t="s">
        <v>5341</v>
      </c>
      <c r="R2039" s="54" t="b">
        <v>1</v>
      </c>
      <c r="S2039" s="52" t="s">
        <v>7126</v>
      </c>
      <c r="T2039" s="67" t="s">
        <v>7127</v>
      </c>
      <c r="U2039" s="75" t="s">
        <v>5331</v>
      </c>
      <c r="V2039" s="47" t="s">
        <v>5331</v>
      </c>
      <c r="W2039" s="47" t="s">
        <v>5331</v>
      </c>
      <c r="X2039" s="47" t="s">
        <v>5331</v>
      </c>
      <c r="Y2039" s="47" t="s">
        <v>5331</v>
      </c>
      <c r="Z2039" s="28"/>
      <c r="AA2039" s="27"/>
      <c r="AB2039" s="27"/>
      <c r="AC2039" s="27"/>
      <c r="AD2039" s="30"/>
      <c r="AE2039" s="1"/>
      <c r="AF2039" s="23" t="s">
        <v>5331</v>
      </c>
      <c r="AG2039" s="26"/>
      <c r="AH2039" s="53"/>
    </row>
    <row r="2040" spans="1:34" ht="51.6" customHeight="1" x14ac:dyDescent="0.45">
      <c r="A2040" s="23">
        <v>2034</v>
      </c>
      <c r="B2040" s="25"/>
      <c r="C2040" s="25"/>
      <c r="D2040" s="29"/>
      <c r="E2040" s="1"/>
      <c r="F2040" s="1"/>
      <c r="G2040" s="25"/>
      <c r="H2040" s="71"/>
      <c r="I2040" s="83"/>
      <c r="J2040" s="50" t="str">
        <f t="shared" si="64"/>
        <v/>
      </c>
      <c r="K2040" s="23" t="s">
        <v>7120</v>
      </c>
      <c r="L2040" s="49" t="e">
        <f>VLOOKUP(E2040&amp;F2040,団体コード!$A$1:$C$1743,3,FALSE)</f>
        <v>#N/A</v>
      </c>
      <c r="M2040" s="49" t="e">
        <f>VLOOKUP(E2040&amp;F2040,団体コード!$A$1:$C$1743,2,FALSE)</f>
        <v>#N/A</v>
      </c>
      <c r="N2040" s="51" t="e">
        <f>VLOOKUP(E2040,団体コード!$E$1:$F$48,2,FALSE)</f>
        <v>#N/A</v>
      </c>
      <c r="O2040" s="51" t="e">
        <f t="shared" si="65"/>
        <v>#N/A</v>
      </c>
      <c r="P2040" s="51">
        <v>1</v>
      </c>
      <c r="Q2040" s="51" t="s">
        <v>5341</v>
      </c>
      <c r="R2040" s="54" t="b">
        <v>1</v>
      </c>
      <c r="S2040" s="52" t="s">
        <v>7126</v>
      </c>
      <c r="T2040" s="67" t="s">
        <v>7127</v>
      </c>
      <c r="U2040" s="75" t="s">
        <v>5331</v>
      </c>
      <c r="V2040" s="47" t="s">
        <v>5331</v>
      </c>
      <c r="W2040" s="47" t="s">
        <v>5331</v>
      </c>
      <c r="X2040" s="47" t="s">
        <v>5331</v>
      </c>
      <c r="Y2040" s="47" t="s">
        <v>5331</v>
      </c>
      <c r="Z2040" s="28"/>
      <c r="AA2040" s="27"/>
      <c r="AB2040" s="27"/>
      <c r="AC2040" s="27"/>
      <c r="AD2040" s="30"/>
      <c r="AE2040" s="1"/>
      <c r="AF2040" s="23" t="s">
        <v>5331</v>
      </c>
      <c r="AG2040" s="26"/>
      <c r="AH2040" s="53"/>
    </row>
    <row r="2041" spans="1:34" ht="51.6" customHeight="1" x14ac:dyDescent="0.45">
      <c r="A2041" s="23">
        <v>2035</v>
      </c>
      <c r="B2041" s="25"/>
      <c r="C2041" s="25"/>
      <c r="D2041" s="29"/>
      <c r="E2041" s="1"/>
      <c r="F2041" s="1"/>
      <c r="G2041" s="25"/>
      <c r="H2041" s="71"/>
      <c r="I2041" s="83"/>
      <c r="J2041" s="50" t="str">
        <f t="shared" si="64"/>
        <v/>
      </c>
      <c r="K2041" s="23" t="s">
        <v>7120</v>
      </c>
      <c r="L2041" s="49" t="e">
        <f>VLOOKUP(E2041&amp;F2041,団体コード!$A$1:$C$1743,3,FALSE)</f>
        <v>#N/A</v>
      </c>
      <c r="M2041" s="49" t="e">
        <f>VLOOKUP(E2041&amp;F2041,団体コード!$A$1:$C$1743,2,FALSE)</f>
        <v>#N/A</v>
      </c>
      <c r="N2041" s="51" t="e">
        <f>VLOOKUP(E2041,団体コード!$E$1:$F$48,2,FALSE)</f>
        <v>#N/A</v>
      </c>
      <c r="O2041" s="51" t="e">
        <f t="shared" si="65"/>
        <v>#N/A</v>
      </c>
      <c r="P2041" s="51">
        <v>1</v>
      </c>
      <c r="Q2041" s="51" t="s">
        <v>5341</v>
      </c>
      <c r="R2041" s="54" t="b">
        <v>1</v>
      </c>
      <c r="S2041" s="52" t="s">
        <v>7126</v>
      </c>
      <c r="T2041" s="67" t="s">
        <v>7127</v>
      </c>
      <c r="U2041" s="75" t="s">
        <v>5331</v>
      </c>
      <c r="V2041" s="47" t="s">
        <v>5331</v>
      </c>
      <c r="W2041" s="47" t="s">
        <v>5331</v>
      </c>
      <c r="X2041" s="47" t="s">
        <v>5331</v>
      </c>
      <c r="Y2041" s="47" t="s">
        <v>5331</v>
      </c>
      <c r="Z2041" s="28"/>
      <c r="AA2041" s="27"/>
      <c r="AB2041" s="27"/>
      <c r="AC2041" s="27"/>
      <c r="AD2041" s="30"/>
      <c r="AE2041" s="1"/>
      <c r="AF2041" s="23" t="s">
        <v>5331</v>
      </c>
      <c r="AG2041" s="26"/>
      <c r="AH2041" s="53"/>
    </row>
    <row r="2042" spans="1:34" ht="51.6" customHeight="1" x14ac:dyDescent="0.45">
      <c r="A2042" s="23">
        <v>2036</v>
      </c>
      <c r="B2042" s="25"/>
      <c r="C2042" s="25"/>
      <c r="D2042" s="29"/>
      <c r="E2042" s="1"/>
      <c r="F2042" s="1"/>
      <c r="G2042" s="25"/>
      <c r="H2042" s="71"/>
      <c r="I2042" s="83"/>
      <c r="J2042" s="50" t="str">
        <f t="shared" si="64"/>
        <v/>
      </c>
      <c r="K2042" s="23" t="s">
        <v>7120</v>
      </c>
      <c r="L2042" s="49" t="e">
        <f>VLOOKUP(E2042&amp;F2042,団体コード!$A$1:$C$1743,3,FALSE)</f>
        <v>#N/A</v>
      </c>
      <c r="M2042" s="49" t="e">
        <f>VLOOKUP(E2042&amp;F2042,団体コード!$A$1:$C$1743,2,FALSE)</f>
        <v>#N/A</v>
      </c>
      <c r="N2042" s="51" t="e">
        <f>VLOOKUP(E2042,団体コード!$E$1:$F$48,2,FALSE)</f>
        <v>#N/A</v>
      </c>
      <c r="O2042" s="51" t="e">
        <f t="shared" si="65"/>
        <v>#N/A</v>
      </c>
      <c r="P2042" s="51">
        <v>1</v>
      </c>
      <c r="Q2042" s="51" t="s">
        <v>5341</v>
      </c>
      <c r="R2042" s="54" t="b">
        <v>1</v>
      </c>
      <c r="S2042" s="52" t="s">
        <v>7126</v>
      </c>
      <c r="T2042" s="67" t="s">
        <v>7127</v>
      </c>
      <c r="U2042" s="75" t="s">
        <v>5331</v>
      </c>
      <c r="V2042" s="47" t="s">
        <v>5331</v>
      </c>
      <c r="W2042" s="47" t="s">
        <v>5331</v>
      </c>
      <c r="X2042" s="47" t="s">
        <v>5331</v>
      </c>
      <c r="Y2042" s="47" t="s">
        <v>5331</v>
      </c>
      <c r="Z2042" s="28"/>
      <c r="AA2042" s="27"/>
      <c r="AB2042" s="27"/>
      <c r="AC2042" s="27"/>
      <c r="AD2042" s="30"/>
      <c r="AE2042" s="1"/>
      <c r="AF2042" s="23" t="s">
        <v>5331</v>
      </c>
      <c r="AG2042" s="26"/>
      <c r="AH2042" s="53"/>
    </row>
    <row r="2043" spans="1:34" ht="51.6" customHeight="1" x14ac:dyDescent="0.45">
      <c r="A2043" s="23">
        <v>2037</v>
      </c>
      <c r="B2043" s="25"/>
      <c r="C2043" s="25"/>
      <c r="D2043" s="29"/>
      <c r="E2043" s="1"/>
      <c r="F2043" s="1"/>
      <c r="G2043" s="25"/>
      <c r="H2043" s="71"/>
      <c r="I2043" s="83"/>
      <c r="J2043" s="50" t="str">
        <f t="shared" si="64"/>
        <v/>
      </c>
      <c r="K2043" s="23" t="s">
        <v>7120</v>
      </c>
      <c r="L2043" s="49" t="e">
        <f>VLOOKUP(E2043&amp;F2043,団体コード!$A$1:$C$1743,3,FALSE)</f>
        <v>#N/A</v>
      </c>
      <c r="M2043" s="49" t="e">
        <f>VLOOKUP(E2043&amp;F2043,団体コード!$A$1:$C$1743,2,FALSE)</f>
        <v>#N/A</v>
      </c>
      <c r="N2043" s="51" t="e">
        <f>VLOOKUP(E2043,団体コード!$E$1:$F$48,2,FALSE)</f>
        <v>#N/A</v>
      </c>
      <c r="O2043" s="51" t="e">
        <f t="shared" si="65"/>
        <v>#N/A</v>
      </c>
      <c r="P2043" s="51">
        <v>1</v>
      </c>
      <c r="Q2043" s="51" t="s">
        <v>5341</v>
      </c>
      <c r="R2043" s="54" t="b">
        <v>1</v>
      </c>
      <c r="S2043" s="52" t="s">
        <v>7126</v>
      </c>
      <c r="T2043" s="67" t="s">
        <v>7127</v>
      </c>
      <c r="U2043" s="75" t="s">
        <v>5331</v>
      </c>
      <c r="V2043" s="47" t="s">
        <v>5331</v>
      </c>
      <c r="W2043" s="47" t="s">
        <v>5331</v>
      </c>
      <c r="X2043" s="47" t="s">
        <v>5331</v>
      </c>
      <c r="Y2043" s="47" t="s">
        <v>5331</v>
      </c>
      <c r="Z2043" s="28"/>
      <c r="AA2043" s="27"/>
      <c r="AB2043" s="27"/>
      <c r="AC2043" s="27"/>
      <c r="AD2043" s="30"/>
      <c r="AE2043" s="1"/>
      <c r="AF2043" s="23" t="s">
        <v>5331</v>
      </c>
      <c r="AG2043" s="26"/>
      <c r="AH2043" s="53"/>
    </row>
    <row r="2044" spans="1:34" ht="51.6" customHeight="1" x14ac:dyDescent="0.45">
      <c r="A2044" s="23">
        <v>2038</v>
      </c>
      <c r="B2044" s="25"/>
      <c r="C2044" s="25"/>
      <c r="D2044" s="29"/>
      <c r="E2044" s="1"/>
      <c r="F2044" s="1"/>
      <c r="G2044" s="25"/>
      <c r="H2044" s="71"/>
      <c r="I2044" s="83"/>
      <c r="J2044" s="50" t="str">
        <f t="shared" si="64"/>
        <v/>
      </c>
      <c r="K2044" s="23" t="s">
        <v>7120</v>
      </c>
      <c r="L2044" s="49" t="e">
        <f>VLOOKUP(E2044&amp;F2044,団体コード!$A$1:$C$1743,3,FALSE)</f>
        <v>#N/A</v>
      </c>
      <c r="M2044" s="49" t="e">
        <f>VLOOKUP(E2044&amp;F2044,団体コード!$A$1:$C$1743,2,FALSE)</f>
        <v>#N/A</v>
      </c>
      <c r="N2044" s="51" t="e">
        <f>VLOOKUP(E2044,団体コード!$E$1:$F$48,2,FALSE)</f>
        <v>#N/A</v>
      </c>
      <c r="O2044" s="51" t="e">
        <f t="shared" si="65"/>
        <v>#N/A</v>
      </c>
      <c r="P2044" s="51">
        <v>1</v>
      </c>
      <c r="Q2044" s="51" t="s">
        <v>5341</v>
      </c>
      <c r="R2044" s="54" t="b">
        <v>1</v>
      </c>
      <c r="S2044" s="52" t="s">
        <v>7126</v>
      </c>
      <c r="T2044" s="67" t="s">
        <v>7127</v>
      </c>
      <c r="U2044" s="75" t="s">
        <v>5331</v>
      </c>
      <c r="V2044" s="47" t="s">
        <v>5331</v>
      </c>
      <c r="W2044" s="47" t="s">
        <v>5331</v>
      </c>
      <c r="X2044" s="47" t="s">
        <v>5331</v>
      </c>
      <c r="Y2044" s="47" t="s">
        <v>5331</v>
      </c>
      <c r="Z2044" s="28"/>
      <c r="AA2044" s="27"/>
      <c r="AB2044" s="27"/>
      <c r="AC2044" s="27"/>
      <c r="AD2044" s="30"/>
      <c r="AE2044" s="1"/>
      <c r="AF2044" s="23" t="s">
        <v>5331</v>
      </c>
      <c r="AG2044" s="26"/>
      <c r="AH2044" s="53"/>
    </row>
    <row r="2045" spans="1:34" ht="51.6" customHeight="1" x14ac:dyDescent="0.45">
      <c r="A2045" s="23">
        <v>2039</v>
      </c>
      <c r="B2045" s="25"/>
      <c r="C2045" s="25"/>
      <c r="D2045" s="29"/>
      <c r="E2045" s="1"/>
      <c r="F2045" s="1"/>
      <c r="G2045" s="25"/>
      <c r="H2045" s="71"/>
      <c r="I2045" s="83"/>
      <c r="J2045" s="50" t="str">
        <f t="shared" si="64"/>
        <v/>
      </c>
      <c r="K2045" s="23" t="s">
        <v>7120</v>
      </c>
      <c r="L2045" s="49" t="e">
        <f>VLOOKUP(E2045&amp;F2045,団体コード!$A$1:$C$1743,3,FALSE)</f>
        <v>#N/A</v>
      </c>
      <c r="M2045" s="49" t="e">
        <f>VLOOKUP(E2045&amp;F2045,団体コード!$A$1:$C$1743,2,FALSE)</f>
        <v>#N/A</v>
      </c>
      <c r="N2045" s="51" t="e">
        <f>VLOOKUP(E2045,団体コード!$E$1:$F$48,2,FALSE)</f>
        <v>#N/A</v>
      </c>
      <c r="O2045" s="51" t="e">
        <f t="shared" si="65"/>
        <v>#N/A</v>
      </c>
      <c r="P2045" s="51">
        <v>1</v>
      </c>
      <c r="Q2045" s="51" t="s">
        <v>5341</v>
      </c>
      <c r="R2045" s="54" t="b">
        <v>1</v>
      </c>
      <c r="S2045" s="52" t="s">
        <v>7126</v>
      </c>
      <c r="T2045" s="67" t="s">
        <v>7127</v>
      </c>
      <c r="U2045" s="75" t="s">
        <v>5331</v>
      </c>
      <c r="V2045" s="47" t="s">
        <v>5331</v>
      </c>
      <c r="W2045" s="47" t="s">
        <v>5331</v>
      </c>
      <c r="X2045" s="47" t="s">
        <v>5331</v>
      </c>
      <c r="Y2045" s="47" t="s">
        <v>5331</v>
      </c>
      <c r="Z2045" s="28"/>
      <c r="AA2045" s="27"/>
      <c r="AB2045" s="27"/>
      <c r="AC2045" s="27"/>
      <c r="AD2045" s="30"/>
      <c r="AE2045" s="1"/>
      <c r="AF2045" s="23" t="s">
        <v>5331</v>
      </c>
      <c r="AG2045" s="26"/>
      <c r="AH2045" s="53"/>
    </row>
    <row r="2046" spans="1:34" ht="51.6" customHeight="1" x14ac:dyDescent="0.45">
      <c r="A2046" s="23">
        <v>2040</v>
      </c>
      <c r="B2046" s="25"/>
      <c r="C2046" s="25"/>
      <c r="D2046" s="29"/>
      <c r="E2046" s="1"/>
      <c r="F2046" s="1"/>
      <c r="G2046" s="25"/>
      <c r="H2046" s="71"/>
      <c r="I2046" s="83"/>
      <c r="J2046" s="50" t="str">
        <f t="shared" si="64"/>
        <v/>
      </c>
      <c r="K2046" s="23" t="s">
        <v>7120</v>
      </c>
      <c r="L2046" s="49" t="e">
        <f>VLOOKUP(E2046&amp;F2046,団体コード!$A$1:$C$1743,3,FALSE)</f>
        <v>#N/A</v>
      </c>
      <c r="M2046" s="49" t="e">
        <f>VLOOKUP(E2046&amp;F2046,団体コード!$A$1:$C$1743,2,FALSE)</f>
        <v>#N/A</v>
      </c>
      <c r="N2046" s="51" t="e">
        <f>VLOOKUP(E2046,団体コード!$E$1:$F$48,2,FALSE)</f>
        <v>#N/A</v>
      </c>
      <c r="O2046" s="51" t="e">
        <f t="shared" si="65"/>
        <v>#N/A</v>
      </c>
      <c r="P2046" s="51">
        <v>1</v>
      </c>
      <c r="Q2046" s="51" t="s">
        <v>5341</v>
      </c>
      <c r="R2046" s="54" t="b">
        <v>1</v>
      </c>
      <c r="S2046" s="52" t="s">
        <v>7126</v>
      </c>
      <c r="T2046" s="67" t="s">
        <v>7127</v>
      </c>
      <c r="U2046" s="75" t="s">
        <v>5331</v>
      </c>
      <c r="V2046" s="47" t="s">
        <v>5331</v>
      </c>
      <c r="W2046" s="47" t="s">
        <v>5331</v>
      </c>
      <c r="X2046" s="47" t="s">
        <v>5331</v>
      </c>
      <c r="Y2046" s="47" t="s">
        <v>5331</v>
      </c>
      <c r="Z2046" s="28"/>
      <c r="AA2046" s="27"/>
      <c r="AB2046" s="27"/>
      <c r="AC2046" s="27"/>
      <c r="AD2046" s="30"/>
      <c r="AE2046" s="1"/>
      <c r="AF2046" s="23" t="s">
        <v>5331</v>
      </c>
      <c r="AG2046" s="26"/>
      <c r="AH2046" s="53"/>
    </row>
    <row r="2047" spans="1:34" ht="51.6" customHeight="1" x14ac:dyDescent="0.45">
      <c r="A2047" s="23">
        <v>2041</v>
      </c>
      <c r="B2047" s="25"/>
      <c r="C2047" s="25"/>
      <c r="D2047" s="29"/>
      <c r="E2047" s="1"/>
      <c r="F2047" s="1"/>
      <c r="G2047" s="25"/>
      <c r="H2047" s="71"/>
      <c r="I2047" s="83"/>
      <c r="J2047" s="50" t="str">
        <f t="shared" si="64"/>
        <v/>
      </c>
      <c r="K2047" s="23" t="s">
        <v>7120</v>
      </c>
      <c r="L2047" s="49" t="e">
        <f>VLOOKUP(E2047&amp;F2047,団体コード!$A$1:$C$1743,3,FALSE)</f>
        <v>#N/A</v>
      </c>
      <c r="M2047" s="49" t="e">
        <f>VLOOKUP(E2047&amp;F2047,団体コード!$A$1:$C$1743,2,FALSE)</f>
        <v>#N/A</v>
      </c>
      <c r="N2047" s="51" t="e">
        <f>VLOOKUP(E2047,団体コード!$E$1:$F$48,2,FALSE)</f>
        <v>#N/A</v>
      </c>
      <c r="O2047" s="51" t="e">
        <f t="shared" si="65"/>
        <v>#N/A</v>
      </c>
      <c r="P2047" s="51">
        <v>1</v>
      </c>
      <c r="Q2047" s="51" t="s">
        <v>5341</v>
      </c>
      <c r="R2047" s="54" t="b">
        <v>1</v>
      </c>
      <c r="S2047" s="52" t="s">
        <v>7126</v>
      </c>
      <c r="T2047" s="67" t="s">
        <v>7127</v>
      </c>
      <c r="U2047" s="75" t="s">
        <v>5331</v>
      </c>
      <c r="V2047" s="47" t="s">
        <v>5331</v>
      </c>
      <c r="W2047" s="47" t="s">
        <v>5331</v>
      </c>
      <c r="X2047" s="47" t="s">
        <v>5331</v>
      </c>
      <c r="Y2047" s="47" t="s">
        <v>5331</v>
      </c>
      <c r="Z2047" s="28"/>
      <c r="AA2047" s="27"/>
      <c r="AB2047" s="27"/>
      <c r="AC2047" s="27"/>
      <c r="AD2047" s="30"/>
      <c r="AE2047" s="1"/>
      <c r="AF2047" s="23" t="s">
        <v>5331</v>
      </c>
      <c r="AG2047" s="26"/>
      <c r="AH2047" s="53"/>
    </row>
    <row r="2048" spans="1:34" ht="51.6" customHeight="1" x14ac:dyDescent="0.45">
      <c r="A2048" s="23">
        <v>2042</v>
      </c>
      <c r="B2048" s="25"/>
      <c r="C2048" s="25"/>
      <c r="D2048" s="29"/>
      <c r="E2048" s="1"/>
      <c r="F2048" s="1"/>
      <c r="G2048" s="25"/>
      <c r="H2048" s="71"/>
      <c r="I2048" s="83"/>
      <c r="J2048" s="50" t="str">
        <f t="shared" si="64"/>
        <v/>
      </c>
      <c r="K2048" s="23" t="s">
        <v>7120</v>
      </c>
      <c r="L2048" s="49" t="e">
        <f>VLOOKUP(E2048&amp;F2048,団体コード!$A$1:$C$1743,3,FALSE)</f>
        <v>#N/A</v>
      </c>
      <c r="M2048" s="49" t="e">
        <f>VLOOKUP(E2048&amp;F2048,団体コード!$A$1:$C$1743,2,FALSE)</f>
        <v>#N/A</v>
      </c>
      <c r="N2048" s="51" t="e">
        <f>VLOOKUP(E2048,団体コード!$E$1:$F$48,2,FALSE)</f>
        <v>#N/A</v>
      </c>
      <c r="O2048" s="51" t="e">
        <f t="shared" si="65"/>
        <v>#N/A</v>
      </c>
      <c r="P2048" s="51">
        <v>1</v>
      </c>
      <c r="Q2048" s="51" t="s">
        <v>5341</v>
      </c>
      <c r="R2048" s="54" t="b">
        <v>1</v>
      </c>
      <c r="S2048" s="52" t="s">
        <v>7126</v>
      </c>
      <c r="T2048" s="67" t="s">
        <v>7127</v>
      </c>
      <c r="U2048" s="75" t="s">
        <v>5331</v>
      </c>
      <c r="V2048" s="47" t="s">
        <v>5331</v>
      </c>
      <c r="W2048" s="47" t="s">
        <v>5331</v>
      </c>
      <c r="X2048" s="47" t="s">
        <v>5331</v>
      </c>
      <c r="Y2048" s="47" t="s">
        <v>5331</v>
      </c>
      <c r="Z2048" s="28"/>
      <c r="AA2048" s="27"/>
      <c r="AB2048" s="27"/>
      <c r="AC2048" s="27"/>
      <c r="AD2048" s="30"/>
      <c r="AE2048" s="1"/>
      <c r="AF2048" s="23" t="s">
        <v>5331</v>
      </c>
      <c r="AG2048" s="26"/>
      <c r="AH2048" s="53"/>
    </row>
    <row r="2049" spans="1:34" ht="51.6" customHeight="1" x14ac:dyDescent="0.45">
      <c r="A2049" s="23">
        <v>2043</v>
      </c>
      <c r="B2049" s="25"/>
      <c r="C2049" s="25"/>
      <c r="D2049" s="29"/>
      <c r="E2049" s="1"/>
      <c r="F2049" s="1"/>
      <c r="G2049" s="25"/>
      <c r="H2049" s="71"/>
      <c r="I2049" s="83"/>
      <c r="J2049" s="50" t="str">
        <f t="shared" si="64"/>
        <v/>
      </c>
      <c r="K2049" s="23" t="s">
        <v>7120</v>
      </c>
      <c r="L2049" s="49" t="e">
        <f>VLOOKUP(E2049&amp;F2049,団体コード!$A$1:$C$1743,3,FALSE)</f>
        <v>#N/A</v>
      </c>
      <c r="M2049" s="49" t="e">
        <f>VLOOKUP(E2049&amp;F2049,団体コード!$A$1:$C$1743,2,FALSE)</f>
        <v>#N/A</v>
      </c>
      <c r="N2049" s="51" t="e">
        <f>VLOOKUP(E2049,団体コード!$E$1:$F$48,2,FALSE)</f>
        <v>#N/A</v>
      </c>
      <c r="O2049" s="51" t="e">
        <f t="shared" si="65"/>
        <v>#N/A</v>
      </c>
      <c r="P2049" s="51">
        <v>1</v>
      </c>
      <c r="Q2049" s="51" t="s">
        <v>5341</v>
      </c>
      <c r="R2049" s="54" t="b">
        <v>1</v>
      </c>
      <c r="S2049" s="52" t="s">
        <v>7126</v>
      </c>
      <c r="T2049" s="67" t="s">
        <v>7127</v>
      </c>
      <c r="U2049" s="75" t="s">
        <v>5331</v>
      </c>
      <c r="V2049" s="47" t="s">
        <v>5331</v>
      </c>
      <c r="W2049" s="47" t="s">
        <v>5331</v>
      </c>
      <c r="X2049" s="47" t="s">
        <v>5331</v>
      </c>
      <c r="Y2049" s="47" t="s">
        <v>5331</v>
      </c>
      <c r="Z2049" s="28"/>
      <c r="AA2049" s="27"/>
      <c r="AB2049" s="27"/>
      <c r="AC2049" s="27"/>
      <c r="AD2049" s="30"/>
      <c r="AE2049" s="1"/>
      <c r="AF2049" s="23" t="s">
        <v>5331</v>
      </c>
      <c r="AG2049" s="26"/>
      <c r="AH2049" s="53"/>
    </row>
    <row r="2050" spans="1:34" ht="51.6" customHeight="1" x14ac:dyDescent="0.45">
      <c r="A2050" s="23">
        <v>2044</v>
      </c>
      <c r="B2050" s="25"/>
      <c r="C2050" s="25"/>
      <c r="D2050" s="29"/>
      <c r="E2050" s="1"/>
      <c r="F2050" s="1"/>
      <c r="G2050" s="25"/>
      <c r="H2050" s="71"/>
      <c r="I2050" s="83"/>
      <c r="J2050" s="50" t="str">
        <f t="shared" si="64"/>
        <v/>
      </c>
      <c r="K2050" s="23" t="s">
        <v>7120</v>
      </c>
      <c r="L2050" s="49" t="e">
        <f>VLOOKUP(E2050&amp;F2050,団体コード!$A$1:$C$1743,3,FALSE)</f>
        <v>#N/A</v>
      </c>
      <c r="M2050" s="49" t="e">
        <f>VLOOKUP(E2050&amp;F2050,団体コード!$A$1:$C$1743,2,FALSE)</f>
        <v>#N/A</v>
      </c>
      <c r="N2050" s="51" t="e">
        <f>VLOOKUP(E2050,団体コード!$E$1:$F$48,2,FALSE)</f>
        <v>#N/A</v>
      </c>
      <c r="O2050" s="51" t="e">
        <f t="shared" si="65"/>
        <v>#N/A</v>
      </c>
      <c r="P2050" s="51">
        <v>1</v>
      </c>
      <c r="Q2050" s="51" t="s">
        <v>5341</v>
      </c>
      <c r="R2050" s="54" t="b">
        <v>1</v>
      </c>
      <c r="S2050" s="52" t="s">
        <v>7126</v>
      </c>
      <c r="T2050" s="67" t="s">
        <v>7127</v>
      </c>
      <c r="U2050" s="75" t="s">
        <v>5331</v>
      </c>
      <c r="V2050" s="47" t="s">
        <v>5331</v>
      </c>
      <c r="W2050" s="47" t="s">
        <v>5331</v>
      </c>
      <c r="X2050" s="47" t="s">
        <v>5331</v>
      </c>
      <c r="Y2050" s="47" t="s">
        <v>5331</v>
      </c>
      <c r="Z2050" s="28"/>
      <c r="AA2050" s="27"/>
      <c r="AB2050" s="27"/>
      <c r="AC2050" s="27"/>
      <c r="AD2050" s="30"/>
      <c r="AE2050" s="1"/>
      <c r="AF2050" s="23" t="s">
        <v>5331</v>
      </c>
      <c r="AG2050" s="26"/>
      <c r="AH2050" s="53"/>
    </row>
    <row r="2051" spans="1:34" ht="51.6" customHeight="1" x14ac:dyDescent="0.45">
      <c r="A2051" s="23">
        <v>2045</v>
      </c>
      <c r="B2051" s="25"/>
      <c r="C2051" s="25"/>
      <c r="D2051" s="29"/>
      <c r="E2051" s="1"/>
      <c r="F2051" s="1"/>
      <c r="G2051" s="25"/>
      <c r="H2051" s="71"/>
      <c r="I2051" s="83"/>
      <c r="J2051" s="50" t="str">
        <f t="shared" si="64"/>
        <v/>
      </c>
      <c r="K2051" s="23" t="s">
        <v>7120</v>
      </c>
      <c r="L2051" s="49" t="e">
        <f>VLOOKUP(E2051&amp;F2051,団体コード!$A$1:$C$1743,3,FALSE)</f>
        <v>#N/A</v>
      </c>
      <c r="M2051" s="49" t="e">
        <f>VLOOKUP(E2051&amp;F2051,団体コード!$A$1:$C$1743,2,FALSE)</f>
        <v>#N/A</v>
      </c>
      <c r="N2051" s="51" t="e">
        <f>VLOOKUP(E2051,団体コード!$E$1:$F$48,2,FALSE)</f>
        <v>#N/A</v>
      </c>
      <c r="O2051" s="51" t="e">
        <f t="shared" si="65"/>
        <v>#N/A</v>
      </c>
      <c r="P2051" s="51">
        <v>1</v>
      </c>
      <c r="Q2051" s="51" t="s">
        <v>5341</v>
      </c>
      <c r="R2051" s="54" t="b">
        <v>1</v>
      </c>
      <c r="S2051" s="52" t="s">
        <v>7126</v>
      </c>
      <c r="T2051" s="67" t="s">
        <v>7127</v>
      </c>
      <c r="U2051" s="75" t="s">
        <v>5331</v>
      </c>
      <c r="V2051" s="47" t="s">
        <v>5331</v>
      </c>
      <c r="W2051" s="47" t="s">
        <v>5331</v>
      </c>
      <c r="X2051" s="47" t="s">
        <v>5331</v>
      </c>
      <c r="Y2051" s="47" t="s">
        <v>5331</v>
      </c>
      <c r="Z2051" s="28"/>
      <c r="AA2051" s="27"/>
      <c r="AB2051" s="27"/>
      <c r="AC2051" s="27"/>
      <c r="AD2051" s="30"/>
      <c r="AE2051" s="1"/>
      <c r="AF2051" s="23" t="s">
        <v>5331</v>
      </c>
      <c r="AG2051" s="26"/>
      <c r="AH2051" s="53"/>
    </row>
    <row r="2052" spans="1:34" ht="51.6" customHeight="1" x14ac:dyDescent="0.45">
      <c r="A2052" s="23">
        <v>2046</v>
      </c>
      <c r="B2052" s="25"/>
      <c r="C2052" s="25"/>
      <c r="D2052" s="29"/>
      <c r="E2052" s="1"/>
      <c r="F2052" s="1"/>
      <c r="G2052" s="25"/>
      <c r="H2052" s="71"/>
      <c r="I2052" s="83"/>
      <c r="J2052" s="50" t="str">
        <f t="shared" si="64"/>
        <v/>
      </c>
      <c r="K2052" s="23" t="s">
        <v>7120</v>
      </c>
      <c r="L2052" s="49" t="e">
        <f>VLOOKUP(E2052&amp;F2052,団体コード!$A$1:$C$1743,3,FALSE)</f>
        <v>#N/A</v>
      </c>
      <c r="M2052" s="49" t="e">
        <f>VLOOKUP(E2052&amp;F2052,団体コード!$A$1:$C$1743,2,FALSE)</f>
        <v>#N/A</v>
      </c>
      <c r="N2052" s="51" t="e">
        <f>VLOOKUP(E2052,団体コード!$E$1:$F$48,2,FALSE)</f>
        <v>#N/A</v>
      </c>
      <c r="O2052" s="51" t="e">
        <f t="shared" si="65"/>
        <v>#N/A</v>
      </c>
      <c r="P2052" s="51">
        <v>1</v>
      </c>
      <c r="Q2052" s="51" t="s">
        <v>5341</v>
      </c>
      <c r="R2052" s="54" t="b">
        <v>1</v>
      </c>
      <c r="S2052" s="52" t="s">
        <v>7126</v>
      </c>
      <c r="T2052" s="67" t="s">
        <v>7127</v>
      </c>
      <c r="U2052" s="75" t="s">
        <v>5331</v>
      </c>
      <c r="V2052" s="47" t="s">
        <v>5331</v>
      </c>
      <c r="W2052" s="47" t="s">
        <v>5331</v>
      </c>
      <c r="X2052" s="47" t="s">
        <v>5331</v>
      </c>
      <c r="Y2052" s="47" t="s">
        <v>5331</v>
      </c>
      <c r="Z2052" s="28"/>
      <c r="AA2052" s="27"/>
      <c r="AB2052" s="27"/>
      <c r="AC2052" s="27"/>
      <c r="AD2052" s="30"/>
      <c r="AE2052" s="1"/>
      <c r="AF2052" s="23" t="s">
        <v>5331</v>
      </c>
      <c r="AG2052" s="26"/>
      <c r="AH2052" s="53"/>
    </row>
    <row r="2053" spans="1:34" ht="51.6" customHeight="1" x14ac:dyDescent="0.45">
      <c r="A2053" s="23">
        <v>2047</v>
      </c>
      <c r="B2053" s="25"/>
      <c r="C2053" s="25"/>
      <c r="D2053" s="29"/>
      <c r="E2053" s="1"/>
      <c r="F2053" s="1"/>
      <c r="G2053" s="25"/>
      <c r="H2053" s="71"/>
      <c r="I2053" s="83"/>
      <c r="J2053" s="50" t="str">
        <f t="shared" si="64"/>
        <v/>
      </c>
      <c r="K2053" s="23" t="s">
        <v>7120</v>
      </c>
      <c r="L2053" s="49" t="e">
        <f>VLOOKUP(E2053&amp;F2053,団体コード!$A$1:$C$1743,3,FALSE)</f>
        <v>#N/A</v>
      </c>
      <c r="M2053" s="49" t="e">
        <f>VLOOKUP(E2053&amp;F2053,団体コード!$A$1:$C$1743,2,FALSE)</f>
        <v>#N/A</v>
      </c>
      <c r="N2053" s="51" t="e">
        <f>VLOOKUP(E2053,団体コード!$E$1:$F$48,2,FALSE)</f>
        <v>#N/A</v>
      </c>
      <c r="O2053" s="51" t="e">
        <f t="shared" si="65"/>
        <v>#N/A</v>
      </c>
      <c r="P2053" s="51">
        <v>1</v>
      </c>
      <c r="Q2053" s="51" t="s">
        <v>5341</v>
      </c>
      <c r="R2053" s="54" t="b">
        <v>1</v>
      </c>
      <c r="S2053" s="52" t="s">
        <v>7126</v>
      </c>
      <c r="T2053" s="67" t="s">
        <v>7127</v>
      </c>
      <c r="U2053" s="75" t="s">
        <v>5331</v>
      </c>
      <c r="V2053" s="47" t="s">
        <v>5331</v>
      </c>
      <c r="W2053" s="47" t="s">
        <v>5331</v>
      </c>
      <c r="X2053" s="47" t="s">
        <v>5331</v>
      </c>
      <c r="Y2053" s="47" t="s">
        <v>5331</v>
      </c>
      <c r="Z2053" s="28"/>
      <c r="AA2053" s="27"/>
      <c r="AB2053" s="27"/>
      <c r="AC2053" s="27"/>
      <c r="AD2053" s="30"/>
      <c r="AE2053" s="1"/>
      <c r="AF2053" s="23" t="s">
        <v>5331</v>
      </c>
      <c r="AG2053" s="26"/>
      <c r="AH2053" s="53"/>
    </row>
    <row r="2054" spans="1:34" ht="51.6" customHeight="1" x14ac:dyDescent="0.45">
      <c r="A2054" s="23">
        <v>2048</v>
      </c>
      <c r="B2054" s="25"/>
      <c r="C2054" s="25"/>
      <c r="D2054" s="29"/>
      <c r="E2054" s="1"/>
      <c r="F2054" s="1"/>
      <c r="G2054" s="25"/>
      <c r="H2054" s="71"/>
      <c r="I2054" s="83"/>
      <c r="J2054" s="50" t="str">
        <f t="shared" si="64"/>
        <v/>
      </c>
      <c r="K2054" s="23" t="s">
        <v>7120</v>
      </c>
      <c r="L2054" s="49" t="e">
        <f>VLOOKUP(E2054&amp;F2054,団体コード!$A$1:$C$1743,3,FALSE)</f>
        <v>#N/A</v>
      </c>
      <c r="M2054" s="49" t="e">
        <f>VLOOKUP(E2054&amp;F2054,団体コード!$A$1:$C$1743,2,FALSE)</f>
        <v>#N/A</v>
      </c>
      <c r="N2054" s="51" t="e">
        <f>VLOOKUP(E2054,団体コード!$E$1:$F$48,2,FALSE)</f>
        <v>#N/A</v>
      </c>
      <c r="O2054" s="51" t="e">
        <f t="shared" si="65"/>
        <v>#N/A</v>
      </c>
      <c r="P2054" s="51">
        <v>1</v>
      </c>
      <c r="Q2054" s="51" t="s">
        <v>5341</v>
      </c>
      <c r="R2054" s="54" t="b">
        <v>1</v>
      </c>
      <c r="S2054" s="52" t="s">
        <v>7126</v>
      </c>
      <c r="T2054" s="67" t="s">
        <v>7127</v>
      </c>
      <c r="U2054" s="75" t="s">
        <v>5331</v>
      </c>
      <c r="V2054" s="47" t="s">
        <v>5331</v>
      </c>
      <c r="W2054" s="47" t="s">
        <v>5331</v>
      </c>
      <c r="X2054" s="47" t="s">
        <v>5331</v>
      </c>
      <c r="Y2054" s="47" t="s">
        <v>5331</v>
      </c>
      <c r="Z2054" s="28"/>
      <c r="AA2054" s="27"/>
      <c r="AB2054" s="27"/>
      <c r="AC2054" s="27"/>
      <c r="AD2054" s="30"/>
      <c r="AE2054" s="1"/>
      <c r="AF2054" s="23" t="s">
        <v>5331</v>
      </c>
      <c r="AG2054" s="26"/>
      <c r="AH2054" s="53"/>
    </row>
    <row r="2055" spans="1:34" ht="51.6" customHeight="1" x14ac:dyDescent="0.45">
      <c r="A2055" s="23">
        <v>2049</v>
      </c>
      <c r="B2055" s="25"/>
      <c r="C2055" s="25"/>
      <c r="D2055" s="29"/>
      <c r="E2055" s="1"/>
      <c r="F2055" s="1"/>
      <c r="G2055" s="25"/>
      <c r="H2055" s="71"/>
      <c r="I2055" s="83"/>
      <c r="J2055" s="50" t="str">
        <f t="shared" si="64"/>
        <v/>
      </c>
      <c r="K2055" s="23" t="s">
        <v>7120</v>
      </c>
      <c r="L2055" s="49" t="e">
        <f>VLOOKUP(E2055&amp;F2055,団体コード!$A$1:$C$1743,3,FALSE)</f>
        <v>#N/A</v>
      </c>
      <c r="M2055" s="49" t="e">
        <f>VLOOKUP(E2055&amp;F2055,団体コード!$A$1:$C$1743,2,FALSE)</f>
        <v>#N/A</v>
      </c>
      <c r="N2055" s="51" t="e">
        <f>VLOOKUP(E2055,団体コード!$E$1:$F$48,2,FALSE)</f>
        <v>#N/A</v>
      </c>
      <c r="O2055" s="51" t="e">
        <f t="shared" si="65"/>
        <v>#N/A</v>
      </c>
      <c r="P2055" s="51">
        <v>1</v>
      </c>
      <c r="Q2055" s="51" t="s">
        <v>5341</v>
      </c>
      <c r="R2055" s="54" t="b">
        <v>1</v>
      </c>
      <c r="S2055" s="52" t="s">
        <v>7126</v>
      </c>
      <c r="T2055" s="67" t="s">
        <v>7127</v>
      </c>
      <c r="U2055" s="75" t="s">
        <v>5331</v>
      </c>
      <c r="V2055" s="47" t="s">
        <v>5331</v>
      </c>
      <c r="W2055" s="47" t="s">
        <v>5331</v>
      </c>
      <c r="X2055" s="47" t="s">
        <v>5331</v>
      </c>
      <c r="Y2055" s="47" t="s">
        <v>5331</v>
      </c>
      <c r="Z2055" s="28"/>
      <c r="AA2055" s="27"/>
      <c r="AB2055" s="27"/>
      <c r="AC2055" s="27"/>
      <c r="AD2055" s="30"/>
      <c r="AE2055" s="1"/>
      <c r="AF2055" s="23" t="s">
        <v>5331</v>
      </c>
      <c r="AG2055" s="26"/>
      <c r="AH2055" s="53"/>
    </row>
    <row r="2056" spans="1:34" ht="51.6" customHeight="1" x14ac:dyDescent="0.45">
      <c r="A2056" s="23">
        <v>2050</v>
      </c>
      <c r="B2056" s="25"/>
      <c r="C2056" s="25"/>
      <c r="D2056" s="29"/>
      <c r="E2056" s="1"/>
      <c r="F2056" s="1"/>
      <c r="G2056" s="25"/>
      <c r="H2056" s="71"/>
      <c r="I2056" s="83"/>
      <c r="J2056" s="50" t="str">
        <f t="shared" ref="J2056:J2119" si="66">E2056&amp;F2056&amp;G2056</f>
        <v/>
      </c>
      <c r="K2056" s="23" t="s">
        <v>7120</v>
      </c>
      <c r="L2056" s="49" t="e">
        <f>VLOOKUP(E2056&amp;F2056,団体コード!$A$1:$C$1743,3,FALSE)</f>
        <v>#N/A</v>
      </c>
      <c r="M2056" s="49" t="e">
        <f>VLOOKUP(E2056&amp;F2056,団体コード!$A$1:$C$1743,2,FALSE)</f>
        <v>#N/A</v>
      </c>
      <c r="N2056" s="51" t="e">
        <f>VLOOKUP(E2056,団体コード!$E$1:$F$48,2,FALSE)</f>
        <v>#N/A</v>
      </c>
      <c r="O2056" s="51" t="e">
        <f t="shared" ref="O2056:O2119" si="67">N2056</f>
        <v>#N/A</v>
      </c>
      <c r="P2056" s="51">
        <v>1</v>
      </c>
      <c r="Q2056" s="51" t="s">
        <v>5341</v>
      </c>
      <c r="R2056" s="54" t="b">
        <v>1</v>
      </c>
      <c r="S2056" s="52" t="s">
        <v>7126</v>
      </c>
      <c r="T2056" s="67" t="s">
        <v>7127</v>
      </c>
      <c r="U2056" s="75" t="s">
        <v>5331</v>
      </c>
      <c r="V2056" s="47" t="s">
        <v>5331</v>
      </c>
      <c r="W2056" s="47" t="s">
        <v>5331</v>
      </c>
      <c r="X2056" s="47" t="s">
        <v>5331</v>
      </c>
      <c r="Y2056" s="47" t="s">
        <v>5331</v>
      </c>
      <c r="Z2056" s="28"/>
      <c r="AA2056" s="27"/>
      <c r="AB2056" s="27"/>
      <c r="AC2056" s="27"/>
      <c r="AD2056" s="30"/>
      <c r="AE2056" s="1"/>
      <c r="AF2056" s="23" t="s">
        <v>5331</v>
      </c>
      <c r="AG2056" s="26"/>
      <c r="AH2056" s="53"/>
    </row>
    <row r="2057" spans="1:34" ht="51.6" customHeight="1" x14ac:dyDescent="0.45">
      <c r="A2057" s="23">
        <v>2051</v>
      </c>
      <c r="B2057" s="25"/>
      <c r="C2057" s="25"/>
      <c r="D2057" s="29"/>
      <c r="E2057" s="1"/>
      <c r="F2057" s="1"/>
      <c r="G2057" s="25"/>
      <c r="H2057" s="71"/>
      <c r="I2057" s="83"/>
      <c r="J2057" s="50" t="str">
        <f t="shared" si="66"/>
        <v/>
      </c>
      <c r="K2057" s="23" t="s">
        <v>7120</v>
      </c>
      <c r="L2057" s="49" t="e">
        <f>VLOOKUP(E2057&amp;F2057,団体コード!$A$1:$C$1743,3,FALSE)</f>
        <v>#N/A</v>
      </c>
      <c r="M2057" s="49" t="e">
        <f>VLOOKUP(E2057&amp;F2057,団体コード!$A$1:$C$1743,2,FALSE)</f>
        <v>#N/A</v>
      </c>
      <c r="N2057" s="51" t="e">
        <f>VLOOKUP(E2057,団体コード!$E$1:$F$48,2,FALSE)</f>
        <v>#N/A</v>
      </c>
      <c r="O2057" s="51" t="e">
        <f t="shared" si="67"/>
        <v>#N/A</v>
      </c>
      <c r="P2057" s="51">
        <v>1</v>
      </c>
      <c r="Q2057" s="51" t="s">
        <v>5341</v>
      </c>
      <c r="R2057" s="54" t="b">
        <v>1</v>
      </c>
      <c r="S2057" s="52" t="s">
        <v>7126</v>
      </c>
      <c r="T2057" s="67" t="s">
        <v>7127</v>
      </c>
      <c r="U2057" s="75" t="s">
        <v>5331</v>
      </c>
      <c r="V2057" s="47" t="s">
        <v>5331</v>
      </c>
      <c r="W2057" s="47" t="s">
        <v>5331</v>
      </c>
      <c r="X2057" s="47" t="s">
        <v>5331</v>
      </c>
      <c r="Y2057" s="47" t="s">
        <v>5331</v>
      </c>
      <c r="Z2057" s="28"/>
      <c r="AA2057" s="27"/>
      <c r="AB2057" s="27"/>
      <c r="AC2057" s="27"/>
      <c r="AD2057" s="30"/>
      <c r="AE2057" s="1"/>
      <c r="AF2057" s="23" t="s">
        <v>5331</v>
      </c>
      <c r="AG2057" s="26"/>
      <c r="AH2057" s="53"/>
    </row>
    <row r="2058" spans="1:34" ht="51.6" customHeight="1" x14ac:dyDescent="0.45">
      <c r="A2058" s="23">
        <v>2052</v>
      </c>
      <c r="B2058" s="25"/>
      <c r="C2058" s="25"/>
      <c r="D2058" s="29"/>
      <c r="E2058" s="1"/>
      <c r="F2058" s="1"/>
      <c r="G2058" s="25"/>
      <c r="H2058" s="71"/>
      <c r="I2058" s="83"/>
      <c r="J2058" s="50" t="str">
        <f t="shared" si="66"/>
        <v/>
      </c>
      <c r="K2058" s="23" t="s">
        <v>7120</v>
      </c>
      <c r="L2058" s="49" t="e">
        <f>VLOOKUP(E2058&amp;F2058,団体コード!$A$1:$C$1743,3,FALSE)</f>
        <v>#N/A</v>
      </c>
      <c r="M2058" s="49" t="e">
        <f>VLOOKUP(E2058&amp;F2058,団体コード!$A$1:$C$1743,2,FALSE)</f>
        <v>#N/A</v>
      </c>
      <c r="N2058" s="51" t="e">
        <f>VLOOKUP(E2058,団体コード!$E$1:$F$48,2,FALSE)</f>
        <v>#N/A</v>
      </c>
      <c r="O2058" s="51" t="e">
        <f t="shared" si="67"/>
        <v>#N/A</v>
      </c>
      <c r="P2058" s="51">
        <v>1</v>
      </c>
      <c r="Q2058" s="51" t="s">
        <v>5341</v>
      </c>
      <c r="R2058" s="54" t="b">
        <v>1</v>
      </c>
      <c r="S2058" s="52" t="s">
        <v>7126</v>
      </c>
      <c r="T2058" s="67" t="s">
        <v>7127</v>
      </c>
      <c r="U2058" s="75" t="s">
        <v>5331</v>
      </c>
      <c r="V2058" s="47" t="s">
        <v>5331</v>
      </c>
      <c r="W2058" s="47" t="s">
        <v>5331</v>
      </c>
      <c r="X2058" s="47" t="s">
        <v>5331</v>
      </c>
      <c r="Y2058" s="47" t="s">
        <v>5331</v>
      </c>
      <c r="Z2058" s="28"/>
      <c r="AA2058" s="27"/>
      <c r="AB2058" s="27"/>
      <c r="AC2058" s="27"/>
      <c r="AD2058" s="30"/>
      <c r="AE2058" s="1"/>
      <c r="AF2058" s="23" t="s">
        <v>5331</v>
      </c>
      <c r="AG2058" s="26"/>
      <c r="AH2058" s="53"/>
    </row>
    <row r="2059" spans="1:34" ht="51.6" customHeight="1" x14ac:dyDescent="0.45">
      <c r="A2059" s="23">
        <v>2053</v>
      </c>
      <c r="B2059" s="25"/>
      <c r="C2059" s="25"/>
      <c r="D2059" s="29"/>
      <c r="E2059" s="1"/>
      <c r="F2059" s="1"/>
      <c r="G2059" s="25"/>
      <c r="H2059" s="71"/>
      <c r="I2059" s="83"/>
      <c r="J2059" s="50" t="str">
        <f t="shared" si="66"/>
        <v/>
      </c>
      <c r="K2059" s="23" t="s">
        <v>7120</v>
      </c>
      <c r="L2059" s="49" t="e">
        <f>VLOOKUP(E2059&amp;F2059,団体コード!$A$1:$C$1743,3,FALSE)</f>
        <v>#N/A</v>
      </c>
      <c r="M2059" s="49" t="e">
        <f>VLOOKUP(E2059&amp;F2059,団体コード!$A$1:$C$1743,2,FALSE)</f>
        <v>#N/A</v>
      </c>
      <c r="N2059" s="51" t="e">
        <f>VLOOKUP(E2059,団体コード!$E$1:$F$48,2,FALSE)</f>
        <v>#N/A</v>
      </c>
      <c r="O2059" s="51" t="e">
        <f t="shared" si="67"/>
        <v>#N/A</v>
      </c>
      <c r="P2059" s="51">
        <v>1</v>
      </c>
      <c r="Q2059" s="51" t="s">
        <v>5341</v>
      </c>
      <c r="R2059" s="54" t="b">
        <v>1</v>
      </c>
      <c r="S2059" s="52" t="s">
        <v>7126</v>
      </c>
      <c r="T2059" s="67" t="s">
        <v>7127</v>
      </c>
      <c r="U2059" s="75" t="s">
        <v>5331</v>
      </c>
      <c r="V2059" s="47" t="s">
        <v>5331</v>
      </c>
      <c r="W2059" s="47" t="s">
        <v>5331</v>
      </c>
      <c r="X2059" s="47" t="s">
        <v>5331</v>
      </c>
      <c r="Y2059" s="47" t="s">
        <v>5331</v>
      </c>
      <c r="Z2059" s="28"/>
      <c r="AA2059" s="27"/>
      <c r="AB2059" s="27"/>
      <c r="AC2059" s="27"/>
      <c r="AD2059" s="30"/>
      <c r="AE2059" s="1"/>
      <c r="AF2059" s="23" t="s">
        <v>5331</v>
      </c>
      <c r="AG2059" s="26"/>
      <c r="AH2059" s="53"/>
    </row>
    <row r="2060" spans="1:34" ht="51.6" customHeight="1" x14ac:dyDescent="0.45">
      <c r="A2060" s="23">
        <v>2054</v>
      </c>
      <c r="B2060" s="25"/>
      <c r="C2060" s="25"/>
      <c r="D2060" s="29"/>
      <c r="E2060" s="1"/>
      <c r="F2060" s="1"/>
      <c r="G2060" s="25"/>
      <c r="H2060" s="71"/>
      <c r="I2060" s="83"/>
      <c r="J2060" s="50" t="str">
        <f t="shared" si="66"/>
        <v/>
      </c>
      <c r="K2060" s="23" t="s">
        <v>7120</v>
      </c>
      <c r="L2060" s="49" t="e">
        <f>VLOOKUP(E2060&amp;F2060,団体コード!$A$1:$C$1743,3,FALSE)</f>
        <v>#N/A</v>
      </c>
      <c r="M2060" s="49" t="e">
        <f>VLOOKUP(E2060&amp;F2060,団体コード!$A$1:$C$1743,2,FALSE)</f>
        <v>#N/A</v>
      </c>
      <c r="N2060" s="51" t="e">
        <f>VLOOKUP(E2060,団体コード!$E$1:$F$48,2,FALSE)</f>
        <v>#N/A</v>
      </c>
      <c r="O2060" s="51" t="e">
        <f t="shared" si="67"/>
        <v>#N/A</v>
      </c>
      <c r="P2060" s="51">
        <v>1</v>
      </c>
      <c r="Q2060" s="51" t="s">
        <v>5341</v>
      </c>
      <c r="R2060" s="54" t="b">
        <v>1</v>
      </c>
      <c r="S2060" s="52" t="s">
        <v>7126</v>
      </c>
      <c r="T2060" s="67" t="s">
        <v>7127</v>
      </c>
      <c r="U2060" s="75" t="s">
        <v>5331</v>
      </c>
      <c r="V2060" s="47" t="s">
        <v>5331</v>
      </c>
      <c r="W2060" s="47" t="s">
        <v>5331</v>
      </c>
      <c r="X2060" s="47" t="s">
        <v>5331</v>
      </c>
      <c r="Y2060" s="47" t="s">
        <v>5331</v>
      </c>
      <c r="Z2060" s="28"/>
      <c r="AA2060" s="27"/>
      <c r="AB2060" s="27"/>
      <c r="AC2060" s="27"/>
      <c r="AD2060" s="30"/>
      <c r="AE2060" s="1"/>
      <c r="AF2060" s="23" t="s">
        <v>5331</v>
      </c>
      <c r="AG2060" s="26"/>
      <c r="AH2060" s="53"/>
    </row>
    <row r="2061" spans="1:34" ht="51.6" customHeight="1" x14ac:dyDescent="0.45">
      <c r="A2061" s="23">
        <v>2055</v>
      </c>
      <c r="B2061" s="25"/>
      <c r="C2061" s="25"/>
      <c r="D2061" s="29"/>
      <c r="E2061" s="1"/>
      <c r="F2061" s="1"/>
      <c r="G2061" s="25"/>
      <c r="H2061" s="71"/>
      <c r="I2061" s="83"/>
      <c r="J2061" s="50" t="str">
        <f t="shared" si="66"/>
        <v/>
      </c>
      <c r="K2061" s="23" t="s">
        <v>7120</v>
      </c>
      <c r="L2061" s="49" t="e">
        <f>VLOOKUP(E2061&amp;F2061,団体コード!$A$1:$C$1743,3,FALSE)</f>
        <v>#N/A</v>
      </c>
      <c r="M2061" s="49" t="e">
        <f>VLOOKUP(E2061&amp;F2061,団体コード!$A$1:$C$1743,2,FALSE)</f>
        <v>#N/A</v>
      </c>
      <c r="N2061" s="51" t="e">
        <f>VLOOKUP(E2061,団体コード!$E$1:$F$48,2,FALSE)</f>
        <v>#N/A</v>
      </c>
      <c r="O2061" s="51" t="e">
        <f t="shared" si="67"/>
        <v>#N/A</v>
      </c>
      <c r="P2061" s="51">
        <v>1</v>
      </c>
      <c r="Q2061" s="51" t="s">
        <v>5341</v>
      </c>
      <c r="R2061" s="54" t="b">
        <v>1</v>
      </c>
      <c r="S2061" s="52" t="s">
        <v>7126</v>
      </c>
      <c r="T2061" s="67" t="s">
        <v>7127</v>
      </c>
      <c r="U2061" s="75" t="s">
        <v>5331</v>
      </c>
      <c r="V2061" s="47" t="s">
        <v>5331</v>
      </c>
      <c r="W2061" s="47" t="s">
        <v>5331</v>
      </c>
      <c r="X2061" s="47" t="s">
        <v>5331</v>
      </c>
      <c r="Y2061" s="47" t="s">
        <v>5331</v>
      </c>
      <c r="Z2061" s="28"/>
      <c r="AA2061" s="27"/>
      <c r="AB2061" s="27"/>
      <c r="AC2061" s="27"/>
      <c r="AD2061" s="30"/>
      <c r="AE2061" s="1"/>
      <c r="AF2061" s="23" t="s">
        <v>5331</v>
      </c>
      <c r="AG2061" s="26"/>
      <c r="AH2061" s="53"/>
    </row>
    <row r="2062" spans="1:34" ht="51.6" customHeight="1" x14ac:dyDescent="0.45">
      <c r="A2062" s="23">
        <v>2056</v>
      </c>
      <c r="B2062" s="25"/>
      <c r="C2062" s="25"/>
      <c r="D2062" s="29"/>
      <c r="E2062" s="1"/>
      <c r="F2062" s="1"/>
      <c r="G2062" s="25"/>
      <c r="H2062" s="71"/>
      <c r="I2062" s="83"/>
      <c r="J2062" s="50" t="str">
        <f t="shared" si="66"/>
        <v/>
      </c>
      <c r="K2062" s="23" t="s">
        <v>7120</v>
      </c>
      <c r="L2062" s="49" t="e">
        <f>VLOOKUP(E2062&amp;F2062,団体コード!$A$1:$C$1743,3,FALSE)</f>
        <v>#N/A</v>
      </c>
      <c r="M2062" s="49" t="e">
        <f>VLOOKUP(E2062&amp;F2062,団体コード!$A$1:$C$1743,2,FALSE)</f>
        <v>#N/A</v>
      </c>
      <c r="N2062" s="51" t="e">
        <f>VLOOKUP(E2062,団体コード!$E$1:$F$48,2,FALSE)</f>
        <v>#N/A</v>
      </c>
      <c r="O2062" s="51" t="e">
        <f t="shared" si="67"/>
        <v>#N/A</v>
      </c>
      <c r="P2062" s="51">
        <v>1</v>
      </c>
      <c r="Q2062" s="51" t="s">
        <v>5341</v>
      </c>
      <c r="R2062" s="54" t="b">
        <v>1</v>
      </c>
      <c r="S2062" s="52" t="s">
        <v>7126</v>
      </c>
      <c r="T2062" s="67" t="s">
        <v>7127</v>
      </c>
      <c r="U2062" s="75" t="s">
        <v>5331</v>
      </c>
      <c r="V2062" s="47" t="s">
        <v>5331</v>
      </c>
      <c r="W2062" s="47" t="s">
        <v>5331</v>
      </c>
      <c r="X2062" s="47" t="s">
        <v>5331</v>
      </c>
      <c r="Y2062" s="47" t="s">
        <v>5331</v>
      </c>
      <c r="Z2062" s="28"/>
      <c r="AA2062" s="27"/>
      <c r="AB2062" s="27"/>
      <c r="AC2062" s="27"/>
      <c r="AD2062" s="30"/>
      <c r="AE2062" s="1"/>
      <c r="AF2062" s="23" t="s">
        <v>5331</v>
      </c>
      <c r="AG2062" s="26"/>
      <c r="AH2062" s="53"/>
    </row>
    <row r="2063" spans="1:34" ht="51.6" customHeight="1" x14ac:dyDescent="0.45">
      <c r="A2063" s="23">
        <v>2057</v>
      </c>
      <c r="B2063" s="25"/>
      <c r="C2063" s="25"/>
      <c r="D2063" s="29"/>
      <c r="E2063" s="1"/>
      <c r="F2063" s="1"/>
      <c r="G2063" s="25"/>
      <c r="H2063" s="71"/>
      <c r="I2063" s="83"/>
      <c r="J2063" s="50" t="str">
        <f t="shared" si="66"/>
        <v/>
      </c>
      <c r="K2063" s="23" t="s">
        <v>7120</v>
      </c>
      <c r="L2063" s="49" t="e">
        <f>VLOOKUP(E2063&amp;F2063,団体コード!$A$1:$C$1743,3,FALSE)</f>
        <v>#N/A</v>
      </c>
      <c r="M2063" s="49" t="e">
        <f>VLOOKUP(E2063&amp;F2063,団体コード!$A$1:$C$1743,2,FALSE)</f>
        <v>#N/A</v>
      </c>
      <c r="N2063" s="51" t="e">
        <f>VLOOKUP(E2063,団体コード!$E$1:$F$48,2,FALSE)</f>
        <v>#N/A</v>
      </c>
      <c r="O2063" s="51" t="e">
        <f t="shared" si="67"/>
        <v>#N/A</v>
      </c>
      <c r="P2063" s="51">
        <v>1</v>
      </c>
      <c r="Q2063" s="51" t="s">
        <v>5341</v>
      </c>
      <c r="R2063" s="54" t="b">
        <v>1</v>
      </c>
      <c r="S2063" s="52" t="s">
        <v>7126</v>
      </c>
      <c r="T2063" s="67" t="s">
        <v>7127</v>
      </c>
      <c r="U2063" s="75" t="s">
        <v>5331</v>
      </c>
      <c r="V2063" s="47" t="s">
        <v>5331</v>
      </c>
      <c r="W2063" s="47" t="s">
        <v>5331</v>
      </c>
      <c r="X2063" s="47" t="s">
        <v>5331</v>
      </c>
      <c r="Y2063" s="47" t="s">
        <v>5331</v>
      </c>
      <c r="Z2063" s="28"/>
      <c r="AA2063" s="27"/>
      <c r="AB2063" s="27"/>
      <c r="AC2063" s="27"/>
      <c r="AD2063" s="30"/>
      <c r="AE2063" s="1"/>
      <c r="AF2063" s="23" t="s">
        <v>5331</v>
      </c>
      <c r="AG2063" s="26"/>
      <c r="AH2063" s="53"/>
    </row>
    <row r="2064" spans="1:34" ht="51.6" customHeight="1" x14ac:dyDescent="0.45">
      <c r="A2064" s="23">
        <v>2058</v>
      </c>
      <c r="B2064" s="25"/>
      <c r="C2064" s="25"/>
      <c r="D2064" s="29"/>
      <c r="E2064" s="1"/>
      <c r="F2064" s="1"/>
      <c r="G2064" s="25"/>
      <c r="H2064" s="71"/>
      <c r="I2064" s="83"/>
      <c r="J2064" s="50" t="str">
        <f t="shared" si="66"/>
        <v/>
      </c>
      <c r="K2064" s="23" t="s">
        <v>7120</v>
      </c>
      <c r="L2064" s="49" t="e">
        <f>VLOOKUP(E2064&amp;F2064,団体コード!$A$1:$C$1743,3,FALSE)</f>
        <v>#N/A</v>
      </c>
      <c r="M2064" s="49" t="e">
        <f>VLOOKUP(E2064&amp;F2064,団体コード!$A$1:$C$1743,2,FALSE)</f>
        <v>#N/A</v>
      </c>
      <c r="N2064" s="51" t="e">
        <f>VLOOKUP(E2064,団体コード!$E$1:$F$48,2,FALSE)</f>
        <v>#N/A</v>
      </c>
      <c r="O2064" s="51" t="e">
        <f t="shared" si="67"/>
        <v>#N/A</v>
      </c>
      <c r="P2064" s="51">
        <v>1</v>
      </c>
      <c r="Q2064" s="51" t="s">
        <v>5341</v>
      </c>
      <c r="R2064" s="54" t="b">
        <v>1</v>
      </c>
      <c r="S2064" s="52" t="s">
        <v>7126</v>
      </c>
      <c r="T2064" s="67" t="s">
        <v>7127</v>
      </c>
      <c r="U2064" s="75" t="s">
        <v>5331</v>
      </c>
      <c r="V2064" s="47" t="s">
        <v>5331</v>
      </c>
      <c r="W2064" s="47" t="s">
        <v>5331</v>
      </c>
      <c r="X2064" s="47" t="s">
        <v>5331</v>
      </c>
      <c r="Y2064" s="47" t="s">
        <v>5331</v>
      </c>
      <c r="Z2064" s="28"/>
      <c r="AA2064" s="27"/>
      <c r="AB2064" s="27"/>
      <c r="AC2064" s="27"/>
      <c r="AD2064" s="30"/>
      <c r="AE2064" s="1"/>
      <c r="AF2064" s="23" t="s">
        <v>5331</v>
      </c>
      <c r="AG2064" s="26"/>
      <c r="AH2064" s="53"/>
    </row>
    <row r="2065" spans="1:34" ht="51.6" customHeight="1" x14ac:dyDescent="0.45">
      <c r="A2065" s="23">
        <v>2059</v>
      </c>
      <c r="B2065" s="25"/>
      <c r="C2065" s="25"/>
      <c r="D2065" s="29"/>
      <c r="E2065" s="1"/>
      <c r="F2065" s="1"/>
      <c r="G2065" s="25"/>
      <c r="H2065" s="71"/>
      <c r="I2065" s="83"/>
      <c r="J2065" s="50" t="str">
        <f t="shared" si="66"/>
        <v/>
      </c>
      <c r="K2065" s="23" t="s">
        <v>7120</v>
      </c>
      <c r="L2065" s="49" t="e">
        <f>VLOOKUP(E2065&amp;F2065,団体コード!$A$1:$C$1743,3,FALSE)</f>
        <v>#N/A</v>
      </c>
      <c r="M2065" s="49" t="e">
        <f>VLOOKUP(E2065&amp;F2065,団体コード!$A$1:$C$1743,2,FALSE)</f>
        <v>#N/A</v>
      </c>
      <c r="N2065" s="51" t="e">
        <f>VLOOKUP(E2065,団体コード!$E$1:$F$48,2,FALSE)</f>
        <v>#N/A</v>
      </c>
      <c r="O2065" s="51" t="e">
        <f t="shared" si="67"/>
        <v>#N/A</v>
      </c>
      <c r="P2065" s="51">
        <v>1</v>
      </c>
      <c r="Q2065" s="51" t="s">
        <v>5341</v>
      </c>
      <c r="R2065" s="54" t="b">
        <v>1</v>
      </c>
      <c r="S2065" s="52" t="s">
        <v>7126</v>
      </c>
      <c r="T2065" s="67" t="s">
        <v>7127</v>
      </c>
      <c r="U2065" s="75" t="s">
        <v>5331</v>
      </c>
      <c r="V2065" s="47" t="s">
        <v>5331</v>
      </c>
      <c r="W2065" s="47" t="s">
        <v>5331</v>
      </c>
      <c r="X2065" s="47" t="s">
        <v>5331</v>
      </c>
      <c r="Y2065" s="47" t="s">
        <v>5331</v>
      </c>
      <c r="Z2065" s="28"/>
      <c r="AA2065" s="27"/>
      <c r="AB2065" s="27"/>
      <c r="AC2065" s="27"/>
      <c r="AD2065" s="30"/>
      <c r="AE2065" s="1"/>
      <c r="AF2065" s="23" t="s">
        <v>5331</v>
      </c>
      <c r="AG2065" s="26"/>
      <c r="AH2065" s="53"/>
    </row>
    <row r="2066" spans="1:34" ht="51.6" customHeight="1" x14ac:dyDescent="0.45">
      <c r="A2066" s="23">
        <v>2060</v>
      </c>
      <c r="B2066" s="25"/>
      <c r="C2066" s="25"/>
      <c r="D2066" s="29"/>
      <c r="E2066" s="1"/>
      <c r="F2066" s="1"/>
      <c r="G2066" s="25"/>
      <c r="H2066" s="71"/>
      <c r="I2066" s="83"/>
      <c r="J2066" s="50" t="str">
        <f t="shared" si="66"/>
        <v/>
      </c>
      <c r="K2066" s="23" t="s">
        <v>7120</v>
      </c>
      <c r="L2066" s="49" t="e">
        <f>VLOOKUP(E2066&amp;F2066,団体コード!$A$1:$C$1743,3,FALSE)</f>
        <v>#N/A</v>
      </c>
      <c r="M2066" s="49" t="e">
        <f>VLOOKUP(E2066&amp;F2066,団体コード!$A$1:$C$1743,2,FALSE)</f>
        <v>#N/A</v>
      </c>
      <c r="N2066" s="51" t="e">
        <f>VLOOKUP(E2066,団体コード!$E$1:$F$48,2,FALSE)</f>
        <v>#N/A</v>
      </c>
      <c r="O2066" s="51" t="e">
        <f t="shared" si="67"/>
        <v>#N/A</v>
      </c>
      <c r="P2066" s="51">
        <v>1</v>
      </c>
      <c r="Q2066" s="51" t="s">
        <v>5341</v>
      </c>
      <c r="R2066" s="54" t="b">
        <v>1</v>
      </c>
      <c r="S2066" s="52" t="s">
        <v>7126</v>
      </c>
      <c r="T2066" s="67" t="s">
        <v>7127</v>
      </c>
      <c r="U2066" s="75" t="s">
        <v>5331</v>
      </c>
      <c r="V2066" s="47" t="s">
        <v>5331</v>
      </c>
      <c r="W2066" s="47" t="s">
        <v>5331</v>
      </c>
      <c r="X2066" s="47" t="s">
        <v>5331</v>
      </c>
      <c r="Y2066" s="47" t="s">
        <v>5331</v>
      </c>
      <c r="Z2066" s="28"/>
      <c r="AA2066" s="27"/>
      <c r="AB2066" s="27"/>
      <c r="AC2066" s="27"/>
      <c r="AD2066" s="30"/>
      <c r="AE2066" s="1"/>
      <c r="AF2066" s="23" t="s">
        <v>5331</v>
      </c>
      <c r="AG2066" s="26"/>
      <c r="AH2066" s="53"/>
    </row>
    <row r="2067" spans="1:34" ht="51.6" customHeight="1" x14ac:dyDescent="0.45">
      <c r="A2067" s="23">
        <v>2061</v>
      </c>
      <c r="B2067" s="25"/>
      <c r="C2067" s="25"/>
      <c r="D2067" s="29"/>
      <c r="E2067" s="1"/>
      <c r="F2067" s="1"/>
      <c r="G2067" s="25"/>
      <c r="H2067" s="71"/>
      <c r="I2067" s="83"/>
      <c r="J2067" s="50" t="str">
        <f t="shared" si="66"/>
        <v/>
      </c>
      <c r="K2067" s="23" t="s">
        <v>7120</v>
      </c>
      <c r="L2067" s="49" t="e">
        <f>VLOOKUP(E2067&amp;F2067,団体コード!$A$1:$C$1743,3,FALSE)</f>
        <v>#N/A</v>
      </c>
      <c r="M2067" s="49" t="e">
        <f>VLOOKUP(E2067&amp;F2067,団体コード!$A$1:$C$1743,2,FALSE)</f>
        <v>#N/A</v>
      </c>
      <c r="N2067" s="51" t="e">
        <f>VLOOKUP(E2067,団体コード!$E$1:$F$48,2,FALSE)</f>
        <v>#N/A</v>
      </c>
      <c r="O2067" s="51" t="e">
        <f t="shared" si="67"/>
        <v>#N/A</v>
      </c>
      <c r="P2067" s="51">
        <v>1</v>
      </c>
      <c r="Q2067" s="51" t="s">
        <v>5341</v>
      </c>
      <c r="R2067" s="54" t="b">
        <v>1</v>
      </c>
      <c r="S2067" s="52" t="s">
        <v>7126</v>
      </c>
      <c r="T2067" s="67" t="s">
        <v>7127</v>
      </c>
      <c r="U2067" s="75" t="s">
        <v>5331</v>
      </c>
      <c r="V2067" s="47" t="s">
        <v>5331</v>
      </c>
      <c r="W2067" s="47" t="s">
        <v>5331</v>
      </c>
      <c r="X2067" s="47" t="s">
        <v>5331</v>
      </c>
      <c r="Y2067" s="47" t="s">
        <v>5331</v>
      </c>
      <c r="Z2067" s="28"/>
      <c r="AA2067" s="27"/>
      <c r="AB2067" s="27"/>
      <c r="AC2067" s="27"/>
      <c r="AD2067" s="30"/>
      <c r="AE2067" s="1"/>
      <c r="AF2067" s="23" t="s">
        <v>5331</v>
      </c>
      <c r="AG2067" s="26"/>
      <c r="AH2067" s="53"/>
    </row>
    <row r="2068" spans="1:34" ht="51.6" customHeight="1" x14ac:dyDescent="0.45">
      <c r="A2068" s="23">
        <v>2062</v>
      </c>
      <c r="B2068" s="25"/>
      <c r="C2068" s="25"/>
      <c r="D2068" s="29"/>
      <c r="E2068" s="1"/>
      <c r="F2068" s="1"/>
      <c r="G2068" s="25"/>
      <c r="H2068" s="71"/>
      <c r="I2068" s="83"/>
      <c r="J2068" s="50" t="str">
        <f t="shared" si="66"/>
        <v/>
      </c>
      <c r="K2068" s="23" t="s">
        <v>7120</v>
      </c>
      <c r="L2068" s="49" t="e">
        <f>VLOOKUP(E2068&amp;F2068,団体コード!$A$1:$C$1743,3,FALSE)</f>
        <v>#N/A</v>
      </c>
      <c r="M2068" s="49" t="e">
        <f>VLOOKUP(E2068&amp;F2068,団体コード!$A$1:$C$1743,2,FALSE)</f>
        <v>#N/A</v>
      </c>
      <c r="N2068" s="51" t="e">
        <f>VLOOKUP(E2068,団体コード!$E$1:$F$48,2,FALSE)</f>
        <v>#N/A</v>
      </c>
      <c r="O2068" s="51" t="e">
        <f t="shared" si="67"/>
        <v>#N/A</v>
      </c>
      <c r="P2068" s="51">
        <v>1</v>
      </c>
      <c r="Q2068" s="51" t="s">
        <v>5341</v>
      </c>
      <c r="R2068" s="54" t="b">
        <v>1</v>
      </c>
      <c r="S2068" s="52" t="s">
        <v>7126</v>
      </c>
      <c r="T2068" s="67" t="s">
        <v>7127</v>
      </c>
      <c r="U2068" s="75" t="s">
        <v>5331</v>
      </c>
      <c r="V2068" s="47" t="s">
        <v>5331</v>
      </c>
      <c r="W2068" s="47" t="s">
        <v>5331</v>
      </c>
      <c r="X2068" s="47" t="s">
        <v>5331</v>
      </c>
      <c r="Y2068" s="47" t="s">
        <v>5331</v>
      </c>
      <c r="Z2068" s="28"/>
      <c r="AA2068" s="27"/>
      <c r="AB2068" s="27"/>
      <c r="AC2068" s="27"/>
      <c r="AD2068" s="30"/>
      <c r="AE2068" s="1"/>
      <c r="AF2068" s="23" t="s">
        <v>5331</v>
      </c>
      <c r="AG2068" s="26"/>
      <c r="AH2068" s="53"/>
    </row>
    <row r="2069" spans="1:34" ht="51.6" customHeight="1" x14ac:dyDescent="0.45">
      <c r="A2069" s="23">
        <v>2063</v>
      </c>
      <c r="B2069" s="25"/>
      <c r="C2069" s="25"/>
      <c r="D2069" s="29"/>
      <c r="E2069" s="1"/>
      <c r="F2069" s="1"/>
      <c r="G2069" s="25"/>
      <c r="H2069" s="71"/>
      <c r="I2069" s="83"/>
      <c r="J2069" s="50" t="str">
        <f t="shared" si="66"/>
        <v/>
      </c>
      <c r="K2069" s="23" t="s">
        <v>7120</v>
      </c>
      <c r="L2069" s="49" t="e">
        <f>VLOOKUP(E2069&amp;F2069,団体コード!$A$1:$C$1743,3,FALSE)</f>
        <v>#N/A</v>
      </c>
      <c r="M2069" s="49" t="e">
        <f>VLOOKUP(E2069&amp;F2069,団体コード!$A$1:$C$1743,2,FALSE)</f>
        <v>#N/A</v>
      </c>
      <c r="N2069" s="51" t="e">
        <f>VLOOKUP(E2069,団体コード!$E$1:$F$48,2,FALSE)</f>
        <v>#N/A</v>
      </c>
      <c r="O2069" s="51" t="e">
        <f t="shared" si="67"/>
        <v>#N/A</v>
      </c>
      <c r="P2069" s="51">
        <v>1</v>
      </c>
      <c r="Q2069" s="51" t="s">
        <v>5341</v>
      </c>
      <c r="R2069" s="54" t="b">
        <v>1</v>
      </c>
      <c r="S2069" s="52" t="s">
        <v>7126</v>
      </c>
      <c r="T2069" s="67" t="s">
        <v>7127</v>
      </c>
      <c r="U2069" s="75" t="s">
        <v>5331</v>
      </c>
      <c r="V2069" s="47" t="s">
        <v>5331</v>
      </c>
      <c r="W2069" s="47" t="s">
        <v>5331</v>
      </c>
      <c r="X2069" s="47" t="s">
        <v>5331</v>
      </c>
      <c r="Y2069" s="47" t="s">
        <v>5331</v>
      </c>
      <c r="Z2069" s="28"/>
      <c r="AA2069" s="27"/>
      <c r="AB2069" s="27"/>
      <c r="AC2069" s="27"/>
      <c r="AD2069" s="30"/>
      <c r="AE2069" s="1"/>
      <c r="AF2069" s="23" t="s">
        <v>5331</v>
      </c>
      <c r="AG2069" s="26"/>
      <c r="AH2069" s="53"/>
    </row>
    <row r="2070" spans="1:34" ht="51.6" customHeight="1" x14ac:dyDescent="0.45">
      <c r="A2070" s="23">
        <v>2064</v>
      </c>
      <c r="B2070" s="25"/>
      <c r="C2070" s="25"/>
      <c r="D2070" s="29"/>
      <c r="E2070" s="1"/>
      <c r="F2070" s="1"/>
      <c r="G2070" s="25"/>
      <c r="H2070" s="71"/>
      <c r="I2070" s="83"/>
      <c r="J2070" s="50" t="str">
        <f t="shared" si="66"/>
        <v/>
      </c>
      <c r="K2070" s="23" t="s">
        <v>7120</v>
      </c>
      <c r="L2070" s="49" t="e">
        <f>VLOOKUP(E2070&amp;F2070,団体コード!$A$1:$C$1743,3,FALSE)</f>
        <v>#N/A</v>
      </c>
      <c r="M2070" s="49" t="e">
        <f>VLOOKUP(E2070&amp;F2070,団体コード!$A$1:$C$1743,2,FALSE)</f>
        <v>#N/A</v>
      </c>
      <c r="N2070" s="51" t="e">
        <f>VLOOKUP(E2070,団体コード!$E$1:$F$48,2,FALSE)</f>
        <v>#N/A</v>
      </c>
      <c r="O2070" s="51" t="e">
        <f t="shared" si="67"/>
        <v>#N/A</v>
      </c>
      <c r="P2070" s="51">
        <v>1</v>
      </c>
      <c r="Q2070" s="51" t="s">
        <v>5341</v>
      </c>
      <c r="R2070" s="54" t="b">
        <v>1</v>
      </c>
      <c r="S2070" s="52" t="s">
        <v>7126</v>
      </c>
      <c r="T2070" s="67" t="s">
        <v>7127</v>
      </c>
      <c r="U2070" s="75" t="s">
        <v>5331</v>
      </c>
      <c r="V2070" s="47" t="s">
        <v>5331</v>
      </c>
      <c r="W2070" s="47" t="s">
        <v>5331</v>
      </c>
      <c r="X2070" s="47" t="s">
        <v>5331</v>
      </c>
      <c r="Y2070" s="47" t="s">
        <v>5331</v>
      </c>
      <c r="Z2070" s="28"/>
      <c r="AA2070" s="27"/>
      <c r="AB2070" s="27"/>
      <c r="AC2070" s="27"/>
      <c r="AD2070" s="30"/>
      <c r="AE2070" s="1"/>
      <c r="AF2070" s="23" t="s">
        <v>5331</v>
      </c>
      <c r="AG2070" s="26"/>
      <c r="AH2070" s="53"/>
    </row>
    <row r="2071" spans="1:34" ht="51.6" customHeight="1" x14ac:dyDescent="0.45">
      <c r="A2071" s="23">
        <v>2065</v>
      </c>
      <c r="B2071" s="25"/>
      <c r="C2071" s="25"/>
      <c r="D2071" s="29"/>
      <c r="E2071" s="1"/>
      <c r="F2071" s="1"/>
      <c r="G2071" s="25"/>
      <c r="H2071" s="71"/>
      <c r="I2071" s="83"/>
      <c r="J2071" s="50" t="str">
        <f t="shared" si="66"/>
        <v/>
      </c>
      <c r="K2071" s="23" t="s">
        <v>7120</v>
      </c>
      <c r="L2071" s="49" t="e">
        <f>VLOOKUP(E2071&amp;F2071,団体コード!$A$1:$C$1743,3,FALSE)</f>
        <v>#N/A</v>
      </c>
      <c r="M2071" s="49" t="e">
        <f>VLOOKUP(E2071&amp;F2071,団体コード!$A$1:$C$1743,2,FALSE)</f>
        <v>#N/A</v>
      </c>
      <c r="N2071" s="51" t="e">
        <f>VLOOKUP(E2071,団体コード!$E$1:$F$48,2,FALSE)</f>
        <v>#N/A</v>
      </c>
      <c r="O2071" s="51" t="e">
        <f t="shared" si="67"/>
        <v>#N/A</v>
      </c>
      <c r="P2071" s="51">
        <v>1</v>
      </c>
      <c r="Q2071" s="51" t="s">
        <v>5341</v>
      </c>
      <c r="R2071" s="54" t="b">
        <v>1</v>
      </c>
      <c r="S2071" s="52" t="s">
        <v>7126</v>
      </c>
      <c r="T2071" s="67" t="s">
        <v>7127</v>
      </c>
      <c r="U2071" s="75" t="s">
        <v>5331</v>
      </c>
      <c r="V2071" s="47" t="s">
        <v>5331</v>
      </c>
      <c r="W2071" s="47" t="s">
        <v>5331</v>
      </c>
      <c r="X2071" s="47" t="s">
        <v>5331</v>
      </c>
      <c r="Y2071" s="47" t="s">
        <v>5331</v>
      </c>
      <c r="Z2071" s="28"/>
      <c r="AA2071" s="27"/>
      <c r="AB2071" s="27"/>
      <c r="AC2071" s="27"/>
      <c r="AD2071" s="30"/>
      <c r="AE2071" s="1"/>
      <c r="AF2071" s="23" t="s">
        <v>5331</v>
      </c>
      <c r="AG2071" s="26"/>
      <c r="AH2071" s="53"/>
    </row>
    <row r="2072" spans="1:34" ht="51.6" customHeight="1" x14ac:dyDescent="0.45">
      <c r="A2072" s="23">
        <v>2066</v>
      </c>
      <c r="B2072" s="25"/>
      <c r="C2072" s="25"/>
      <c r="D2072" s="29"/>
      <c r="E2072" s="1"/>
      <c r="F2072" s="1"/>
      <c r="G2072" s="25"/>
      <c r="H2072" s="71"/>
      <c r="I2072" s="83"/>
      <c r="J2072" s="50" t="str">
        <f t="shared" si="66"/>
        <v/>
      </c>
      <c r="K2072" s="23" t="s">
        <v>7120</v>
      </c>
      <c r="L2072" s="49" t="e">
        <f>VLOOKUP(E2072&amp;F2072,団体コード!$A$1:$C$1743,3,FALSE)</f>
        <v>#N/A</v>
      </c>
      <c r="M2072" s="49" t="e">
        <f>VLOOKUP(E2072&amp;F2072,団体コード!$A$1:$C$1743,2,FALSE)</f>
        <v>#N/A</v>
      </c>
      <c r="N2072" s="51" t="e">
        <f>VLOOKUP(E2072,団体コード!$E$1:$F$48,2,FALSE)</f>
        <v>#N/A</v>
      </c>
      <c r="O2072" s="51" t="e">
        <f t="shared" si="67"/>
        <v>#N/A</v>
      </c>
      <c r="P2072" s="51">
        <v>1</v>
      </c>
      <c r="Q2072" s="51" t="s">
        <v>5341</v>
      </c>
      <c r="R2072" s="54" t="b">
        <v>1</v>
      </c>
      <c r="S2072" s="52" t="s">
        <v>7126</v>
      </c>
      <c r="T2072" s="67" t="s">
        <v>7127</v>
      </c>
      <c r="U2072" s="75" t="s">
        <v>5331</v>
      </c>
      <c r="V2072" s="47" t="s">
        <v>5331</v>
      </c>
      <c r="W2072" s="47" t="s">
        <v>5331</v>
      </c>
      <c r="X2072" s="47" t="s">
        <v>5331</v>
      </c>
      <c r="Y2072" s="47" t="s">
        <v>5331</v>
      </c>
      <c r="Z2072" s="28"/>
      <c r="AA2072" s="27"/>
      <c r="AB2072" s="27"/>
      <c r="AC2072" s="27"/>
      <c r="AD2072" s="30"/>
      <c r="AE2072" s="1"/>
      <c r="AF2072" s="23" t="s">
        <v>5331</v>
      </c>
      <c r="AG2072" s="26"/>
      <c r="AH2072" s="53"/>
    </row>
    <row r="2073" spans="1:34" ht="51.6" customHeight="1" x14ac:dyDescent="0.45">
      <c r="A2073" s="23">
        <v>2067</v>
      </c>
      <c r="B2073" s="25"/>
      <c r="C2073" s="25"/>
      <c r="D2073" s="29"/>
      <c r="E2073" s="1"/>
      <c r="F2073" s="1"/>
      <c r="G2073" s="25"/>
      <c r="H2073" s="71"/>
      <c r="I2073" s="83"/>
      <c r="J2073" s="50" t="str">
        <f t="shared" si="66"/>
        <v/>
      </c>
      <c r="K2073" s="23" t="s">
        <v>7120</v>
      </c>
      <c r="L2073" s="49" t="e">
        <f>VLOOKUP(E2073&amp;F2073,団体コード!$A$1:$C$1743,3,FALSE)</f>
        <v>#N/A</v>
      </c>
      <c r="M2073" s="49" t="e">
        <f>VLOOKUP(E2073&amp;F2073,団体コード!$A$1:$C$1743,2,FALSE)</f>
        <v>#N/A</v>
      </c>
      <c r="N2073" s="51" t="e">
        <f>VLOOKUP(E2073,団体コード!$E$1:$F$48,2,FALSE)</f>
        <v>#N/A</v>
      </c>
      <c r="O2073" s="51" t="e">
        <f t="shared" si="67"/>
        <v>#N/A</v>
      </c>
      <c r="P2073" s="51">
        <v>1</v>
      </c>
      <c r="Q2073" s="51" t="s">
        <v>5341</v>
      </c>
      <c r="R2073" s="54" t="b">
        <v>1</v>
      </c>
      <c r="S2073" s="52" t="s">
        <v>7126</v>
      </c>
      <c r="T2073" s="67" t="s">
        <v>7127</v>
      </c>
      <c r="U2073" s="75" t="s">
        <v>5331</v>
      </c>
      <c r="V2073" s="47" t="s">
        <v>5331</v>
      </c>
      <c r="W2073" s="47" t="s">
        <v>5331</v>
      </c>
      <c r="X2073" s="47" t="s">
        <v>5331</v>
      </c>
      <c r="Y2073" s="47" t="s">
        <v>5331</v>
      </c>
      <c r="Z2073" s="28"/>
      <c r="AA2073" s="27"/>
      <c r="AB2073" s="27"/>
      <c r="AC2073" s="27"/>
      <c r="AD2073" s="30"/>
      <c r="AE2073" s="1"/>
      <c r="AF2073" s="23" t="s">
        <v>5331</v>
      </c>
      <c r="AG2073" s="26"/>
      <c r="AH2073" s="53"/>
    </row>
    <row r="2074" spans="1:34" ht="51.6" customHeight="1" x14ac:dyDescent="0.45">
      <c r="A2074" s="23">
        <v>2068</v>
      </c>
      <c r="B2074" s="25"/>
      <c r="C2074" s="25"/>
      <c r="D2074" s="29"/>
      <c r="E2074" s="1"/>
      <c r="F2074" s="1"/>
      <c r="G2074" s="25"/>
      <c r="H2074" s="71"/>
      <c r="I2074" s="83"/>
      <c r="J2074" s="50" t="str">
        <f t="shared" si="66"/>
        <v/>
      </c>
      <c r="K2074" s="23" t="s">
        <v>7120</v>
      </c>
      <c r="L2074" s="49" t="e">
        <f>VLOOKUP(E2074&amp;F2074,団体コード!$A$1:$C$1743,3,FALSE)</f>
        <v>#N/A</v>
      </c>
      <c r="M2074" s="49" t="e">
        <f>VLOOKUP(E2074&amp;F2074,団体コード!$A$1:$C$1743,2,FALSE)</f>
        <v>#N/A</v>
      </c>
      <c r="N2074" s="51" t="e">
        <f>VLOOKUP(E2074,団体コード!$E$1:$F$48,2,FALSE)</f>
        <v>#N/A</v>
      </c>
      <c r="O2074" s="51" t="e">
        <f t="shared" si="67"/>
        <v>#N/A</v>
      </c>
      <c r="P2074" s="51">
        <v>1</v>
      </c>
      <c r="Q2074" s="51" t="s">
        <v>5341</v>
      </c>
      <c r="R2074" s="54" t="b">
        <v>1</v>
      </c>
      <c r="S2074" s="52" t="s">
        <v>7126</v>
      </c>
      <c r="T2074" s="67" t="s">
        <v>7127</v>
      </c>
      <c r="U2074" s="75" t="s">
        <v>5331</v>
      </c>
      <c r="V2074" s="47" t="s">
        <v>5331</v>
      </c>
      <c r="W2074" s="47" t="s">
        <v>5331</v>
      </c>
      <c r="X2074" s="47" t="s">
        <v>5331</v>
      </c>
      <c r="Y2074" s="47" t="s">
        <v>5331</v>
      </c>
      <c r="Z2074" s="28"/>
      <c r="AA2074" s="27"/>
      <c r="AB2074" s="27"/>
      <c r="AC2074" s="27"/>
      <c r="AD2074" s="30"/>
      <c r="AE2074" s="1"/>
      <c r="AF2074" s="23" t="s">
        <v>5331</v>
      </c>
      <c r="AG2074" s="26"/>
      <c r="AH2074" s="53"/>
    </row>
    <row r="2075" spans="1:34" ht="51.6" customHeight="1" x14ac:dyDescent="0.45">
      <c r="A2075" s="23">
        <v>2069</v>
      </c>
      <c r="B2075" s="25"/>
      <c r="C2075" s="25"/>
      <c r="D2075" s="29"/>
      <c r="E2075" s="1"/>
      <c r="F2075" s="1"/>
      <c r="G2075" s="25"/>
      <c r="H2075" s="71"/>
      <c r="I2075" s="83"/>
      <c r="J2075" s="50" t="str">
        <f t="shared" si="66"/>
        <v/>
      </c>
      <c r="K2075" s="23" t="s">
        <v>7120</v>
      </c>
      <c r="L2075" s="49" t="e">
        <f>VLOOKUP(E2075&amp;F2075,団体コード!$A$1:$C$1743,3,FALSE)</f>
        <v>#N/A</v>
      </c>
      <c r="M2075" s="49" t="e">
        <f>VLOOKUP(E2075&amp;F2075,団体コード!$A$1:$C$1743,2,FALSE)</f>
        <v>#N/A</v>
      </c>
      <c r="N2075" s="51" t="e">
        <f>VLOOKUP(E2075,団体コード!$E$1:$F$48,2,FALSE)</f>
        <v>#N/A</v>
      </c>
      <c r="O2075" s="51" t="e">
        <f t="shared" si="67"/>
        <v>#N/A</v>
      </c>
      <c r="P2075" s="51">
        <v>1</v>
      </c>
      <c r="Q2075" s="51" t="s">
        <v>5341</v>
      </c>
      <c r="R2075" s="54" t="b">
        <v>1</v>
      </c>
      <c r="S2075" s="52" t="s">
        <v>7126</v>
      </c>
      <c r="T2075" s="67" t="s">
        <v>7127</v>
      </c>
      <c r="U2075" s="75" t="s">
        <v>5331</v>
      </c>
      <c r="V2075" s="47" t="s">
        <v>5331</v>
      </c>
      <c r="W2075" s="47" t="s">
        <v>5331</v>
      </c>
      <c r="X2075" s="47" t="s">
        <v>5331</v>
      </c>
      <c r="Y2075" s="47" t="s">
        <v>5331</v>
      </c>
      <c r="Z2075" s="28"/>
      <c r="AA2075" s="27"/>
      <c r="AB2075" s="27"/>
      <c r="AC2075" s="27"/>
      <c r="AD2075" s="30"/>
      <c r="AE2075" s="1"/>
      <c r="AF2075" s="23" t="s">
        <v>5331</v>
      </c>
      <c r="AG2075" s="26"/>
      <c r="AH2075" s="53"/>
    </row>
    <row r="2076" spans="1:34" ht="51.6" customHeight="1" x14ac:dyDescent="0.45">
      <c r="A2076" s="23">
        <v>2070</v>
      </c>
      <c r="B2076" s="25"/>
      <c r="C2076" s="25"/>
      <c r="D2076" s="29"/>
      <c r="E2076" s="1"/>
      <c r="F2076" s="1"/>
      <c r="G2076" s="25"/>
      <c r="H2076" s="71"/>
      <c r="I2076" s="83"/>
      <c r="J2076" s="50" t="str">
        <f t="shared" si="66"/>
        <v/>
      </c>
      <c r="K2076" s="23" t="s">
        <v>7120</v>
      </c>
      <c r="L2076" s="49" t="e">
        <f>VLOOKUP(E2076&amp;F2076,団体コード!$A$1:$C$1743,3,FALSE)</f>
        <v>#N/A</v>
      </c>
      <c r="M2076" s="49" t="e">
        <f>VLOOKUP(E2076&amp;F2076,団体コード!$A$1:$C$1743,2,FALSE)</f>
        <v>#N/A</v>
      </c>
      <c r="N2076" s="51" t="e">
        <f>VLOOKUP(E2076,団体コード!$E$1:$F$48,2,FALSE)</f>
        <v>#N/A</v>
      </c>
      <c r="O2076" s="51" t="e">
        <f t="shared" si="67"/>
        <v>#N/A</v>
      </c>
      <c r="P2076" s="51">
        <v>1</v>
      </c>
      <c r="Q2076" s="51" t="s">
        <v>5341</v>
      </c>
      <c r="R2076" s="54" t="b">
        <v>1</v>
      </c>
      <c r="S2076" s="52" t="s">
        <v>7126</v>
      </c>
      <c r="T2076" s="67" t="s">
        <v>7127</v>
      </c>
      <c r="U2076" s="75" t="s">
        <v>5331</v>
      </c>
      <c r="V2076" s="47" t="s">
        <v>5331</v>
      </c>
      <c r="W2076" s="47" t="s">
        <v>5331</v>
      </c>
      <c r="X2076" s="47" t="s">
        <v>5331</v>
      </c>
      <c r="Y2076" s="47" t="s">
        <v>5331</v>
      </c>
      <c r="Z2076" s="28"/>
      <c r="AA2076" s="27"/>
      <c r="AB2076" s="27"/>
      <c r="AC2076" s="27"/>
      <c r="AD2076" s="30"/>
      <c r="AE2076" s="1"/>
      <c r="AF2076" s="23" t="s">
        <v>5331</v>
      </c>
      <c r="AG2076" s="26"/>
      <c r="AH2076" s="53"/>
    </row>
    <row r="2077" spans="1:34" ht="51.6" customHeight="1" x14ac:dyDescent="0.45">
      <c r="A2077" s="23">
        <v>2071</v>
      </c>
      <c r="B2077" s="25"/>
      <c r="C2077" s="25"/>
      <c r="D2077" s="29"/>
      <c r="E2077" s="1"/>
      <c r="F2077" s="1"/>
      <c r="G2077" s="25"/>
      <c r="H2077" s="71"/>
      <c r="I2077" s="83"/>
      <c r="J2077" s="50" t="str">
        <f t="shared" si="66"/>
        <v/>
      </c>
      <c r="K2077" s="23" t="s">
        <v>7120</v>
      </c>
      <c r="L2077" s="49" t="e">
        <f>VLOOKUP(E2077&amp;F2077,団体コード!$A$1:$C$1743,3,FALSE)</f>
        <v>#N/A</v>
      </c>
      <c r="M2077" s="49" t="e">
        <f>VLOOKUP(E2077&amp;F2077,団体コード!$A$1:$C$1743,2,FALSE)</f>
        <v>#N/A</v>
      </c>
      <c r="N2077" s="51" t="e">
        <f>VLOOKUP(E2077,団体コード!$E$1:$F$48,2,FALSE)</f>
        <v>#N/A</v>
      </c>
      <c r="O2077" s="51" t="e">
        <f t="shared" si="67"/>
        <v>#N/A</v>
      </c>
      <c r="P2077" s="51">
        <v>1</v>
      </c>
      <c r="Q2077" s="51" t="s">
        <v>5341</v>
      </c>
      <c r="R2077" s="54" t="b">
        <v>1</v>
      </c>
      <c r="S2077" s="52" t="s">
        <v>7126</v>
      </c>
      <c r="T2077" s="67" t="s">
        <v>7127</v>
      </c>
      <c r="U2077" s="75" t="s">
        <v>5331</v>
      </c>
      <c r="V2077" s="47" t="s">
        <v>5331</v>
      </c>
      <c r="W2077" s="47" t="s">
        <v>5331</v>
      </c>
      <c r="X2077" s="47" t="s">
        <v>5331</v>
      </c>
      <c r="Y2077" s="47" t="s">
        <v>5331</v>
      </c>
      <c r="Z2077" s="28"/>
      <c r="AA2077" s="27"/>
      <c r="AB2077" s="27"/>
      <c r="AC2077" s="27"/>
      <c r="AD2077" s="30"/>
      <c r="AE2077" s="1"/>
      <c r="AF2077" s="23" t="s">
        <v>5331</v>
      </c>
      <c r="AG2077" s="26"/>
      <c r="AH2077" s="53"/>
    </row>
    <row r="2078" spans="1:34" ht="51.6" customHeight="1" x14ac:dyDescent="0.45">
      <c r="A2078" s="23">
        <v>2072</v>
      </c>
      <c r="B2078" s="25"/>
      <c r="C2078" s="25"/>
      <c r="D2078" s="29"/>
      <c r="E2078" s="1"/>
      <c r="F2078" s="1"/>
      <c r="G2078" s="25"/>
      <c r="H2078" s="71"/>
      <c r="I2078" s="83"/>
      <c r="J2078" s="50" t="str">
        <f t="shared" si="66"/>
        <v/>
      </c>
      <c r="K2078" s="23" t="s">
        <v>7120</v>
      </c>
      <c r="L2078" s="49" t="e">
        <f>VLOOKUP(E2078&amp;F2078,団体コード!$A$1:$C$1743,3,FALSE)</f>
        <v>#N/A</v>
      </c>
      <c r="M2078" s="49" t="e">
        <f>VLOOKUP(E2078&amp;F2078,団体コード!$A$1:$C$1743,2,FALSE)</f>
        <v>#N/A</v>
      </c>
      <c r="N2078" s="51" t="e">
        <f>VLOOKUP(E2078,団体コード!$E$1:$F$48,2,FALSE)</f>
        <v>#N/A</v>
      </c>
      <c r="O2078" s="51" t="e">
        <f t="shared" si="67"/>
        <v>#N/A</v>
      </c>
      <c r="P2078" s="51">
        <v>1</v>
      </c>
      <c r="Q2078" s="51" t="s">
        <v>5341</v>
      </c>
      <c r="R2078" s="54" t="b">
        <v>1</v>
      </c>
      <c r="S2078" s="52" t="s">
        <v>7126</v>
      </c>
      <c r="T2078" s="67" t="s">
        <v>7127</v>
      </c>
      <c r="U2078" s="75" t="s">
        <v>5331</v>
      </c>
      <c r="V2078" s="47" t="s">
        <v>5331</v>
      </c>
      <c r="W2078" s="47" t="s">
        <v>5331</v>
      </c>
      <c r="X2078" s="47" t="s">
        <v>5331</v>
      </c>
      <c r="Y2078" s="47" t="s">
        <v>5331</v>
      </c>
      <c r="Z2078" s="28"/>
      <c r="AA2078" s="27"/>
      <c r="AB2078" s="27"/>
      <c r="AC2078" s="27"/>
      <c r="AD2078" s="30"/>
      <c r="AE2078" s="1"/>
      <c r="AF2078" s="23" t="s">
        <v>5331</v>
      </c>
      <c r="AG2078" s="26"/>
      <c r="AH2078" s="53"/>
    </row>
    <row r="2079" spans="1:34" ht="51.6" customHeight="1" x14ac:dyDescent="0.45">
      <c r="A2079" s="23">
        <v>2073</v>
      </c>
      <c r="B2079" s="25"/>
      <c r="C2079" s="25"/>
      <c r="D2079" s="29"/>
      <c r="E2079" s="1"/>
      <c r="F2079" s="1"/>
      <c r="G2079" s="25"/>
      <c r="H2079" s="71"/>
      <c r="I2079" s="83"/>
      <c r="J2079" s="50" t="str">
        <f t="shared" si="66"/>
        <v/>
      </c>
      <c r="K2079" s="23" t="s">
        <v>7120</v>
      </c>
      <c r="L2079" s="49" t="e">
        <f>VLOOKUP(E2079&amp;F2079,団体コード!$A$1:$C$1743,3,FALSE)</f>
        <v>#N/A</v>
      </c>
      <c r="M2079" s="49" t="e">
        <f>VLOOKUP(E2079&amp;F2079,団体コード!$A$1:$C$1743,2,FALSE)</f>
        <v>#N/A</v>
      </c>
      <c r="N2079" s="51" t="e">
        <f>VLOOKUP(E2079,団体コード!$E$1:$F$48,2,FALSE)</f>
        <v>#N/A</v>
      </c>
      <c r="O2079" s="51" t="e">
        <f t="shared" si="67"/>
        <v>#N/A</v>
      </c>
      <c r="P2079" s="51">
        <v>1</v>
      </c>
      <c r="Q2079" s="51" t="s">
        <v>5341</v>
      </c>
      <c r="R2079" s="54" t="b">
        <v>1</v>
      </c>
      <c r="S2079" s="52" t="s">
        <v>7126</v>
      </c>
      <c r="T2079" s="67" t="s">
        <v>7127</v>
      </c>
      <c r="U2079" s="75" t="s">
        <v>5331</v>
      </c>
      <c r="V2079" s="47" t="s">
        <v>5331</v>
      </c>
      <c r="W2079" s="47" t="s">
        <v>5331</v>
      </c>
      <c r="X2079" s="47" t="s">
        <v>5331</v>
      </c>
      <c r="Y2079" s="47" t="s">
        <v>5331</v>
      </c>
      <c r="Z2079" s="28"/>
      <c r="AA2079" s="27"/>
      <c r="AB2079" s="27"/>
      <c r="AC2079" s="27"/>
      <c r="AD2079" s="30"/>
      <c r="AE2079" s="1"/>
      <c r="AF2079" s="23" t="s">
        <v>5331</v>
      </c>
      <c r="AG2079" s="26"/>
      <c r="AH2079" s="53"/>
    </row>
    <row r="2080" spans="1:34" ht="51.6" customHeight="1" x14ac:dyDescent="0.45">
      <c r="A2080" s="23">
        <v>2074</v>
      </c>
      <c r="B2080" s="25"/>
      <c r="C2080" s="25"/>
      <c r="D2080" s="29"/>
      <c r="E2080" s="1"/>
      <c r="F2080" s="1"/>
      <c r="G2080" s="25"/>
      <c r="H2080" s="71"/>
      <c r="I2080" s="83"/>
      <c r="J2080" s="50" t="str">
        <f t="shared" si="66"/>
        <v/>
      </c>
      <c r="K2080" s="23" t="s">
        <v>7120</v>
      </c>
      <c r="L2080" s="49" t="e">
        <f>VLOOKUP(E2080&amp;F2080,団体コード!$A$1:$C$1743,3,FALSE)</f>
        <v>#N/A</v>
      </c>
      <c r="M2080" s="49" t="e">
        <f>VLOOKUP(E2080&amp;F2080,団体コード!$A$1:$C$1743,2,FALSE)</f>
        <v>#N/A</v>
      </c>
      <c r="N2080" s="51" t="e">
        <f>VLOOKUP(E2080,団体コード!$E$1:$F$48,2,FALSE)</f>
        <v>#N/A</v>
      </c>
      <c r="O2080" s="51" t="e">
        <f t="shared" si="67"/>
        <v>#N/A</v>
      </c>
      <c r="P2080" s="51">
        <v>1</v>
      </c>
      <c r="Q2080" s="51" t="s">
        <v>5341</v>
      </c>
      <c r="R2080" s="54" t="b">
        <v>1</v>
      </c>
      <c r="S2080" s="52" t="s">
        <v>7126</v>
      </c>
      <c r="T2080" s="67" t="s">
        <v>7127</v>
      </c>
      <c r="U2080" s="75" t="s">
        <v>5331</v>
      </c>
      <c r="V2080" s="47" t="s">
        <v>5331</v>
      </c>
      <c r="W2080" s="47" t="s">
        <v>5331</v>
      </c>
      <c r="X2080" s="47" t="s">
        <v>5331</v>
      </c>
      <c r="Y2080" s="47" t="s">
        <v>5331</v>
      </c>
      <c r="Z2080" s="28"/>
      <c r="AA2080" s="27"/>
      <c r="AB2080" s="27"/>
      <c r="AC2080" s="27"/>
      <c r="AD2080" s="30"/>
      <c r="AE2080" s="1"/>
      <c r="AF2080" s="23" t="s">
        <v>5331</v>
      </c>
      <c r="AG2080" s="26"/>
      <c r="AH2080" s="53"/>
    </row>
    <row r="2081" spans="1:34" ht="51.6" customHeight="1" x14ac:dyDescent="0.45">
      <c r="A2081" s="23">
        <v>2075</v>
      </c>
      <c r="B2081" s="25"/>
      <c r="C2081" s="25"/>
      <c r="D2081" s="29"/>
      <c r="E2081" s="1"/>
      <c r="F2081" s="1"/>
      <c r="G2081" s="25"/>
      <c r="H2081" s="71"/>
      <c r="I2081" s="83"/>
      <c r="J2081" s="50" t="str">
        <f t="shared" si="66"/>
        <v/>
      </c>
      <c r="K2081" s="23" t="s">
        <v>7120</v>
      </c>
      <c r="L2081" s="49" t="e">
        <f>VLOOKUP(E2081&amp;F2081,団体コード!$A$1:$C$1743,3,FALSE)</f>
        <v>#N/A</v>
      </c>
      <c r="M2081" s="49" t="e">
        <f>VLOOKUP(E2081&amp;F2081,団体コード!$A$1:$C$1743,2,FALSE)</f>
        <v>#N/A</v>
      </c>
      <c r="N2081" s="51" t="e">
        <f>VLOOKUP(E2081,団体コード!$E$1:$F$48,2,FALSE)</f>
        <v>#N/A</v>
      </c>
      <c r="O2081" s="51" t="e">
        <f t="shared" si="67"/>
        <v>#N/A</v>
      </c>
      <c r="P2081" s="51">
        <v>1</v>
      </c>
      <c r="Q2081" s="51" t="s">
        <v>5341</v>
      </c>
      <c r="R2081" s="54" t="b">
        <v>1</v>
      </c>
      <c r="S2081" s="52" t="s">
        <v>7126</v>
      </c>
      <c r="T2081" s="67" t="s">
        <v>7127</v>
      </c>
      <c r="U2081" s="75" t="s">
        <v>5331</v>
      </c>
      <c r="V2081" s="47" t="s">
        <v>5331</v>
      </c>
      <c r="W2081" s="47" t="s">
        <v>5331</v>
      </c>
      <c r="X2081" s="47" t="s">
        <v>5331</v>
      </c>
      <c r="Y2081" s="47" t="s">
        <v>5331</v>
      </c>
      <c r="Z2081" s="28"/>
      <c r="AA2081" s="27"/>
      <c r="AB2081" s="27"/>
      <c r="AC2081" s="27"/>
      <c r="AD2081" s="30"/>
      <c r="AE2081" s="1"/>
      <c r="AF2081" s="23" t="s">
        <v>5331</v>
      </c>
      <c r="AG2081" s="26"/>
      <c r="AH2081" s="53"/>
    </row>
    <row r="2082" spans="1:34" ht="51.6" customHeight="1" x14ac:dyDescent="0.45">
      <c r="A2082" s="23">
        <v>2076</v>
      </c>
      <c r="B2082" s="25"/>
      <c r="C2082" s="25"/>
      <c r="D2082" s="29"/>
      <c r="E2082" s="1"/>
      <c r="F2082" s="1"/>
      <c r="G2082" s="25"/>
      <c r="H2082" s="71"/>
      <c r="I2082" s="83"/>
      <c r="J2082" s="50" t="str">
        <f t="shared" si="66"/>
        <v/>
      </c>
      <c r="K2082" s="23" t="s">
        <v>7120</v>
      </c>
      <c r="L2082" s="49" t="e">
        <f>VLOOKUP(E2082&amp;F2082,団体コード!$A$1:$C$1743,3,FALSE)</f>
        <v>#N/A</v>
      </c>
      <c r="M2082" s="49" t="e">
        <f>VLOOKUP(E2082&amp;F2082,団体コード!$A$1:$C$1743,2,FALSE)</f>
        <v>#N/A</v>
      </c>
      <c r="N2082" s="51" t="e">
        <f>VLOOKUP(E2082,団体コード!$E$1:$F$48,2,FALSE)</f>
        <v>#N/A</v>
      </c>
      <c r="O2082" s="51" t="e">
        <f t="shared" si="67"/>
        <v>#N/A</v>
      </c>
      <c r="P2082" s="51">
        <v>1</v>
      </c>
      <c r="Q2082" s="51" t="s">
        <v>5341</v>
      </c>
      <c r="R2082" s="54" t="b">
        <v>1</v>
      </c>
      <c r="S2082" s="52" t="s">
        <v>7126</v>
      </c>
      <c r="T2082" s="67" t="s">
        <v>7127</v>
      </c>
      <c r="U2082" s="75" t="s">
        <v>5331</v>
      </c>
      <c r="V2082" s="47" t="s">
        <v>5331</v>
      </c>
      <c r="W2082" s="47" t="s">
        <v>5331</v>
      </c>
      <c r="X2082" s="47" t="s">
        <v>5331</v>
      </c>
      <c r="Y2082" s="47" t="s">
        <v>5331</v>
      </c>
      <c r="Z2082" s="28"/>
      <c r="AA2082" s="27"/>
      <c r="AB2082" s="27"/>
      <c r="AC2082" s="27"/>
      <c r="AD2082" s="30"/>
      <c r="AE2082" s="1"/>
      <c r="AF2082" s="23" t="s">
        <v>5331</v>
      </c>
      <c r="AG2082" s="26"/>
      <c r="AH2082" s="53"/>
    </row>
    <row r="2083" spans="1:34" ht="51.6" customHeight="1" x14ac:dyDescent="0.45">
      <c r="A2083" s="23">
        <v>2077</v>
      </c>
      <c r="B2083" s="25"/>
      <c r="C2083" s="25"/>
      <c r="D2083" s="29"/>
      <c r="E2083" s="1"/>
      <c r="F2083" s="1"/>
      <c r="G2083" s="25"/>
      <c r="H2083" s="71"/>
      <c r="I2083" s="83"/>
      <c r="J2083" s="50" t="str">
        <f t="shared" si="66"/>
        <v/>
      </c>
      <c r="K2083" s="23" t="s">
        <v>7120</v>
      </c>
      <c r="L2083" s="49" t="e">
        <f>VLOOKUP(E2083&amp;F2083,団体コード!$A$1:$C$1743,3,FALSE)</f>
        <v>#N/A</v>
      </c>
      <c r="M2083" s="49" t="e">
        <f>VLOOKUP(E2083&amp;F2083,団体コード!$A$1:$C$1743,2,FALSE)</f>
        <v>#N/A</v>
      </c>
      <c r="N2083" s="51" t="e">
        <f>VLOOKUP(E2083,団体コード!$E$1:$F$48,2,FALSE)</f>
        <v>#N/A</v>
      </c>
      <c r="O2083" s="51" t="e">
        <f t="shared" si="67"/>
        <v>#N/A</v>
      </c>
      <c r="P2083" s="51">
        <v>1</v>
      </c>
      <c r="Q2083" s="51" t="s">
        <v>5341</v>
      </c>
      <c r="R2083" s="54" t="b">
        <v>1</v>
      </c>
      <c r="S2083" s="52" t="s">
        <v>7126</v>
      </c>
      <c r="T2083" s="67" t="s">
        <v>7127</v>
      </c>
      <c r="U2083" s="75" t="s">
        <v>5331</v>
      </c>
      <c r="V2083" s="47" t="s">
        <v>5331</v>
      </c>
      <c r="W2083" s="47" t="s">
        <v>5331</v>
      </c>
      <c r="X2083" s="47" t="s">
        <v>5331</v>
      </c>
      <c r="Y2083" s="47" t="s">
        <v>5331</v>
      </c>
      <c r="Z2083" s="28"/>
      <c r="AA2083" s="27"/>
      <c r="AB2083" s="27"/>
      <c r="AC2083" s="27"/>
      <c r="AD2083" s="30"/>
      <c r="AE2083" s="1"/>
      <c r="AF2083" s="23" t="s">
        <v>5331</v>
      </c>
      <c r="AG2083" s="26"/>
      <c r="AH2083" s="53"/>
    </row>
    <row r="2084" spans="1:34" ht="51.6" customHeight="1" x14ac:dyDescent="0.45">
      <c r="A2084" s="23">
        <v>2078</v>
      </c>
      <c r="B2084" s="25"/>
      <c r="C2084" s="25"/>
      <c r="D2084" s="29"/>
      <c r="E2084" s="1"/>
      <c r="F2084" s="1"/>
      <c r="G2084" s="25"/>
      <c r="H2084" s="71"/>
      <c r="I2084" s="83"/>
      <c r="J2084" s="50" t="str">
        <f t="shared" si="66"/>
        <v/>
      </c>
      <c r="K2084" s="23" t="s">
        <v>7120</v>
      </c>
      <c r="L2084" s="49" t="e">
        <f>VLOOKUP(E2084&amp;F2084,団体コード!$A$1:$C$1743,3,FALSE)</f>
        <v>#N/A</v>
      </c>
      <c r="M2084" s="49" t="e">
        <f>VLOOKUP(E2084&amp;F2084,団体コード!$A$1:$C$1743,2,FALSE)</f>
        <v>#N/A</v>
      </c>
      <c r="N2084" s="51" t="e">
        <f>VLOOKUP(E2084,団体コード!$E$1:$F$48,2,FALSE)</f>
        <v>#N/A</v>
      </c>
      <c r="O2084" s="51" t="e">
        <f t="shared" si="67"/>
        <v>#N/A</v>
      </c>
      <c r="P2084" s="51">
        <v>1</v>
      </c>
      <c r="Q2084" s="51" t="s">
        <v>5341</v>
      </c>
      <c r="R2084" s="54" t="b">
        <v>1</v>
      </c>
      <c r="S2084" s="52" t="s">
        <v>7126</v>
      </c>
      <c r="T2084" s="67" t="s">
        <v>7127</v>
      </c>
      <c r="U2084" s="75" t="s">
        <v>5331</v>
      </c>
      <c r="V2084" s="47" t="s">
        <v>5331</v>
      </c>
      <c r="W2084" s="47" t="s">
        <v>5331</v>
      </c>
      <c r="X2084" s="47" t="s">
        <v>5331</v>
      </c>
      <c r="Y2084" s="47" t="s">
        <v>5331</v>
      </c>
      <c r="Z2084" s="28"/>
      <c r="AA2084" s="27"/>
      <c r="AB2084" s="27"/>
      <c r="AC2084" s="27"/>
      <c r="AD2084" s="30"/>
      <c r="AE2084" s="1"/>
      <c r="AF2084" s="23" t="s">
        <v>5331</v>
      </c>
      <c r="AG2084" s="26"/>
      <c r="AH2084" s="53"/>
    </row>
    <row r="2085" spans="1:34" ht="51.6" customHeight="1" x14ac:dyDescent="0.45">
      <c r="A2085" s="23">
        <v>2079</v>
      </c>
      <c r="B2085" s="25"/>
      <c r="C2085" s="25"/>
      <c r="D2085" s="29"/>
      <c r="E2085" s="1"/>
      <c r="F2085" s="1"/>
      <c r="G2085" s="25"/>
      <c r="H2085" s="71"/>
      <c r="I2085" s="83"/>
      <c r="J2085" s="50" t="str">
        <f t="shared" si="66"/>
        <v/>
      </c>
      <c r="K2085" s="23" t="s">
        <v>7120</v>
      </c>
      <c r="L2085" s="49" t="e">
        <f>VLOOKUP(E2085&amp;F2085,団体コード!$A$1:$C$1743,3,FALSE)</f>
        <v>#N/A</v>
      </c>
      <c r="M2085" s="49" t="e">
        <f>VLOOKUP(E2085&amp;F2085,団体コード!$A$1:$C$1743,2,FALSE)</f>
        <v>#N/A</v>
      </c>
      <c r="N2085" s="51" t="e">
        <f>VLOOKUP(E2085,団体コード!$E$1:$F$48,2,FALSE)</f>
        <v>#N/A</v>
      </c>
      <c r="O2085" s="51" t="e">
        <f t="shared" si="67"/>
        <v>#N/A</v>
      </c>
      <c r="P2085" s="51">
        <v>1</v>
      </c>
      <c r="Q2085" s="51" t="s">
        <v>5341</v>
      </c>
      <c r="R2085" s="54" t="b">
        <v>1</v>
      </c>
      <c r="S2085" s="52" t="s">
        <v>7126</v>
      </c>
      <c r="T2085" s="67" t="s">
        <v>7127</v>
      </c>
      <c r="U2085" s="75" t="s">
        <v>5331</v>
      </c>
      <c r="V2085" s="47" t="s">
        <v>5331</v>
      </c>
      <c r="W2085" s="47" t="s">
        <v>5331</v>
      </c>
      <c r="X2085" s="47" t="s">
        <v>5331</v>
      </c>
      <c r="Y2085" s="47" t="s">
        <v>5331</v>
      </c>
      <c r="Z2085" s="28"/>
      <c r="AA2085" s="27"/>
      <c r="AB2085" s="27"/>
      <c r="AC2085" s="27"/>
      <c r="AD2085" s="30"/>
      <c r="AE2085" s="1"/>
      <c r="AF2085" s="23" t="s">
        <v>5331</v>
      </c>
      <c r="AG2085" s="26"/>
      <c r="AH2085" s="53"/>
    </row>
    <row r="2086" spans="1:34" ht="51.6" customHeight="1" x14ac:dyDescent="0.45">
      <c r="A2086" s="23">
        <v>2080</v>
      </c>
      <c r="B2086" s="25"/>
      <c r="C2086" s="25"/>
      <c r="D2086" s="29"/>
      <c r="E2086" s="1"/>
      <c r="F2086" s="1"/>
      <c r="G2086" s="25"/>
      <c r="H2086" s="71"/>
      <c r="I2086" s="83"/>
      <c r="J2086" s="50" t="str">
        <f t="shared" si="66"/>
        <v/>
      </c>
      <c r="K2086" s="23" t="s">
        <v>7120</v>
      </c>
      <c r="L2086" s="49" t="e">
        <f>VLOOKUP(E2086&amp;F2086,団体コード!$A$1:$C$1743,3,FALSE)</f>
        <v>#N/A</v>
      </c>
      <c r="M2086" s="49" t="e">
        <f>VLOOKUP(E2086&amp;F2086,団体コード!$A$1:$C$1743,2,FALSE)</f>
        <v>#N/A</v>
      </c>
      <c r="N2086" s="51" t="e">
        <f>VLOOKUP(E2086,団体コード!$E$1:$F$48,2,FALSE)</f>
        <v>#N/A</v>
      </c>
      <c r="O2086" s="51" t="e">
        <f t="shared" si="67"/>
        <v>#N/A</v>
      </c>
      <c r="P2086" s="51">
        <v>1</v>
      </c>
      <c r="Q2086" s="51" t="s">
        <v>5341</v>
      </c>
      <c r="R2086" s="54" t="b">
        <v>1</v>
      </c>
      <c r="S2086" s="52" t="s">
        <v>7126</v>
      </c>
      <c r="T2086" s="67" t="s">
        <v>7127</v>
      </c>
      <c r="U2086" s="75" t="s">
        <v>5331</v>
      </c>
      <c r="V2086" s="47" t="s">
        <v>5331</v>
      </c>
      <c r="W2086" s="47" t="s">
        <v>5331</v>
      </c>
      <c r="X2086" s="47" t="s">
        <v>5331</v>
      </c>
      <c r="Y2086" s="47" t="s">
        <v>5331</v>
      </c>
      <c r="Z2086" s="28"/>
      <c r="AA2086" s="27"/>
      <c r="AB2086" s="27"/>
      <c r="AC2086" s="27"/>
      <c r="AD2086" s="30"/>
      <c r="AE2086" s="1"/>
      <c r="AF2086" s="23" t="s">
        <v>5331</v>
      </c>
      <c r="AG2086" s="26"/>
      <c r="AH2086" s="53"/>
    </row>
    <row r="2087" spans="1:34" ht="51.6" customHeight="1" x14ac:dyDescent="0.45">
      <c r="A2087" s="23">
        <v>2081</v>
      </c>
      <c r="B2087" s="25"/>
      <c r="C2087" s="25"/>
      <c r="D2087" s="29"/>
      <c r="E2087" s="1"/>
      <c r="F2087" s="1"/>
      <c r="G2087" s="25"/>
      <c r="H2087" s="71"/>
      <c r="I2087" s="83"/>
      <c r="J2087" s="50" t="str">
        <f t="shared" si="66"/>
        <v/>
      </c>
      <c r="K2087" s="23" t="s">
        <v>7120</v>
      </c>
      <c r="L2087" s="49" t="e">
        <f>VLOOKUP(E2087&amp;F2087,団体コード!$A$1:$C$1743,3,FALSE)</f>
        <v>#N/A</v>
      </c>
      <c r="M2087" s="49" t="e">
        <f>VLOOKUP(E2087&amp;F2087,団体コード!$A$1:$C$1743,2,FALSE)</f>
        <v>#N/A</v>
      </c>
      <c r="N2087" s="51" t="e">
        <f>VLOOKUP(E2087,団体コード!$E$1:$F$48,2,FALSE)</f>
        <v>#N/A</v>
      </c>
      <c r="O2087" s="51" t="e">
        <f t="shared" si="67"/>
        <v>#N/A</v>
      </c>
      <c r="P2087" s="51">
        <v>1</v>
      </c>
      <c r="Q2087" s="51" t="s">
        <v>5341</v>
      </c>
      <c r="R2087" s="54" t="b">
        <v>1</v>
      </c>
      <c r="S2087" s="52" t="s">
        <v>7126</v>
      </c>
      <c r="T2087" s="67" t="s">
        <v>7127</v>
      </c>
      <c r="U2087" s="75" t="s">
        <v>5331</v>
      </c>
      <c r="V2087" s="47" t="s">
        <v>5331</v>
      </c>
      <c r="W2087" s="47" t="s">
        <v>5331</v>
      </c>
      <c r="X2087" s="47" t="s">
        <v>5331</v>
      </c>
      <c r="Y2087" s="47" t="s">
        <v>5331</v>
      </c>
      <c r="Z2087" s="28"/>
      <c r="AA2087" s="27"/>
      <c r="AB2087" s="27"/>
      <c r="AC2087" s="27"/>
      <c r="AD2087" s="30"/>
      <c r="AE2087" s="1"/>
      <c r="AF2087" s="23" t="s">
        <v>5331</v>
      </c>
      <c r="AG2087" s="26"/>
      <c r="AH2087" s="53"/>
    </row>
    <row r="2088" spans="1:34" ht="51.6" customHeight="1" x14ac:dyDescent="0.45">
      <c r="A2088" s="23">
        <v>2082</v>
      </c>
      <c r="B2088" s="25"/>
      <c r="C2088" s="25"/>
      <c r="D2088" s="29"/>
      <c r="E2088" s="1"/>
      <c r="F2088" s="1"/>
      <c r="G2088" s="25"/>
      <c r="H2088" s="71"/>
      <c r="I2088" s="83"/>
      <c r="J2088" s="50" t="str">
        <f t="shared" si="66"/>
        <v/>
      </c>
      <c r="K2088" s="23" t="s">
        <v>7120</v>
      </c>
      <c r="L2088" s="49" t="e">
        <f>VLOOKUP(E2088&amp;F2088,団体コード!$A$1:$C$1743,3,FALSE)</f>
        <v>#N/A</v>
      </c>
      <c r="M2088" s="49" t="e">
        <f>VLOOKUP(E2088&amp;F2088,団体コード!$A$1:$C$1743,2,FALSE)</f>
        <v>#N/A</v>
      </c>
      <c r="N2088" s="51" t="e">
        <f>VLOOKUP(E2088,団体コード!$E$1:$F$48,2,FALSE)</f>
        <v>#N/A</v>
      </c>
      <c r="O2088" s="51" t="e">
        <f t="shared" si="67"/>
        <v>#N/A</v>
      </c>
      <c r="P2088" s="51">
        <v>1</v>
      </c>
      <c r="Q2088" s="51" t="s">
        <v>5341</v>
      </c>
      <c r="R2088" s="54" t="b">
        <v>1</v>
      </c>
      <c r="S2088" s="52" t="s">
        <v>7126</v>
      </c>
      <c r="T2088" s="67" t="s">
        <v>7127</v>
      </c>
      <c r="U2088" s="75" t="s">
        <v>5331</v>
      </c>
      <c r="V2088" s="47" t="s">
        <v>5331</v>
      </c>
      <c r="W2088" s="47" t="s">
        <v>5331</v>
      </c>
      <c r="X2088" s="47" t="s">
        <v>5331</v>
      </c>
      <c r="Y2088" s="47" t="s">
        <v>5331</v>
      </c>
      <c r="Z2088" s="28"/>
      <c r="AA2088" s="27"/>
      <c r="AB2088" s="27"/>
      <c r="AC2088" s="27"/>
      <c r="AD2088" s="30"/>
      <c r="AE2088" s="1"/>
      <c r="AF2088" s="23" t="s">
        <v>5331</v>
      </c>
      <c r="AG2088" s="26"/>
      <c r="AH2088" s="53"/>
    </row>
    <row r="2089" spans="1:34" ht="51.6" customHeight="1" x14ac:dyDescent="0.45">
      <c r="A2089" s="23">
        <v>2083</v>
      </c>
      <c r="B2089" s="25"/>
      <c r="C2089" s="25"/>
      <c r="D2089" s="29"/>
      <c r="E2089" s="1"/>
      <c r="F2089" s="1"/>
      <c r="G2089" s="25"/>
      <c r="H2089" s="71"/>
      <c r="I2089" s="83"/>
      <c r="J2089" s="50" t="str">
        <f t="shared" si="66"/>
        <v/>
      </c>
      <c r="K2089" s="23" t="s">
        <v>7120</v>
      </c>
      <c r="L2089" s="49" t="e">
        <f>VLOOKUP(E2089&amp;F2089,団体コード!$A$1:$C$1743,3,FALSE)</f>
        <v>#N/A</v>
      </c>
      <c r="M2089" s="49" t="e">
        <f>VLOOKUP(E2089&amp;F2089,団体コード!$A$1:$C$1743,2,FALSE)</f>
        <v>#N/A</v>
      </c>
      <c r="N2089" s="51" t="e">
        <f>VLOOKUP(E2089,団体コード!$E$1:$F$48,2,FALSE)</f>
        <v>#N/A</v>
      </c>
      <c r="O2089" s="51" t="e">
        <f t="shared" si="67"/>
        <v>#N/A</v>
      </c>
      <c r="P2089" s="51">
        <v>1</v>
      </c>
      <c r="Q2089" s="51" t="s">
        <v>5341</v>
      </c>
      <c r="R2089" s="54" t="b">
        <v>1</v>
      </c>
      <c r="S2089" s="52" t="s">
        <v>7126</v>
      </c>
      <c r="T2089" s="67" t="s">
        <v>7127</v>
      </c>
      <c r="U2089" s="75" t="s">
        <v>5331</v>
      </c>
      <c r="V2089" s="47" t="s">
        <v>5331</v>
      </c>
      <c r="W2089" s="47" t="s">
        <v>5331</v>
      </c>
      <c r="X2089" s="47" t="s">
        <v>5331</v>
      </c>
      <c r="Y2089" s="47" t="s">
        <v>5331</v>
      </c>
      <c r="Z2089" s="28"/>
      <c r="AA2089" s="27"/>
      <c r="AB2089" s="27"/>
      <c r="AC2089" s="27"/>
      <c r="AD2089" s="30"/>
      <c r="AE2089" s="1"/>
      <c r="AF2089" s="23" t="s">
        <v>5331</v>
      </c>
      <c r="AG2089" s="26"/>
      <c r="AH2089" s="53"/>
    </row>
    <row r="2090" spans="1:34" ht="51.6" customHeight="1" x14ac:dyDescent="0.45">
      <c r="A2090" s="23">
        <v>2084</v>
      </c>
      <c r="B2090" s="25"/>
      <c r="C2090" s="25"/>
      <c r="D2090" s="29"/>
      <c r="E2090" s="1"/>
      <c r="F2090" s="1"/>
      <c r="G2090" s="25"/>
      <c r="H2090" s="71"/>
      <c r="I2090" s="83"/>
      <c r="J2090" s="50" t="str">
        <f t="shared" si="66"/>
        <v/>
      </c>
      <c r="K2090" s="23" t="s">
        <v>7120</v>
      </c>
      <c r="L2090" s="49" t="e">
        <f>VLOOKUP(E2090&amp;F2090,団体コード!$A$1:$C$1743,3,FALSE)</f>
        <v>#N/A</v>
      </c>
      <c r="M2090" s="49" t="e">
        <f>VLOOKUP(E2090&amp;F2090,団体コード!$A$1:$C$1743,2,FALSE)</f>
        <v>#N/A</v>
      </c>
      <c r="N2090" s="51" t="e">
        <f>VLOOKUP(E2090,団体コード!$E$1:$F$48,2,FALSE)</f>
        <v>#N/A</v>
      </c>
      <c r="O2090" s="51" t="e">
        <f t="shared" si="67"/>
        <v>#N/A</v>
      </c>
      <c r="P2090" s="51">
        <v>1</v>
      </c>
      <c r="Q2090" s="51" t="s">
        <v>5341</v>
      </c>
      <c r="R2090" s="54" t="b">
        <v>1</v>
      </c>
      <c r="S2090" s="52" t="s">
        <v>7126</v>
      </c>
      <c r="T2090" s="67" t="s">
        <v>7127</v>
      </c>
      <c r="U2090" s="75" t="s">
        <v>5331</v>
      </c>
      <c r="V2090" s="47" t="s">
        <v>5331</v>
      </c>
      <c r="W2090" s="47" t="s">
        <v>5331</v>
      </c>
      <c r="X2090" s="47" t="s">
        <v>5331</v>
      </c>
      <c r="Y2090" s="47" t="s">
        <v>5331</v>
      </c>
      <c r="Z2090" s="28"/>
      <c r="AA2090" s="27"/>
      <c r="AB2090" s="27"/>
      <c r="AC2090" s="27"/>
      <c r="AD2090" s="30"/>
      <c r="AE2090" s="1"/>
      <c r="AF2090" s="23" t="s">
        <v>5331</v>
      </c>
      <c r="AG2090" s="26"/>
      <c r="AH2090" s="53"/>
    </row>
    <row r="2091" spans="1:34" ht="51.6" customHeight="1" x14ac:dyDescent="0.45">
      <c r="A2091" s="23">
        <v>2085</v>
      </c>
      <c r="B2091" s="25"/>
      <c r="C2091" s="25"/>
      <c r="D2091" s="29"/>
      <c r="E2091" s="1"/>
      <c r="F2091" s="1"/>
      <c r="G2091" s="25"/>
      <c r="H2091" s="71"/>
      <c r="I2091" s="83"/>
      <c r="J2091" s="50" t="str">
        <f t="shared" si="66"/>
        <v/>
      </c>
      <c r="K2091" s="23" t="s">
        <v>7120</v>
      </c>
      <c r="L2091" s="49" t="e">
        <f>VLOOKUP(E2091&amp;F2091,団体コード!$A$1:$C$1743,3,FALSE)</f>
        <v>#N/A</v>
      </c>
      <c r="M2091" s="49" t="e">
        <f>VLOOKUP(E2091&amp;F2091,団体コード!$A$1:$C$1743,2,FALSE)</f>
        <v>#N/A</v>
      </c>
      <c r="N2091" s="51" t="e">
        <f>VLOOKUP(E2091,団体コード!$E$1:$F$48,2,FALSE)</f>
        <v>#N/A</v>
      </c>
      <c r="O2091" s="51" t="e">
        <f t="shared" si="67"/>
        <v>#N/A</v>
      </c>
      <c r="P2091" s="51">
        <v>1</v>
      </c>
      <c r="Q2091" s="51" t="s">
        <v>5341</v>
      </c>
      <c r="R2091" s="54" t="b">
        <v>1</v>
      </c>
      <c r="S2091" s="52" t="s">
        <v>7126</v>
      </c>
      <c r="T2091" s="67" t="s">
        <v>7127</v>
      </c>
      <c r="U2091" s="75" t="s">
        <v>5331</v>
      </c>
      <c r="V2091" s="47" t="s">
        <v>5331</v>
      </c>
      <c r="W2091" s="47" t="s">
        <v>5331</v>
      </c>
      <c r="X2091" s="47" t="s">
        <v>5331</v>
      </c>
      <c r="Y2091" s="47" t="s">
        <v>5331</v>
      </c>
      <c r="Z2091" s="28"/>
      <c r="AA2091" s="27"/>
      <c r="AB2091" s="27"/>
      <c r="AC2091" s="27"/>
      <c r="AD2091" s="30"/>
      <c r="AE2091" s="1"/>
      <c r="AF2091" s="23" t="s">
        <v>5331</v>
      </c>
      <c r="AG2091" s="26"/>
      <c r="AH2091" s="53"/>
    </row>
    <row r="2092" spans="1:34" ht="51.6" customHeight="1" x14ac:dyDescent="0.45">
      <c r="A2092" s="23">
        <v>2086</v>
      </c>
      <c r="B2092" s="25"/>
      <c r="C2092" s="25"/>
      <c r="D2092" s="29"/>
      <c r="E2092" s="1"/>
      <c r="F2092" s="1"/>
      <c r="G2092" s="25"/>
      <c r="H2092" s="71"/>
      <c r="I2092" s="83"/>
      <c r="J2092" s="50" t="str">
        <f t="shared" si="66"/>
        <v/>
      </c>
      <c r="K2092" s="23" t="s">
        <v>7120</v>
      </c>
      <c r="L2092" s="49" t="e">
        <f>VLOOKUP(E2092&amp;F2092,団体コード!$A$1:$C$1743,3,FALSE)</f>
        <v>#N/A</v>
      </c>
      <c r="M2092" s="49" t="e">
        <f>VLOOKUP(E2092&amp;F2092,団体コード!$A$1:$C$1743,2,FALSE)</f>
        <v>#N/A</v>
      </c>
      <c r="N2092" s="51" t="e">
        <f>VLOOKUP(E2092,団体コード!$E$1:$F$48,2,FALSE)</f>
        <v>#N/A</v>
      </c>
      <c r="O2092" s="51" t="e">
        <f t="shared" si="67"/>
        <v>#N/A</v>
      </c>
      <c r="P2092" s="51">
        <v>1</v>
      </c>
      <c r="Q2092" s="51" t="s">
        <v>5341</v>
      </c>
      <c r="R2092" s="54" t="b">
        <v>1</v>
      </c>
      <c r="S2092" s="52" t="s">
        <v>7126</v>
      </c>
      <c r="T2092" s="67" t="s">
        <v>7127</v>
      </c>
      <c r="U2092" s="75" t="s">
        <v>5331</v>
      </c>
      <c r="V2092" s="47" t="s">
        <v>5331</v>
      </c>
      <c r="W2092" s="47" t="s">
        <v>5331</v>
      </c>
      <c r="X2092" s="47" t="s">
        <v>5331</v>
      </c>
      <c r="Y2092" s="47" t="s">
        <v>5331</v>
      </c>
      <c r="Z2092" s="28"/>
      <c r="AA2092" s="27"/>
      <c r="AB2092" s="27"/>
      <c r="AC2092" s="27"/>
      <c r="AD2092" s="30"/>
      <c r="AE2092" s="1"/>
      <c r="AF2092" s="23" t="s">
        <v>5331</v>
      </c>
      <c r="AG2092" s="26"/>
      <c r="AH2092" s="53"/>
    </row>
    <row r="2093" spans="1:34" ht="51.6" customHeight="1" x14ac:dyDescent="0.45">
      <c r="A2093" s="23">
        <v>2087</v>
      </c>
      <c r="B2093" s="25"/>
      <c r="C2093" s="25"/>
      <c r="D2093" s="29"/>
      <c r="E2093" s="1"/>
      <c r="F2093" s="1"/>
      <c r="G2093" s="25"/>
      <c r="H2093" s="71"/>
      <c r="I2093" s="83"/>
      <c r="J2093" s="50" t="str">
        <f t="shared" si="66"/>
        <v/>
      </c>
      <c r="K2093" s="23" t="s">
        <v>7120</v>
      </c>
      <c r="L2093" s="49" t="e">
        <f>VLOOKUP(E2093&amp;F2093,団体コード!$A$1:$C$1743,3,FALSE)</f>
        <v>#N/A</v>
      </c>
      <c r="M2093" s="49" t="e">
        <f>VLOOKUP(E2093&amp;F2093,団体コード!$A$1:$C$1743,2,FALSE)</f>
        <v>#N/A</v>
      </c>
      <c r="N2093" s="51" t="e">
        <f>VLOOKUP(E2093,団体コード!$E$1:$F$48,2,FALSE)</f>
        <v>#N/A</v>
      </c>
      <c r="O2093" s="51" t="e">
        <f t="shared" si="67"/>
        <v>#N/A</v>
      </c>
      <c r="P2093" s="51">
        <v>1</v>
      </c>
      <c r="Q2093" s="51" t="s">
        <v>5341</v>
      </c>
      <c r="R2093" s="54" t="b">
        <v>1</v>
      </c>
      <c r="S2093" s="52" t="s">
        <v>7126</v>
      </c>
      <c r="T2093" s="67" t="s">
        <v>7127</v>
      </c>
      <c r="U2093" s="75" t="s">
        <v>5331</v>
      </c>
      <c r="V2093" s="47" t="s">
        <v>5331</v>
      </c>
      <c r="W2093" s="47" t="s">
        <v>5331</v>
      </c>
      <c r="X2093" s="47" t="s">
        <v>5331</v>
      </c>
      <c r="Y2093" s="47" t="s">
        <v>5331</v>
      </c>
      <c r="Z2093" s="28"/>
      <c r="AA2093" s="27"/>
      <c r="AB2093" s="27"/>
      <c r="AC2093" s="27"/>
      <c r="AD2093" s="30"/>
      <c r="AE2093" s="1"/>
      <c r="AF2093" s="23" t="s">
        <v>5331</v>
      </c>
      <c r="AG2093" s="26"/>
      <c r="AH2093" s="53"/>
    </row>
    <row r="2094" spans="1:34" ht="51.6" customHeight="1" x14ac:dyDescent="0.45">
      <c r="A2094" s="23">
        <v>2088</v>
      </c>
      <c r="B2094" s="25"/>
      <c r="C2094" s="25"/>
      <c r="D2094" s="29"/>
      <c r="E2094" s="1"/>
      <c r="F2094" s="1"/>
      <c r="G2094" s="25"/>
      <c r="H2094" s="71"/>
      <c r="I2094" s="83"/>
      <c r="J2094" s="50" t="str">
        <f t="shared" si="66"/>
        <v/>
      </c>
      <c r="K2094" s="23" t="s">
        <v>7120</v>
      </c>
      <c r="L2094" s="49" t="e">
        <f>VLOOKUP(E2094&amp;F2094,団体コード!$A$1:$C$1743,3,FALSE)</f>
        <v>#N/A</v>
      </c>
      <c r="M2094" s="49" t="e">
        <f>VLOOKUP(E2094&amp;F2094,団体コード!$A$1:$C$1743,2,FALSE)</f>
        <v>#N/A</v>
      </c>
      <c r="N2094" s="51" t="e">
        <f>VLOOKUP(E2094,団体コード!$E$1:$F$48,2,FALSE)</f>
        <v>#N/A</v>
      </c>
      <c r="O2094" s="51" t="e">
        <f t="shared" si="67"/>
        <v>#N/A</v>
      </c>
      <c r="P2094" s="51">
        <v>1</v>
      </c>
      <c r="Q2094" s="51" t="s">
        <v>5341</v>
      </c>
      <c r="R2094" s="54" t="b">
        <v>1</v>
      </c>
      <c r="S2094" s="52" t="s">
        <v>7126</v>
      </c>
      <c r="T2094" s="67" t="s">
        <v>7127</v>
      </c>
      <c r="U2094" s="75" t="s">
        <v>5331</v>
      </c>
      <c r="V2094" s="47" t="s">
        <v>5331</v>
      </c>
      <c r="W2094" s="47" t="s">
        <v>5331</v>
      </c>
      <c r="X2094" s="47" t="s">
        <v>5331</v>
      </c>
      <c r="Y2094" s="47" t="s">
        <v>5331</v>
      </c>
      <c r="Z2094" s="28"/>
      <c r="AA2094" s="27"/>
      <c r="AB2094" s="27"/>
      <c r="AC2094" s="27"/>
      <c r="AD2094" s="30"/>
      <c r="AE2094" s="1"/>
      <c r="AF2094" s="23" t="s">
        <v>5331</v>
      </c>
      <c r="AG2094" s="26"/>
      <c r="AH2094" s="53"/>
    </row>
    <row r="2095" spans="1:34" ht="51.6" customHeight="1" x14ac:dyDescent="0.45">
      <c r="A2095" s="23">
        <v>2089</v>
      </c>
      <c r="B2095" s="25"/>
      <c r="C2095" s="25"/>
      <c r="D2095" s="29"/>
      <c r="E2095" s="1"/>
      <c r="F2095" s="1"/>
      <c r="G2095" s="25"/>
      <c r="H2095" s="71"/>
      <c r="I2095" s="83"/>
      <c r="J2095" s="50" t="str">
        <f t="shared" si="66"/>
        <v/>
      </c>
      <c r="K2095" s="23" t="s">
        <v>7120</v>
      </c>
      <c r="L2095" s="49" t="e">
        <f>VLOOKUP(E2095&amp;F2095,団体コード!$A$1:$C$1743,3,FALSE)</f>
        <v>#N/A</v>
      </c>
      <c r="M2095" s="49" t="e">
        <f>VLOOKUP(E2095&amp;F2095,団体コード!$A$1:$C$1743,2,FALSE)</f>
        <v>#N/A</v>
      </c>
      <c r="N2095" s="51" t="e">
        <f>VLOOKUP(E2095,団体コード!$E$1:$F$48,2,FALSE)</f>
        <v>#N/A</v>
      </c>
      <c r="O2095" s="51" t="e">
        <f t="shared" si="67"/>
        <v>#N/A</v>
      </c>
      <c r="P2095" s="51">
        <v>1</v>
      </c>
      <c r="Q2095" s="51" t="s">
        <v>5341</v>
      </c>
      <c r="R2095" s="54" t="b">
        <v>1</v>
      </c>
      <c r="S2095" s="52" t="s">
        <v>7126</v>
      </c>
      <c r="T2095" s="67" t="s">
        <v>7127</v>
      </c>
      <c r="U2095" s="75" t="s">
        <v>5331</v>
      </c>
      <c r="V2095" s="47" t="s">
        <v>5331</v>
      </c>
      <c r="W2095" s="47" t="s">
        <v>5331</v>
      </c>
      <c r="X2095" s="47" t="s">
        <v>5331</v>
      </c>
      <c r="Y2095" s="47" t="s">
        <v>5331</v>
      </c>
      <c r="Z2095" s="28"/>
      <c r="AA2095" s="27"/>
      <c r="AB2095" s="27"/>
      <c r="AC2095" s="27"/>
      <c r="AD2095" s="30"/>
      <c r="AE2095" s="1"/>
      <c r="AF2095" s="23" t="s">
        <v>5331</v>
      </c>
      <c r="AG2095" s="26"/>
      <c r="AH2095" s="53"/>
    </row>
    <row r="2096" spans="1:34" ht="51.6" customHeight="1" x14ac:dyDescent="0.45">
      <c r="A2096" s="23">
        <v>2090</v>
      </c>
      <c r="B2096" s="25"/>
      <c r="C2096" s="25"/>
      <c r="D2096" s="29"/>
      <c r="E2096" s="1"/>
      <c r="F2096" s="1"/>
      <c r="G2096" s="25"/>
      <c r="H2096" s="71"/>
      <c r="I2096" s="83"/>
      <c r="J2096" s="50" t="str">
        <f t="shared" si="66"/>
        <v/>
      </c>
      <c r="K2096" s="23" t="s">
        <v>7120</v>
      </c>
      <c r="L2096" s="49" t="e">
        <f>VLOOKUP(E2096&amp;F2096,団体コード!$A$1:$C$1743,3,FALSE)</f>
        <v>#N/A</v>
      </c>
      <c r="M2096" s="49" t="e">
        <f>VLOOKUP(E2096&amp;F2096,団体コード!$A$1:$C$1743,2,FALSE)</f>
        <v>#N/A</v>
      </c>
      <c r="N2096" s="51" t="e">
        <f>VLOOKUP(E2096,団体コード!$E$1:$F$48,2,FALSE)</f>
        <v>#N/A</v>
      </c>
      <c r="O2096" s="51" t="e">
        <f t="shared" si="67"/>
        <v>#N/A</v>
      </c>
      <c r="P2096" s="51">
        <v>1</v>
      </c>
      <c r="Q2096" s="51" t="s">
        <v>5341</v>
      </c>
      <c r="R2096" s="54" t="b">
        <v>1</v>
      </c>
      <c r="S2096" s="52" t="s">
        <v>7126</v>
      </c>
      <c r="T2096" s="67" t="s">
        <v>7127</v>
      </c>
      <c r="U2096" s="75" t="s">
        <v>5331</v>
      </c>
      <c r="V2096" s="47" t="s">
        <v>5331</v>
      </c>
      <c r="W2096" s="47" t="s">
        <v>5331</v>
      </c>
      <c r="X2096" s="47" t="s">
        <v>5331</v>
      </c>
      <c r="Y2096" s="47" t="s">
        <v>5331</v>
      </c>
      <c r="Z2096" s="28"/>
      <c r="AA2096" s="27"/>
      <c r="AB2096" s="27"/>
      <c r="AC2096" s="27"/>
      <c r="AD2096" s="30"/>
      <c r="AE2096" s="1"/>
      <c r="AF2096" s="23" t="s">
        <v>5331</v>
      </c>
      <c r="AG2096" s="26"/>
      <c r="AH2096" s="53"/>
    </row>
    <row r="2097" spans="1:34" ht="51.6" customHeight="1" x14ac:dyDescent="0.45">
      <c r="A2097" s="23">
        <v>2091</v>
      </c>
      <c r="B2097" s="25"/>
      <c r="C2097" s="25"/>
      <c r="D2097" s="29"/>
      <c r="E2097" s="1"/>
      <c r="F2097" s="1"/>
      <c r="G2097" s="25"/>
      <c r="H2097" s="71"/>
      <c r="I2097" s="83"/>
      <c r="J2097" s="50" t="str">
        <f t="shared" si="66"/>
        <v/>
      </c>
      <c r="K2097" s="23" t="s">
        <v>7120</v>
      </c>
      <c r="L2097" s="49" t="e">
        <f>VLOOKUP(E2097&amp;F2097,団体コード!$A$1:$C$1743,3,FALSE)</f>
        <v>#N/A</v>
      </c>
      <c r="M2097" s="49" t="e">
        <f>VLOOKUP(E2097&amp;F2097,団体コード!$A$1:$C$1743,2,FALSE)</f>
        <v>#N/A</v>
      </c>
      <c r="N2097" s="51" t="e">
        <f>VLOOKUP(E2097,団体コード!$E$1:$F$48,2,FALSE)</f>
        <v>#N/A</v>
      </c>
      <c r="O2097" s="51" t="e">
        <f t="shared" si="67"/>
        <v>#N/A</v>
      </c>
      <c r="P2097" s="51">
        <v>1</v>
      </c>
      <c r="Q2097" s="51" t="s">
        <v>5341</v>
      </c>
      <c r="R2097" s="54" t="b">
        <v>1</v>
      </c>
      <c r="S2097" s="52" t="s">
        <v>7126</v>
      </c>
      <c r="T2097" s="67" t="s">
        <v>7127</v>
      </c>
      <c r="U2097" s="75" t="s">
        <v>5331</v>
      </c>
      <c r="V2097" s="47" t="s">
        <v>5331</v>
      </c>
      <c r="W2097" s="47" t="s">
        <v>5331</v>
      </c>
      <c r="X2097" s="47" t="s">
        <v>5331</v>
      </c>
      <c r="Y2097" s="47" t="s">
        <v>5331</v>
      </c>
      <c r="Z2097" s="28"/>
      <c r="AA2097" s="27"/>
      <c r="AB2097" s="27"/>
      <c r="AC2097" s="27"/>
      <c r="AD2097" s="30"/>
      <c r="AE2097" s="1"/>
      <c r="AF2097" s="23" t="s">
        <v>5331</v>
      </c>
      <c r="AG2097" s="26"/>
      <c r="AH2097" s="53"/>
    </row>
    <row r="2098" spans="1:34" ht="51.6" customHeight="1" x14ac:dyDescent="0.45">
      <c r="A2098" s="23">
        <v>2092</v>
      </c>
      <c r="B2098" s="25"/>
      <c r="C2098" s="25"/>
      <c r="D2098" s="29"/>
      <c r="E2098" s="1"/>
      <c r="F2098" s="1"/>
      <c r="G2098" s="25"/>
      <c r="H2098" s="71"/>
      <c r="I2098" s="83"/>
      <c r="J2098" s="50" t="str">
        <f t="shared" si="66"/>
        <v/>
      </c>
      <c r="K2098" s="23" t="s">
        <v>7120</v>
      </c>
      <c r="L2098" s="49" t="e">
        <f>VLOOKUP(E2098&amp;F2098,団体コード!$A$1:$C$1743,3,FALSE)</f>
        <v>#N/A</v>
      </c>
      <c r="M2098" s="49" t="e">
        <f>VLOOKUP(E2098&amp;F2098,団体コード!$A$1:$C$1743,2,FALSE)</f>
        <v>#N/A</v>
      </c>
      <c r="N2098" s="51" t="e">
        <f>VLOOKUP(E2098,団体コード!$E$1:$F$48,2,FALSE)</f>
        <v>#N/A</v>
      </c>
      <c r="O2098" s="51" t="e">
        <f t="shared" si="67"/>
        <v>#N/A</v>
      </c>
      <c r="P2098" s="51">
        <v>1</v>
      </c>
      <c r="Q2098" s="51" t="s">
        <v>5341</v>
      </c>
      <c r="R2098" s="54" t="b">
        <v>1</v>
      </c>
      <c r="S2098" s="52" t="s">
        <v>7126</v>
      </c>
      <c r="T2098" s="67" t="s">
        <v>7127</v>
      </c>
      <c r="U2098" s="75" t="s">
        <v>5331</v>
      </c>
      <c r="V2098" s="47" t="s">
        <v>5331</v>
      </c>
      <c r="W2098" s="47" t="s">
        <v>5331</v>
      </c>
      <c r="X2098" s="47" t="s">
        <v>5331</v>
      </c>
      <c r="Y2098" s="47" t="s">
        <v>5331</v>
      </c>
      <c r="Z2098" s="28"/>
      <c r="AA2098" s="27"/>
      <c r="AB2098" s="27"/>
      <c r="AC2098" s="27"/>
      <c r="AD2098" s="30"/>
      <c r="AE2098" s="1"/>
      <c r="AF2098" s="23" t="s">
        <v>5331</v>
      </c>
      <c r="AG2098" s="26"/>
      <c r="AH2098" s="53"/>
    </row>
    <row r="2099" spans="1:34" ht="51.6" customHeight="1" x14ac:dyDescent="0.45">
      <c r="A2099" s="23">
        <v>2093</v>
      </c>
      <c r="B2099" s="25"/>
      <c r="C2099" s="25"/>
      <c r="D2099" s="29"/>
      <c r="E2099" s="1"/>
      <c r="F2099" s="1"/>
      <c r="G2099" s="25"/>
      <c r="H2099" s="71"/>
      <c r="I2099" s="83"/>
      <c r="J2099" s="50" t="str">
        <f t="shared" si="66"/>
        <v/>
      </c>
      <c r="K2099" s="23" t="s">
        <v>7120</v>
      </c>
      <c r="L2099" s="49" t="e">
        <f>VLOOKUP(E2099&amp;F2099,団体コード!$A$1:$C$1743,3,FALSE)</f>
        <v>#N/A</v>
      </c>
      <c r="M2099" s="49" t="e">
        <f>VLOOKUP(E2099&amp;F2099,団体コード!$A$1:$C$1743,2,FALSE)</f>
        <v>#N/A</v>
      </c>
      <c r="N2099" s="51" t="e">
        <f>VLOOKUP(E2099,団体コード!$E$1:$F$48,2,FALSE)</f>
        <v>#N/A</v>
      </c>
      <c r="O2099" s="51" t="e">
        <f t="shared" si="67"/>
        <v>#N/A</v>
      </c>
      <c r="P2099" s="51">
        <v>1</v>
      </c>
      <c r="Q2099" s="51" t="s">
        <v>5341</v>
      </c>
      <c r="R2099" s="54" t="b">
        <v>1</v>
      </c>
      <c r="S2099" s="52" t="s">
        <v>7126</v>
      </c>
      <c r="T2099" s="67" t="s">
        <v>7127</v>
      </c>
      <c r="U2099" s="75" t="s">
        <v>5331</v>
      </c>
      <c r="V2099" s="47" t="s">
        <v>5331</v>
      </c>
      <c r="W2099" s="47" t="s">
        <v>5331</v>
      </c>
      <c r="X2099" s="47" t="s">
        <v>5331</v>
      </c>
      <c r="Y2099" s="47" t="s">
        <v>5331</v>
      </c>
      <c r="Z2099" s="28"/>
      <c r="AA2099" s="27"/>
      <c r="AB2099" s="27"/>
      <c r="AC2099" s="27"/>
      <c r="AD2099" s="30"/>
      <c r="AE2099" s="1"/>
      <c r="AF2099" s="23" t="s">
        <v>5331</v>
      </c>
      <c r="AG2099" s="26"/>
      <c r="AH2099" s="53"/>
    </row>
    <row r="2100" spans="1:34" ht="51.6" customHeight="1" x14ac:dyDescent="0.45">
      <c r="A2100" s="23">
        <v>2094</v>
      </c>
      <c r="B2100" s="25"/>
      <c r="C2100" s="25"/>
      <c r="D2100" s="29"/>
      <c r="E2100" s="1"/>
      <c r="F2100" s="1"/>
      <c r="G2100" s="25"/>
      <c r="H2100" s="71"/>
      <c r="I2100" s="83"/>
      <c r="J2100" s="50" t="str">
        <f t="shared" si="66"/>
        <v/>
      </c>
      <c r="K2100" s="23" t="s">
        <v>7120</v>
      </c>
      <c r="L2100" s="49" t="e">
        <f>VLOOKUP(E2100&amp;F2100,団体コード!$A$1:$C$1743,3,FALSE)</f>
        <v>#N/A</v>
      </c>
      <c r="M2100" s="49" t="e">
        <f>VLOOKUP(E2100&amp;F2100,団体コード!$A$1:$C$1743,2,FALSE)</f>
        <v>#N/A</v>
      </c>
      <c r="N2100" s="51" t="e">
        <f>VLOOKUP(E2100,団体コード!$E$1:$F$48,2,FALSE)</f>
        <v>#N/A</v>
      </c>
      <c r="O2100" s="51" t="e">
        <f t="shared" si="67"/>
        <v>#N/A</v>
      </c>
      <c r="P2100" s="51">
        <v>1</v>
      </c>
      <c r="Q2100" s="51" t="s">
        <v>5341</v>
      </c>
      <c r="R2100" s="54" t="b">
        <v>1</v>
      </c>
      <c r="S2100" s="52" t="s">
        <v>7126</v>
      </c>
      <c r="T2100" s="67" t="s">
        <v>7127</v>
      </c>
      <c r="U2100" s="75" t="s">
        <v>5331</v>
      </c>
      <c r="V2100" s="47" t="s">
        <v>5331</v>
      </c>
      <c r="W2100" s="47" t="s">
        <v>5331</v>
      </c>
      <c r="X2100" s="47" t="s">
        <v>5331</v>
      </c>
      <c r="Y2100" s="47" t="s">
        <v>5331</v>
      </c>
      <c r="Z2100" s="28"/>
      <c r="AA2100" s="27"/>
      <c r="AB2100" s="27"/>
      <c r="AC2100" s="27"/>
      <c r="AD2100" s="30"/>
      <c r="AE2100" s="1"/>
      <c r="AF2100" s="23" t="s">
        <v>5331</v>
      </c>
      <c r="AG2100" s="26"/>
      <c r="AH2100" s="53"/>
    </row>
    <row r="2101" spans="1:34" ht="51.6" customHeight="1" x14ac:dyDescent="0.45">
      <c r="A2101" s="23">
        <v>2095</v>
      </c>
      <c r="B2101" s="25"/>
      <c r="C2101" s="25"/>
      <c r="D2101" s="29"/>
      <c r="E2101" s="1"/>
      <c r="F2101" s="1"/>
      <c r="G2101" s="25"/>
      <c r="H2101" s="71"/>
      <c r="I2101" s="83"/>
      <c r="J2101" s="50" t="str">
        <f t="shared" si="66"/>
        <v/>
      </c>
      <c r="K2101" s="23" t="s">
        <v>7120</v>
      </c>
      <c r="L2101" s="49" t="e">
        <f>VLOOKUP(E2101&amp;F2101,団体コード!$A$1:$C$1743,3,FALSE)</f>
        <v>#N/A</v>
      </c>
      <c r="M2101" s="49" t="e">
        <f>VLOOKUP(E2101&amp;F2101,団体コード!$A$1:$C$1743,2,FALSE)</f>
        <v>#N/A</v>
      </c>
      <c r="N2101" s="51" t="e">
        <f>VLOOKUP(E2101,団体コード!$E$1:$F$48,2,FALSE)</f>
        <v>#N/A</v>
      </c>
      <c r="O2101" s="51" t="e">
        <f t="shared" si="67"/>
        <v>#N/A</v>
      </c>
      <c r="P2101" s="51">
        <v>1</v>
      </c>
      <c r="Q2101" s="51" t="s">
        <v>5341</v>
      </c>
      <c r="R2101" s="54" t="b">
        <v>1</v>
      </c>
      <c r="S2101" s="52" t="s">
        <v>7126</v>
      </c>
      <c r="T2101" s="67" t="s">
        <v>7127</v>
      </c>
      <c r="U2101" s="75" t="s">
        <v>5331</v>
      </c>
      <c r="V2101" s="47" t="s">
        <v>5331</v>
      </c>
      <c r="W2101" s="47" t="s">
        <v>5331</v>
      </c>
      <c r="X2101" s="47" t="s">
        <v>5331</v>
      </c>
      <c r="Y2101" s="47" t="s">
        <v>5331</v>
      </c>
      <c r="Z2101" s="28"/>
      <c r="AA2101" s="27"/>
      <c r="AB2101" s="27"/>
      <c r="AC2101" s="27"/>
      <c r="AD2101" s="30"/>
      <c r="AE2101" s="1"/>
      <c r="AF2101" s="23" t="s">
        <v>5331</v>
      </c>
      <c r="AG2101" s="26"/>
      <c r="AH2101" s="53"/>
    </row>
    <row r="2102" spans="1:34" ht="51.6" customHeight="1" x14ac:dyDescent="0.45">
      <c r="A2102" s="23">
        <v>2096</v>
      </c>
      <c r="B2102" s="25"/>
      <c r="C2102" s="25"/>
      <c r="D2102" s="29"/>
      <c r="E2102" s="1"/>
      <c r="F2102" s="1"/>
      <c r="G2102" s="25"/>
      <c r="H2102" s="71"/>
      <c r="I2102" s="83"/>
      <c r="J2102" s="50" t="str">
        <f t="shared" si="66"/>
        <v/>
      </c>
      <c r="K2102" s="23" t="s">
        <v>7120</v>
      </c>
      <c r="L2102" s="49" t="e">
        <f>VLOOKUP(E2102&amp;F2102,団体コード!$A$1:$C$1743,3,FALSE)</f>
        <v>#N/A</v>
      </c>
      <c r="M2102" s="49" t="e">
        <f>VLOOKUP(E2102&amp;F2102,団体コード!$A$1:$C$1743,2,FALSE)</f>
        <v>#N/A</v>
      </c>
      <c r="N2102" s="51" t="e">
        <f>VLOOKUP(E2102,団体コード!$E$1:$F$48,2,FALSE)</f>
        <v>#N/A</v>
      </c>
      <c r="O2102" s="51" t="e">
        <f t="shared" si="67"/>
        <v>#N/A</v>
      </c>
      <c r="P2102" s="51">
        <v>1</v>
      </c>
      <c r="Q2102" s="51" t="s">
        <v>5341</v>
      </c>
      <c r="R2102" s="54" t="b">
        <v>1</v>
      </c>
      <c r="S2102" s="52" t="s">
        <v>7126</v>
      </c>
      <c r="T2102" s="67" t="s">
        <v>7127</v>
      </c>
      <c r="U2102" s="75" t="s">
        <v>5331</v>
      </c>
      <c r="V2102" s="47" t="s">
        <v>5331</v>
      </c>
      <c r="W2102" s="47" t="s">
        <v>5331</v>
      </c>
      <c r="X2102" s="47" t="s">
        <v>5331</v>
      </c>
      <c r="Y2102" s="47" t="s">
        <v>5331</v>
      </c>
      <c r="Z2102" s="28"/>
      <c r="AA2102" s="27"/>
      <c r="AB2102" s="27"/>
      <c r="AC2102" s="27"/>
      <c r="AD2102" s="30"/>
      <c r="AE2102" s="1"/>
      <c r="AF2102" s="23" t="s">
        <v>5331</v>
      </c>
      <c r="AG2102" s="26"/>
      <c r="AH2102" s="53"/>
    </row>
    <row r="2103" spans="1:34" ht="51.6" customHeight="1" x14ac:dyDescent="0.45">
      <c r="A2103" s="23">
        <v>2097</v>
      </c>
      <c r="B2103" s="25"/>
      <c r="C2103" s="25"/>
      <c r="D2103" s="29"/>
      <c r="E2103" s="1"/>
      <c r="F2103" s="1"/>
      <c r="G2103" s="25"/>
      <c r="H2103" s="71"/>
      <c r="I2103" s="83"/>
      <c r="J2103" s="50" t="str">
        <f t="shared" si="66"/>
        <v/>
      </c>
      <c r="K2103" s="23" t="s">
        <v>7120</v>
      </c>
      <c r="L2103" s="49" t="e">
        <f>VLOOKUP(E2103&amp;F2103,団体コード!$A$1:$C$1743,3,FALSE)</f>
        <v>#N/A</v>
      </c>
      <c r="M2103" s="49" t="e">
        <f>VLOOKUP(E2103&amp;F2103,団体コード!$A$1:$C$1743,2,FALSE)</f>
        <v>#N/A</v>
      </c>
      <c r="N2103" s="51" t="e">
        <f>VLOOKUP(E2103,団体コード!$E$1:$F$48,2,FALSE)</f>
        <v>#N/A</v>
      </c>
      <c r="O2103" s="51" t="e">
        <f t="shared" si="67"/>
        <v>#N/A</v>
      </c>
      <c r="P2103" s="51">
        <v>1</v>
      </c>
      <c r="Q2103" s="51" t="s">
        <v>5341</v>
      </c>
      <c r="R2103" s="54" t="b">
        <v>1</v>
      </c>
      <c r="S2103" s="52" t="s">
        <v>7126</v>
      </c>
      <c r="T2103" s="67" t="s">
        <v>7127</v>
      </c>
      <c r="U2103" s="75" t="s">
        <v>5331</v>
      </c>
      <c r="V2103" s="47" t="s">
        <v>5331</v>
      </c>
      <c r="W2103" s="47" t="s">
        <v>5331</v>
      </c>
      <c r="X2103" s="47" t="s">
        <v>5331</v>
      </c>
      <c r="Y2103" s="47" t="s">
        <v>5331</v>
      </c>
      <c r="Z2103" s="28"/>
      <c r="AA2103" s="27"/>
      <c r="AB2103" s="27"/>
      <c r="AC2103" s="27"/>
      <c r="AD2103" s="30"/>
      <c r="AE2103" s="1"/>
      <c r="AF2103" s="23" t="s">
        <v>5331</v>
      </c>
      <c r="AG2103" s="26"/>
      <c r="AH2103" s="53"/>
    </row>
    <row r="2104" spans="1:34" ht="51.6" customHeight="1" x14ac:dyDescent="0.45">
      <c r="A2104" s="23">
        <v>2098</v>
      </c>
      <c r="B2104" s="25"/>
      <c r="C2104" s="25"/>
      <c r="D2104" s="29"/>
      <c r="E2104" s="1"/>
      <c r="F2104" s="1"/>
      <c r="G2104" s="25"/>
      <c r="H2104" s="71"/>
      <c r="I2104" s="83"/>
      <c r="J2104" s="50" t="str">
        <f t="shared" si="66"/>
        <v/>
      </c>
      <c r="K2104" s="23" t="s">
        <v>7120</v>
      </c>
      <c r="L2104" s="49" t="e">
        <f>VLOOKUP(E2104&amp;F2104,団体コード!$A$1:$C$1743,3,FALSE)</f>
        <v>#N/A</v>
      </c>
      <c r="M2104" s="49" t="e">
        <f>VLOOKUP(E2104&amp;F2104,団体コード!$A$1:$C$1743,2,FALSE)</f>
        <v>#N/A</v>
      </c>
      <c r="N2104" s="51" t="e">
        <f>VLOOKUP(E2104,団体コード!$E$1:$F$48,2,FALSE)</f>
        <v>#N/A</v>
      </c>
      <c r="O2104" s="51" t="e">
        <f t="shared" si="67"/>
        <v>#N/A</v>
      </c>
      <c r="P2104" s="51">
        <v>1</v>
      </c>
      <c r="Q2104" s="51" t="s">
        <v>5341</v>
      </c>
      <c r="R2104" s="54" t="b">
        <v>1</v>
      </c>
      <c r="S2104" s="52" t="s">
        <v>7126</v>
      </c>
      <c r="T2104" s="67" t="s">
        <v>7127</v>
      </c>
      <c r="U2104" s="75" t="s">
        <v>5331</v>
      </c>
      <c r="V2104" s="47" t="s">
        <v>5331</v>
      </c>
      <c r="W2104" s="47" t="s">
        <v>5331</v>
      </c>
      <c r="X2104" s="47" t="s">
        <v>5331</v>
      </c>
      <c r="Y2104" s="47" t="s">
        <v>5331</v>
      </c>
      <c r="Z2104" s="28"/>
      <c r="AA2104" s="27"/>
      <c r="AB2104" s="27"/>
      <c r="AC2104" s="27"/>
      <c r="AD2104" s="30"/>
      <c r="AE2104" s="1"/>
      <c r="AF2104" s="23" t="s">
        <v>5331</v>
      </c>
      <c r="AG2104" s="26"/>
      <c r="AH2104" s="53"/>
    </row>
    <row r="2105" spans="1:34" ht="51.6" customHeight="1" x14ac:dyDescent="0.45">
      <c r="A2105" s="23">
        <v>2099</v>
      </c>
      <c r="B2105" s="25"/>
      <c r="C2105" s="25"/>
      <c r="D2105" s="29"/>
      <c r="E2105" s="1"/>
      <c r="F2105" s="1"/>
      <c r="G2105" s="25"/>
      <c r="H2105" s="71"/>
      <c r="I2105" s="83"/>
      <c r="J2105" s="50" t="str">
        <f t="shared" si="66"/>
        <v/>
      </c>
      <c r="K2105" s="23" t="s">
        <v>7120</v>
      </c>
      <c r="L2105" s="49" t="e">
        <f>VLOOKUP(E2105&amp;F2105,団体コード!$A$1:$C$1743,3,FALSE)</f>
        <v>#N/A</v>
      </c>
      <c r="M2105" s="49" t="e">
        <f>VLOOKUP(E2105&amp;F2105,団体コード!$A$1:$C$1743,2,FALSE)</f>
        <v>#N/A</v>
      </c>
      <c r="N2105" s="51" t="e">
        <f>VLOOKUP(E2105,団体コード!$E$1:$F$48,2,FALSE)</f>
        <v>#N/A</v>
      </c>
      <c r="O2105" s="51" t="e">
        <f t="shared" si="67"/>
        <v>#N/A</v>
      </c>
      <c r="P2105" s="51">
        <v>1</v>
      </c>
      <c r="Q2105" s="51" t="s">
        <v>5341</v>
      </c>
      <c r="R2105" s="54" t="b">
        <v>1</v>
      </c>
      <c r="S2105" s="52" t="s">
        <v>7126</v>
      </c>
      <c r="T2105" s="67" t="s">
        <v>7127</v>
      </c>
      <c r="U2105" s="75" t="s">
        <v>5331</v>
      </c>
      <c r="V2105" s="47" t="s">
        <v>5331</v>
      </c>
      <c r="W2105" s="47" t="s">
        <v>5331</v>
      </c>
      <c r="X2105" s="47" t="s">
        <v>5331</v>
      </c>
      <c r="Y2105" s="47" t="s">
        <v>5331</v>
      </c>
      <c r="Z2105" s="28"/>
      <c r="AA2105" s="27"/>
      <c r="AB2105" s="27"/>
      <c r="AC2105" s="27"/>
      <c r="AD2105" s="30"/>
      <c r="AE2105" s="1"/>
      <c r="AF2105" s="23" t="s">
        <v>5331</v>
      </c>
      <c r="AG2105" s="26"/>
      <c r="AH2105" s="53"/>
    </row>
    <row r="2106" spans="1:34" ht="51.6" customHeight="1" x14ac:dyDescent="0.45">
      <c r="A2106" s="23">
        <v>2100</v>
      </c>
      <c r="B2106" s="25"/>
      <c r="C2106" s="25"/>
      <c r="D2106" s="29"/>
      <c r="E2106" s="1"/>
      <c r="F2106" s="1"/>
      <c r="G2106" s="25"/>
      <c r="H2106" s="71"/>
      <c r="I2106" s="83"/>
      <c r="J2106" s="50" t="str">
        <f t="shared" si="66"/>
        <v/>
      </c>
      <c r="K2106" s="23" t="s">
        <v>7120</v>
      </c>
      <c r="L2106" s="49" t="e">
        <f>VLOOKUP(E2106&amp;F2106,団体コード!$A$1:$C$1743,3,FALSE)</f>
        <v>#N/A</v>
      </c>
      <c r="M2106" s="49" t="e">
        <f>VLOOKUP(E2106&amp;F2106,団体コード!$A$1:$C$1743,2,FALSE)</f>
        <v>#N/A</v>
      </c>
      <c r="N2106" s="51" t="e">
        <f>VLOOKUP(E2106,団体コード!$E$1:$F$48,2,FALSE)</f>
        <v>#N/A</v>
      </c>
      <c r="O2106" s="51" t="e">
        <f t="shared" si="67"/>
        <v>#N/A</v>
      </c>
      <c r="P2106" s="51">
        <v>1</v>
      </c>
      <c r="Q2106" s="51" t="s">
        <v>5341</v>
      </c>
      <c r="R2106" s="54" t="b">
        <v>1</v>
      </c>
      <c r="S2106" s="52" t="s">
        <v>7126</v>
      </c>
      <c r="T2106" s="67" t="s">
        <v>7127</v>
      </c>
      <c r="U2106" s="75" t="s">
        <v>5331</v>
      </c>
      <c r="V2106" s="47" t="s">
        <v>5331</v>
      </c>
      <c r="W2106" s="47" t="s">
        <v>5331</v>
      </c>
      <c r="X2106" s="47" t="s">
        <v>5331</v>
      </c>
      <c r="Y2106" s="47" t="s">
        <v>5331</v>
      </c>
      <c r="Z2106" s="28"/>
      <c r="AA2106" s="27"/>
      <c r="AB2106" s="27"/>
      <c r="AC2106" s="27"/>
      <c r="AD2106" s="30"/>
      <c r="AE2106" s="1"/>
      <c r="AF2106" s="23" t="s">
        <v>5331</v>
      </c>
      <c r="AG2106" s="26"/>
      <c r="AH2106" s="53"/>
    </row>
    <row r="2107" spans="1:34" ht="51.6" customHeight="1" x14ac:dyDescent="0.45">
      <c r="A2107" s="23">
        <v>2101</v>
      </c>
      <c r="B2107" s="25"/>
      <c r="C2107" s="25"/>
      <c r="D2107" s="29"/>
      <c r="E2107" s="1"/>
      <c r="F2107" s="1"/>
      <c r="G2107" s="25"/>
      <c r="H2107" s="71"/>
      <c r="I2107" s="83"/>
      <c r="J2107" s="50" t="str">
        <f t="shared" si="66"/>
        <v/>
      </c>
      <c r="K2107" s="23" t="s">
        <v>7120</v>
      </c>
      <c r="L2107" s="49" t="e">
        <f>VLOOKUP(E2107&amp;F2107,団体コード!$A$1:$C$1743,3,FALSE)</f>
        <v>#N/A</v>
      </c>
      <c r="M2107" s="49" t="e">
        <f>VLOOKUP(E2107&amp;F2107,団体コード!$A$1:$C$1743,2,FALSE)</f>
        <v>#N/A</v>
      </c>
      <c r="N2107" s="51" t="e">
        <f>VLOOKUP(E2107,団体コード!$E$1:$F$48,2,FALSE)</f>
        <v>#N/A</v>
      </c>
      <c r="O2107" s="51" t="e">
        <f t="shared" si="67"/>
        <v>#N/A</v>
      </c>
      <c r="P2107" s="51">
        <v>1</v>
      </c>
      <c r="Q2107" s="51" t="s">
        <v>5341</v>
      </c>
      <c r="R2107" s="54" t="b">
        <v>1</v>
      </c>
      <c r="S2107" s="52" t="s">
        <v>7126</v>
      </c>
      <c r="T2107" s="67" t="s">
        <v>7127</v>
      </c>
      <c r="U2107" s="75" t="s">
        <v>5331</v>
      </c>
      <c r="V2107" s="47" t="s">
        <v>5331</v>
      </c>
      <c r="W2107" s="47" t="s">
        <v>5331</v>
      </c>
      <c r="X2107" s="47" t="s">
        <v>5331</v>
      </c>
      <c r="Y2107" s="47" t="s">
        <v>5331</v>
      </c>
      <c r="Z2107" s="28"/>
      <c r="AA2107" s="27"/>
      <c r="AB2107" s="27"/>
      <c r="AC2107" s="27"/>
      <c r="AD2107" s="30"/>
      <c r="AE2107" s="1"/>
      <c r="AF2107" s="23" t="s">
        <v>5331</v>
      </c>
      <c r="AG2107" s="26"/>
      <c r="AH2107" s="53"/>
    </row>
    <row r="2108" spans="1:34" ht="51.6" customHeight="1" x14ac:dyDescent="0.45">
      <c r="A2108" s="23">
        <v>2102</v>
      </c>
      <c r="B2108" s="25"/>
      <c r="C2108" s="25"/>
      <c r="D2108" s="29"/>
      <c r="E2108" s="1"/>
      <c r="F2108" s="1"/>
      <c r="G2108" s="25"/>
      <c r="H2108" s="71"/>
      <c r="I2108" s="83"/>
      <c r="J2108" s="50" t="str">
        <f t="shared" si="66"/>
        <v/>
      </c>
      <c r="K2108" s="23" t="s">
        <v>7120</v>
      </c>
      <c r="L2108" s="49" t="e">
        <f>VLOOKUP(E2108&amp;F2108,団体コード!$A$1:$C$1743,3,FALSE)</f>
        <v>#N/A</v>
      </c>
      <c r="M2108" s="49" t="e">
        <f>VLOOKUP(E2108&amp;F2108,団体コード!$A$1:$C$1743,2,FALSE)</f>
        <v>#N/A</v>
      </c>
      <c r="N2108" s="51" t="e">
        <f>VLOOKUP(E2108,団体コード!$E$1:$F$48,2,FALSE)</f>
        <v>#N/A</v>
      </c>
      <c r="O2108" s="51" t="e">
        <f t="shared" si="67"/>
        <v>#N/A</v>
      </c>
      <c r="P2108" s="51">
        <v>1</v>
      </c>
      <c r="Q2108" s="51" t="s">
        <v>5341</v>
      </c>
      <c r="R2108" s="54" t="b">
        <v>1</v>
      </c>
      <c r="S2108" s="52" t="s">
        <v>7126</v>
      </c>
      <c r="T2108" s="67" t="s">
        <v>7127</v>
      </c>
      <c r="U2108" s="75" t="s">
        <v>5331</v>
      </c>
      <c r="V2108" s="47" t="s">
        <v>5331</v>
      </c>
      <c r="W2108" s="47" t="s">
        <v>5331</v>
      </c>
      <c r="X2108" s="47" t="s">
        <v>5331</v>
      </c>
      <c r="Y2108" s="47" t="s">
        <v>5331</v>
      </c>
      <c r="Z2108" s="28"/>
      <c r="AA2108" s="27"/>
      <c r="AB2108" s="27"/>
      <c r="AC2108" s="27"/>
      <c r="AD2108" s="30"/>
      <c r="AE2108" s="1"/>
      <c r="AF2108" s="23" t="s">
        <v>5331</v>
      </c>
      <c r="AG2108" s="26"/>
      <c r="AH2108" s="53"/>
    </row>
    <row r="2109" spans="1:34" ht="51.6" customHeight="1" x14ac:dyDescent="0.45">
      <c r="A2109" s="23">
        <v>2103</v>
      </c>
      <c r="B2109" s="25"/>
      <c r="C2109" s="25"/>
      <c r="D2109" s="29"/>
      <c r="E2109" s="1"/>
      <c r="F2109" s="1"/>
      <c r="G2109" s="25"/>
      <c r="H2109" s="71"/>
      <c r="I2109" s="83"/>
      <c r="J2109" s="50" t="str">
        <f t="shared" si="66"/>
        <v/>
      </c>
      <c r="K2109" s="23" t="s">
        <v>7120</v>
      </c>
      <c r="L2109" s="49" t="e">
        <f>VLOOKUP(E2109&amp;F2109,団体コード!$A$1:$C$1743,3,FALSE)</f>
        <v>#N/A</v>
      </c>
      <c r="M2109" s="49" t="e">
        <f>VLOOKUP(E2109&amp;F2109,団体コード!$A$1:$C$1743,2,FALSE)</f>
        <v>#N/A</v>
      </c>
      <c r="N2109" s="51" t="e">
        <f>VLOOKUP(E2109,団体コード!$E$1:$F$48,2,FALSE)</f>
        <v>#N/A</v>
      </c>
      <c r="O2109" s="51" t="e">
        <f t="shared" si="67"/>
        <v>#N/A</v>
      </c>
      <c r="P2109" s="51">
        <v>1</v>
      </c>
      <c r="Q2109" s="51" t="s">
        <v>5341</v>
      </c>
      <c r="R2109" s="54" t="b">
        <v>1</v>
      </c>
      <c r="S2109" s="52" t="s">
        <v>7126</v>
      </c>
      <c r="T2109" s="67" t="s">
        <v>7127</v>
      </c>
      <c r="U2109" s="75" t="s">
        <v>5331</v>
      </c>
      <c r="V2109" s="47" t="s">
        <v>5331</v>
      </c>
      <c r="W2109" s="47" t="s">
        <v>5331</v>
      </c>
      <c r="X2109" s="47" t="s">
        <v>5331</v>
      </c>
      <c r="Y2109" s="47" t="s">
        <v>5331</v>
      </c>
      <c r="Z2109" s="28"/>
      <c r="AA2109" s="27"/>
      <c r="AB2109" s="27"/>
      <c r="AC2109" s="27"/>
      <c r="AD2109" s="30"/>
      <c r="AE2109" s="1"/>
      <c r="AF2109" s="23" t="s">
        <v>5331</v>
      </c>
      <c r="AG2109" s="26"/>
      <c r="AH2109" s="53"/>
    </row>
    <row r="2110" spans="1:34" ht="51.6" customHeight="1" x14ac:dyDescent="0.45">
      <c r="A2110" s="23">
        <v>2104</v>
      </c>
      <c r="B2110" s="25"/>
      <c r="C2110" s="25"/>
      <c r="D2110" s="29"/>
      <c r="E2110" s="1"/>
      <c r="F2110" s="1"/>
      <c r="G2110" s="25"/>
      <c r="H2110" s="71"/>
      <c r="I2110" s="83"/>
      <c r="J2110" s="50" t="str">
        <f t="shared" si="66"/>
        <v/>
      </c>
      <c r="K2110" s="23" t="s">
        <v>7120</v>
      </c>
      <c r="L2110" s="49" t="e">
        <f>VLOOKUP(E2110&amp;F2110,団体コード!$A$1:$C$1743,3,FALSE)</f>
        <v>#N/A</v>
      </c>
      <c r="M2110" s="49" t="e">
        <f>VLOOKUP(E2110&amp;F2110,団体コード!$A$1:$C$1743,2,FALSE)</f>
        <v>#N/A</v>
      </c>
      <c r="N2110" s="51" t="e">
        <f>VLOOKUP(E2110,団体コード!$E$1:$F$48,2,FALSE)</f>
        <v>#N/A</v>
      </c>
      <c r="O2110" s="51" t="e">
        <f t="shared" si="67"/>
        <v>#N/A</v>
      </c>
      <c r="P2110" s="51">
        <v>1</v>
      </c>
      <c r="Q2110" s="51" t="s">
        <v>5341</v>
      </c>
      <c r="R2110" s="54" t="b">
        <v>1</v>
      </c>
      <c r="S2110" s="52" t="s">
        <v>7126</v>
      </c>
      <c r="T2110" s="67" t="s">
        <v>7127</v>
      </c>
      <c r="U2110" s="75" t="s">
        <v>5331</v>
      </c>
      <c r="V2110" s="47" t="s">
        <v>5331</v>
      </c>
      <c r="W2110" s="47" t="s">
        <v>5331</v>
      </c>
      <c r="X2110" s="47" t="s">
        <v>5331</v>
      </c>
      <c r="Y2110" s="47" t="s">
        <v>5331</v>
      </c>
      <c r="Z2110" s="28"/>
      <c r="AA2110" s="27"/>
      <c r="AB2110" s="27"/>
      <c r="AC2110" s="27"/>
      <c r="AD2110" s="30"/>
      <c r="AE2110" s="1"/>
      <c r="AF2110" s="23" t="s">
        <v>5331</v>
      </c>
      <c r="AG2110" s="26"/>
      <c r="AH2110" s="53"/>
    </row>
    <row r="2111" spans="1:34" ht="51.6" customHeight="1" x14ac:dyDescent="0.45">
      <c r="A2111" s="23">
        <v>2105</v>
      </c>
      <c r="B2111" s="25"/>
      <c r="C2111" s="25"/>
      <c r="D2111" s="29"/>
      <c r="E2111" s="1"/>
      <c r="F2111" s="1"/>
      <c r="G2111" s="25"/>
      <c r="H2111" s="71"/>
      <c r="I2111" s="83"/>
      <c r="J2111" s="50" t="str">
        <f t="shared" si="66"/>
        <v/>
      </c>
      <c r="K2111" s="23" t="s">
        <v>7120</v>
      </c>
      <c r="L2111" s="49" t="e">
        <f>VLOOKUP(E2111&amp;F2111,団体コード!$A$1:$C$1743,3,FALSE)</f>
        <v>#N/A</v>
      </c>
      <c r="M2111" s="49" t="e">
        <f>VLOOKUP(E2111&amp;F2111,団体コード!$A$1:$C$1743,2,FALSE)</f>
        <v>#N/A</v>
      </c>
      <c r="N2111" s="51" t="e">
        <f>VLOOKUP(E2111,団体コード!$E$1:$F$48,2,FALSE)</f>
        <v>#N/A</v>
      </c>
      <c r="O2111" s="51" t="e">
        <f t="shared" si="67"/>
        <v>#N/A</v>
      </c>
      <c r="P2111" s="51">
        <v>1</v>
      </c>
      <c r="Q2111" s="51" t="s">
        <v>5341</v>
      </c>
      <c r="R2111" s="54" t="b">
        <v>1</v>
      </c>
      <c r="S2111" s="52" t="s">
        <v>7126</v>
      </c>
      <c r="T2111" s="67" t="s">
        <v>7127</v>
      </c>
      <c r="U2111" s="75" t="s">
        <v>5331</v>
      </c>
      <c r="V2111" s="47" t="s">
        <v>5331</v>
      </c>
      <c r="W2111" s="47" t="s">
        <v>5331</v>
      </c>
      <c r="X2111" s="47" t="s">
        <v>5331</v>
      </c>
      <c r="Y2111" s="47" t="s">
        <v>5331</v>
      </c>
      <c r="Z2111" s="28"/>
      <c r="AA2111" s="27"/>
      <c r="AB2111" s="27"/>
      <c r="AC2111" s="27"/>
      <c r="AD2111" s="30"/>
      <c r="AE2111" s="1"/>
      <c r="AF2111" s="23" t="s">
        <v>5331</v>
      </c>
      <c r="AG2111" s="26"/>
      <c r="AH2111" s="53"/>
    </row>
    <row r="2112" spans="1:34" ht="51.6" customHeight="1" x14ac:dyDescent="0.45">
      <c r="A2112" s="23">
        <v>2106</v>
      </c>
      <c r="B2112" s="25"/>
      <c r="C2112" s="25"/>
      <c r="D2112" s="29"/>
      <c r="E2112" s="1"/>
      <c r="F2112" s="1"/>
      <c r="G2112" s="25"/>
      <c r="H2112" s="71"/>
      <c r="I2112" s="83"/>
      <c r="J2112" s="50" t="str">
        <f t="shared" si="66"/>
        <v/>
      </c>
      <c r="K2112" s="23" t="s">
        <v>7120</v>
      </c>
      <c r="L2112" s="49" t="e">
        <f>VLOOKUP(E2112&amp;F2112,団体コード!$A$1:$C$1743,3,FALSE)</f>
        <v>#N/A</v>
      </c>
      <c r="M2112" s="49" t="e">
        <f>VLOOKUP(E2112&amp;F2112,団体コード!$A$1:$C$1743,2,FALSE)</f>
        <v>#N/A</v>
      </c>
      <c r="N2112" s="51" t="e">
        <f>VLOOKUP(E2112,団体コード!$E$1:$F$48,2,FALSE)</f>
        <v>#N/A</v>
      </c>
      <c r="O2112" s="51" t="e">
        <f t="shared" si="67"/>
        <v>#N/A</v>
      </c>
      <c r="P2112" s="51">
        <v>1</v>
      </c>
      <c r="Q2112" s="51" t="s">
        <v>5341</v>
      </c>
      <c r="R2112" s="54" t="b">
        <v>1</v>
      </c>
      <c r="S2112" s="52" t="s">
        <v>7126</v>
      </c>
      <c r="T2112" s="67" t="s">
        <v>7127</v>
      </c>
      <c r="U2112" s="75" t="s">
        <v>5331</v>
      </c>
      <c r="V2112" s="47" t="s">
        <v>5331</v>
      </c>
      <c r="W2112" s="47" t="s">
        <v>5331</v>
      </c>
      <c r="X2112" s="47" t="s">
        <v>5331</v>
      </c>
      <c r="Y2112" s="47" t="s">
        <v>5331</v>
      </c>
      <c r="Z2112" s="28"/>
      <c r="AA2112" s="27"/>
      <c r="AB2112" s="27"/>
      <c r="AC2112" s="27"/>
      <c r="AD2112" s="30"/>
      <c r="AE2112" s="1"/>
      <c r="AF2112" s="23" t="s">
        <v>5331</v>
      </c>
      <c r="AG2112" s="26"/>
      <c r="AH2112" s="53"/>
    </row>
    <row r="2113" spans="1:34" ht="51.6" customHeight="1" x14ac:dyDescent="0.45">
      <c r="A2113" s="23">
        <v>2107</v>
      </c>
      <c r="B2113" s="25"/>
      <c r="C2113" s="25"/>
      <c r="D2113" s="29"/>
      <c r="E2113" s="1"/>
      <c r="F2113" s="1"/>
      <c r="G2113" s="25"/>
      <c r="H2113" s="71"/>
      <c r="I2113" s="83"/>
      <c r="J2113" s="50" t="str">
        <f t="shared" si="66"/>
        <v/>
      </c>
      <c r="K2113" s="23" t="s">
        <v>7120</v>
      </c>
      <c r="L2113" s="49" t="e">
        <f>VLOOKUP(E2113&amp;F2113,団体コード!$A$1:$C$1743,3,FALSE)</f>
        <v>#N/A</v>
      </c>
      <c r="M2113" s="49" t="e">
        <f>VLOOKUP(E2113&amp;F2113,団体コード!$A$1:$C$1743,2,FALSE)</f>
        <v>#N/A</v>
      </c>
      <c r="N2113" s="51" t="e">
        <f>VLOOKUP(E2113,団体コード!$E$1:$F$48,2,FALSE)</f>
        <v>#N/A</v>
      </c>
      <c r="O2113" s="51" t="e">
        <f t="shared" si="67"/>
        <v>#N/A</v>
      </c>
      <c r="P2113" s="51">
        <v>1</v>
      </c>
      <c r="Q2113" s="51" t="s">
        <v>5341</v>
      </c>
      <c r="R2113" s="54" t="b">
        <v>1</v>
      </c>
      <c r="S2113" s="52" t="s">
        <v>7126</v>
      </c>
      <c r="T2113" s="67" t="s">
        <v>7127</v>
      </c>
      <c r="U2113" s="75" t="s">
        <v>5331</v>
      </c>
      <c r="V2113" s="47" t="s">
        <v>5331</v>
      </c>
      <c r="W2113" s="47" t="s">
        <v>5331</v>
      </c>
      <c r="X2113" s="47" t="s">
        <v>5331</v>
      </c>
      <c r="Y2113" s="47" t="s">
        <v>5331</v>
      </c>
      <c r="Z2113" s="28"/>
      <c r="AA2113" s="27"/>
      <c r="AB2113" s="27"/>
      <c r="AC2113" s="27"/>
      <c r="AD2113" s="30"/>
      <c r="AE2113" s="1"/>
      <c r="AF2113" s="23" t="s">
        <v>5331</v>
      </c>
      <c r="AG2113" s="26"/>
      <c r="AH2113" s="53"/>
    </row>
    <row r="2114" spans="1:34" ht="51.6" customHeight="1" x14ac:dyDescent="0.45">
      <c r="A2114" s="23">
        <v>2108</v>
      </c>
      <c r="B2114" s="25"/>
      <c r="C2114" s="25"/>
      <c r="D2114" s="29"/>
      <c r="E2114" s="1"/>
      <c r="F2114" s="1"/>
      <c r="G2114" s="25"/>
      <c r="H2114" s="71"/>
      <c r="I2114" s="83"/>
      <c r="J2114" s="50" t="str">
        <f t="shared" si="66"/>
        <v/>
      </c>
      <c r="K2114" s="23" t="s">
        <v>7120</v>
      </c>
      <c r="L2114" s="49" t="e">
        <f>VLOOKUP(E2114&amp;F2114,団体コード!$A$1:$C$1743,3,FALSE)</f>
        <v>#N/A</v>
      </c>
      <c r="M2114" s="49" t="e">
        <f>VLOOKUP(E2114&amp;F2114,団体コード!$A$1:$C$1743,2,FALSE)</f>
        <v>#N/A</v>
      </c>
      <c r="N2114" s="51" t="e">
        <f>VLOOKUP(E2114,団体コード!$E$1:$F$48,2,FALSE)</f>
        <v>#N/A</v>
      </c>
      <c r="O2114" s="51" t="e">
        <f t="shared" si="67"/>
        <v>#N/A</v>
      </c>
      <c r="P2114" s="51">
        <v>1</v>
      </c>
      <c r="Q2114" s="51" t="s">
        <v>5341</v>
      </c>
      <c r="R2114" s="54" t="b">
        <v>1</v>
      </c>
      <c r="S2114" s="52" t="s">
        <v>7126</v>
      </c>
      <c r="T2114" s="67" t="s">
        <v>7127</v>
      </c>
      <c r="U2114" s="75" t="s">
        <v>5331</v>
      </c>
      <c r="V2114" s="47" t="s">
        <v>5331</v>
      </c>
      <c r="W2114" s="47" t="s">
        <v>5331</v>
      </c>
      <c r="X2114" s="47" t="s">
        <v>5331</v>
      </c>
      <c r="Y2114" s="47" t="s">
        <v>5331</v>
      </c>
      <c r="Z2114" s="28"/>
      <c r="AA2114" s="27"/>
      <c r="AB2114" s="27"/>
      <c r="AC2114" s="27"/>
      <c r="AD2114" s="30"/>
      <c r="AE2114" s="1"/>
      <c r="AF2114" s="23" t="s">
        <v>5331</v>
      </c>
      <c r="AG2114" s="26"/>
      <c r="AH2114" s="53"/>
    </row>
    <row r="2115" spans="1:34" ht="51.6" customHeight="1" x14ac:dyDescent="0.45">
      <c r="A2115" s="23">
        <v>2109</v>
      </c>
      <c r="B2115" s="25"/>
      <c r="C2115" s="25"/>
      <c r="D2115" s="29"/>
      <c r="E2115" s="1"/>
      <c r="F2115" s="1"/>
      <c r="G2115" s="25"/>
      <c r="H2115" s="71"/>
      <c r="I2115" s="83"/>
      <c r="J2115" s="50" t="str">
        <f t="shared" si="66"/>
        <v/>
      </c>
      <c r="K2115" s="23" t="s">
        <v>7120</v>
      </c>
      <c r="L2115" s="49" t="e">
        <f>VLOOKUP(E2115&amp;F2115,団体コード!$A$1:$C$1743,3,FALSE)</f>
        <v>#N/A</v>
      </c>
      <c r="M2115" s="49" t="e">
        <f>VLOOKUP(E2115&amp;F2115,団体コード!$A$1:$C$1743,2,FALSE)</f>
        <v>#N/A</v>
      </c>
      <c r="N2115" s="51" t="e">
        <f>VLOOKUP(E2115,団体コード!$E$1:$F$48,2,FALSE)</f>
        <v>#N/A</v>
      </c>
      <c r="O2115" s="51" t="e">
        <f t="shared" si="67"/>
        <v>#N/A</v>
      </c>
      <c r="P2115" s="51">
        <v>1</v>
      </c>
      <c r="Q2115" s="51" t="s">
        <v>5341</v>
      </c>
      <c r="R2115" s="54" t="b">
        <v>1</v>
      </c>
      <c r="S2115" s="52" t="s">
        <v>7126</v>
      </c>
      <c r="T2115" s="67" t="s">
        <v>7127</v>
      </c>
      <c r="U2115" s="75" t="s">
        <v>5331</v>
      </c>
      <c r="V2115" s="47" t="s">
        <v>5331</v>
      </c>
      <c r="W2115" s="47" t="s">
        <v>5331</v>
      </c>
      <c r="X2115" s="47" t="s">
        <v>5331</v>
      </c>
      <c r="Y2115" s="47" t="s">
        <v>5331</v>
      </c>
      <c r="Z2115" s="28"/>
      <c r="AA2115" s="27"/>
      <c r="AB2115" s="27"/>
      <c r="AC2115" s="27"/>
      <c r="AD2115" s="30"/>
      <c r="AE2115" s="1"/>
      <c r="AF2115" s="23" t="s">
        <v>5331</v>
      </c>
      <c r="AG2115" s="26"/>
      <c r="AH2115" s="53"/>
    </row>
    <row r="2116" spans="1:34" ht="51.6" customHeight="1" x14ac:dyDescent="0.45">
      <c r="A2116" s="23">
        <v>2110</v>
      </c>
      <c r="B2116" s="25"/>
      <c r="C2116" s="25"/>
      <c r="D2116" s="29"/>
      <c r="E2116" s="1"/>
      <c r="F2116" s="1"/>
      <c r="G2116" s="25"/>
      <c r="H2116" s="71"/>
      <c r="I2116" s="83"/>
      <c r="J2116" s="50" t="str">
        <f t="shared" si="66"/>
        <v/>
      </c>
      <c r="K2116" s="23" t="s">
        <v>7120</v>
      </c>
      <c r="L2116" s="49" t="e">
        <f>VLOOKUP(E2116&amp;F2116,団体コード!$A$1:$C$1743,3,FALSE)</f>
        <v>#N/A</v>
      </c>
      <c r="M2116" s="49" t="e">
        <f>VLOOKUP(E2116&amp;F2116,団体コード!$A$1:$C$1743,2,FALSE)</f>
        <v>#N/A</v>
      </c>
      <c r="N2116" s="51" t="e">
        <f>VLOOKUP(E2116,団体コード!$E$1:$F$48,2,FALSE)</f>
        <v>#N/A</v>
      </c>
      <c r="O2116" s="51" t="e">
        <f t="shared" si="67"/>
        <v>#N/A</v>
      </c>
      <c r="P2116" s="51">
        <v>1</v>
      </c>
      <c r="Q2116" s="51" t="s">
        <v>5341</v>
      </c>
      <c r="R2116" s="54" t="b">
        <v>1</v>
      </c>
      <c r="S2116" s="52" t="s">
        <v>7126</v>
      </c>
      <c r="T2116" s="67" t="s">
        <v>7127</v>
      </c>
      <c r="U2116" s="75" t="s">
        <v>5331</v>
      </c>
      <c r="V2116" s="47" t="s">
        <v>5331</v>
      </c>
      <c r="W2116" s="47" t="s">
        <v>5331</v>
      </c>
      <c r="X2116" s="47" t="s">
        <v>5331</v>
      </c>
      <c r="Y2116" s="47" t="s">
        <v>5331</v>
      </c>
      <c r="Z2116" s="28"/>
      <c r="AA2116" s="27"/>
      <c r="AB2116" s="27"/>
      <c r="AC2116" s="27"/>
      <c r="AD2116" s="30"/>
      <c r="AE2116" s="1"/>
      <c r="AF2116" s="23" t="s">
        <v>5331</v>
      </c>
      <c r="AG2116" s="26"/>
      <c r="AH2116" s="53"/>
    </row>
    <row r="2117" spans="1:34" ht="51.6" customHeight="1" x14ac:dyDescent="0.45">
      <c r="A2117" s="23">
        <v>2111</v>
      </c>
      <c r="B2117" s="25"/>
      <c r="C2117" s="25"/>
      <c r="D2117" s="29"/>
      <c r="E2117" s="1"/>
      <c r="F2117" s="1"/>
      <c r="G2117" s="25"/>
      <c r="H2117" s="71"/>
      <c r="I2117" s="83"/>
      <c r="J2117" s="50" t="str">
        <f t="shared" si="66"/>
        <v/>
      </c>
      <c r="K2117" s="23" t="s">
        <v>7120</v>
      </c>
      <c r="L2117" s="49" t="e">
        <f>VLOOKUP(E2117&amp;F2117,団体コード!$A$1:$C$1743,3,FALSE)</f>
        <v>#N/A</v>
      </c>
      <c r="M2117" s="49" t="e">
        <f>VLOOKUP(E2117&amp;F2117,団体コード!$A$1:$C$1743,2,FALSE)</f>
        <v>#N/A</v>
      </c>
      <c r="N2117" s="51" t="e">
        <f>VLOOKUP(E2117,団体コード!$E$1:$F$48,2,FALSE)</f>
        <v>#N/A</v>
      </c>
      <c r="O2117" s="51" t="e">
        <f t="shared" si="67"/>
        <v>#N/A</v>
      </c>
      <c r="P2117" s="51">
        <v>1</v>
      </c>
      <c r="Q2117" s="51" t="s">
        <v>5341</v>
      </c>
      <c r="R2117" s="54" t="b">
        <v>1</v>
      </c>
      <c r="S2117" s="52" t="s">
        <v>7126</v>
      </c>
      <c r="T2117" s="67" t="s">
        <v>7127</v>
      </c>
      <c r="U2117" s="75" t="s">
        <v>5331</v>
      </c>
      <c r="V2117" s="47" t="s">
        <v>5331</v>
      </c>
      <c r="W2117" s="47" t="s">
        <v>5331</v>
      </c>
      <c r="X2117" s="47" t="s">
        <v>5331</v>
      </c>
      <c r="Y2117" s="47" t="s">
        <v>5331</v>
      </c>
      <c r="Z2117" s="28"/>
      <c r="AA2117" s="27"/>
      <c r="AB2117" s="27"/>
      <c r="AC2117" s="27"/>
      <c r="AD2117" s="30"/>
      <c r="AE2117" s="1"/>
      <c r="AF2117" s="23" t="s">
        <v>5331</v>
      </c>
      <c r="AG2117" s="26"/>
      <c r="AH2117" s="53"/>
    </row>
    <row r="2118" spans="1:34" ht="51.6" customHeight="1" x14ac:dyDescent="0.45">
      <c r="A2118" s="23">
        <v>2112</v>
      </c>
      <c r="B2118" s="25"/>
      <c r="C2118" s="25"/>
      <c r="D2118" s="29"/>
      <c r="E2118" s="1"/>
      <c r="F2118" s="1"/>
      <c r="G2118" s="25"/>
      <c r="H2118" s="71"/>
      <c r="I2118" s="83"/>
      <c r="J2118" s="50" t="str">
        <f t="shared" si="66"/>
        <v/>
      </c>
      <c r="K2118" s="23" t="s">
        <v>7120</v>
      </c>
      <c r="L2118" s="49" t="e">
        <f>VLOOKUP(E2118&amp;F2118,団体コード!$A$1:$C$1743,3,FALSE)</f>
        <v>#N/A</v>
      </c>
      <c r="M2118" s="49" t="e">
        <f>VLOOKUP(E2118&amp;F2118,団体コード!$A$1:$C$1743,2,FALSE)</f>
        <v>#N/A</v>
      </c>
      <c r="N2118" s="51" t="e">
        <f>VLOOKUP(E2118,団体コード!$E$1:$F$48,2,FALSE)</f>
        <v>#N/A</v>
      </c>
      <c r="O2118" s="51" t="e">
        <f t="shared" si="67"/>
        <v>#N/A</v>
      </c>
      <c r="P2118" s="51">
        <v>1</v>
      </c>
      <c r="Q2118" s="51" t="s">
        <v>5341</v>
      </c>
      <c r="R2118" s="54" t="b">
        <v>1</v>
      </c>
      <c r="S2118" s="52" t="s">
        <v>7126</v>
      </c>
      <c r="T2118" s="67" t="s">
        <v>7127</v>
      </c>
      <c r="U2118" s="75" t="s">
        <v>5331</v>
      </c>
      <c r="V2118" s="47" t="s">
        <v>5331</v>
      </c>
      <c r="W2118" s="47" t="s">
        <v>5331</v>
      </c>
      <c r="X2118" s="47" t="s">
        <v>5331</v>
      </c>
      <c r="Y2118" s="47" t="s">
        <v>5331</v>
      </c>
      <c r="Z2118" s="28"/>
      <c r="AA2118" s="27"/>
      <c r="AB2118" s="27"/>
      <c r="AC2118" s="27"/>
      <c r="AD2118" s="30"/>
      <c r="AE2118" s="1"/>
      <c r="AF2118" s="23" t="s">
        <v>5331</v>
      </c>
      <c r="AG2118" s="26"/>
      <c r="AH2118" s="53"/>
    </row>
    <row r="2119" spans="1:34" ht="51.6" customHeight="1" x14ac:dyDescent="0.45">
      <c r="A2119" s="23">
        <v>2113</v>
      </c>
      <c r="B2119" s="25"/>
      <c r="C2119" s="25"/>
      <c r="D2119" s="29"/>
      <c r="E2119" s="1"/>
      <c r="F2119" s="1"/>
      <c r="G2119" s="25"/>
      <c r="H2119" s="71"/>
      <c r="I2119" s="83"/>
      <c r="J2119" s="50" t="str">
        <f t="shared" si="66"/>
        <v/>
      </c>
      <c r="K2119" s="23" t="s">
        <v>7120</v>
      </c>
      <c r="L2119" s="49" t="e">
        <f>VLOOKUP(E2119&amp;F2119,団体コード!$A$1:$C$1743,3,FALSE)</f>
        <v>#N/A</v>
      </c>
      <c r="M2119" s="49" t="e">
        <f>VLOOKUP(E2119&amp;F2119,団体コード!$A$1:$C$1743,2,FALSE)</f>
        <v>#N/A</v>
      </c>
      <c r="N2119" s="51" t="e">
        <f>VLOOKUP(E2119,団体コード!$E$1:$F$48,2,FALSE)</f>
        <v>#N/A</v>
      </c>
      <c r="O2119" s="51" t="e">
        <f t="shared" si="67"/>
        <v>#N/A</v>
      </c>
      <c r="P2119" s="51">
        <v>1</v>
      </c>
      <c r="Q2119" s="51" t="s">
        <v>5341</v>
      </c>
      <c r="R2119" s="54" t="b">
        <v>1</v>
      </c>
      <c r="S2119" s="52" t="s">
        <v>7126</v>
      </c>
      <c r="T2119" s="67" t="s">
        <v>7127</v>
      </c>
      <c r="U2119" s="75" t="s">
        <v>5331</v>
      </c>
      <c r="V2119" s="47" t="s">
        <v>5331</v>
      </c>
      <c r="W2119" s="47" t="s">
        <v>5331</v>
      </c>
      <c r="X2119" s="47" t="s">
        <v>5331</v>
      </c>
      <c r="Y2119" s="47" t="s">
        <v>5331</v>
      </c>
      <c r="Z2119" s="28"/>
      <c r="AA2119" s="27"/>
      <c r="AB2119" s="27"/>
      <c r="AC2119" s="27"/>
      <c r="AD2119" s="30"/>
      <c r="AE2119" s="1"/>
      <c r="AF2119" s="23" t="s">
        <v>5331</v>
      </c>
      <c r="AG2119" s="26"/>
      <c r="AH2119" s="53"/>
    </row>
    <row r="2120" spans="1:34" ht="51.6" customHeight="1" x14ac:dyDescent="0.45">
      <c r="A2120" s="23">
        <v>2114</v>
      </c>
      <c r="B2120" s="25"/>
      <c r="C2120" s="25"/>
      <c r="D2120" s="29"/>
      <c r="E2120" s="1"/>
      <c r="F2120" s="1"/>
      <c r="G2120" s="25"/>
      <c r="H2120" s="71"/>
      <c r="I2120" s="83"/>
      <c r="J2120" s="50" t="str">
        <f t="shared" ref="J2120:J2183" si="68">E2120&amp;F2120&amp;G2120</f>
        <v/>
      </c>
      <c r="K2120" s="23" t="s">
        <v>7120</v>
      </c>
      <c r="L2120" s="49" t="e">
        <f>VLOOKUP(E2120&amp;F2120,団体コード!$A$1:$C$1743,3,FALSE)</f>
        <v>#N/A</v>
      </c>
      <c r="M2120" s="49" t="e">
        <f>VLOOKUP(E2120&amp;F2120,団体コード!$A$1:$C$1743,2,FALSE)</f>
        <v>#N/A</v>
      </c>
      <c r="N2120" s="51" t="e">
        <f>VLOOKUP(E2120,団体コード!$E$1:$F$48,2,FALSE)</f>
        <v>#N/A</v>
      </c>
      <c r="O2120" s="51" t="e">
        <f t="shared" ref="O2120:O2183" si="69">N2120</f>
        <v>#N/A</v>
      </c>
      <c r="P2120" s="51">
        <v>1</v>
      </c>
      <c r="Q2120" s="51" t="s">
        <v>5341</v>
      </c>
      <c r="R2120" s="54" t="b">
        <v>1</v>
      </c>
      <c r="S2120" s="52" t="s">
        <v>7126</v>
      </c>
      <c r="T2120" s="67" t="s">
        <v>7127</v>
      </c>
      <c r="U2120" s="75" t="s">
        <v>5331</v>
      </c>
      <c r="V2120" s="47" t="s">
        <v>5331</v>
      </c>
      <c r="W2120" s="47" t="s">
        <v>5331</v>
      </c>
      <c r="X2120" s="47" t="s">
        <v>5331</v>
      </c>
      <c r="Y2120" s="47" t="s">
        <v>5331</v>
      </c>
      <c r="Z2120" s="28"/>
      <c r="AA2120" s="27"/>
      <c r="AB2120" s="27"/>
      <c r="AC2120" s="27"/>
      <c r="AD2120" s="30"/>
      <c r="AE2120" s="1"/>
      <c r="AF2120" s="23" t="s">
        <v>5331</v>
      </c>
      <c r="AG2120" s="26"/>
      <c r="AH2120" s="53"/>
    </row>
    <row r="2121" spans="1:34" ht="51.6" customHeight="1" x14ac:dyDescent="0.45">
      <c r="A2121" s="23">
        <v>2115</v>
      </c>
      <c r="B2121" s="25"/>
      <c r="C2121" s="25"/>
      <c r="D2121" s="29"/>
      <c r="E2121" s="1"/>
      <c r="F2121" s="1"/>
      <c r="G2121" s="25"/>
      <c r="H2121" s="71"/>
      <c r="I2121" s="83"/>
      <c r="J2121" s="50" t="str">
        <f t="shared" si="68"/>
        <v/>
      </c>
      <c r="K2121" s="23" t="s">
        <v>7120</v>
      </c>
      <c r="L2121" s="49" t="e">
        <f>VLOOKUP(E2121&amp;F2121,団体コード!$A$1:$C$1743,3,FALSE)</f>
        <v>#N/A</v>
      </c>
      <c r="M2121" s="49" t="e">
        <f>VLOOKUP(E2121&amp;F2121,団体コード!$A$1:$C$1743,2,FALSE)</f>
        <v>#N/A</v>
      </c>
      <c r="N2121" s="51" t="e">
        <f>VLOOKUP(E2121,団体コード!$E$1:$F$48,2,FALSE)</f>
        <v>#N/A</v>
      </c>
      <c r="O2121" s="51" t="e">
        <f t="shared" si="69"/>
        <v>#N/A</v>
      </c>
      <c r="P2121" s="51">
        <v>1</v>
      </c>
      <c r="Q2121" s="51" t="s">
        <v>5341</v>
      </c>
      <c r="R2121" s="54" t="b">
        <v>1</v>
      </c>
      <c r="S2121" s="52" t="s">
        <v>7126</v>
      </c>
      <c r="T2121" s="67" t="s">
        <v>7127</v>
      </c>
      <c r="U2121" s="75" t="s">
        <v>5331</v>
      </c>
      <c r="V2121" s="47" t="s">
        <v>5331</v>
      </c>
      <c r="W2121" s="47" t="s">
        <v>5331</v>
      </c>
      <c r="X2121" s="47" t="s">
        <v>5331</v>
      </c>
      <c r="Y2121" s="47" t="s">
        <v>5331</v>
      </c>
      <c r="Z2121" s="28"/>
      <c r="AA2121" s="27"/>
      <c r="AB2121" s="27"/>
      <c r="AC2121" s="27"/>
      <c r="AD2121" s="30"/>
      <c r="AE2121" s="1"/>
      <c r="AF2121" s="23" t="s">
        <v>5331</v>
      </c>
      <c r="AG2121" s="26"/>
      <c r="AH2121" s="53"/>
    </row>
    <row r="2122" spans="1:34" ht="51.6" customHeight="1" x14ac:dyDescent="0.45">
      <c r="A2122" s="23">
        <v>2116</v>
      </c>
      <c r="B2122" s="25"/>
      <c r="C2122" s="25"/>
      <c r="D2122" s="29"/>
      <c r="E2122" s="1"/>
      <c r="F2122" s="1"/>
      <c r="G2122" s="25"/>
      <c r="H2122" s="71"/>
      <c r="I2122" s="83"/>
      <c r="J2122" s="50" t="str">
        <f t="shared" si="68"/>
        <v/>
      </c>
      <c r="K2122" s="23" t="s">
        <v>7120</v>
      </c>
      <c r="L2122" s="49" t="e">
        <f>VLOOKUP(E2122&amp;F2122,団体コード!$A$1:$C$1743,3,FALSE)</f>
        <v>#N/A</v>
      </c>
      <c r="M2122" s="49" t="e">
        <f>VLOOKUP(E2122&amp;F2122,団体コード!$A$1:$C$1743,2,FALSE)</f>
        <v>#N/A</v>
      </c>
      <c r="N2122" s="51" t="e">
        <f>VLOOKUP(E2122,団体コード!$E$1:$F$48,2,FALSE)</f>
        <v>#N/A</v>
      </c>
      <c r="O2122" s="51" t="e">
        <f t="shared" si="69"/>
        <v>#N/A</v>
      </c>
      <c r="P2122" s="51">
        <v>1</v>
      </c>
      <c r="Q2122" s="51" t="s">
        <v>5341</v>
      </c>
      <c r="R2122" s="54" t="b">
        <v>1</v>
      </c>
      <c r="S2122" s="52" t="s">
        <v>7126</v>
      </c>
      <c r="T2122" s="67" t="s">
        <v>7127</v>
      </c>
      <c r="U2122" s="75" t="s">
        <v>5331</v>
      </c>
      <c r="V2122" s="47" t="s">
        <v>5331</v>
      </c>
      <c r="W2122" s="47" t="s">
        <v>5331</v>
      </c>
      <c r="X2122" s="47" t="s">
        <v>5331</v>
      </c>
      <c r="Y2122" s="47" t="s">
        <v>5331</v>
      </c>
      <c r="Z2122" s="28"/>
      <c r="AA2122" s="27"/>
      <c r="AB2122" s="27"/>
      <c r="AC2122" s="27"/>
      <c r="AD2122" s="30"/>
      <c r="AE2122" s="1"/>
      <c r="AF2122" s="23" t="s">
        <v>5331</v>
      </c>
      <c r="AG2122" s="26"/>
      <c r="AH2122" s="53"/>
    </row>
    <row r="2123" spans="1:34" ht="51.6" customHeight="1" x14ac:dyDescent="0.45">
      <c r="A2123" s="23">
        <v>2117</v>
      </c>
      <c r="B2123" s="25"/>
      <c r="C2123" s="25"/>
      <c r="D2123" s="29"/>
      <c r="E2123" s="1"/>
      <c r="F2123" s="1"/>
      <c r="G2123" s="25"/>
      <c r="H2123" s="71"/>
      <c r="I2123" s="83"/>
      <c r="J2123" s="50" t="str">
        <f t="shared" si="68"/>
        <v/>
      </c>
      <c r="K2123" s="23" t="s">
        <v>7120</v>
      </c>
      <c r="L2123" s="49" t="e">
        <f>VLOOKUP(E2123&amp;F2123,団体コード!$A$1:$C$1743,3,FALSE)</f>
        <v>#N/A</v>
      </c>
      <c r="M2123" s="49" t="e">
        <f>VLOOKUP(E2123&amp;F2123,団体コード!$A$1:$C$1743,2,FALSE)</f>
        <v>#N/A</v>
      </c>
      <c r="N2123" s="51" t="e">
        <f>VLOOKUP(E2123,団体コード!$E$1:$F$48,2,FALSE)</f>
        <v>#N/A</v>
      </c>
      <c r="O2123" s="51" t="e">
        <f t="shared" si="69"/>
        <v>#N/A</v>
      </c>
      <c r="P2123" s="51">
        <v>1</v>
      </c>
      <c r="Q2123" s="51" t="s">
        <v>5341</v>
      </c>
      <c r="R2123" s="54" t="b">
        <v>1</v>
      </c>
      <c r="S2123" s="52" t="s">
        <v>7126</v>
      </c>
      <c r="T2123" s="67" t="s">
        <v>7127</v>
      </c>
      <c r="U2123" s="75" t="s">
        <v>5331</v>
      </c>
      <c r="V2123" s="47" t="s">
        <v>5331</v>
      </c>
      <c r="W2123" s="47" t="s">
        <v>5331</v>
      </c>
      <c r="X2123" s="47" t="s">
        <v>5331</v>
      </c>
      <c r="Y2123" s="47" t="s">
        <v>5331</v>
      </c>
      <c r="Z2123" s="28"/>
      <c r="AA2123" s="27"/>
      <c r="AB2123" s="27"/>
      <c r="AC2123" s="27"/>
      <c r="AD2123" s="30"/>
      <c r="AE2123" s="1"/>
      <c r="AF2123" s="23" t="s">
        <v>5331</v>
      </c>
      <c r="AG2123" s="26"/>
      <c r="AH2123" s="53"/>
    </row>
    <row r="2124" spans="1:34" ht="51.6" customHeight="1" x14ac:dyDescent="0.45">
      <c r="A2124" s="23">
        <v>2118</v>
      </c>
      <c r="B2124" s="25"/>
      <c r="C2124" s="25"/>
      <c r="D2124" s="29"/>
      <c r="E2124" s="1"/>
      <c r="F2124" s="1"/>
      <c r="G2124" s="25"/>
      <c r="H2124" s="71"/>
      <c r="I2124" s="83"/>
      <c r="J2124" s="50" t="str">
        <f t="shared" si="68"/>
        <v/>
      </c>
      <c r="K2124" s="23" t="s">
        <v>7120</v>
      </c>
      <c r="L2124" s="49" t="e">
        <f>VLOOKUP(E2124&amp;F2124,団体コード!$A$1:$C$1743,3,FALSE)</f>
        <v>#N/A</v>
      </c>
      <c r="M2124" s="49" t="e">
        <f>VLOOKUP(E2124&amp;F2124,団体コード!$A$1:$C$1743,2,FALSE)</f>
        <v>#N/A</v>
      </c>
      <c r="N2124" s="51" t="e">
        <f>VLOOKUP(E2124,団体コード!$E$1:$F$48,2,FALSE)</f>
        <v>#N/A</v>
      </c>
      <c r="O2124" s="51" t="e">
        <f t="shared" si="69"/>
        <v>#N/A</v>
      </c>
      <c r="P2124" s="51">
        <v>1</v>
      </c>
      <c r="Q2124" s="51" t="s">
        <v>5341</v>
      </c>
      <c r="R2124" s="54" t="b">
        <v>1</v>
      </c>
      <c r="S2124" s="52" t="s">
        <v>7126</v>
      </c>
      <c r="T2124" s="67" t="s">
        <v>7127</v>
      </c>
      <c r="U2124" s="75" t="s">
        <v>5331</v>
      </c>
      <c r="V2124" s="47" t="s">
        <v>5331</v>
      </c>
      <c r="W2124" s="47" t="s">
        <v>5331</v>
      </c>
      <c r="X2124" s="47" t="s">
        <v>5331</v>
      </c>
      <c r="Y2124" s="47" t="s">
        <v>5331</v>
      </c>
      <c r="Z2124" s="28"/>
      <c r="AA2124" s="27"/>
      <c r="AB2124" s="27"/>
      <c r="AC2124" s="27"/>
      <c r="AD2124" s="30"/>
      <c r="AE2124" s="1"/>
      <c r="AF2124" s="23" t="s">
        <v>5331</v>
      </c>
      <c r="AG2124" s="26"/>
      <c r="AH2124" s="53"/>
    </row>
    <row r="2125" spans="1:34" ht="51.6" customHeight="1" x14ac:dyDescent="0.45">
      <c r="A2125" s="23">
        <v>2119</v>
      </c>
      <c r="B2125" s="25"/>
      <c r="C2125" s="25"/>
      <c r="D2125" s="29"/>
      <c r="E2125" s="1"/>
      <c r="F2125" s="1"/>
      <c r="G2125" s="25"/>
      <c r="H2125" s="71"/>
      <c r="I2125" s="83"/>
      <c r="J2125" s="50" t="str">
        <f t="shared" si="68"/>
        <v/>
      </c>
      <c r="K2125" s="23" t="s">
        <v>7120</v>
      </c>
      <c r="L2125" s="49" t="e">
        <f>VLOOKUP(E2125&amp;F2125,団体コード!$A$1:$C$1743,3,FALSE)</f>
        <v>#N/A</v>
      </c>
      <c r="M2125" s="49" t="e">
        <f>VLOOKUP(E2125&amp;F2125,団体コード!$A$1:$C$1743,2,FALSE)</f>
        <v>#N/A</v>
      </c>
      <c r="N2125" s="51" t="e">
        <f>VLOOKUP(E2125,団体コード!$E$1:$F$48,2,FALSE)</f>
        <v>#N/A</v>
      </c>
      <c r="O2125" s="51" t="e">
        <f t="shared" si="69"/>
        <v>#N/A</v>
      </c>
      <c r="P2125" s="51">
        <v>1</v>
      </c>
      <c r="Q2125" s="51" t="s">
        <v>5341</v>
      </c>
      <c r="R2125" s="54" t="b">
        <v>1</v>
      </c>
      <c r="S2125" s="52" t="s">
        <v>7126</v>
      </c>
      <c r="T2125" s="67" t="s">
        <v>7127</v>
      </c>
      <c r="U2125" s="75" t="s">
        <v>5331</v>
      </c>
      <c r="V2125" s="47" t="s">
        <v>5331</v>
      </c>
      <c r="W2125" s="47" t="s">
        <v>5331</v>
      </c>
      <c r="X2125" s="47" t="s">
        <v>5331</v>
      </c>
      <c r="Y2125" s="47" t="s">
        <v>5331</v>
      </c>
      <c r="Z2125" s="28"/>
      <c r="AA2125" s="27"/>
      <c r="AB2125" s="27"/>
      <c r="AC2125" s="27"/>
      <c r="AD2125" s="30"/>
      <c r="AE2125" s="1"/>
      <c r="AF2125" s="23" t="s">
        <v>5331</v>
      </c>
      <c r="AG2125" s="26"/>
      <c r="AH2125" s="53"/>
    </row>
    <row r="2126" spans="1:34" ht="51.6" customHeight="1" x14ac:dyDescent="0.45">
      <c r="A2126" s="23">
        <v>2120</v>
      </c>
      <c r="B2126" s="25"/>
      <c r="C2126" s="25"/>
      <c r="D2126" s="29"/>
      <c r="E2126" s="1"/>
      <c r="F2126" s="1"/>
      <c r="G2126" s="25"/>
      <c r="H2126" s="71"/>
      <c r="I2126" s="83"/>
      <c r="J2126" s="50" t="str">
        <f t="shared" si="68"/>
        <v/>
      </c>
      <c r="K2126" s="23" t="s">
        <v>7120</v>
      </c>
      <c r="L2126" s="49" t="e">
        <f>VLOOKUP(E2126&amp;F2126,団体コード!$A$1:$C$1743,3,FALSE)</f>
        <v>#N/A</v>
      </c>
      <c r="M2126" s="49" t="e">
        <f>VLOOKUP(E2126&amp;F2126,団体コード!$A$1:$C$1743,2,FALSE)</f>
        <v>#N/A</v>
      </c>
      <c r="N2126" s="51" t="e">
        <f>VLOOKUP(E2126,団体コード!$E$1:$F$48,2,FALSE)</f>
        <v>#N/A</v>
      </c>
      <c r="O2126" s="51" t="e">
        <f t="shared" si="69"/>
        <v>#N/A</v>
      </c>
      <c r="P2126" s="51">
        <v>1</v>
      </c>
      <c r="Q2126" s="51" t="s">
        <v>5341</v>
      </c>
      <c r="R2126" s="54" t="b">
        <v>1</v>
      </c>
      <c r="S2126" s="52" t="s">
        <v>7126</v>
      </c>
      <c r="T2126" s="67" t="s">
        <v>7127</v>
      </c>
      <c r="U2126" s="75" t="s">
        <v>5331</v>
      </c>
      <c r="V2126" s="47" t="s">
        <v>5331</v>
      </c>
      <c r="W2126" s="47" t="s">
        <v>5331</v>
      </c>
      <c r="X2126" s="47" t="s">
        <v>5331</v>
      </c>
      <c r="Y2126" s="47" t="s">
        <v>5331</v>
      </c>
      <c r="Z2126" s="28"/>
      <c r="AA2126" s="27"/>
      <c r="AB2126" s="27"/>
      <c r="AC2126" s="27"/>
      <c r="AD2126" s="30"/>
      <c r="AE2126" s="1"/>
      <c r="AF2126" s="23" t="s">
        <v>5331</v>
      </c>
      <c r="AG2126" s="26"/>
      <c r="AH2126" s="53"/>
    </row>
    <row r="2127" spans="1:34" ht="51.6" customHeight="1" x14ac:dyDescent="0.45">
      <c r="A2127" s="23">
        <v>2121</v>
      </c>
      <c r="B2127" s="25"/>
      <c r="C2127" s="25"/>
      <c r="D2127" s="29"/>
      <c r="E2127" s="1"/>
      <c r="F2127" s="1"/>
      <c r="G2127" s="25"/>
      <c r="H2127" s="71"/>
      <c r="I2127" s="83"/>
      <c r="J2127" s="50" t="str">
        <f t="shared" si="68"/>
        <v/>
      </c>
      <c r="K2127" s="23" t="s">
        <v>7120</v>
      </c>
      <c r="L2127" s="49" t="e">
        <f>VLOOKUP(E2127&amp;F2127,団体コード!$A$1:$C$1743,3,FALSE)</f>
        <v>#N/A</v>
      </c>
      <c r="M2127" s="49" t="e">
        <f>VLOOKUP(E2127&amp;F2127,団体コード!$A$1:$C$1743,2,FALSE)</f>
        <v>#N/A</v>
      </c>
      <c r="N2127" s="51" t="e">
        <f>VLOOKUP(E2127,団体コード!$E$1:$F$48,2,FALSE)</f>
        <v>#N/A</v>
      </c>
      <c r="O2127" s="51" t="e">
        <f t="shared" si="69"/>
        <v>#N/A</v>
      </c>
      <c r="P2127" s="51">
        <v>1</v>
      </c>
      <c r="Q2127" s="51" t="s">
        <v>5341</v>
      </c>
      <c r="R2127" s="54" t="b">
        <v>1</v>
      </c>
      <c r="S2127" s="52" t="s">
        <v>7126</v>
      </c>
      <c r="T2127" s="67" t="s">
        <v>7127</v>
      </c>
      <c r="U2127" s="75" t="s">
        <v>5331</v>
      </c>
      <c r="V2127" s="47" t="s">
        <v>5331</v>
      </c>
      <c r="W2127" s="47" t="s">
        <v>5331</v>
      </c>
      <c r="X2127" s="47" t="s">
        <v>5331</v>
      </c>
      <c r="Y2127" s="47" t="s">
        <v>5331</v>
      </c>
      <c r="Z2127" s="28"/>
      <c r="AA2127" s="27"/>
      <c r="AB2127" s="27"/>
      <c r="AC2127" s="27"/>
      <c r="AD2127" s="30"/>
      <c r="AE2127" s="1"/>
      <c r="AF2127" s="23" t="s">
        <v>5331</v>
      </c>
      <c r="AG2127" s="26"/>
      <c r="AH2127" s="53"/>
    </row>
    <row r="2128" spans="1:34" ht="51.6" customHeight="1" x14ac:dyDescent="0.45">
      <c r="A2128" s="23">
        <v>2122</v>
      </c>
      <c r="B2128" s="25"/>
      <c r="C2128" s="25"/>
      <c r="D2128" s="29"/>
      <c r="E2128" s="1"/>
      <c r="F2128" s="1"/>
      <c r="G2128" s="25"/>
      <c r="H2128" s="71"/>
      <c r="I2128" s="83"/>
      <c r="J2128" s="50" t="str">
        <f t="shared" si="68"/>
        <v/>
      </c>
      <c r="K2128" s="23" t="s">
        <v>7120</v>
      </c>
      <c r="L2128" s="49" t="e">
        <f>VLOOKUP(E2128&amp;F2128,団体コード!$A$1:$C$1743,3,FALSE)</f>
        <v>#N/A</v>
      </c>
      <c r="M2128" s="49" t="e">
        <f>VLOOKUP(E2128&amp;F2128,団体コード!$A$1:$C$1743,2,FALSE)</f>
        <v>#N/A</v>
      </c>
      <c r="N2128" s="51" t="e">
        <f>VLOOKUP(E2128,団体コード!$E$1:$F$48,2,FALSE)</f>
        <v>#N/A</v>
      </c>
      <c r="O2128" s="51" t="e">
        <f t="shared" si="69"/>
        <v>#N/A</v>
      </c>
      <c r="P2128" s="51">
        <v>1</v>
      </c>
      <c r="Q2128" s="51" t="s">
        <v>5341</v>
      </c>
      <c r="R2128" s="54" t="b">
        <v>1</v>
      </c>
      <c r="S2128" s="52" t="s">
        <v>7126</v>
      </c>
      <c r="T2128" s="67" t="s">
        <v>7127</v>
      </c>
      <c r="U2128" s="75" t="s">
        <v>5331</v>
      </c>
      <c r="V2128" s="47" t="s">
        <v>5331</v>
      </c>
      <c r="W2128" s="47" t="s">
        <v>5331</v>
      </c>
      <c r="X2128" s="47" t="s">
        <v>5331</v>
      </c>
      <c r="Y2128" s="47" t="s">
        <v>5331</v>
      </c>
      <c r="Z2128" s="28"/>
      <c r="AA2128" s="27"/>
      <c r="AB2128" s="27"/>
      <c r="AC2128" s="27"/>
      <c r="AD2128" s="30"/>
      <c r="AE2128" s="1"/>
      <c r="AF2128" s="23" t="s">
        <v>5331</v>
      </c>
      <c r="AG2128" s="26"/>
      <c r="AH2128" s="53"/>
    </row>
    <row r="2129" spans="1:34" ht="51.6" customHeight="1" x14ac:dyDescent="0.45">
      <c r="A2129" s="23">
        <v>2123</v>
      </c>
      <c r="B2129" s="25"/>
      <c r="C2129" s="25"/>
      <c r="D2129" s="29"/>
      <c r="E2129" s="1"/>
      <c r="F2129" s="1"/>
      <c r="G2129" s="25"/>
      <c r="H2129" s="71"/>
      <c r="I2129" s="83"/>
      <c r="J2129" s="50" t="str">
        <f t="shared" si="68"/>
        <v/>
      </c>
      <c r="K2129" s="23" t="s">
        <v>7120</v>
      </c>
      <c r="L2129" s="49" t="e">
        <f>VLOOKUP(E2129&amp;F2129,団体コード!$A$1:$C$1743,3,FALSE)</f>
        <v>#N/A</v>
      </c>
      <c r="M2129" s="49" t="e">
        <f>VLOOKUP(E2129&amp;F2129,団体コード!$A$1:$C$1743,2,FALSE)</f>
        <v>#N/A</v>
      </c>
      <c r="N2129" s="51" t="e">
        <f>VLOOKUP(E2129,団体コード!$E$1:$F$48,2,FALSE)</f>
        <v>#N/A</v>
      </c>
      <c r="O2129" s="51" t="e">
        <f t="shared" si="69"/>
        <v>#N/A</v>
      </c>
      <c r="P2129" s="51">
        <v>1</v>
      </c>
      <c r="Q2129" s="51" t="s">
        <v>5341</v>
      </c>
      <c r="R2129" s="54" t="b">
        <v>1</v>
      </c>
      <c r="S2129" s="52" t="s">
        <v>7126</v>
      </c>
      <c r="T2129" s="67" t="s">
        <v>7127</v>
      </c>
      <c r="U2129" s="75" t="s">
        <v>5331</v>
      </c>
      <c r="V2129" s="47" t="s">
        <v>5331</v>
      </c>
      <c r="W2129" s="47" t="s">
        <v>5331</v>
      </c>
      <c r="X2129" s="47" t="s">
        <v>5331</v>
      </c>
      <c r="Y2129" s="47" t="s">
        <v>5331</v>
      </c>
      <c r="Z2129" s="28"/>
      <c r="AA2129" s="27"/>
      <c r="AB2129" s="27"/>
      <c r="AC2129" s="27"/>
      <c r="AD2129" s="30"/>
      <c r="AE2129" s="1"/>
      <c r="AF2129" s="23" t="s">
        <v>5331</v>
      </c>
      <c r="AG2129" s="26"/>
      <c r="AH2129" s="53"/>
    </row>
    <row r="2130" spans="1:34" ht="51.6" customHeight="1" x14ac:dyDescent="0.45">
      <c r="A2130" s="23">
        <v>2124</v>
      </c>
      <c r="B2130" s="25"/>
      <c r="C2130" s="25"/>
      <c r="D2130" s="29"/>
      <c r="E2130" s="1"/>
      <c r="F2130" s="1"/>
      <c r="G2130" s="25"/>
      <c r="H2130" s="71"/>
      <c r="I2130" s="83"/>
      <c r="J2130" s="50" t="str">
        <f t="shared" si="68"/>
        <v/>
      </c>
      <c r="K2130" s="23" t="s">
        <v>7120</v>
      </c>
      <c r="L2130" s="49" t="e">
        <f>VLOOKUP(E2130&amp;F2130,団体コード!$A$1:$C$1743,3,FALSE)</f>
        <v>#N/A</v>
      </c>
      <c r="M2130" s="49" t="e">
        <f>VLOOKUP(E2130&amp;F2130,団体コード!$A$1:$C$1743,2,FALSE)</f>
        <v>#N/A</v>
      </c>
      <c r="N2130" s="51" t="e">
        <f>VLOOKUP(E2130,団体コード!$E$1:$F$48,2,FALSE)</f>
        <v>#N/A</v>
      </c>
      <c r="O2130" s="51" t="e">
        <f t="shared" si="69"/>
        <v>#N/A</v>
      </c>
      <c r="P2130" s="51">
        <v>1</v>
      </c>
      <c r="Q2130" s="51" t="s">
        <v>5341</v>
      </c>
      <c r="R2130" s="54" t="b">
        <v>1</v>
      </c>
      <c r="S2130" s="52" t="s">
        <v>7126</v>
      </c>
      <c r="T2130" s="67" t="s">
        <v>7127</v>
      </c>
      <c r="U2130" s="75" t="s">
        <v>5331</v>
      </c>
      <c r="V2130" s="47" t="s">
        <v>5331</v>
      </c>
      <c r="W2130" s="47" t="s">
        <v>5331</v>
      </c>
      <c r="X2130" s="47" t="s">
        <v>5331</v>
      </c>
      <c r="Y2130" s="47" t="s">
        <v>5331</v>
      </c>
      <c r="Z2130" s="28"/>
      <c r="AA2130" s="27"/>
      <c r="AB2130" s="27"/>
      <c r="AC2130" s="27"/>
      <c r="AD2130" s="30"/>
      <c r="AE2130" s="1"/>
      <c r="AF2130" s="23" t="s">
        <v>5331</v>
      </c>
      <c r="AG2130" s="26"/>
      <c r="AH2130" s="53"/>
    </row>
    <row r="2131" spans="1:34" ht="51.6" customHeight="1" x14ac:dyDescent="0.45">
      <c r="A2131" s="23">
        <v>2125</v>
      </c>
      <c r="B2131" s="25"/>
      <c r="C2131" s="25"/>
      <c r="D2131" s="29"/>
      <c r="E2131" s="1"/>
      <c r="F2131" s="1"/>
      <c r="G2131" s="25"/>
      <c r="H2131" s="71"/>
      <c r="I2131" s="83"/>
      <c r="J2131" s="50" t="str">
        <f t="shared" si="68"/>
        <v/>
      </c>
      <c r="K2131" s="23" t="s">
        <v>7120</v>
      </c>
      <c r="L2131" s="49" t="e">
        <f>VLOOKUP(E2131&amp;F2131,団体コード!$A$1:$C$1743,3,FALSE)</f>
        <v>#N/A</v>
      </c>
      <c r="M2131" s="49" t="e">
        <f>VLOOKUP(E2131&amp;F2131,団体コード!$A$1:$C$1743,2,FALSE)</f>
        <v>#N/A</v>
      </c>
      <c r="N2131" s="51" t="e">
        <f>VLOOKUP(E2131,団体コード!$E$1:$F$48,2,FALSE)</f>
        <v>#N/A</v>
      </c>
      <c r="O2131" s="51" t="e">
        <f t="shared" si="69"/>
        <v>#N/A</v>
      </c>
      <c r="P2131" s="51">
        <v>1</v>
      </c>
      <c r="Q2131" s="51" t="s">
        <v>5341</v>
      </c>
      <c r="R2131" s="54" t="b">
        <v>1</v>
      </c>
      <c r="S2131" s="52" t="s">
        <v>7126</v>
      </c>
      <c r="T2131" s="67" t="s">
        <v>7127</v>
      </c>
      <c r="U2131" s="75" t="s">
        <v>5331</v>
      </c>
      <c r="V2131" s="47" t="s">
        <v>5331</v>
      </c>
      <c r="W2131" s="47" t="s">
        <v>5331</v>
      </c>
      <c r="X2131" s="47" t="s">
        <v>5331</v>
      </c>
      <c r="Y2131" s="47" t="s">
        <v>5331</v>
      </c>
      <c r="Z2131" s="28"/>
      <c r="AA2131" s="27"/>
      <c r="AB2131" s="27"/>
      <c r="AC2131" s="27"/>
      <c r="AD2131" s="30"/>
      <c r="AE2131" s="1"/>
      <c r="AF2131" s="23" t="s">
        <v>5331</v>
      </c>
      <c r="AG2131" s="26"/>
      <c r="AH2131" s="53"/>
    </row>
    <row r="2132" spans="1:34" ht="51.6" customHeight="1" x14ac:dyDescent="0.45">
      <c r="A2132" s="23">
        <v>2126</v>
      </c>
      <c r="B2132" s="25"/>
      <c r="C2132" s="25"/>
      <c r="D2132" s="29"/>
      <c r="E2132" s="1"/>
      <c r="F2132" s="1"/>
      <c r="G2132" s="25"/>
      <c r="H2132" s="71"/>
      <c r="I2132" s="83"/>
      <c r="J2132" s="50" t="str">
        <f t="shared" si="68"/>
        <v/>
      </c>
      <c r="K2132" s="23" t="s">
        <v>7120</v>
      </c>
      <c r="L2132" s="49" t="e">
        <f>VLOOKUP(E2132&amp;F2132,団体コード!$A$1:$C$1743,3,FALSE)</f>
        <v>#N/A</v>
      </c>
      <c r="M2132" s="49" t="e">
        <f>VLOOKUP(E2132&amp;F2132,団体コード!$A$1:$C$1743,2,FALSE)</f>
        <v>#N/A</v>
      </c>
      <c r="N2132" s="51" t="e">
        <f>VLOOKUP(E2132,団体コード!$E$1:$F$48,2,FALSE)</f>
        <v>#N/A</v>
      </c>
      <c r="O2132" s="51" t="e">
        <f t="shared" si="69"/>
        <v>#N/A</v>
      </c>
      <c r="P2132" s="51">
        <v>1</v>
      </c>
      <c r="Q2132" s="51" t="s">
        <v>5341</v>
      </c>
      <c r="R2132" s="54" t="b">
        <v>1</v>
      </c>
      <c r="S2132" s="52" t="s">
        <v>7126</v>
      </c>
      <c r="T2132" s="67" t="s">
        <v>7127</v>
      </c>
      <c r="U2132" s="75" t="s">
        <v>5331</v>
      </c>
      <c r="V2132" s="47" t="s">
        <v>5331</v>
      </c>
      <c r="W2132" s="47" t="s">
        <v>5331</v>
      </c>
      <c r="X2132" s="47" t="s">
        <v>5331</v>
      </c>
      <c r="Y2132" s="47" t="s">
        <v>5331</v>
      </c>
      <c r="Z2132" s="28"/>
      <c r="AA2132" s="27"/>
      <c r="AB2132" s="27"/>
      <c r="AC2132" s="27"/>
      <c r="AD2132" s="30"/>
      <c r="AE2132" s="1"/>
      <c r="AF2132" s="23" t="s">
        <v>5331</v>
      </c>
      <c r="AG2132" s="26"/>
      <c r="AH2132" s="53"/>
    </row>
    <row r="2133" spans="1:34" ht="51.6" customHeight="1" x14ac:dyDescent="0.45">
      <c r="A2133" s="23">
        <v>2127</v>
      </c>
      <c r="B2133" s="25"/>
      <c r="C2133" s="25"/>
      <c r="D2133" s="29"/>
      <c r="E2133" s="1"/>
      <c r="F2133" s="1"/>
      <c r="G2133" s="25"/>
      <c r="H2133" s="71"/>
      <c r="I2133" s="83"/>
      <c r="J2133" s="50" t="str">
        <f t="shared" si="68"/>
        <v/>
      </c>
      <c r="K2133" s="23" t="s">
        <v>7120</v>
      </c>
      <c r="L2133" s="49" t="e">
        <f>VLOOKUP(E2133&amp;F2133,団体コード!$A$1:$C$1743,3,FALSE)</f>
        <v>#N/A</v>
      </c>
      <c r="M2133" s="49" t="e">
        <f>VLOOKUP(E2133&amp;F2133,団体コード!$A$1:$C$1743,2,FALSE)</f>
        <v>#N/A</v>
      </c>
      <c r="N2133" s="51" t="e">
        <f>VLOOKUP(E2133,団体コード!$E$1:$F$48,2,FALSE)</f>
        <v>#N/A</v>
      </c>
      <c r="O2133" s="51" t="e">
        <f t="shared" si="69"/>
        <v>#N/A</v>
      </c>
      <c r="P2133" s="51">
        <v>1</v>
      </c>
      <c r="Q2133" s="51" t="s">
        <v>5341</v>
      </c>
      <c r="R2133" s="54" t="b">
        <v>1</v>
      </c>
      <c r="S2133" s="52" t="s">
        <v>7126</v>
      </c>
      <c r="T2133" s="67" t="s">
        <v>7127</v>
      </c>
      <c r="U2133" s="75" t="s">
        <v>5331</v>
      </c>
      <c r="V2133" s="47" t="s">
        <v>5331</v>
      </c>
      <c r="W2133" s="47" t="s">
        <v>5331</v>
      </c>
      <c r="X2133" s="47" t="s">
        <v>5331</v>
      </c>
      <c r="Y2133" s="47" t="s">
        <v>5331</v>
      </c>
      <c r="Z2133" s="28"/>
      <c r="AA2133" s="27"/>
      <c r="AB2133" s="27"/>
      <c r="AC2133" s="27"/>
      <c r="AD2133" s="30"/>
      <c r="AE2133" s="1"/>
      <c r="AF2133" s="23" t="s">
        <v>5331</v>
      </c>
      <c r="AG2133" s="26"/>
      <c r="AH2133" s="53"/>
    </row>
    <row r="2134" spans="1:34" ht="51.6" customHeight="1" x14ac:dyDescent="0.45">
      <c r="A2134" s="23">
        <v>2128</v>
      </c>
      <c r="B2134" s="25"/>
      <c r="C2134" s="25"/>
      <c r="D2134" s="29"/>
      <c r="E2134" s="1"/>
      <c r="F2134" s="1"/>
      <c r="G2134" s="25"/>
      <c r="H2134" s="71"/>
      <c r="I2134" s="83"/>
      <c r="J2134" s="50" t="str">
        <f t="shared" si="68"/>
        <v/>
      </c>
      <c r="K2134" s="23" t="s">
        <v>7120</v>
      </c>
      <c r="L2134" s="49" t="e">
        <f>VLOOKUP(E2134&amp;F2134,団体コード!$A$1:$C$1743,3,FALSE)</f>
        <v>#N/A</v>
      </c>
      <c r="M2134" s="49" t="e">
        <f>VLOOKUP(E2134&amp;F2134,団体コード!$A$1:$C$1743,2,FALSE)</f>
        <v>#N/A</v>
      </c>
      <c r="N2134" s="51" t="e">
        <f>VLOOKUP(E2134,団体コード!$E$1:$F$48,2,FALSE)</f>
        <v>#N/A</v>
      </c>
      <c r="O2134" s="51" t="e">
        <f t="shared" si="69"/>
        <v>#N/A</v>
      </c>
      <c r="P2134" s="51">
        <v>1</v>
      </c>
      <c r="Q2134" s="51" t="s">
        <v>5341</v>
      </c>
      <c r="R2134" s="54" t="b">
        <v>1</v>
      </c>
      <c r="S2134" s="52" t="s">
        <v>7126</v>
      </c>
      <c r="T2134" s="67" t="s">
        <v>7127</v>
      </c>
      <c r="U2134" s="75" t="s">
        <v>5331</v>
      </c>
      <c r="V2134" s="47" t="s">
        <v>5331</v>
      </c>
      <c r="W2134" s="47" t="s">
        <v>5331</v>
      </c>
      <c r="X2134" s="47" t="s">
        <v>5331</v>
      </c>
      <c r="Y2134" s="47" t="s">
        <v>5331</v>
      </c>
      <c r="Z2134" s="28"/>
      <c r="AA2134" s="27"/>
      <c r="AB2134" s="27"/>
      <c r="AC2134" s="27"/>
      <c r="AD2134" s="30"/>
      <c r="AE2134" s="1"/>
      <c r="AF2134" s="23" t="s">
        <v>5331</v>
      </c>
      <c r="AG2134" s="26"/>
      <c r="AH2134" s="53"/>
    </row>
    <row r="2135" spans="1:34" ht="51.6" customHeight="1" x14ac:dyDescent="0.45">
      <c r="A2135" s="23">
        <v>2129</v>
      </c>
      <c r="B2135" s="25"/>
      <c r="C2135" s="25"/>
      <c r="D2135" s="29"/>
      <c r="E2135" s="1"/>
      <c r="F2135" s="1"/>
      <c r="G2135" s="25"/>
      <c r="H2135" s="71"/>
      <c r="I2135" s="83"/>
      <c r="J2135" s="50" t="str">
        <f t="shared" si="68"/>
        <v/>
      </c>
      <c r="K2135" s="23" t="s">
        <v>7120</v>
      </c>
      <c r="L2135" s="49" t="e">
        <f>VLOOKUP(E2135&amp;F2135,団体コード!$A$1:$C$1743,3,FALSE)</f>
        <v>#N/A</v>
      </c>
      <c r="M2135" s="49" t="e">
        <f>VLOOKUP(E2135&amp;F2135,団体コード!$A$1:$C$1743,2,FALSE)</f>
        <v>#N/A</v>
      </c>
      <c r="N2135" s="51" t="e">
        <f>VLOOKUP(E2135,団体コード!$E$1:$F$48,2,FALSE)</f>
        <v>#N/A</v>
      </c>
      <c r="O2135" s="51" t="e">
        <f t="shared" si="69"/>
        <v>#N/A</v>
      </c>
      <c r="P2135" s="51">
        <v>1</v>
      </c>
      <c r="Q2135" s="51" t="s">
        <v>5341</v>
      </c>
      <c r="R2135" s="54" t="b">
        <v>1</v>
      </c>
      <c r="S2135" s="52" t="s">
        <v>7126</v>
      </c>
      <c r="T2135" s="67" t="s">
        <v>7127</v>
      </c>
      <c r="U2135" s="75" t="s">
        <v>5331</v>
      </c>
      <c r="V2135" s="47" t="s">
        <v>5331</v>
      </c>
      <c r="W2135" s="47" t="s">
        <v>5331</v>
      </c>
      <c r="X2135" s="47" t="s">
        <v>5331</v>
      </c>
      <c r="Y2135" s="47" t="s">
        <v>5331</v>
      </c>
      <c r="Z2135" s="28"/>
      <c r="AA2135" s="27"/>
      <c r="AB2135" s="27"/>
      <c r="AC2135" s="27"/>
      <c r="AD2135" s="30"/>
      <c r="AE2135" s="1"/>
      <c r="AF2135" s="23" t="s">
        <v>5331</v>
      </c>
      <c r="AG2135" s="26"/>
      <c r="AH2135" s="53"/>
    </row>
    <row r="2136" spans="1:34" ht="51.6" customHeight="1" x14ac:dyDescent="0.45">
      <c r="A2136" s="23">
        <v>2130</v>
      </c>
      <c r="B2136" s="25"/>
      <c r="C2136" s="25"/>
      <c r="D2136" s="29"/>
      <c r="E2136" s="1"/>
      <c r="F2136" s="1"/>
      <c r="G2136" s="25"/>
      <c r="H2136" s="71"/>
      <c r="I2136" s="83"/>
      <c r="J2136" s="50" t="str">
        <f t="shared" si="68"/>
        <v/>
      </c>
      <c r="K2136" s="23" t="s">
        <v>7120</v>
      </c>
      <c r="L2136" s="49" t="e">
        <f>VLOOKUP(E2136&amp;F2136,団体コード!$A$1:$C$1743,3,FALSE)</f>
        <v>#N/A</v>
      </c>
      <c r="M2136" s="49" t="e">
        <f>VLOOKUP(E2136&amp;F2136,団体コード!$A$1:$C$1743,2,FALSE)</f>
        <v>#N/A</v>
      </c>
      <c r="N2136" s="51" t="e">
        <f>VLOOKUP(E2136,団体コード!$E$1:$F$48,2,FALSE)</f>
        <v>#N/A</v>
      </c>
      <c r="O2136" s="51" t="e">
        <f t="shared" si="69"/>
        <v>#N/A</v>
      </c>
      <c r="P2136" s="51">
        <v>1</v>
      </c>
      <c r="Q2136" s="51" t="s">
        <v>5341</v>
      </c>
      <c r="R2136" s="54" t="b">
        <v>1</v>
      </c>
      <c r="S2136" s="52" t="s">
        <v>7126</v>
      </c>
      <c r="T2136" s="67" t="s">
        <v>7127</v>
      </c>
      <c r="U2136" s="75" t="s">
        <v>5331</v>
      </c>
      <c r="V2136" s="47" t="s">
        <v>5331</v>
      </c>
      <c r="W2136" s="47" t="s">
        <v>5331</v>
      </c>
      <c r="X2136" s="47" t="s">
        <v>5331</v>
      </c>
      <c r="Y2136" s="47" t="s">
        <v>5331</v>
      </c>
      <c r="Z2136" s="28"/>
      <c r="AA2136" s="27"/>
      <c r="AB2136" s="27"/>
      <c r="AC2136" s="27"/>
      <c r="AD2136" s="30"/>
      <c r="AE2136" s="1"/>
      <c r="AF2136" s="23" t="s">
        <v>5331</v>
      </c>
      <c r="AG2136" s="26"/>
      <c r="AH2136" s="53"/>
    </row>
    <row r="2137" spans="1:34" ht="51.6" customHeight="1" x14ac:dyDescent="0.45">
      <c r="A2137" s="23">
        <v>2131</v>
      </c>
      <c r="B2137" s="25"/>
      <c r="C2137" s="25"/>
      <c r="D2137" s="29"/>
      <c r="E2137" s="1"/>
      <c r="F2137" s="1"/>
      <c r="G2137" s="25"/>
      <c r="H2137" s="71"/>
      <c r="I2137" s="83"/>
      <c r="J2137" s="50" t="str">
        <f t="shared" si="68"/>
        <v/>
      </c>
      <c r="K2137" s="23" t="s">
        <v>7120</v>
      </c>
      <c r="L2137" s="49" t="e">
        <f>VLOOKUP(E2137&amp;F2137,団体コード!$A$1:$C$1743,3,FALSE)</f>
        <v>#N/A</v>
      </c>
      <c r="M2137" s="49" t="e">
        <f>VLOOKUP(E2137&amp;F2137,団体コード!$A$1:$C$1743,2,FALSE)</f>
        <v>#N/A</v>
      </c>
      <c r="N2137" s="51" t="e">
        <f>VLOOKUP(E2137,団体コード!$E$1:$F$48,2,FALSE)</f>
        <v>#N/A</v>
      </c>
      <c r="O2137" s="51" t="e">
        <f t="shared" si="69"/>
        <v>#N/A</v>
      </c>
      <c r="P2137" s="51">
        <v>1</v>
      </c>
      <c r="Q2137" s="51" t="s">
        <v>5341</v>
      </c>
      <c r="R2137" s="54" t="b">
        <v>1</v>
      </c>
      <c r="S2137" s="52" t="s">
        <v>7126</v>
      </c>
      <c r="T2137" s="67" t="s">
        <v>7127</v>
      </c>
      <c r="U2137" s="75" t="s">
        <v>5331</v>
      </c>
      <c r="V2137" s="47" t="s">
        <v>5331</v>
      </c>
      <c r="W2137" s="47" t="s">
        <v>5331</v>
      </c>
      <c r="X2137" s="47" t="s">
        <v>5331</v>
      </c>
      <c r="Y2137" s="47" t="s">
        <v>5331</v>
      </c>
      <c r="Z2137" s="28"/>
      <c r="AA2137" s="27"/>
      <c r="AB2137" s="27"/>
      <c r="AC2137" s="27"/>
      <c r="AD2137" s="30"/>
      <c r="AE2137" s="1"/>
      <c r="AF2137" s="23" t="s">
        <v>5331</v>
      </c>
      <c r="AG2137" s="26"/>
      <c r="AH2137" s="53"/>
    </row>
    <row r="2138" spans="1:34" ht="51.6" customHeight="1" x14ac:dyDescent="0.45">
      <c r="A2138" s="23">
        <v>2132</v>
      </c>
      <c r="B2138" s="25"/>
      <c r="C2138" s="25"/>
      <c r="D2138" s="29"/>
      <c r="E2138" s="1"/>
      <c r="F2138" s="1"/>
      <c r="G2138" s="25"/>
      <c r="H2138" s="71"/>
      <c r="I2138" s="83"/>
      <c r="J2138" s="50" t="str">
        <f t="shared" si="68"/>
        <v/>
      </c>
      <c r="K2138" s="23" t="s">
        <v>7120</v>
      </c>
      <c r="L2138" s="49" t="e">
        <f>VLOOKUP(E2138&amp;F2138,団体コード!$A$1:$C$1743,3,FALSE)</f>
        <v>#N/A</v>
      </c>
      <c r="M2138" s="49" t="e">
        <f>VLOOKUP(E2138&amp;F2138,団体コード!$A$1:$C$1743,2,FALSE)</f>
        <v>#N/A</v>
      </c>
      <c r="N2138" s="51" t="e">
        <f>VLOOKUP(E2138,団体コード!$E$1:$F$48,2,FALSE)</f>
        <v>#N/A</v>
      </c>
      <c r="O2138" s="51" t="e">
        <f t="shared" si="69"/>
        <v>#N/A</v>
      </c>
      <c r="P2138" s="51">
        <v>1</v>
      </c>
      <c r="Q2138" s="51" t="s">
        <v>5341</v>
      </c>
      <c r="R2138" s="54" t="b">
        <v>1</v>
      </c>
      <c r="S2138" s="52" t="s">
        <v>7126</v>
      </c>
      <c r="T2138" s="67" t="s">
        <v>7127</v>
      </c>
      <c r="U2138" s="75" t="s">
        <v>5331</v>
      </c>
      <c r="V2138" s="47" t="s">
        <v>5331</v>
      </c>
      <c r="W2138" s="47" t="s">
        <v>5331</v>
      </c>
      <c r="X2138" s="47" t="s">
        <v>5331</v>
      </c>
      <c r="Y2138" s="47" t="s">
        <v>5331</v>
      </c>
      <c r="Z2138" s="28"/>
      <c r="AA2138" s="27"/>
      <c r="AB2138" s="27"/>
      <c r="AC2138" s="27"/>
      <c r="AD2138" s="30"/>
      <c r="AE2138" s="1"/>
      <c r="AF2138" s="23" t="s">
        <v>5331</v>
      </c>
      <c r="AG2138" s="26"/>
      <c r="AH2138" s="53"/>
    </row>
    <row r="2139" spans="1:34" ht="51.6" customHeight="1" x14ac:dyDescent="0.45">
      <c r="A2139" s="23">
        <v>2133</v>
      </c>
      <c r="B2139" s="25"/>
      <c r="C2139" s="25"/>
      <c r="D2139" s="29"/>
      <c r="E2139" s="1"/>
      <c r="F2139" s="1"/>
      <c r="G2139" s="25"/>
      <c r="H2139" s="71"/>
      <c r="I2139" s="83"/>
      <c r="J2139" s="50" t="str">
        <f t="shared" si="68"/>
        <v/>
      </c>
      <c r="K2139" s="23" t="s">
        <v>7120</v>
      </c>
      <c r="L2139" s="49" t="e">
        <f>VLOOKUP(E2139&amp;F2139,団体コード!$A$1:$C$1743,3,FALSE)</f>
        <v>#N/A</v>
      </c>
      <c r="M2139" s="49" t="e">
        <f>VLOOKUP(E2139&amp;F2139,団体コード!$A$1:$C$1743,2,FALSE)</f>
        <v>#N/A</v>
      </c>
      <c r="N2139" s="51" t="e">
        <f>VLOOKUP(E2139,団体コード!$E$1:$F$48,2,FALSE)</f>
        <v>#N/A</v>
      </c>
      <c r="O2139" s="51" t="e">
        <f t="shared" si="69"/>
        <v>#N/A</v>
      </c>
      <c r="P2139" s="51">
        <v>1</v>
      </c>
      <c r="Q2139" s="51" t="s">
        <v>5341</v>
      </c>
      <c r="R2139" s="54" t="b">
        <v>1</v>
      </c>
      <c r="S2139" s="52" t="s">
        <v>7126</v>
      </c>
      <c r="T2139" s="67" t="s">
        <v>7127</v>
      </c>
      <c r="U2139" s="75" t="s">
        <v>5331</v>
      </c>
      <c r="V2139" s="47" t="s">
        <v>5331</v>
      </c>
      <c r="W2139" s="47" t="s">
        <v>5331</v>
      </c>
      <c r="X2139" s="47" t="s">
        <v>5331</v>
      </c>
      <c r="Y2139" s="47" t="s">
        <v>5331</v>
      </c>
      <c r="Z2139" s="28"/>
      <c r="AA2139" s="27"/>
      <c r="AB2139" s="27"/>
      <c r="AC2139" s="27"/>
      <c r="AD2139" s="30"/>
      <c r="AE2139" s="1"/>
      <c r="AF2139" s="23" t="s">
        <v>5331</v>
      </c>
      <c r="AG2139" s="26"/>
      <c r="AH2139" s="53"/>
    </row>
    <row r="2140" spans="1:34" ht="51.6" customHeight="1" x14ac:dyDescent="0.45">
      <c r="A2140" s="23">
        <v>2134</v>
      </c>
      <c r="B2140" s="25"/>
      <c r="C2140" s="25"/>
      <c r="D2140" s="29"/>
      <c r="E2140" s="1"/>
      <c r="F2140" s="1"/>
      <c r="G2140" s="25"/>
      <c r="H2140" s="71"/>
      <c r="I2140" s="83"/>
      <c r="J2140" s="50" t="str">
        <f t="shared" si="68"/>
        <v/>
      </c>
      <c r="K2140" s="23" t="s">
        <v>7120</v>
      </c>
      <c r="L2140" s="49" t="e">
        <f>VLOOKUP(E2140&amp;F2140,団体コード!$A$1:$C$1743,3,FALSE)</f>
        <v>#N/A</v>
      </c>
      <c r="M2140" s="49" t="e">
        <f>VLOOKUP(E2140&amp;F2140,団体コード!$A$1:$C$1743,2,FALSE)</f>
        <v>#N/A</v>
      </c>
      <c r="N2140" s="51" t="e">
        <f>VLOOKUP(E2140,団体コード!$E$1:$F$48,2,FALSE)</f>
        <v>#N/A</v>
      </c>
      <c r="O2140" s="51" t="e">
        <f t="shared" si="69"/>
        <v>#N/A</v>
      </c>
      <c r="P2140" s="51">
        <v>1</v>
      </c>
      <c r="Q2140" s="51" t="s">
        <v>5341</v>
      </c>
      <c r="R2140" s="54" t="b">
        <v>1</v>
      </c>
      <c r="S2140" s="52" t="s">
        <v>7126</v>
      </c>
      <c r="T2140" s="67" t="s">
        <v>7127</v>
      </c>
      <c r="U2140" s="75" t="s">
        <v>5331</v>
      </c>
      <c r="V2140" s="47" t="s">
        <v>5331</v>
      </c>
      <c r="W2140" s="47" t="s">
        <v>5331</v>
      </c>
      <c r="X2140" s="47" t="s">
        <v>5331</v>
      </c>
      <c r="Y2140" s="47" t="s">
        <v>5331</v>
      </c>
      <c r="Z2140" s="28"/>
      <c r="AA2140" s="27"/>
      <c r="AB2140" s="27"/>
      <c r="AC2140" s="27"/>
      <c r="AD2140" s="30"/>
      <c r="AE2140" s="1"/>
      <c r="AF2140" s="23" t="s">
        <v>5331</v>
      </c>
      <c r="AG2140" s="26"/>
      <c r="AH2140" s="53"/>
    </row>
    <row r="2141" spans="1:34" ht="51.6" customHeight="1" x14ac:dyDescent="0.45">
      <c r="A2141" s="23">
        <v>2135</v>
      </c>
      <c r="B2141" s="25"/>
      <c r="C2141" s="25"/>
      <c r="D2141" s="29"/>
      <c r="E2141" s="1"/>
      <c r="F2141" s="1"/>
      <c r="G2141" s="25"/>
      <c r="H2141" s="71"/>
      <c r="I2141" s="83"/>
      <c r="J2141" s="50" t="str">
        <f t="shared" si="68"/>
        <v/>
      </c>
      <c r="K2141" s="23" t="s">
        <v>7120</v>
      </c>
      <c r="L2141" s="49" t="e">
        <f>VLOOKUP(E2141&amp;F2141,団体コード!$A$1:$C$1743,3,FALSE)</f>
        <v>#N/A</v>
      </c>
      <c r="M2141" s="49" t="e">
        <f>VLOOKUP(E2141&amp;F2141,団体コード!$A$1:$C$1743,2,FALSE)</f>
        <v>#N/A</v>
      </c>
      <c r="N2141" s="51" t="e">
        <f>VLOOKUP(E2141,団体コード!$E$1:$F$48,2,FALSE)</f>
        <v>#N/A</v>
      </c>
      <c r="O2141" s="51" t="e">
        <f t="shared" si="69"/>
        <v>#N/A</v>
      </c>
      <c r="P2141" s="51">
        <v>1</v>
      </c>
      <c r="Q2141" s="51" t="s">
        <v>5341</v>
      </c>
      <c r="R2141" s="54" t="b">
        <v>1</v>
      </c>
      <c r="S2141" s="52" t="s">
        <v>7126</v>
      </c>
      <c r="T2141" s="67" t="s">
        <v>7127</v>
      </c>
      <c r="U2141" s="75" t="s">
        <v>5331</v>
      </c>
      <c r="V2141" s="47" t="s">
        <v>5331</v>
      </c>
      <c r="W2141" s="47" t="s">
        <v>5331</v>
      </c>
      <c r="X2141" s="47" t="s">
        <v>5331</v>
      </c>
      <c r="Y2141" s="47" t="s">
        <v>5331</v>
      </c>
      <c r="Z2141" s="28"/>
      <c r="AA2141" s="27"/>
      <c r="AB2141" s="27"/>
      <c r="AC2141" s="27"/>
      <c r="AD2141" s="30"/>
      <c r="AE2141" s="1"/>
      <c r="AF2141" s="23" t="s">
        <v>5331</v>
      </c>
      <c r="AG2141" s="26"/>
      <c r="AH2141" s="53"/>
    </row>
    <row r="2142" spans="1:34" ht="51.6" customHeight="1" x14ac:dyDescent="0.45">
      <c r="A2142" s="23">
        <v>2136</v>
      </c>
      <c r="B2142" s="25"/>
      <c r="C2142" s="25"/>
      <c r="D2142" s="29"/>
      <c r="E2142" s="1"/>
      <c r="F2142" s="1"/>
      <c r="G2142" s="25"/>
      <c r="H2142" s="71"/>
      <c r="I2142" s="83"/>
      <c r="J2142" s="50" t="str">
        <f t="shared" si="68"/>
        <v/>
      </c>
      <c r="K2142" s="23" t="s">
        <v>7120</v>
      </c>
      <c r="L2142" s="49" t="e">
        <f>VLOOKUP(E2142&amp;F2142,団体コード!$A$1:$C$1743,3,FALSE)</f>
        <v>#N/A</v>
      </c>
      <c r="M2142" s="49" t="e">
        <f>VLOOKUP(E2142&amp;F2142,団体コード!$A$1:$C$1743,2,FALSE)</f>
        <v>#N/A</v>
      </c>
      <c r="N2142" s="51" t="e">
        <f>VLOOKUP(E2142,団体コード!$E$1:$F$48,2,FALSE)</f>
        <v>#N/A</v>
      </c>
      <c r="O2142" s="51" t="e">
        <f t="shared" si="69"/>
        <v>#N/A</v>
      </c>
      <c r="P2142" s="51">
        <v>1</v>
      </c>
      <c r="Q2142" s="51" t="s">
        <v>5341</v>
      </c>
      <c r="R2142" s="54" t="b">
        <v>1</v>
      </c>
      <c r="S2142" s="52" t="s">
        <v>7126</v>
      </c>
      <c r="T2142" s="67" t="s">
        <v>7127</v>
      </c>
      <c r="U2142" s="75" t="s">
        <v>5331</v>
      </c>
      <c r="V2142" s="47" t="s">
        <v>5331</v>
      </c>
      <c r="W2142" s="47" t="s">
        <v>5331</v>
      </c>
      <c r="X2142" s="47" t="s">
        <v>5331</v>
      </c>
      <c r="Y2142" s="47" t="s">
        <v>5331</v>
      </c>
      <c r="Z2142" s="28"/>
      <c r="AA2142" s="27"/>
      <c r="AB2142" s="27"/>
      <c r="AC2142" s="27"/>
      <c r="AD2142" s="30"/>
      <c r="AE2142" s="1"/>
      <c r="AF2142" s="23" t="s">
        <v>5331</v>
      </c>
      <c r="AG2142" s="26"/>
      <c r="AH2142" s="53"/>
    </row>
    <row r="2143" spans="1:34" ht="51.6" customHeight="1" x14ac:dyDescent="0.45">
      <c r="A2143" s="23">
        <v>2137</v>
      </c>
      <c r="B2143" s="25"/>
      <c r="C2143" s="25"/>
      <c r="D2143" s="29"/>
      <c r="E2143" s="1"/>
      <c r="F2143" s="1"/>
      <c r="G2143" s="25"/>
      <c r="H2143" s="71"/>
      <c r="I2143" s="83"/>
      <c r="J2143" s="50" t="str">
        <f t="shared" si="68"/>
        <v/>
      </c>
      <c r="K2143" s="23" t="s">
        <v>7120</v>
      </c>
      <c r="L2143" s="49" t="e">
        <f>VLOOKUP(E2143&amp;F2143,団体コード!$A$1:$C$1743,3,FALSE)</f>
        <v>#N/A</v>
      </c>
      <c r="M2143" s="49" t="e">
        <f>VLOOKUP(E2143&amp;F2143,団体コード!$A$1:$C$1743,2,FALSE)</f>
        <v>#N/A</v>
      </c>
      <c r="N2143" s="51" t="e">
        <f>VLOOKUP(E2143,団体コード!$E$1:$F$48,2,FALSE)</f>
        <v>#N/A</v>
      </c>
      <c r="O2143" s="51" t="e">
        <f t="shared" si="69"/>
        <v>#N/A</v>
      </c>
      <c r="P2143" s="51">
        <v>1</v>
      </c>
      <c r="Q2143" s="51" t="s">
        <v>5341</v>
      </c>
      <c r="R2143" s="54" t="b">
        <v>1</v>
      </c>
      <c r="S2143" s="52" t="s">
        <v>7126</v>
      </c>
      <c r="T2143" s="67" t="s">
        <v>7127</v>
      </c>
      <c r="U2143" s="75" t="s">
        <v>5331</v>
      </c>
      <c r="V2143" s="47" t="s">
        <v>5331</v>
      </c>
      <c r="W2143" s="47" t="s">
        <v>5331</v>
      </c>
      <c r="X2143" s="47" t="s">
        <v>5331</v>
      </c>
      <c r="Y2143" s="47" t="s">
        <v>5331</v>
      </c>
      <c r="Z2143" s="28"/>
      <c r="AA2143" s="27"/>
      <c r="AB2143" s="27"/>
      <c r="AC2143" s="27"/>
      <c r="AD2143" s="30"/>
      <c r="AE2143" s="1"/>
      <c r="AF2143" s="23" t="s">
        <v>5331</v>
      </c>
      <c r="AG2143" s="26"/>
      <c r="AH2143" s="53"/>
    </row>
    <row r="2144" spans="1:34" ht="51.6" customHeight="1" x14ac:dyDescent="0.45">
      <c r="A2144" s="23">
        <v>2138</v>
      </c>
      <c r="B2144" s="25"/>
      <c r="C2144" s="25"/>
      <c r="D2144" s="29"/>
      <c r="E2144" s="1"/>
      <c r="F2144" s="1"/>
      <c r="G2144" s="25"/>
      <c r="H2144" s="71"/>
      <c r="I2144" s="83"/>
      <c r="J2144" s="50" t="str">
        <f t="shared" si="68"/>
        <v/>
      </c>
      <c r="K2144" s="23" t="s">
        <v>7120</v>
      </c>
      <c r="L2144" s="49" t="e">
        <f>VLOOKUP(E2144&amp;F2144,団体コード!$A$1:$C$1743,3,FALSE)</f>
        <v>#N/A</v>
      </c>
      <c r="M2144" s="49" t="e">
        <f>VLOOKUP(E2144&amp;F2144,団体コード!$A$1:$C$1743,2,FALSE)</f>
        <v>#N/A</v>
      </c>
      <c r="N2144" s="51" t="e">
        <f>VLOOKUP(E2144,団体コード!$E$1:$F$48,2,FALSE)</f>
        <v>#N/A</v>
      </c>
      <c r="O2144" s="51" t="e">
        <f t="shared" si="69"/>
        <v>#N/A</v>
      </c>
      <c r="P2144" s="51">
        <v>1</v>
      </c>
      <c r="Q2144" s="51" t="s">
        <v>5341</v>
      </c>
      <c r="R2144" s="54" t="b">
        <v>1</v>
      </c>
      <c r="S2144" s="52" t="s">
        <v>7126</v>
      </c>
      <c r="T2144" s="67" t="s">
        <v>7127</v>
      </c>
      <c r="U2144" s="75" t="s">
        <v>5331</v>
      </c>
      <c r="V2144" s="47" t="s">
        <v>5331</v>
      </c>
      <c r="W2144" s="47" t="s">
        <v>5331</v>
      </c>
      <c r="X2144" s="47" t="s">
        <v>5331</v>
      </c>
      <c r="Y2144" s="47" t="s">
        <v>5331</v>
      </c>
      <c r="Z2144" s="28"/>
      <c r="AA2144" s="27"/>
      <c r="AB2144" s="27"/>
      <c r="AC2144" s="27"/>
      <c r="AD2144" s="30"/>
      <c r="AE2144" s="1"/>
      <c r="AF2144" s="23" t="s">
        <v>5331</v>
      </c>
      <c r="AG2144" s="26"/>
      <c r="AH2144" s="53"/>
    </row>
    <row r="2145" spans="1:34" ht="51.6" customHeight="1" x14ac:dyDescent="0.45">
      <c r="A2145" s="23">
        <v>2139</v>
      </c>
      <c r="B2145" s="25"/>
      <c r="C2145" s="25"/>
      <c r="D2145" s="29"/>
      <c r="E2145" s="1"/>
      <c r="F2145" s="1"/>
      <c r="G2145" s="25"/>
      <c r="H2145" s="71"/>
      <c r="I2145" s="83"/>
      <c r="J2145" s="50" t="str">
        <f t="shared" si="68"/>
        <v/>
      </c>
      <c r="K2145" s="23" t="s">
        <v>7120</v>
      </c>
      <c r="L2145" s="49" t="e">
        <f>VLOOKUP(E2145&amp;F2145,団体コード!$A$1:$C$1743,3,FALSE)</f>
        <v>#N/A</v>
      </c>
      <c r="M2145" s="49" t="e">
        <f>VLOOKUP(E2145&amp;F2145,団体コード!$A$1:$C$1743,2,FALSE)</f>
        <v>#N/A</v>
      </c>
      <c r="N2145" s="51" t="e">
        <f>VLOOKUP(E2145,団体コード!$E$1:$F$48,2,FALSE)</f>
        <v>#N/A</v>
      </c>
      <c r="O2145" s="51" t="e">
        <f t="shared" si="69"/>
        <v>#N/A</v>
      </c>
      <c r="P2145" s="51">
        <v>1</v>
      </c>
      <c r="Q2145" s="51" t="s">
        <v>5341</v>
      </c>
      <c r="R2145" s="54" t="b">
        <v>1</v>
      </c>
      <c r="S2145" s="52" t="s">
        <v>7126</v>
      </c>
      <c r="T2145" s="67" t="s">
        <v>7127</v>
      </c>
      <c r="U2145" s="75" t="s">
        <v>5331</v>
      </c>
      <c r="V2145" s="47" t="s">
        <v>5331</v>
      </c>
      <c r="W2145" s="47" t="s">
        <v>5331</v>
      </c>
      <c r="X2145" s="47" t="s">
        <v>5331</v>
      </c>
      <c r="Y2145" s="47" t="s">
        <v>5331</v>
      </c>
      <c r="Z2145" s="28"/>
      <c r="AA2145" s="27"/>
      <c r="AB2145" s="27"/>
      <c r="AC2145" s="27"/>
      <c r="AD2145" s="30"/>
      <c r="AE2145" s="1"/>
      <c r="AF2145" s="23" t="s">
        <v>5331</v>
      </c>
      <c r="AG2145" s="26"/>
      <c r="AH2145" s="53"/>
    </row>
    <row r="2146" spans="1:34" ht="51.6" customHeight="1" x14ac:dyDescent="0.45">
      <c r="A2146" s="23">
        <v>2140</v>
      </c>
      <c r="B2146" s="25"/>
      <c r="C2146" s="25"/>
      <c r="D2146" s="29"/>
      <c r="E2146" s="1"/>
      <c r="F2146" s="1"/>
      <c r="G2146" s="25"/>
      <c r="H2146" s="71"/>
      <c r="I2146" s="83"/>
      <c r="J2146" s="50" t="str">
        <f t="shared" si="68"/>
        <v/>
      </c>
      <c r="K2146" s="23" t="s">
        <v>7120</v>
      </c>
      <c r="L2146" s="49" t="e">
        <f>VLOOKUP(E2146&amp;F2146,団体コード!$A$1:$C$1743,3,FALSE)</f>
        <v>#N/A</v>
      </c>
      <c r="M2146" s="49" t="e">
        <f>VLOOKUP(E2146&amp;F2146,団体コード!$A$1:$C$1743,2,FALSE)</f>
        <v>#N/A</v>
      </c>
      <c r="N2146" s="51" t="e">
        <f>VLOOKUP(E2146,団体コード!$E$1:$F$48,2,FALSE)</f>
        <v>#N/A</v>
      </c>
      <c r="O2146" s="51" t="e">
        <f t="shared" si="69"/>
        <v>#N/A</v>
      </c>
      <c r="P2146" s="51">
        <v>1</v>
      </c>
      <c r="Q2146" s="51" t="s">
        <v>5341</v>
      </c>
      <c r="R2146" s="54" t="b">
        <v>1</v>
      </c>
      <c r="S2146" s="52" t="s">
        <v>7126</v>
      </c>
      <c r="T2146" s="67" t="s">
        <v>7127</v>
      </c>
      <c r="U2146" s="75" t="s">
        <v>5331</v>
      </c>
      <c r="V2146" s="47" t="s">
        <v>5331</v>
      </c>
      <c r="W2146" s="47" t="s">
        <v>5331</v>
      </c>
      <c r="X2146" s="47" t="s">
        <v>5331</v>
      </c>
      <c r="Y2146" s="47" t="s">
        <v>5331</v>
      </c>
      <c r="Z2146" s="28"/>
      <c r="AA2146" s="27"/>
      <c r="AB2146" s="27"/>
      <c r="AC2146" s="27"/>
      <c r="AD2146" s="30"/>
      <c r="AE2146" s="1"/>
      <c r="AF2146" s="23" t="s">
        <v>5331</v>
      </c>
      <c r="AG2146" s="26"/>
      <c r="AH2146" s="53"/>
    </row>
    <row r="2147" spans="1:34" ht="51.6" customHeight="1" x14ac:dyDescent="0.45">
      <c r="A2147" s="23">
        <v>2141</v>
      </c>
      <c r="B2147" s="25"/>
      <c r="C2147" s="25"/>
      <c r="D2147" s="29"/>
      <c r="E2147" s="1"/>
      <c r="F2147" s="1"/>
      <c r="G2147" s="25"/>
      <c r="H2147" s="71"/>
      <c r="I2147" s="83"/>
      <c r="J2147" s="50" t="str">
        <f t="shared" si="68"/>
        <v/>
      </c>
      <c r="K2147" s="23" t="s">
        <v>7120</v>
      </c>
      <c r="L2147" s="49" t="e">
        <f>VLOOKUP(E2147&amp;F2147,団体コード!$A$1:$C$1743,3,FALSE)</f>
        <v>#N/A</v>
      </c>
      <c r="M2147" s="49" t="e">
        <f>VLOOKUP(E2147&amp;F2147,団体コード!$A$1:$C$1743,2,FALSE)</f>
        <v>#N/A</v>
      </c>
      <c r="N2147" s="51" t="e">
        <f>VLOOKUP(E2147,団体コード!$E$1:$F$48,2,FALSE)</f>
        <v>#N/A</v>
      </c>
      <c r="O2147" s="51" t="e">
        <f t="shared" si="69"/>
        <v>#N/A</v>
      </c>
      <c r="P2147" s="51">
        <v>1</v>
      </c>
      <c r="Q2147" s="51" t="s">
        <v>5341</v>
      </c>
      <c r="R2147" s="54" t="b">
        <v>1</v>
      </c>
      <c r="S2147" s="52" t="s">
        <v>7126</v>
      </c>
      <c r="T2147" s="67" t="s">
        <v>7127</v>
      </c>
      <c r="U2147" s="75" t="s">
        <v>5331</v>
      </c>
      <c r="V2147" s="47" t="s">
        <v>5331</v>
      </c>
      <c r="W2147" s="47" t="s">
        <v>5331</v>
      </c>
      <c r="X2147" s="47" t="s">
        <v>5331</v>
      </c>
      <c r="Y2147" s="47" t="s">
        <v>5331</v>
      </c>
      <c r="Z2147" s="28"/>
      <c r="AA2147" s="27"/>
      <c r="AB2147" s="27"/>
      <c r="AC2147" s="27"/>
      <c r="AD2147" s="30"/>
      <c r="AE2147" s="1"/>
      <c r="AF2147" s="23" t="s">
        <v>5331</v>
      </c>
      <c r="AG2147" s="26"/>
      <c r="AH2147" s="53"/>
    </row>
    <row r="2148" spans="1:34" ht="51.6" customHeight="1" x14ac:dyDescent="0.45">
      <c r="A2148" s="23">
        <v>2142</v>
      </c>
      <c r="B2148" s="25"/>
      <c r="C2148" s="25"/>
      <c r="D2148" s="29"/>
      <c r="E2148" s="1"/>
      <c r="F2148" s="1"/>
      <c r="G2148" s="25"/>
      <c r="H2148" s="71"/>
      <c r="I2148" s="83"/>
      <c r="J2148" s="50" t="str">
        <f t="shared" si="68"/>
        <v/>
      </c>
      <c r="K2148" s="23" t="s">
        <v>7120</v>
      </c>
      <c r="L2148" s="49" t="e">
        <f>VLOOKUP(E2148&amp;F2148,団体コード!$A$1:$C$1743,3,FALSE)</f>
        <v>#N/A</v>
      </c>
      <c r="M2148" s="49" t="e">
        <f>VLOOKUP(E2148&amp;F2148,団体コード!$A$1:$C$1743,2,FALSE)</f>
        <v>#N/A</v>
      </c>
      <c r="N2148" s="51" t="e">
        <f>VLOOKUP(E2148,団体コード!$E$1:$F$48,2,FALSE)</f>
        <v>#N/A</v>
      </c>
      <c r="O2148" s="51" t="e">
        <f t="shared" si="69"/>
        <v>#N/A</v>
      </c>
      <c r="P2148" s="51">
        <v>1</v>
      </c>
      <c r="Q2148" s="51" t="s">
        <v>5341</v>
      </c>
      <c r="R2148" s="54" t="b">
        <v>1</v>
      </c>
      <c r="S2148" s="52" t="s">
        <v>7126</v>
      </c>
      <c r="T2148" s="67" t="s">
        <v>7127</v>
      </c>
      <c r="U2148" s="75" t="s">
        <v>5331</v>
      </c>
      <c r="V2148" s="47" t="s">
        <v>5331</v>
      </c>
      <c r="W2148" s="47" t="s">
        <v>5331</v>
      </c>
      <c r="X2148" s="47" t="s">
        <v>5331</v>
      </c>
      <c r="Y2148" s="47" t="s">
        <v>5331</v>
      </c>
      <c r="Z2148" s="28"/>
      <c r="AA2148" s="27"/>
      <c r="AB2148" s="27"/>
      <c r="AC2148" s="27"/>
      <c r="AD2148" s="30"/>
      <c r="AE2148" s="1"/>
      <c r="AF2148" s="23" t="s">
        <v>5331</v>
      </c>
      <c r="AG2148" s="26"/>
      <c r="AH2148" s="53"/>
    </row>
    <row r="2149" spans="1:34" ht="51.6" customHeight="1" x14ac:dyDescent="0.45">
      <c r="A2149" s="23">
        <v>2143</v>
      </c>
      <c r="B2149" s="25"/>
      <c r="C2149" s="25"/>
      <c r="D2149" s="29"/>
      <c r="E2149" s="1"/>
      <c r="F2149" s="1"/>
      <c r="G2149" s="25"/>
      <c r="H2149" s="71"/>
      <c r="I2149" s="83"/>
      <c r="J2149" s="50" t="str">
        <f t="shared" si="68"/>
        <v/>
      </c>
      <c r="K2149" s="23" t="s">
        <v>7120</v>
      </c>
      <c r="L2149" s="49" t="e">
        <f>VLOOKUP(E2149&amp;F2149,団体コード!$A$1:$C$1743,3,FALSE)</f>
        <v>#N/A</v>
      </c>
      <c r="M2149" s="49" t="e">
        <f>VLOOKUP(E2149&amp;F2149,団体コード!$A$1:$C$1743,2,FALSE)</f>
        <v>#N/A</v>
      </c>
      <c r="N2149" s="51" t="e">
        <f>VLOOKUP(E2149,団体コード!$E$1:$F$48,2,FALSE)</f>
        <v>#N/A</v>
      </c>
      <c r="O2149" s="51" t="e">
        <f t="shared" si="69"/>
        <v>#N/A</v>
      </c>
      <c r="P2149" s="51">
        <v>1</v>
      </c>
      <c r="Q2149" s="51" t="s">
        <v>5341</v>
      </c>
      <c r="R2149" s="54" t="b">
        <v>1</v>
      </c>
      <c r="S2149" s="52" t="s">
        <v>7126</v>
      </c>
      <c r="T2149" s="67" t="s">
        <v>7127</v>
      </c>
      <c r="U2149" s="75" t="s">
        <v>5331</v>
      </c>
      <c r="V2149" s="47" t="s">
        <v>5331</v>
      </c>
      <c r="W2149" s="47" t="s">
        <v>5331</v>
      </c>
      <c r="X2149" s="47" t="s">
        <v>5331</v>
      </c>
      <c r="Y2149" s="47" t="s">
        <v>5331</v>
      </c>
      <c r="Z2149" s="28"/>
      <c r="AA2149" s="27"/>
      <c r="AB2149" s="27"/>
      <c r="AC2149" s="27"/>
      <c r="AD2149" s="30"/>
      <c r="AE2149" s="1"/>
      <c r="AF2149" s="23" t="s">
        <v>5331</v>
      </c>
      <c r="AG2149" s="26"/>
      <c r="AH2149" s="53"/>
    </row>
    <row r="2150" spans="1:34" ht="51.6" customHeight="1" x14ac:dyDescent="0.45">
      <c r="A2150" s="23">
        <v>2144</v>
      </c>
      <c r="B2150" s="25"/>
      <c r="C2150" s="25"/>
      <c r="D2150" s="29"/>
      <c r="E2150" s="1"/>
      <c r="F2150" s="1"/>
      <c r="G2150" s="25"/>
      <c r="H2150" s="71"/>
      <c r="I2150" s="83"/>
      <c r="J2150" s="50" t="str">
        <f t="shared" si="68"/>
        <v/>
      </c>
      <c r="K2150" s="23" t="s">
        <v>7120</v>
      </c>
      <c r="L2150" s="49" t="e">
        <f>VLOOKUP(E2150&amp;F2150,団体コード!$A$1:$C$1743,3,FALSE)</f>
        <v>#N/A</v>
      </c>
      <c r="M2150" s="49" t="e">
        <f>VLOOKUP(E2150&amp;F2150,団体コード!$A$1:$C$1743,2,FALSE)</f>
        <v>#N/A</v>
      </c>
      <c r="N2150" s="51" t="e">
        <f>VLOOKUP(E2150,団体コード!$E$1:$F$48,2,FALSE)</f>
        <v>#N/A</v>
      </c>
      <c r="O2150" s="51" t="e">
        <f t="shared" si="69"/>
        <v>#N/A</v>
      </c>
      <c r="P2150" s="51">
        <v>1</v>
      </c>
      <c r="Q2150" s="51" t="s">
        <v>5341</v>
      </c>
      <c r="R2150" s="54" t="b">
        <v>1</v>
      </c>
      <c r="S2150" s="52" t="s">
        <v>7126</v>
      </c>
      <c r="T2150" s="67" t="s">
        <v>7127</v>
      </c>
      <c r="U2150" s="75" t="s">
        <v>5331</v>
      </c>
      <c r="V2150" s="47" t="s">
        <v>5331</v>
      </c>
      <c r="W2150" s="47" t="s">
        <v>5331</v>
      </c>
      <c r="X2150" s="47" t="s">
        <v>5331</v>
      </c>
      <c r="Y2150" s="47" t="s">
        <v>5331</v>
      </c>
      <c r="Z2150" s="28"/>
      <c r="AA2150" s="27"/>
      <c r="AB2150" s="27"/>
      <c r="AC2150" s="27"/>
      <c r="AD2150" s="30"/>
      <c r="AE2150" s="1"/>
      <c r="AF2150" s="23" t="s">
        <v>5331</v>
      </c>
      <c r="AG2150" s="26"/>
      <c r="AH2150" s="53"/>
    </row>
    <row r="2151" spans="1:34" ht="51.6" customHeight="1" x14ac:dyDescent="0.45">
      <c r="A2151" s="23">
        <v>2145</v>
      </c>
      <c r="B2151" s="25"/>
      <c r="C2151" s="25"/>
      <c r="D2151" s="29"/>
      <c r="E2151" s="1"/>
      <c r="F2151" s="1"/>
      <c r="G2151" s="25"/>
      <c r="H2151" s="71"/>
      <c r="I2151" s="83"/>
      <c r="J2151" s="50" t="str">
        <f t="shared" si="68"/>
        <v/>
      </c>
      <c r="K2151" s="23" t="s">
        <v>7120</v>
      </c>
      <c r="L2151" s="49" t="e">
        <f>VLOOKUP(E2151&amp;F2151,団体コード!$A$1:$C$1743,3,FALSE)</f>
        <v>#N/A</v>
      </c>
      <c r="M2151" s="49" t="e">
        <f>VLOOKUP(E2151&amp;F2151,団体コード!$A$1:$C$1743,2,FALSE)</f>
        <v>#N/A</v>
      </c>
      <c r="N2151" s="51" t="e">
        <f>VLOOKUP(E2151,団体コード!$E$1:$F$48,2,FALSE)</f>
        <v>#N/A</v>
      </c>
      <c r="O2151" s="51" t="e">
        <f t="shared" si="69"/>
        <v>#N/A</v>
      </c>
      <c r="P2151" s="51">
        <v>1</v>
      </c>
      <c r="Q2151" s="51" t="s">
        <v>5341</v>
      </c>
      <c r="R2151" s="54" t="b">
        <v>1</v>
      </c>
      <c r="S2151" s="52" t="s">
        <v>7126</v>
      </c>
      <c r="T2151" s="67" t="s">
        <v>7127</v>
      </c>
      <c r="U2151" s="75" t="s">
        <v>5331</v>
      </c>
      <c r="V2151" s="47" t="s">
        <v>5331</v>
      </c>
      <c r="W2151" s="47" t="s">
        <v>5331</v>
      </c>
      <c r="X2151" s="47" t="s">
        <v>5331</v>
      </c>
      <c r="Y2151" s="47" t="s">
        <v>5331</v>
      </c>
      <c r="Z2151" s="28"/>
      <c r="AA2151" s="27"/>
      <c r="AB2151" s="27"/>
      <c r="AC2151" s="27"/>
      <c r="AD2151" s="30"/>
      <c r="AE2151" s="1"/>
      <c r="AF2151" s="23" t="s">
        <v>5331</v>
      </c>
      <c r="AG2151" s="26"/>
      <c r="AH2151" s="53"/>
    </row>
    <row r="2152" spans="1:34" ht="51.6" customHeight="1" x14ac:dyDescent="0.45">
      <c r="A2152" s="23">
        <v>2146</v>
      </c>
      <c r="B2152" s="25"/>
      <c r="C2152" s="25"/>
      <c r="D2152" s="29"/>
      <c r="E2152" s="1"/>
      <c r="F2152" s="1"/>
      <c r="G2152" s="25"/>
      <c r="H2152" s="71"/>
      <c r="I2152" s="83"/>
      <c r="J2152" s="50" t="str">
        <f t="shared" si="68"/>
        <v/>
      </c>
      <c r="K2152" s="23" t="s">
        <v>7120</v>
      </c>
      <c r="L2152" s="49" t="e">
        <f>VLOOKUP(E2152&amp;F2152,団体コード!$A$1:$C$1743,3,FALSE)</f>
        <v>#N/A</v>
      </c>
      <c r="M2152" s="49" t="e">
        <f>VLOOKUP(E2152&amp;F2152,団体コード!$A$1:$C$1743,2,FALSE)</f>
        <v>#N/A</v>
      </c>
      <c r="N2152" s="51" t="e">
        <f>VLOOKUP(E2152,団体コード!$E$1:$F$48,2,FALSE)</f>
        <v>#N/A</v>
      </c>
      <c r="O2152" s="51" t="e">
        <f t="shared" si="69"/>
        <v>#N/A</v>
      </c>
      <c r="P2152" s="51">
        <v>1</v>
      </c>
      <c r="Q2152" s="51" t="s">
        <v>5341</v>
      </c>
      <c r="R2152" s="54" t="b">
        <v>1</v>
      </c>
      <c r="S2152" s="52" t="s">
        <v>7126</v>
      </c>
      <c r="T2152" s="67" t="s">
        <v>7127</v>
      </c>
      <c r="U2152" s="75" t="s">
        <v>5331</v>
      </c>
      <c r="V2152" s="47" t="s">
        <v>5331</v>
      </c>
      <c r="W2152" s="47" t="s">
        <v>5331</v>
      </c>
      <c r="X2152" s="47" t="s">
        <v>5331</v>
      </c>
      <c r="Y2152" s="47" t="s">
        <v>5331</v>
      </c>
      <c r="Z2152" s="28"/>
      <c r="AA2152" s="27"/>
      <c r="AB2152" s="27"/>
      <c r="AC2152" s="27"/>
      <c r="AD2152" s="30"/>
      <c r="AE2152" s="1"/>
      <c r="AF2152" s="23" t="s">
        <v>5331</v>
      </c>
      <c r="AG2152" s="26"/>
      <c r="AH2152" s="53"/>
    </row>
    <row r="2153" spans="1:34" ht="51.6" customHeight="1" x14ac:dyDescent="0.45">
      <c r="A2153" s="23">
        <v>2147</v>
      </c>
      <c r="B2153" s="25"/>
      <c r="C2153" s="25"/>
      <c r="D2153" s="29"/>
      <c r="E2153" s="1"/>
      <c r="F2153" s="1"/>
      <c r="G2153" s="25"/>
      <c r="H2153" s="71"/>
      <c r="I2153" s="83"/>
      <c r="J2153" s="50" t="str">
        <f t="shared" si="68"/>
        <v/>
      </c>
      <c r="K2153" s="23" t="s">
        <v>7120</v>
      </c>
      <c r="L2153" s="49" t="e">
        <f>VLOOKUP(E2153&amp;F2153,団体コード!$A$1:$C$1743,3,FALSE)</f>
        <v>#N/A</v>
      </c>
      <c r="M2153" s="49" t="e">
        <f>VLOOKUP(E2153&amp;F2153,団体コード!$A$1:$C$1743,2,FALSE)</f>
        <v>#N/A</v>
      </c>
      <c r="N2153" s="51" t="e">
        <f>VLOOKUP(E2153,団体コード!$E$1:$F$48,2,FALSE)</f>
        <v>#N/A</v>
      </c>
      <c r="O2153" s="51" t="e">
        <f t="shared" si="69"/>
        <v>#N/A</v>
      </c>
      <c r="P2153" s="51">
        <v>1</v>
      </c>
      <c r="Q2153" s="51" t="s">
        <v>5341</v>
      </c>
      <c r="R2153" s="54" t="b">
        <v>1</v>
      </c>
      <c r="S2153" s="52" t="s">
        <v>7126</v>
      </c>
      <c r="T2153" s="67" t="s">
        <v>7127</v>
      </c>
      <c r="U2153" s="75" t="s">
        <v>5331</v>
      </c>
      <c r="V2153" s="47" t="s">
        <v>5331</v>
      </c>
      <c r="W2153" s="47" t="s">
        <v>5331</v>
      </c>
      <c r="X2153" s="47" t="s">
        <v>5331</v>
      </c>
      <c r="Y2153" s="47" t="s">
        <v>5331</v>
      </c>
      <c r="Z2153" s="28"/>
      <c r="AA2153" s="27"/>
      <c r="AB2153" s="27"/>
      <c r="AC2153" s="27"/>
      <c r="AD2153" s="30"/>
      <c r="AE2153" s="1"/>
      <c r="AF2153" s="23" t="s">
        <v>5331</v>
      </c>
      <c r="AG2153" s="26"/>
      <c r="AH2153" s="53"/>
    </row>
    <row r="2154" spans="1:34" ht="51.6" customHeight="1" x14ac:dyDescent="0.45">
      <c r="A2154" s="23">
        <v>2148</v>
      </c>
      <c r="B2154" s="25"/>
      <c r="C2154" s="25"/>
      <c r="D2154" s="29"/>
      <c r="E2154" s="1"/>
      <c r="F2154" s="1"/>
      <c r="G2154" s="25"/>
      <c r="H2154" s="71"/>
      <c r="I2154" s="83"/>
      <c r="J2154" s="50" t="str">
        <f t="shared" si="68"/>
        <v/>
      </c>
      <c r="K2154" s="23" t="s">
        <v>7120</v>
      </c>
      <c r="L2154" s="49" t="e">
        <f>VLOOKUP(E2154&amp;F2154,団体コード!$A$1:$C$1743,3,FALSE)</f>
        <v>#N/A</v>
      </c>
      <c r="M2154" s="49" t="e">
        <f>VLOOKUP(E2154&amp;F2154,団体コード!$A$1:$C$1743,2,FALSE)</f>
        <v>#N/A</v>
      </c>
      <c r="N2154" s="51" t="e">
        <f>VLOOKUP(E2154,団体コード!$E$1:$F$48,2,FALSE)</f>
        <v>#N/A</v>
      </c>
      <c r="O2154" s="51" t="e">
        <f t="shared" si="69"/>
        <v>#N/A</v>
      </c>
      <c r="P2154" s="51">
        <v>1</v>
      </c>
      <c r="Q2154" s="51" t="s">
        <v>5341</v>
      </c>
      <c r="R2154" s="54" t="b">
        <v>1</v>
      </c>
      <c r="S2154" s="52" t="s">
        <v>7126</v>
      </c>
      <c r="T2154" s="67" t="s">
        <v>7127</v>
      </c>
      <c r="U2154" s="75" t="s">
        <v>5331</v>
      </c>
      <c r="V2154" s="47" t="s">
        <v>5331</v>
      </c>
      <c r="W2154" s="47" t="s">
        <v>5331</v>
      </c>
      <c r="X2154" s="47" t="s">
        <v>5331</v>
      </c>
      <c r="Y2154" s="47" t="s">
        <v>5331</v>
      </c>
      <c r="Z2154" s="28"/>
      <c r="AA2154" s="27"/>
      <c r="AB2154" s="27"/>
      <c r="AC2154" s="27"/>
      <c r="AD2154" s="30"/>
      <c r="AE2154" s="1"/>
      <c r="AF2154" s="23" t="s">
        <v>5331</v>
      </c>
      <c r="AG2154" s="26"/>
      <c r="AH2154" s="53"/>
    </row>
    <row r="2155" spans="1:34" ht="51.6" customHeight="1" x14ac:dyDescent="0.45">
      <c r="A2155" s="23">
        <v>2149</v>
      </c>
      <c r="B2155" s="25"/>
      <c r="C2155" s="25"/>
      <c r="D2155" s="29"/>
      <c r="E2155" s="1"/>
      <c r="F2155" s="1"/>
      <c r="G2155" s="25"/>
      <c r="H2155" s="71"/>
      <c r="I2155" s="83"/>
      <c r="J2155" s="50" t="str">
        <f t="shared" si="68"/>
        <v/>
      </c>
      <c r="K2155" s="23" t="s">
        <v>7120</v>
      </c>
      <c r="L2155" s="49" t="e">
        <f>VLOOKUP(E2155&amp;F2155,団体コード!$A$1:$C$1743,3,FALSE)</f>
        <v>#N/A</v>
      </c>
      <c r="M2155" s="49" t="e">
        <f>VLOOKUP(E2155&amp;F2155,団体コード!$A$1:$C$1743,2,FALSE)</f>
        <v>#N/A</v>
      </c>
      <c r="N2155" s="51" t="e">
        <f>VLOOKUP(E2155,団体コード!$E$1:$F$48,2,FALSE)</f>
        <v>#N/A</v>
      </c>
      <c r="O2155" s="51" t="e">
        <f t="shared" si="69"/>
        <v>#N/A</v>
      </c>
      <c r="P2155" s="51">
        <v>1</v>
      </c>
      <c r="Q2155" s="51" t="s">
        <v>5341</v>
      </c>
      <c r="R2155" s="54" t="b">
        <v>1</v>
      </c>
      <c r="S2155" s="52" t="s">
        <v>7126</v>
      </c>
      <c r="T2155" s="67" t="s">
        <v>7127</v>
      </c>
      <c r="U2155" s="75" t="s">
        <v>5331</v>
      </c>
      <c r="V2155" s="47" t="s">
        <v>5331</v>
      </c>
      <c r="W2155" s="47" t="s">
        <v>5331</v>
      </c>
      <c r="X2155" s="47" t="s">
        <v>5331</v>
      </c>
      <c r="Y2155" s="47" t="s">
        <v>5331</v>
      </c>
      <c r="Z2155" s="28"/>
      <c r="AA2155" s="27"/>
      <c r="AB2155" s="27"/>
      <c r="AC2155" s="27"/>
      <c r="AD2155" s="30"/>
      <c r="AE2155" s="1"/>
      <c r="AF2155" s="23" t="s">
        <v>5331</v>
      </c>
      <c r="AG2155" s="26"/>
      <c r="AH2155" s="53"/>
    </row>
    <row r="2156" spans="1:34" ht="51.6" customHeight="1" x14ac:dyDescent="0.45">
      <c r="A2156" s="23">
        <v>2150</v>
      </c>
      <c r="B2156" s="25"/>
      <c r="C2156" s="25"/>
      <c r="D2156" s="29"/>
      <c r="E2156" s="1"/>
      <c r="F2156" s="1"/>
      <c r="G2156" s="25"/>
      <c r="H2156" s="71"/>
      <c r="I2156" s="83"/>
      <c r="J2156" s="50" t="str">
        <f t="shared" si="68"/>
        <v/>
      </c>
      <c r="K2156" s="23" t="s">
        <v>7120</v>
      </c>
      <c r="L2156" s="49" t="e">
        <f>VLOOKUP(E2156&amp;F2156,団体コード!$A$1:$C$1743,3,FALSE)</f>
        <v>#N/A</v>
      </c>
      <c r="M2156" s="49" t="e">
        <f>VLOOKUP(E2156&amp;F2156,団体コード!$A$1:$C$1743,2,FALSE)</f>
        <v>#N/A</v>
      </c>
      <c r="N2156" s="51" t="e">
        <f>VLOOKUP(E2156,団体コード!$E$1:$F$48,2,FALSE)</f>
        <v>#N/A</v>
      </c>
      <c r="O2156" s="51" t="e">
        <f t="shared" si="69"/>
        <v>#N/A</v>
      </c>
      <c r="P2156" s="51">
        <v>1</v>
      </c>
      <c r="Q2156" s="51" t="s">
        <v>5341</v>
      </c>
      <c r="R2156" s="54" t="b">
        <v>1</v>
      </c>
      <c r="S2156" s="52" t="s">
        <v>7126</v>
      </c>
      <c r="T2156" s="67" t="s">
        <v>7127</v>
      </c>
      <c r="U2156" s="75" t="s">
        <v>5331</v>
      </c>
      <c r="V2156" s="47" t="s">
        <v>5331</v>
      </c>
      <c r="W2156" s="47" t="s">
        <v>5331</v>
      </c>
      <c r="X2156" s="47" t="s">
        <v>5331</v>
      </c>
      <c r="Y2156" s="47" t="s">
        <v>5331</v>
      </c>
      <c r="Z2156" s="28"/>
      <c r="AA2156" s="27"/>
      <c r="AB2156" s="27"/>
      <c r="AC2156" s="27"/>
      <c r="AD2156" s="30"/>
      <c r="AE2156" s="1"/>
      <c r="AF2156" s="23" t="s">
        <v>5331</v>
      </c>
      <c r="AG2156" s="26"/>
      <c r="AH2156" s="53"/>
    </row>
    <row r="2157" spans="1:34" ht="51.6" customHeight="1" x14ac:dyDescent="0.45">
      <c r="A2157" s="23">
        <v>2151</v>
      </c>
      <c r="B2157" s="25"/>
      <c r="C2157" s="25"/>
      <c r="D2157" s="29"/>
      <c r="E2157" s="1"/>
      <c r="F2157" s="1"/>
      <c r="G2157" s="25"/>
      <c r="H2157" s="71"/>
      <c r="I2157" s="83"/>
      <c r="J2157" s="50" t="str">
        <f t="shared" si="68"/>
        <v/>
      </c>
      <c r="K2157" s="23" t="s">
        <v>7120</v>
      </c>
      <c r="L2157" s="49" t="e">
        <f>VLOOKUP(E2157&amp;F2157,団体コード!$A$1:$C$1743,3,FALSE)</f>
        <v>#N/A</v>
      </c>
      <c r="M2157" s="49" t="e">
        <f>VLOOKUP(E2157&amp;F2157,団体コード!$A$1:$C$1743,2,FALSE)</f>
        <v>#N/A</v>
      </c>
      <c r="N2157" s="51" t="e">
        <f>VLOOKUP(E2157,団体コード!$E$1:$F$48,2,FALSE)</f>
        <v>#N/A</v>
      </c>
      <c r="O2157" s="51" t="e">
        <f t="shared" si="69"/>
        <v>#N/A</v>
      </c>
      <c r="P2157" s="51">
        <v>1</v>
      </c>
      <c r="Q2157" s="51" t="s">
        <v>5341</v>
      </c>
      <c r="R2157" s="54" t="b">
        <v>1</v>
      </c>
      <c r="S2157" s="52" t="s">
        <v>7126</v>
      </c>
      <c r="T2157" s="67" t="s">
        <v>7127</v>
      </c>
      <c r="U2157" s="75" t="s">
        <v>5331</v>
      </c>
      <c r="V2157" s="47" t="s">
        <v>5331</v>
      </c>
      <c r="W2157" s="47" t="s">
        <v>5331</v>
      </c>
      <c r="X2157" s="47" t="s">
        <v>5331</v>
      </c>
      <c r="Y2157" s="47" t="s">
        <v>5331</v>
      </c>
      <c r="Z2157" s="28"/>
      <c r="AA2157" s="27"/>
      <c r="AB2157" s="27"/>
      <c r="AC2157" s="27"/>
      <c r="AD2157" s="30"/>
      <c r="AE2157" s="1"/>
      <c r="AF2157" s="23" t="s">
        <v>5331</v>
      </c>
      <c r="AG2157" s="26"/>
      <c r="AH2157" s="53"/>
    </row>
    <row r="2158" spans="1:34" ht="51.6" customHeight="1" x14ac:dyDescent="0.45">
      <c r="A2158" s="23">
        <v>2152</v>
      </c>
      <c r="B2158" s="25"/>
      <c r="C2158" s="25"/>
      <c r="D2158" s="29"/>
      <c r="E2158" s="1"/>
      <c r="F2158" s="1"/>
      <c r="G2158" s="25"/>
      <c r="H2158" s="71"/>
      <c r="I2158" s="83"/>
      <c r="J2158" s="50" t="str">
        <f t="shared" si="68"/>
        <v/>
      </c>
      <c r="K2158" s="23" t="s">
        <v>7120</v>
      </c>
      <c r="L2158" s="49" t="e">
        <f>VLOOKUP(E2158&amp;F2158,団体コード!$A$1:$C$1743,3,FALSE)</f>
        <v>#N/A</v>
      </c>
      <c r="M2158" s="49" t="e">
        <f>VLOOKUP(E2158&amp;F2158,団体コード!$A$1:$C$1743,2,FALSE)</f>
        <v>#N/A</v>
      </c>
      <c r="N2158" s="51" t="e">
        <f>VLOOKUP(E2158,団体コード!$E$1:$F$48,2,FALSE)</f>
        <v>#N/A</v>
      </c>
      <c r="O2158" s="51" t="e">
        <f t="shared" si="69"/>
        <v>#N/A</v>
      </c>
      <c r="P2158" s="51">
        <v>1</v>
      </c>
      <c r="Q2158" s="51" t="s">
        <v>5341</v>
      </c>
      <c r="R2158" s="54" t="b">
        <v>1</v>
      </c>
      <c r="S2158" s="52" t="s">
        <v>7126</v>
      </c>
      <c r="T2158" s="67" t="s">
        <v>7127</v>
      </c>
      <c r="U2158" s="75" t="s">
        <v>5331</v>
      </c>
      <c r="V2158" s="47" t="s">
        <v>5331</v>
      </c>
      <c r="W2158" s="47" t="s">
        <v>5331</v>
      </c>
      <c r="X2158" s="47" t="s">
        <v>5331</v>
      </c>
      <c r="Y2158" s="47" t="s">
        <v>5331</v>
      </c>
      <c r="Z2158" s="28"/>
      <c r="AA2158" s="27"/>
      <c r="AB2158" s="27"/>
      <c r="AC2158" s="27"/>
      <c r="AD2158" s="30"/>
      <c r="AE2158" s="1"/>
      <c r="AF2158" s="23" t="s">
        <v>5331</v>
      </c>
      <c r="AG2158" s="26"/>
      <c r="AH2158" s="53"/>
    </row>
    <row r="2159" spans="1:34" ht="51.6" customHeight="1" x14ac:dyDescent="0.45">
      <c r="A2159" s="23">
        <v>2153</v>
      </c>
      <c r="B2159" s="25"/>
      <c r="C2159" s="25"/>
      <c r="D2159" s="29"/>
      <c r="E2159" s="1"/>
      <c r="F2159" s="1"/>
      <c r="G2159" s="25"/>
      <c r="H2159" s="71"/>
      <c r="I2159" s="83"/>
      <c r="J2159" s="50" t="str">
        <f t="shared" si="68"/>
        <v/>
      </c>
      <c r="K2159" s="23" t="s">
        <v>7120</v>
      </c>
      <c r="L2159" s="49" t="e">
        <f>VLOOKUP(E2159&amp;F2159,団体コード!$A$1:$C$1743,3,FALSE)</f>
        <v>#N/A</v>
      </c>
      <c r="M2159" s="49" t="e">
        <f>VLOOKUP(E2159&amp;F2159,団体コード!$A$1:$C$1743,2,FALSE)</f>
        <v>#N/A</v>
      </c>
      <c r="N2159" s="51" t="e">
        <f>VLOOKUP(E2159,団体コード!$E$1:$F$48,2,FALSE)</f>
        <v>#N/A</v>
      </c>
      <c r="O2159" s="51" t="e">
        <f t="shared" si="69"/>
        <v>#N/A</v>
      </c>
      <c r="P2159" s="51">
        <v>1</v>
      </c>
      <c r="Q2159" s="51" t="s">
        <v>5341</v>
      </c>
      <c r="R2159" s="54" t="b">
        <v>1</v>
      </c>
      <c r="S2159" s="52" t="s">
        <v>7126</v>
      </c>
      <c r="T2159" s="67" t="s">
        <v>7127</v>
      </c>
      <c r="U2159" s="75" t="s">
        <v>5331</v>
      </c>
      <c r="V2159" s="47" t="s">
        <v>5331</v>
      </c>
      <c r="W2159" s="47" t="s">
        <v>5331</v>
      </c>
      <c r="X2159" s="47" t="s">
        <v>5331</v>
      </c>
      <c r="Y2159" s="47" t="s">
        <v>5331</v>
      </c>
      <c r="Z2159" s="28"/>
      <c r="AA2159" s="27"/>
      <c r="AB2159" s="27"/>
      <c r="AC2159" s="27"/>
      <c r="AD2159" s="30"/>
      <c r="AE2159" s="1"/>
      <c r="AF2159" s="23" t="s">
        <v>5331</v>
      </c>
      <c r="AG2159" s="26"/>
      <c r="AH2159" s="53"/>
    </row>
    <row r="2160" spans="1:34" ht="51.6" customHeight="1" x14ac:dyDescent="0.45">
      <c r="A2160" s="23">
        <v>2154</v>
      </c>
      <c r="B2160" s="25"/>
      <c r="C2160" s="25"/>
      <c r="D2160" s="29"/>
      <c r="E2160" s="1"/>
      <c r="F2160" s="1"/>
      <c r="G2160" s="25"/>
      <c r="H2160" s="71"/>
      <c r="I2160" s="83"/>
      <c r="J2160" s="50" t="str">
        <f t="shared" si="68"/>
        <v/>
      </c>
      <c r="K2160" s="23" t="s">
        <v>7120</v>
      </c>
      <c r="L2160" s="49" t="e">
        <f>VLOOKUP(E2160&amp;F2160,団体コード!$A$1:$C$1743,3,FALSE)</f>
        <v>#N/A</v>
      </c>
      <c r="M2160" s="49" t="e">
        <f>VLOOKUP(E2160&amp;F2160,団体コード!$A$1:$C$1743,2,FALSE)</f>
        <v>#N/A</v>
      </c>
      <c r="N2160" s="51" t="e">
        <f>VLOOKUP(E2160,団体コード!$E$1:$F$48,2,FALSE)</f>
        <v>#N/A</v>
      </c>
      <c r="O2160" s="51" t="e">
        <f t="shared" si="69"/>
        <v>#N/A</v>
      </c>
      <c r="P2160" s="51">
        <v>1</v>
      </c>
      <c r="Q2160" s="51" t="s">
        <v>5341</v>
      </c>
      <c r="R2160" s="54" t="b">
        <v>1</v>
      </c>
      <c r="S2160" s="52" t="s">
        <v>7126</v>
      </c>
      <c r="T2160" s="67" t="s">
        <v>7127</v>
      </c>
      <c r="U2160" s="75" t="s">
        <v>5331</v>
      </c>
      <c r="V2160" s="47" t="s">
        <v>5331</v>
      </c>
      <c r="W2160" s="47" t="s">
        <v>5331</v>
      </c>
      <c r="X2160" s="47" t="s">
        <v>5331</v>
      </c>
      <c r="Y2160" s="47" t="s">
        <v>5331</v>
      </c>
      <c r="Z2160" s="28"/>
      <c r="AA2160" s="27"/>
      <c r="AB2160" s="27"/>
      <c r="AC2160" s="27"/>
      <c r="AD2160" s="30"/>
      <c r="AE2160" s="1"/>
      <c r="AF2160" s="23" t="s">
        <v>5331</v>
      </c>
      <c r="AG2160" s="26"/>
      <c r="AH2160" s="53"/>
    </row>
    <row r="2161" spans="1:34" ht="51.6" customHeight="1" x14ac:dyDescent="0.45">
      <c r="A2161" s="23">
        <v>2155</v>
      </c>
      <c r="B2161" s="25"/>
      <c r="C2161" s="25"/>
      <c r="D2161" s="29"/>
      <c r="E2161" s="1"/>
      <c r="F2161" s="1"/>
      <c r="G2161" s="25"/>
      <c r="H2161" s="71"/>
      <c r="I2161" s="83"/>
      <c r="J2161" s="50" t="str">
        <f t="shared" si="68"/>
        <v/>
      </c>
      <c r="K2161" s="23" t="s">
        <v>7120</v>
      </c>
      <c r="L2161" s="49" t="e">
        <f>VLOOKUP(E2161&amp;F2161,団体コード!$A$1:$C$1743,3,FALSE)</f>
        <v>#N/A</v>
      </c>
      <c r="M2161" s="49" t="e">
        <f>VLOOKUP(E2161&amp;F2161,団体コード!$A$1:$C$1743,2,FALSE)</f>
        <v>#N/A</v>
      </c>
      <c r="N2161" s="51" t="e">
        <f>VLOOKUP(E2161,団体コード!$E$1:$F$48,2,FALSE)</f>
        <v>#N/A</v>
      </c>
      <c r="O2161" s="51" t="e">
        <f t="shared" si="69"/>
        <v>#N/A</v>
      </c>
      <c r="P2161" s="51">
        <v>1</v>
      </c>
      <c r="Q2161" s="51" t="s">
        <v>5341</v>
      </c>
      <c r="R2161" s="54" t="b">
        <v>1</v>
      </c>
      <c r="S2161" s="52" t="s">
        <v>7126</v>
      </c>
      <c r="T2161" s="67" t="s">
        <v>7127</v>
      </c>
      <c r="U2161" s="75" t="s">
        <v>5331</v>
      </c>
      <c r="V2161" s="47" t="s">
        <v>5331</v>
      </c>
      <c r="W2161" s="47" t="s">
        <v>5331</v>
      </c>
      <c r="X2161" s="47" t="s">
        <v>5331</v>
      </c>
      <c r="Y2161" s="47" t="s">
        <v>5331</v>
      </c>
      <c r="Z2161" s="28"/>
      <c r="AA2161" s="27"/>
      <c r="AB2161" s="27"/>
      <c r="AC2161" s="27"/>
      <c r="AD2161" s="30"/>
      <c r="AE2161" s="1"/>
      <c r="AF2161" s="23" t="s">
        <v>5331</v>
      </c>
      <c r="AG2161" s="26"/>
      <c r="AH2161" s="53"/>
    </row>
    <row r="2162" spans="1:34" ht="51.6" customHeight="1" x14ac:dyDescent="0.45">
      <c r="A2162" s="23">
        <v>2156</v>
      </c>
      <c r="B2162" s="25"/>
      <c r="C2162" s="25"/>
      <c r="D2162" s="29"/>
      <c r="E2162" s="1"/>
      <c r="F2162" s="1"/>
      <c r="G2162" s="25"/>
      <c r="H2162" s="71"/>
      <c r="I2162" s="83"/>
      <c r="J2162" s="50" t="str">
        <f t="shared" si="68"/>
        <v/>
      </c>
      <c r="K2162" s="23" t="s">
        <v>7120</v>
      </c>
      <c r="L2162" s="49" t="e">
        <f>VLOOKUP(E2162&amp;F2162,団体コード!$A$1:$C$1743,3,FALSE)</f>
        <v>#N/A</v>
      </c>
      <c r="M2162" s="49" t="e">
        <f>VLOOKUP(E2162&amp;F2162,団体コード!$A$1:$C$1743,2,FALSE)</f>
        <v>#N/A</v>
      </c>
      <c r="N2162" s="51" t="e">
        <f>VLOOKUP(E2162,団体コード!$E$1:$F$48,2,FALSE)</f>
        <v>#N/A</v>
      </c>
      <c r="O2162" s="51" t="e">
        <f t="shared" si="69"/>
        <v>#N/A</v>
      </c>
      <c r="P2162" s="51">
        <v>1</v>
      </c>
      <c r="Q2162" s="51" t="s">
        <v>5341</v>
      </c>
      <c r="R2162" s="54" t="b">
        <v>1</v>
      </c>
      <c r="S2162" s="52" t="s">
        <v>7126</v>
      </c>
      <c r="T2162" s="67" t="s">
        <v>7127</v>
      </c>
      <c r="U2162" s="75" t="s">
        <v>5331</v>
      </c>
      <c r="V2162" s="47" t="s">
        <v>5331</v>
      </c>
      <c r="W2162" s="47" t="s">
        <v>5331</v>
      </c>
      <c r="X2162" s="47" t="s">
        <v>5331</v>
      </c>
      <c r="Y2162" s="47" t="s">
        <v>5331</v>
      </c>
      <c r="Z2162" s="28"/>
      <c r="AA2162" s="27"/>
      <c r="AB2162" s="27"/>
      <c r="AC2162" s="27"/>
      <c r="AD2162" s="30"/>
      <c r="AE2162" s="1"/>
      <c r="AF2162" s="23" t="s">
        <v>5331</v>
      </c>
      <c r="AG2162" s="26"/>
      <c r="AH2162" s="53"/>
    </row>
    <row r="2163" spans="1:34" ht="51.6" customHeight="1" x14ac:dyDescent="0.45">
      <c r="A2163" s="23">
        <v>2157</v>
      </c>
      <c r="B2163" s="25"/>
      <c r="C2163" s="25"/>
      <c r="D2163" s="29"/>
      <c r="E2163" s="1"/>
      <c r="F2163" s="1"/>
      <c r="G2163" s="25"/>
      <c r="H2163" s="71"/>
      <c r="I2163" s="83"/>
      <c r="J2163" s="50" t="str">
        <f t="shared" si="68"/>
        <v/>
      </c>
      <c r="K2163" s="23" t="s">
        <v>7120</v>
      </c>
      <c r="L2163" s="49" t="e">
        <f>VLOOKUP(E2163&amp;F2163,団体コード!$A$1:$C$1743,3,FALSE)</f>
        <v>#N/A</v>
      </c>
      <c r="M2163" s="49" t="e">
        <f>VLOOKUP(E2163&amp;F2163,団体コード!$A$1:$C$1743,2,FALSE)</f>
        <v>#N/A</v>
      </c>
      <c r="N2163" s="51" t="e">
        <f>VLOOKUP(E2163,団体コード!$E$1:$F$48,2,FALSE)</f>
        <v>#N/A</v>
      </c>
      <c r="O2163" s="51" t="e">
        <f t="shared" si="69"/>
        <v>#N/A</v>
      </c>
      <c r="P2163" s="51">
        <v>1</v>
      </c>
      <c r="Q2163" s="51" t="s">
        <v>5341</v>
      </c>
      <c r="R2163" s="54" t="b">
        <v>1</v>
      </c>
      <c r="S2163" s="52" t="s">
        <v>7126</v>
      </c>
      <c r="T2163" s="67" t="s">
        <v>7127</v>
      </c>
      <c r="U2163" s="75" t="s">
        <v>5331</v>
      </c>
      <c r="V2163" s="47" t="s">
        <v>5331</v>
      </c>
      <c r="W2163" s="47" t="s">
        <v>5331</v>
      </c>
      <c r="X2163" s="47" t="s">
        <v>5331</v>
      </c>
      <c r="Y2163" s="47" t="s">
        <v>5331</v>
      </c>
      <c r="Z2163" s="28"/>
      <c r="AA2163" s="27"/>
      <c r="AB2163" s="27"/>
      <c r="AC2163" s="27"/>
      <c r="AD2163" s="30"/>
      <c r="AE2163" s="1"/>
      <c r="AF2163" s="23" t="s">
        <v>5331</v>
      </c>
      <c r="AG2163" s="26"/>
      <c r="AH2163" s="53"/>
    </row>
    <row r="2164" spans="1:34" ht="51.6" customHeight="1" x14ac:dyDescent="0.45">
      <c r="A2164" s="23">
        <v>2158</v>
      </c>
      <c r="B2164" s="25"/>
      <c r="C2164" s="25"/>
      <c r="D2164" s="29"/>
      <c r="E2164" s="1"/>
      <c r="F2164" s="1"/>
      <c r="G2164" s="25"/>
      <c r="H2164" s="71"/>
      <c r="I2164" s="83"/>
      <c r="J2164" s="50" t="str">
        <f t="shared" si="68"/>
        <v/>
      </c>
      <c r="K2164" s="23" t="s">
        <v>7120</v>
      </c>
      <c r="L2164" s="49" t="e">
        <f>VLOOKUP(E2164&amp;F2164,団体コード!$A$1:$C$1743,3,FALSE)</f>
        <v>#N/A</v>
      </c>
      <c r="M2164" s="49" t="e">
        <f>VLOOKUP(E2164&amp;F2164,団体コード!$A$1:$C$1743,2,FALSE)</f>
        <v>#N/A</v>
      </c>
      <c r="N2164" s="51" t="e">
        <f>VLOOKUP(E2164,団体コード!$E$1:$F$48,2,FALSE)</f>
        <v>#N/A</v>
      </c>
      <c r="O2164" s="51" t="e">
        <f t="shared" si="69"/>
        <v>#N/A</v>
      </c>
      <c r="P2164" s="51">
        <v>1</v>
      </c>
      <c r="Q2164" s="51" t="s">
        <v>5341</v>
      </c>
      <c r="R2164" s="54" t="b">
        <v>1</v>
      </c>
      <c r="S2164" s="52" t="s">
        <v>7126</v>
      </c>
      <c r="T2164" s="67" t="s">
        <v>7127</v>
      </c>
      <c r="U2164" s="75" t="s">
        <v>5331</v>
      </c>
      <c r="V2164" s="47" t="s">
        <v>5331</v>
      </c>
      <c r="W2164" s="47" t="s">
        <v>5331</v>
      </c>
      <c r="X2164" s="47" t="s">
        <v>5331</v>
      </c>
      <c r="Y2164" s="47" t="s">
        <v>5331</v>
      </c>
      <c r="Z2164" s="28"/>
      <c r="AA2164" s="27"/>
      <c r="AB2164" s="27"/>
      <c r="AC2164" s="27"/>
      <c r="AD2164" s="30"/>
      <c r="AE2164" s="1"/>
      <c r="AF2164" s="23" t="s">
        <v>5331</v>
      </c>
      <c r="AG2164" s="26"/>
      <c r="AH2164" s="53"/>
    </row>
    <row r="2165" spans="1:34" ht="51.6" customHeight="1" x14ac:dyDescent="0.45">
      <c r="A2165" s="23">
        <v>2159</v>
      </c>
      <c r="B2165" s="25"/>
      <c r="C2165" s="25"/>
      <c r="D2165" s="29"/>
      <c r="E2165" s="1"/>
      <c r="F2165" s="1"/>
      <c r="G2165" s="25"/>
      <c r="H2165" s="71"/>
      <c r="I2165" s="83"/>
      <c r="J2165" s="50" t="str">
        <f t="shared" si="68"/>
        <v/>
      </c>
      <c r="K2165" s="23" t="s">
        <v>7120</v>
      </c>
      <c r="L2165" s="49" t="e">
        <f>VLOOKUP(E2165&amp;F2165,団体コード!$A$1:$C$1743,3,FALSE)</f>
        <v>#N/A</v>
      </c>
      <c r="M2165" s="49" t="e">
        <f>VLOOKUP(E2165&amp;F2165,団体コード!$A$1:$C$1743,2,FALSE)</f>
        <v>#N/A</v>
      </c>
      <c r="N2165" s="51" t="e">
        <f>VLOOKUP(E2165,団体コード!$E$1:$F$48,2,FALSE)</f>
        <v>#N/A</v>
      </c>
      <c r="O2165" s="51" t="e">
        <f t="shared" si="69"/>
        <v>#N/A</v>
      </c>
      <c r="P2165" s="51">
        <v>1</v>
      </c>
      <c r="Q2165" s="51" t="s">
        <v>5341</v>
      </c>
      <c r="R2165" s="54" t="b">
        <v>1</v>
      </c>
      <c r="S2165" s="52" t="s">
        <v>7126</v>
      </c>
      <c r="T2165" s="67" t="s">
        <v>7127</v>
      </c>
      <c r="U2165" s="75" t="s">
        <v>5331</v>
      </c>
      <c r="V2165" s="47" t="s">
        <v>5331</v>
      </c>
      <c r="W2165" s="47" t="s">
        <v>5331</v>
      </c>
      <c r="X2165" s="47" t="s">
        <v>5331</v>
      </c>
      <c r="Y2165" s="47" t="s">
        <v>5331</v>
      </c>
      <c r="Z2165" s="28"/>
      <c r="AA2165" s="27"/>
      <c r="AB2165" s="27"/>
      <c r="AC2165" s="27"/>
      <c r="AD2165" s="30"/>
      <c r="AE2165" s="1"/>
      <c r="AF2165" s="23" t="s">
        <v>5331</v>
      </c>
      <c r="AG2165" s="26"/>
      <c r="AH2165" s="53"/>
    </row>
    <row r="2166" spans="1:34" ht="51.6" customHeight="1" x14ac:dyDescent="0.45">
      <c r="A2166" s="23">
        <v>2160</v>
      </c>
      <c r="B2166" s="25"/>
      <c r="C2166" s="25"/>
      <c r="D2166" s="29"/>
      <c r="E2166" s="1"/>
      <c r="F2166" s="1"/>
      <c r="G2166" s="25"/>
      <c r="H2166" s="71"/>
      <c r="I2166" s="83"/>
      <c r="J2166" s="50" t="str">
        <f t="shared" si="68"/>
        <v/>
      </c>
      <c r="K2166" s="23" t="s">
        <v>7120</v>
      </c>
      <c r="L2166" s="49" t="e">
        <f>VLOOKUP(E2166&amp;F2166,団体コード!$A$1:$C$1743,3,FALSE)</f>
        <v>#N/A</v>
      </c>
      <c r="M2166" s="49" t="e">
        <f>VLOOKUP(E2166&amp;F2166,団体コード!$A$1:$C$1743,2,FALSE)</f>
        <v>#N/A</v>
      </c>
      <c r="N2166" s="51" t="e">
        <f>VLOOKUP(E2166,団体コード!$E$1:$F$48,2,FALSE)</f>
        <v>#N/A</v>
      </c>
      <c r="O2166" s="51" t="e">
        <f t="shared" si="69"/>
        <v>#N/A</v>
      </c>
      <c r="P2166" s="51">
        <v>1</v>
      </c>
      <c r="Q2166" s="51" t="s">
        <v>5341</v>
      </c>
      <c r="R2166" s="54" t="b">
        <v>1</v>
      </c>
      <c r="S2166" s="52" t="s">
        <v>7126</v>
      </c>
      <c r="T2166" s="67" t="s">
        <v>7127</v>
      </c>
      <c r="U2166" s="75" t="s">
        <v>5331</v>
      </c>
      <c r="V2166" s="47" t="s">
        <v>5331</v>
      </c>
      <c r="W2166" s="47" t="s">
        <v>5331</v>
      </c>
      <c r="X2166" s="47" t="s">
        <v>5331</v>
      </c>
      <c r="Y2166" s="47" t="s">
        <v>5331</v>
      </c>
      <c r="Z2166" s="28"/>
      <c r="AA2166" s="27"/>
      <c r="AB2166" s="27"/>
      <c r="AC2166" s="27"/>
      <c r="AD2166" s="30"/>
      <c r="AE2166" s="1"/>
      <c r="AF2166" s="23" t="s">
        <v>5331</v>
      </c>
      <c r="AG2166" s="26"/>
      <c r="AH2166" s="53"/>
    </row>
    <row r="2167" spans="1:34" ht="51.6" customHeight="1" x14ac:dyDescent="0.45">
      <c r="A2167" s="23">
        <v>2161</v>
      </c>
      <c r="B2167" s="25"/>
      <c r="C2167" s="25"/>
      <c r="D2167" s="29"/>
      <c r="E2167" s="1"/>
      <c r="F2167" s="1"/>
      <c r="G2167" s="25"/>
      <c r="H2167" s="71"/>
      <c r="I2167" s="83"/>
      <c r="J2167" s="50" t="str">
        <f t="shared" si="68"/>
        <v/>
      </c>
      <c r="K2167" s="23" t="s">
        <v>7120</v>
      </c>
      <c r="L2167" s="49" t="e">
        <f>VLOOKUP(E2167&amp;F2167,団体コード!$A$1:$C$1743,3,FALSE)</f>
        <v>#N/A</v>
      </c>
      <c r="M2167" s="49" t="e">
        <f>VLOOKUP(E2167&amp;F2167,団体コード!$A$1:$C$1743,2,FALSE)</f>
        <v>#N/A</v>
      </c>
      <c r="N2167" s="51" t="e">
        <f>VLOOKUP(E2167,団体コード!$E$1:$F$48,2,FALSE)</f>
        <v>#N/A</v>
      </c>
      <c r="O2167" s="51" t="e">
        <f t="shared" si="69"/>
        <v>#N/A</v>
      </c>
      <c r="P2167" s="51">
        <v>1</v>
      </c>
      <c r="Q2167" s="51" t="s">
        <v>5341</v>
      </c>
      <c r="R2167" s="54" t="b">
        <v>1</v>
      </c>
      <c r="S2167" s="52" t="s">
        <v>7126</v>
      </c>
      <c r="T2167" s="67" t="s">
        <v>7127</v>
      </c>
      <c r="U2167" s="75" t="s">
        <v>5331</v>
      </c>
      <c r="V2167" s="47" t="s">
        <v>5331</v>
      </c>
      <c r="W2167" s="47" t="s">
        <v>5331</v>
      </c>
      <c r="X2167" s="47" t="s">
        <v>5331</v>
      </c>
      <c r="Y2167" s="47" t="s">
        <v>5331</v>
      </c>
      <c r="Z2167" s="28"/>
      <c r="AA2167" s="27"/>
      <c r="AB2167" s="27"/>
      <c r="AC2167" s="27"/>
      <c r="AD2167" s="30"/>
      <c r="AE2167" s="1"/>
      <c r="AF2167" s="23" t="s">
        <v>5331</v>
      </c>
      <c r="AG2167" s="26"/>
      <c r="AH2167" s="53"/>
    </row>
    <row r="2168" spans="1:34" ht="51.6" customHeight="1" x14ac:dyDescent="0.45">
      <c r="A2168" s="23">
        <v>2162</v>
      </c>
      <c r="B2168" s="25"/>
      <c r="C2168" s="25"/>
      <c r="D2168" s="29"/>
      <c r="E2168" s="1"/>
      <c r="F2168" s="1"/>
      <c r="G2168" s="25"/>
      <c r="H2168" s="71"/>
      <c r="I2168" s="83"/>
      <c r="J2168" s="50" t="str">
        <f t="shared" si="68"/>
        <v/>
      </c>
      <c r="K2168" s="23" t="s">
        <v>7120</v>
      </c>
      <c r="L2168" s="49" t="e">
        <f>VLOOKUP(E2168&amp;F2168,団体コード!$A$1:$C$1743,3,FALSE)</f>
        <v>#N/A</v>
      </c>
      <c r="M2168" s="49" t="e">
        <f>VLOOKUP(E2168&amp;F2168,団体コード!$A$1:$C$1743,2,FALSE)</f>
        <v>#N/A</v>
      </c>
      <c r="N2168" s="51" t="e">
        <f>VLOOKUP(E2168,団体コード!$E$1:$F$48,2,FALSE)</f>
        <v>#N/A</v>
      </c>
      <c r="O2168" s="51" t="e">
        <f t="shared" si="69"/>
        <v>#N/A</v>
      </c>
      <c r="P2168" s="51">
        <v>1</v>
      </c>
      <c r="Q2168" s="51" t="s">
        <v>5341</v>
      </c>
      <c r="R2168" s="54" t="b">
        <v>1</v>
      </c>
      <c r="S2168" s="52" t="s">
        <v>7126</v>
      </c>
      <c r="T2168" s="67" t="s">
        <v>7127</v>
      </c>
      <c r="U2168" s="75" t="s">
        <v>5331</v>
      </c>
      <c r="V2168" s="47" t="s">
        <v>5331</v>
      </c>
      <c r="W2168" s="47" t="s">
        <v>5331</v>
      </c>
      <c r="X2168" s="47" t="s">
        <v>5331</v>
      </c>
      <c r="Y2168" s="47" t="s">
        <v>5331</v>
      </c>
      <c r="Z2168" s="28"/>
      <c r="AA2168" s="27"/>
      <c r="AB2168" s="27"/>
      <c r="AC2168" s="27"/>
      <c r="AD2168" s="30"/>
      <c r="AE2168" s="1"/>
      <c r="AF2168" s="23" t="s">
        <v>5331</v>
      </c>
      <c r="AG2168" s="26"/>
      <c r="AH2168" s="53"/>
    </row>
    <row r="2169" spans="1:34" ht="51.6" customHeight="1" x14ac:dyDescent="0.45">
      <c r="A2169" s="23">
        <v>2163</v>
      </c>
      <c r="B2169" s="25"/>
      <c r="C2169" s="25"/>
      <c r="D2169" s="29"/>
      <c r="E2169" s="1"/>
      <c r="F2169" s="1"/>
      <c r="G2169" s="25"/>
      <c r="H2169" s="71"/>
      <c r="I2169" s="83"/>
      <c r="J2169" s="50" t="str">
        <f t="shared" si="68"/>
        <v/>
      </c>
      <c r="K2169" s="23" t="s">
        <v>7120</v>
      </c>
      <c r="L2169" s="49" t="e">
        <f>VLOOKUP(E2169&amp;F2169,団体コード!$A$1:$C$1743,3,FALSE)</f>
        <v>#N/A</v>
      </c>
      <c r="M2169" s="49" t="e">
        <f>VLOOKUP(E2169&amp;F2169,団体コード!$A$1:$C$1743,2,FALSE)</f>
        <v>#N/A</v>
      </c>
      <c r="N2169" s="51" t="e">
        <f>VLOOKUP(E2169,団体コード!$E$1:$F$48,2,FALSE)</f>
        <v>#N/A</v>
      </c>
      <c r="O2169" s="51" t="e">
        <f t="shared" si="69"/>
        <v>#N/A</v>
      </c>
      <c r="P2169" s="51">
        <v>1</v>
      </c>
      <c r="Q2169" s="51" t="s">
        <v>5341</v>
      </c>
      <c r="R2169" s="54" t="b">
        <v>1</v>
      </c>
      <c r="S2169" s="52" t="s">
        <v>7126</v>
      </c>
      <c r="T2169" s="67" t="s">
        <v>7127</v>
      </c>
      <c r="U2169" s="75" t="s">
        <v>5331</v>
      </c>
      <c r="V2169" s="47" t="s">
        <v>5331</v>
      </c>
      <c r="W2169" s="47" t="s">
        <v>5331</v>
      </c>
      <c r="X2169" s="47" t="s">
        <v>5331</v>
      </c>
      <c r="Y2169" s="47" t="s">
        <v>5331</v>
      </c>
      <c r="Z2169" s="28"/>
      <c r="AA2169" s="27"/>
      <c r="AB2169" s="27"/>
      <c r="AC2169" s="27"/>
      <c r="AD2169" s="30"/>
      <c r="AE2169" s="1"/>
      <c r="AF2169" s="23" t="s">
        <v>5331</v>
      </c>
      <c r="AG2169" s="26"/>
      <c r="AH2169" s="53"/>
    </row>
    <row r="2170" spans="1:34" ht="51.6" customHeight="1" x14ac:dyDescent="0.45">
      <c r="A2170" s="23">
        <v>2164</v>
      </c>
      <c r="B2170" s="25"/>
      <c r="C2170" s="25"/>
      <c r="D2170" s="29"/>
      <c r="E2170" s="1"/>
      <c r="F2170" s="1"/>
      <c r="G2170" s="25"/>
      <c r="H2170" s="71"/>
      <c r="I2170" s="83"/>
      <c r="J2170" s="50" t="str">
        <f t="shared" si="68"/>
        <v/>
      </c>
      <c r="K2170" s="23" t="s">
        <v>7120</v>
      </c>
      <c r="L2170" s="49" t="e">
        <f>VLOOKUP(E2170&amp;F2170,団体コード!$A$1:$C$1743,3,FALSE)</f>
        <v>#N/A</v>
      </c>
      <c r="M2170" s="49" t="e">
        <f>VLOOKUP(E2170&amp;F2170,団体コード!$A$1:$C$1743,2,FALSE)</f>
        <v>#N/A</v>
      </c>
      <c r="N2170" s="51" t="e">
        <f>VLOOKUP(E2170,団体コード!$E$1:$F$48,2,FALSE)</f>
        <v>#N/A</v>
      </c>
      <c r="O2170" s="51" t="e">
        <f t="shared" si="69"/>
        <v>#N/A</v>
      </c>
      <c r="P2170" s="51">
        <v>1</v>
      </c>
      <c r="Q2170" s="51" t="s">
        <v>5341</v>
      </c>
      <c r="R2170" s="54" t="b">
        <v>1</v>
      </c>
      <c r="S2170" s="52" t="s">
        <v>7126</v>
      </c>
      <c r="T2170" s="67" t="s">
        <v>7127</v>
      </c>
      <c r="U2170" s="75" t="s">
        <v>5331</v>
      </c>
      <c r="V2170" s="47" t="s">
        <v>5331</v>
      </c>
      <c r="W2170" s="47" t="s">
        <v>5331</v>
      </c>
      <c r="X2170" s="47" t="s">
        <v>5331</v>
      </c>
      <c r="Y2170" s="47" t="s">
        <v>5331</v>
      </c>
      <c r="Z2170" s="28"/>
      <c r="AA2170" s="27"/>
      <c r="AB2170" s="27"/>
      <c r="AC2170" s="27"/>
      <c r="AD2170" s="30"/>
      <c r="AE2170" s="1"/>
      <c r="AF2170" s="23" t="s">
        <v>5331</v>
      </c>
      <c r="AG2170" s="26"/>
      <c r="AH2170" s="53"/>
    </row>
    <row r="2171" spans="1:34" ht="51.6" customHeight="1" x14ac:dyDescent="0.45">
      <c r="A2171" s="23">
        <v>2165</v>
      </c>
      <c r="B2171" s="25"/>
      <c r="C2171" s="25"/>
      <c r="D2171" s="29"/>
      <c r="E2171" s="1"/>
      <c r="F2171" s="1"/>
      <c r="G2171" s="25"/>
      <c r="H2171" s="71"/>
      <c r="I2171" s="83"/>
      <c r="J2171" s="50" t="str">
        <f t="shared" si="68"/>
        <v/>
      </c>
      <c r="K2171" s="23" t="s">
        <v>7120</v>
      </c>
      <c r="L2171" s="49" t="e">
        <f>VLOOKUP(E2171&amp;F2171,団体コード!$A$1:$C$1743,3,FALSE)</f>
        <v>#N/A</v>
      </c>
      <c r="M2171" s="49" t="e">
        <f>VLOOKUP(E2171&amp;F2171,団体コード!$A$1:$C$1743,2,FALSE)</f>
        <v>#N/A</v>
      </c>
      <c r="N2171" s="51" t="e">
        <f>VLOOKUP(E2171,団体コード!$E$1:$F$48,2,FALSE)</f>
        <v>#N/A</v>
      </c>
      <c r="O2171" s="51" t="e">
        <f t="shared" si="69"/>
        <v>#N/A</v>
      </c>
      <c r="P2171" s="51">
        <v>1</v>
      </c>
      <c r="Q2171" s="51" t="s">
        <v>5341</v>
      </c>
      <c r="R2171" s="54" t="b">
        <v>1</v>
      </c>
      <c r="S2171" s="52" t="s">
        <v>7126</v>
      </c>
      <c r="T2171" s="67" t="s">
        <v>7127</v>
      </c>
      <c r="U2171" s="75" t="s">
        <v>5331</v>
      </c>
      <c r="V2171" s="47" t="s">
        <v>5331</v>
      </c>
      <c r="W2171" s="47" t="s">
        <v>5331</v>
      </c>
      <c r="X2171" s="47" t="s">
        <v>5331</v>
      </c>
      <c r="Y2171" s="47" t="s">
        <v>5331</v>
      </c>
      <c r="Z2171" s="28"/>
      <c r="AA2171" s="27"/>
      <c r="AB2171" s="27"/>
      <c r="AC2171" s="27"/>
      <c r="AD2171" s="30"/>
      <c r="AE2171" s="1"/>
      <c r="AF2171" s="23" t="s">
        <v>5331</v>
      </c>
      <c r="AG2171" s="26"/>
      <c r="AH2171" s="53"/>
    </row>
    <row r="2172" spans="1:34" ht="51.6" customHeight="1" x14ac:dyDescent="0.45">
      <c r="A2172" s="23">
        <v>2166</v>
      </c>
      <c r="B2172" s="25"/>
      <c r="C2172" s="25"/>
      <c r="D2172" s="29"/>
      <c r="E2172" s="1"/>
      <c r="F2172" s="1"/>
      <c r="G2172" s="25"/>
      <c r="H2172" s="71"/>
      <c r="I2172" s="83"/>
      <c r="J2172" s="50" t="str">
        <f t="shared" si="68"/>
        <v/>
      </c>
      <c r="K2172" s="23" t="s">
        <v>7120</v>
      </c>
      <c r="L2172" s="49" t="e">
        <f>VLOOKUP(E2172&amp;F2172,団体コード!$A$1:$C$1743,3,FALSE)</f>
        <v>#N/A</v>
      </c>
      <c r="M2172" s="49" t="e">
        <f>VLOOKUP(E2172&amp;F2172,団体コード!$A$1:$C$1743,2,FALSE)</f>
        <v>#N/A</v>
      </c>
      <c r="N2172" s="51" t="e">
        <f>VLOOKUP(E2172,団体コード!$E$1:$F$48,2,FALSE)</f>
        <v>#N/A</v>
      </c>
      <c r="O2172" s="51" t="e">
        <f t="shared" si="69"/>
        <v>#N/A</v>
      </c>
      <c r="P2172" s="51">
        <v>1</v>
      </c>
      <c r="Q2172" s="51" t="s">
        <v>5341</v>
      </c>
      <c r="R2172" s="54" t="b">
        <v>1</v>
      </c>
      <c r="S2172" s="52" t="s">
        <v>7126</v>
      </c>
      <c r="T2172" s="67" t="s">
        <v>7127</v>
      </c>
      <c r="U2172" s="75" t="s">
        <v>5331</v>
      </c>
      <c r="V2172" s="47" t="s">
        <v>5331</v>
      </c>
      <c r="W2172" s="47" t="s">
        <v>5331</v>
      </c>
      <c r="X2172" s="47" t="s">
        <v>5331</v>
      </c>
      <c r="Y2172" s="47" t="s">
        <v>5331</v>
      </c>
      <c r="Z2172" s="28"/>
      <c r="AA2172" s="27"/>
      <c r="AB2172" s="27"/>
      <c r="AC2172" s="27"/>
      <c r="AD2172" s="30"/>
      <c r="AE2172" s="1"/>
      <c r="AF2172" s="23" t="s">
        <v>5331</v>
      </c>
      <c r="AG2172" s="26"/>
      <c r="AH2172" s="53"/>
    </row>
    <row r="2173" spans="1:34" ht="51.6" customHeight="1" x14ac:dyDescent="0.45">
      <c r="A2173" s="23">
        <v>2167</v>
      </c>
      <c r="B2173" s="25"/>
      <c r="C2173" s="25"/>
      <c r="D2173" s="29"/>
      <c r="E2173" s="1"/>
      <c r="F2173" s="1"/>
      <c r="G2173" s="25"/>
      <c r="H2173" s="71"/>
      <c r="I2173" s="83"/>
      <c r="J2173" s="50" t="str">
        <f t="shared" si="68"/>
        <v/>
      </c>
      <c r="K2173" s="23" t="s">
        <v>7120</v>
      </c>
      <c r="L2173" s="49" t="e">
        <f>VLOOKUP(E2173&amp;F2173,団体コード!$A$1:$C$1743,3,FALSE)</f>
        <v>#N/A</v>
      </c>
      <c r="M2173" s="49" t="e">
        <f>VLOOKUP(E2173&amp;F2173,団体コード!$A$1:$C$1743,2,FALSE)</f>
        <v>#N/A</v>
      </c>
      <c r="N2173" s="51" t="e">
        <f>VLOOKUP(E2173,団体コード!$E$1:$F$48,2,FALSE)</f>
        <v>#N/A</v>
      </c>
      <c r="O2173" s="51" t="e">
        <f t="shared" si="69"/>
        <v>#N/A</v>
      </c>
      <c r="P2173" s="51">
        <v>1</v>
      </c>
      <c r="Q2173" s="51" t="s">
        <v>5341</v>
      </c>
      <c r="R2173" s="54" t="b">
        <v>1</v>
      </c>
      <c r="S2173" s="52" t="s">
        <v>7126</v>
      </c>
      <c r="T2173" s="67" t="s">
        <v>7127</v>
      </c>
      <c r="U2173" s="75" t="s">
        <v>5331</v>
      </c>
      <c r="V2173" s="47" t="s">
        <v>5331</v>
      </c>
      <c r="W2173" s="47" t="s">
        <v>5331</v>
      </c>
      <c r="X2173" s="47" t="s">
        <v>5331</v>
      </c>
      <c r="Y2173" s="47" t="s">
        <v>5331</v>
      </c>
      <c r="Z2173" s="28"/>
      <c r="AA2173" s="27"/>
      <c r="AB2173" s="27"/>
      <c r="AC2173" s="27"/>
      <c r="AD2173" s="30"/>
      <c r="AE2173" s="1"/>
      <c r="AF2173" s="23" t="s">
        <v>5331</v>
      </c>
      <c r="AG2173" s="26"/>
      <c r="AH2173" s="53"/>
    </row>
    <row r="2174" spans="1:34" ht="51.6" customHeight="1" x14ac:dyDescent="0.45">
      <c r="A2174" s="23">
        <v>2168</v>
      </c>
      <c r="B2174" s="25"/>
      <c r="C2174" s="25"/>
      <c r="D2174" s="29"/>
      <c r="E2174" s="1"/>
      <c r="F2174" s="1"/>
      <c r="G2174" s="25"/>
      <c r="H2174" s="71"/>
      <c r="I2174" s="83"/>
      <c r="J2174" s="50" t="str">
        <f t="shared" si="68"/>
        <v/>
      </c>
      <c r="K2174" s="23" t="s">
        <v>7120</v>
      </c>
      <c r="L2174" s="49" t="e">
        <f>VLOOKUP(E2174&amp;F2174,団体コード!$A$1:$C$1743,3,FALSE)</f>
        <v>#N/A</v>
      </c>
      <c r="M2174" s="49" t="e">
        <f>VLOOKUP(E2174&amp;F2174,団体コード!$A$1:$C$1743,2,FALSE)</f>
        <v>#N/A</v>
      </c>
      <c r="N2174" s="51" t="e">
        <f>VLOOKUP(E2174,団体コード!$E$1:$F$48,2,FALSE)</f>
        <v>#N/A</v>
      </c>
      <c r="O2174" s="51" t="e">
        <f t="shared" si="69"/>
        <v>#N/A</v>
      </c>
      <c r="P2174" s="51">
        <v>1</v>
      </c>
      <c r="Q2174" s="51" t="s">
        <v>5341</v>
      </c>
      <c r="R2174" s="54" t="b">
        <v>1</v>
      </c>
      <c r="S2174" s="52" t="s">
        <v>7126</v>
      </c>
      <c r="T2174" s="67" t="s">
        <v>7127</v>
      </c>
      <c r="U2174" s="75" t="s">
        <v>5331</v>
      </c>
      <c r="V2174" s="47" t="s">
        <v>5331</v>
      </c>
      <c r="W2174" s="47" t="s">
        <v>5331</v>
      </c>
      <c r="X2174" s="47" t="s">
        <v>5331</v>
      </c>
      <c r="Y2174" s="47" t="s">
        <v>5331</v>
      </c>
      <c r="Z2174" s="28"/>
      <c r="AA2174" s="27"/>
      <c r="AB2174" s="27"/>
      <c r="AC2174" s="27"/>
      <c r="AD2174" s="30"/>
      <c r="AE2174" s="1"/>
      <c r="AF2174" s="23" t="s">
        <v>5331</v>
      </c>
      <c r="AG2174" s="26"/>
      <c r="AH2174" s="53"/>
    </row>
    <row r="2175" spans="1:34" ht="51.6" customHeight="1" x14ac:dyDescent="0.45">
      <c r="A2175" s="23">
        <v>2169</v>
      </c>
      <c r="B2175" s="25"/>
      <c r="C2175" s="25"/>
      <c r="D2175" s="29"/>
      <c r="E2175" s="1"/>
      <c r="F2175" s="1"/>
      <c r="G2175" s="25"/>
      <c r="H2175" s="71"/>
      <c r="I2175" s="83"/>
      <c r="J2175" s="50" t="str">
        <f t="shared" si="68"/>
        <v/>
      </c>
      <c r="K2175" s="23" t="s">
        <v>7120</v>
      </c>
      <c r="L2175" s="49" t="e">
        <f>VLOOKUP(E2175&amp;F2175,団体コード!$A$1:$C$1743,3,FALSE)</f>
        <v>#N/A</v>
      </c>
      <c r="M2175" s="49" t="e">
        <f>VLOOKUP(E2175&amp;F2175,団体コード!$A$1:$C$1743,2,FALSE)</f>
        <v>#N/A</v>
      </c>
      <c r="N2175" s="51" t="e">
        <f>VLOOKUP(E2175,団体コード!$E$1:$F$48,2,FALSE)</f>
        <v>#N/A</v>
      </c>
      <c r="O2175" s="51" t="e">
        <f t="shared" si="69"/>
        <v>#N/A</v>
      </c>
      <c r="P2175" s="51">
        <v>1</v>
      </c>
      <c r="Q2175" s="51" t="s">
        <v>5341</v>
      </c>
      <c r="R2175" s="54" t="b">
        <v>1</v>
      </c>
      <c r="S2175" s="52" t="s">
        <v>7126</v>
      </c>
      <c r="T2175" s="67" t="s">
        <v>7127</v>
      </c>
      <c r="U2175" s="75" t="s">
        <v>5331</v>
      </c>
      <c r="V2175" s="47" t="s">
        <v>5331</v>
      </c>
      <c r="W2175" s="47" t="s">
        <v>5331</v>
      </c>
      <c r="X2175" s="47" t="s">
        <v>5331</v>
      </c>
      <c r="Y2175" s="47" t="s">
        <v>5331</v>
      </c>
      <c r="Z2175" s="28"/>
      <c r="AA2175" s="27"/>
      <c r="AB2175" s="27"/>
      <c r="AC2175" s="27"/>
      <c r="AD2175" s="30"/>
      <c r="AE2175" s="1"/>
      <c r="AF2175" s="23" t="s">
        <v>5331</v>
      </c>
      <c r="AG2175" s="26"/>
      <c r="AH2175" s="53"/>
    </row>
    <row r="2176" spans="1:34" ht="51.6" customHeight="1" x14ac:dyDescent="0.45">
      <c r="A2176" s="23">
        <v>2170</v>
      </c>
      <c r="B2176" s="25"/>
      <c r="C2176" s="25"/>
      <c r="D2176" s="29"/>
      <c r="E2176" s="1"/>
      <c r="F2176" s="1"/>
      <c r="G2176" s="25"/>
      <c r="H2176" s="71"/>
      <c r="I2176" s="83"/>
      <c r="J2176" s="50" t="str">
        <f t="shared" si="68"/>
        <v/>
      </c>
      <c r="K2176" s="23" t="s">
        <v>7120</v>
      </c>
      <c r="L2176" s="49" t="e">
        <f>VLOOKUP(E2176&amp;F2176,団体コード!$A$1:$C$1743,3,FALSE)</f>
        <v>#N/A</v>
      </c>
      <c r="M2176" s="49" t="e">
        <f>VLOOKUP(E2176&amp;F2176,団体コード!$A$1:$C$1743,2,FALSE)</f>
        <v>#N/A</v>
      </c>
      <c r="N2176" s="51" t="e">
        <f>VLOOKUP(E2176,団体コード!$E$1:$F$48,2,FALSE)</f>
        <v>#N/A</v>
      </c>
      <c r="O2176" s="51" t="e">
        <f t="shared" si="69"/>
        <v>#N/A</v>
      </c>
      <c r="P2176" s="51">
        <v>1</v>
      </c>
      <c r="Q2176" s="51" t="s">
        <v>5341</v>
      </c>
      <c r="R2176" s="54" t="b">
        <v>1</v>
      </c>
      <c r="S2176" s="52" t="s">
        <v>7126</v>
      </c>
      <c r="T2176" s="67" t="s">
        <v>7127</v>
      </c>
      <c r="U2176" s="75" t="s">
        <v>5331</v>
      </c>
      <c r="V2176" s="47" t="s">
        <v>5331</v>
      </c>
      <c r="W2176" s="47" t="s">
        <v>5331</v>
      </c>
      <c r="X2176" s="47" t="s">
        <v>5331</v>
      </c>
      <c r="Y2176" s="47" t="s">
        <v>5331</v>
      </c>
      <c r="Z2176" s="28"/>
      <c r="AA2176" s="27"/>
      <c r="AB2176" s="27"/>
      <c r="AC2176" s="27"/>
      <c r="AD2176" s="30"/>
      <c r="AE2176" s="1"/>
      <c r="AF2176" s="23" t="s">
        <v>5331</v>
      </c>
      <c r="AG2176" s="26"/>
      <c r="AH2176" s="53"/>
    </row>
    <row r="2177" spans="1:34" ht="51.6" customHeight="1" x14ac:dyDescent="0.45">
      <c r="A2177" s="23">
        <v>2171</v>
      </c>
      <c r="B2177" s="25"/>
      <c r="C2177" s="25"/>
      <c r="D2177" s="29"/>
      <c r="E2177" s="1"/>
      <c r="F2177" s="1"/>
      <c r="G2177" s="25"/>
      <c r="H2177" s="71"/>
      <c r="I2177" s="83"/>
      <c r="J2177" s="50" t="str">
        <f t="shared" si="68"/>
        <v/>
      </c>
      <c r="K2177" s="23" t="s">
        <v>7120</v>
      </c>
      <c r="L2177" s="49" t="e">
        <f>VLOOKUP(E2177&amp;F2177,団体コード!$A$1:$C$1743,3,FALSE)</f>
        <v>#N/A</v>
      </c>
      <c r="M2177" s="49" t="e">
        <f>VLOOKUP(E2177&amp;F2177,団体コード!$A$1:$C$1743,2,FALSE)</f>
        <v>#N/A</v>
      </c>
      <c r="N2177" s="51" t="e">
        <f>VLOOKUP(E2177,団体コード!$E$1:$F$48,2,FALSE)</f>
        <v>#N/A</v>
      </c>
      <c r="O2177" s="51" t="e">
        <f t="shared" si="69"/>
        <v>#N/A</v>
      </c>
      <c r="P2177" s="51">
        <v>1</v>
      </c>
      <c r="Q2177" s="51" t="s">
        <v>5341</v>
      </c>
      <c r="R2177" s="54" t="b">
        <v>1</v>
      </c>
      <c r="S2177" s="52" t="s">
        <v>7126</v>
      </c>
      <c r="T2177" s="67" t="s">
        <v>7127</v>
      </c>
      <c r="U2177" s="75" t="s">
        <v>5331</v>
      </c>
      <c r="V2177" s="47" t="s">
        <v>5331</v>
      </c>
      <c r="W2177" s="47" t="s">
        <v>5331</v>
      </c>
      <c r="X2177" s="47" t="s">
        <v>5331</v>
      </c>
      <c r="Y2177" s="47" t="s">
        <v>5331</v>
      </c>
      <c r="Z2177" s="28"/>
      <c r="AA2177" s="27"/>
      <c r="AB2177" s="27"/>
      <c r="AC2177" s="27"/>
      <c r="AD2177" s="30"/>
      <c r="AE2177" s="1"/>
      <c r="AF2177" s="23" t="s">
        <v>5331</v>
      </c>
      <c r="AG2177" s="26"/>
      <c r="AH2177" s="53"/>
    </row>
    <row r="2178" spans="1:34" ht="51.6" customHeight="1" x14ac:dyDescent="0.45">
      <c r="A2178" s="23">
        <v>2172</v>
      </c>
      <c r="B2178" s="25"/>
      <c r="C2178" s="25"/>
      <c r="D2178" s="29"/>
      <c r="E2178" s="1"/>
      <c r="F2178" s="1"/>
      <c r="G2178" s="25"/>
      <c r="H2178" s="71"/>
      <c r="I2178" s="83"/>
      <c r="J2178" s="50" t="str">
        <f t="shared" si="68"/>
        <v/>
      </c>
      <c r="K2178" s="23" t="s">
        <v>7120</v>
      </c>
      <c r="L2178" s="49" t="e">
        <f>VLOOKUP(E2178&amp;F2178,団体コード!$A$1:$C$1743,3,FALSE)</f>
        <v>#N/A</v>
      </c>
      <c r="M2178" s="49" t="e">
        <f>VLOOKUP(E2178&amp;F2178,団体コード!$A$1:$C$1743,2,FALSE)</f>
        <v>#N/A</v>
      </c>
      <c r="N2178" s="51" t="e">
        <f>VLOOKUP(E2178,団体コード!$E$1:$F$48,2,FALSE)</f>
        <v>#N/A</v>
      </c>
      <c r="O2178" s="51" t="e">
        <f t="shared" si="69"/>
        <v>#N/A</v>
      </c>
      <c r="P2178" s="51">
        <v>1</v>
      </c>
      <c r="Q2178" s="51" t="s">
        <v>5341</v>
      </c>
      <c r="R2178" s="54" t="b">
        <v>1</v>
      </c>
      <c r="S2178" s="52" t="s">
        <v>7126</v>
      </c>
      <c r="T2178" s="67" t="s">
        <v>7127</v>
      </c>
      <c r="U2178" s="75" t="s">
        <v>5331</v>
      </c>
      <c r="V2178" s="47" t="s">
        <v>5331</v>
      </c>
      <c r="W2178" s="47" t="s">
        <v>5331</v>
      </c>
      <c r="X2178" s="47" t="s">
        <v>5331</v>
      </c>
      <c r="Y2178" s="47" t="s">
        <v>5331</v>
      </c>
      <c r="Z2178" s="28"/>
      <c r="AA2178" s="27"/>
      <c r="AB2178" s="27"/>
      <c r="AC2178" s="27"/>
      <c r="AD2178" s="30"/>
      <c r="AE2178" s="1"/>
      <c r="AF2178" s="23" t="s">
        <v>5331</v>
      </c>
      <c r="AG2178" s="26"/>
      <c r="AH2178" s="53"/>
    </row>
    <row r="2179" spans="1:34" ht="51.6" customHeight="1" x14ac:dyDescent="0.45">
      <c r="A2179" s="23">
        <v>2173</v>
      </c>
      <c r="B2179" s="25"/>
      <c r="C2179" s="25"/>
      <c r="D2179" s="29"/>
      <c r="E2179" s="1"/>
      <c r="F2179" s="1"/>
      <c r="G2179" s="25"/>
      <c r="H2179" s="71"/>
      <c r="I2179" s="83"/>
      <c r="J2179" s="50" t="str">
        <f t="shared" si="68"/>
        <v/>
      </c>
      <c r="K2179" s="23" t="s">
        <v>7120</v>
      </c>
      <c r="L2179" s="49" t="e">
        <f>VLOOKUP(E2179&amp;F2179,団体コード!$A$1:$C$1743,3,FALSE)</f>
        <v>#N/A</v>
      </c>
      <c r="M2179" s="49" t="e">
        <f>VLOOKUP(E2179&amp;F2179,団体コード!$A$1:$C$1743,2,FALSE)</f>
        <v>#N/A</v>
      </c>
      <c r="N2179" s="51" t="e">
        <f>VLOOKUP(E2179,団体コード!$E$1:$F$48,2,FALSE)</f>
        <v>#N/A</v>
      </c>
      <c r="O2179" s="51" t="e">
        <f t="shared" si="69"/>
        <v>#N/A</v>
      </c>
      <c r="P2179" s="51">
        <v>1</v>
      </c>
      <c r="Q2179" s="51" t="s">
        <v>5341</v>
      </c>
      <c r="R2179" s="54" t="b">
        <v>1</v>
      </c>
      <c r="S2179" s="52" t="s">
        <v>7126</v>
      </c>
      <c r="T2179" s="67" t="s">
        <v>7127</v>
      </c>
      <c r="U2179" s="75" t="s">
        <v>5331</v>
      </c>
      <c r="V2179" s="47" t="s">
        <v>5331</v>
      </c>
      <c r="W2179" s="47" t="s">
        <v>5331</v>
      </c>
      <c r="X2179" s="47" t="s">
        <v>5331</v>
      </c>
      <c r="Y2179" s="47" t="s">
        <v>5331</v>
      </c>
      <c r="Z2179" s="28"/>
      <c r="AA2179" s="27"/>
      <c r="AB2179" s="27"/>
      <c r="AC2179" s="27"/>
      <c r="AD2179" s="30"/>
      <c r="AE2179" s="1"/>
      <c r="AF2179" s="23" t="s">
        <v>5331</v>
      </c>
      <c r="AG2179" s="26"/>
      <c r="AH2179" s="53"/>
    </row>
    <row r="2180" spans="1:34" ht="51.6" customHeight="1" x14ac:dyDescent="0.45">
      <c r="A2180" s="23">
        <v>2174</v>
      </c>
      <c r="B2180" s="25"/>
      <c r="C2180" s="25"/>
      <c r="D2180" s="29"/>
      <c r="E2180" s="1"/>
      <c r="F2180" s="1"/>
      <c r="G2180" s="25"/>
      <c r="H2180" s="71"/>
      <c r="I2180" s="83"/>
      <c r="J2180" s="50" t="str">
        <f t="shared" si="68"/>
        <v/>
      </c>
      <c r="K2180" s="23" t="s">
        <v>7120</v>
      </c>
      <c r="L2180" s="49" t="e">
        <f>VLOOKUP(E2180&amp;F2180,団体コード!$A$1:$C$1743,3,FALSE)</f>
        <v>#N/A</v>
      </c>
      <c r="M2180" s="49" t="e">
        <f>VLOOKUP(E2180&amp;F2180,団体コード!$A$1:$C$1743,2,FALSE)</f>
        <v>#N/A</v>
      </c>
      <c r="N2180" s="51" t="e">
        <f>VLOOKUP(E2180,団体コード!$E$1:$F$48,2,FALSE)</f>
        <v>#N/A</v>
      </c>
      <c r="O2180" s="51" t="e">
        <f t="shared" si="69"/>
        <v>#N/A</v>
      </c>
      <c r="P2180" s="51">
        <v>1</v>
      </c>
      <c r="Q2180" s="51" t="s">
        <v>5341</v>
      </c>
      <c r="R2180" s="54" t="b">
        <v>1</v>
      </c>
      <c r="S2180" s="52" t="s">
        <v>7126</v>
      </c>
      <c r="T2180" s="67" t="s">
        <v>7127</v>
      </c>
      <c r="U2180" s="75" t="s">
        <v>5331</v>
      </c>
      <c r="V2180" s="47" t="s">
        <v>5331</v>
      </c>
      <c r="W2180" s="47" t="s">
        <v>5331</v>
      </c>
      <c r="X2180" s="47" t="s">
        <v>5331</v>
      </c>
      <c r="Y2180" s="47" t="s">
        <v>5331</v>
      </c>
      <c r="Z2180" s="28"/>
      <c r="AA2180" s="27"/>
      <c r="AB2180" s="27"/>
      <c r="AC2180" s="27"/>
      <c r="AD2180" s="30"/>
      <c r="AE2180" s="1"/>
      <c r="AF2180" s="23" t="s">
        <v>5331</v>
      </c>
      <c r="AG2180" s="26"/>
      <c r="AH2180" s="53"/>
    </row>
    <row r="2181" spans="1:34" ht="51.6" customHeight="1" x14ac:dyDescent="0.45">
      <c r="A2181" s="23">
        <v>2175</v>
      </c>
      <c r="B2181" s="25"/>
      <c r="C2181" s="25"/>
      <c r="D2181" s="29"/>
      <c r="E2181" s="1"/>
      <c r="F2181" s="1"/>
      <c r="G2181" s="25"/>
      <c r="H2181" s="71"/>
      <c r="I2181" s="83"/>
      <c r="J2181" s="50" t="str">
        <f t="shared" si="68"/>
        <v/>
      </c>
      <c r="K2181" s="23" t="s">
        <v>7120</v>
      </c>
      <c r="L2181" s="49" t="e">
        <f>VLOOKUP(E2181&amp;F2181,団体コード!$A$1:$C$1743,3,FALSE)</f>
        <v>#N/A</v>
      </c>
      <c r="M2181" s="49" t="e">
        <f>VLOOKUP(E2181&amp;F2181,団体コード!$A$1:$C$1743,2,FALSE)</f>
        <v>#N/A</v>
      </c>
      <c r="N2181" s="51" t="e">
        <f>VLOOKUP(E2181,団体コード!$E$1:$F$48,2,FALSE)</f>
        <v>#N/A</v>
      </c>
      <c r="O2181" s="51" t="e">
        <f t="shared" si="69"/>
        <v>#N/A</v>
      </c>
      <c r="P2181" s="51">
        <v>1</v>
      </c>
      <c r="Q2181" s="51" t="s">
        <v>5341</v>
      </c>
      <c r="R2181" s="54" t="b">
        <v>1</v>
      </c>
      <c r="S2181" s="52" t="s">
        <v>7126</v>
      </c>
      <c r="T2181" s="67" t="s">
        <v>7127</v>
      </c>
      <c r="U2181" s="75" t="s">
        <v>5331</v>
      </c>
      <c r="V2181" s="47" t="s">
        <v>5331</v>
      </c>
      <c r="W2181" s="47" t="s">
        <v>5331</v>
      </c>
      <c r="X2181" s="47" t="s">
        <v>5331</v>
      </c>
      <c r="Y2181" s="47" t="s">
        <v>5331</v>
      </c>
      <c r="Z2181" s="28"/>
      <c r="AA2181" s="27"/>
      <c r="AB2181" s="27"/>
      <c r="AC2181" s="27"/>
      <c r="AD2181" s="30"/>
      <c r="AE2181" s="1"/>
      <c r="AF2181" s="23" t="s">
        <v>5331</v>
      </c>
      <c r="AG2181" s="26"/>
      <c r="AH2181" s="53"/>
    </row>
    <row r="2182" spans="1:34" ht="51.6" customHeight="1" x14ac:dyDescent="0.45">
      <c r="A2182" s="23">
        <v>2176</v>
      </c>
      <c r="B2182" s="25"/>
      <c r="C2182" s="25"/>
      <c r="D2182" s="29"/>
      <c r="E2182" s="1"/>
      <c r="F2182" s="1"/>
      <c r="G2182" s="25"/>
      <c r="H2182" s="71"/>
      <c r="I2182" s="83"/>
      <c r="J2182" s="50" t="str">
        <f t="shared" si="68"/>
        <v/>
      </c>
      <c r="K2182" s="23" t="s">
        <v>7120</v>
      </c>
      <c r="L2182" s="49" t="e">
        <f>VLOOKUP(E2182&amp;F2182,団体コード!$A$1:$C$1743,3,FALSE)</f>
        <v>#N/A</v>
      </c>
      <c r="M2182" s="49" t="e">
        <f>VLOOKUP(E2182&amp;F2182,団体コード!$A$1:$C$1743,2,FALSE)</f>
        <v>#N/A</v>
      </c>
      <c r="N2182" s="51" t="e">
        <f>VLOOKUP(E2182,団体コード!$E$1:$F$48,2,FALSE)</f>
        <v>#N/A</v>
      </c>
      <c r="O2182" s="51" t="e">
        <f t="shared" si="69"/>
        <v>#N/A</v>
      </c>
      <c r="P2182" s="51">
        <v>1</v>
      </c>
      <c r="Q2182" s="51" t="s">
        <v>5341</v>
      </c>
      <c r="R2182" s="54" t="b">
        <v>1</v>
      </c>
      <c r="S2182" s="52" t="s">
        <v>7126</v>
      </c>
      <c r="T2182" s="67" t="s">
        <v>7127</v>
      </c>
      <c r="U2182" s="75" t="s">
        <v>5331</v>
      </c>
      <c r="V2182" s="47" t="s">
        <v>5331</v>
      </c>
      <c r="W2182" s="47" t="s">
        <v>5331</v>
      </c>
      <c r="X2182" s="47" t="s">
        <v>5331</v>
      </c>
      <c r="Y2182" s="47" t="s">
        <v>5331</v>
      </c>
      <c r="Z2182" s="28"/>
      <c r="AA2182" s="27"/>
      <c r="AB2182" s="27"/>
      <c r="AC2182" s="27"/>
      <c r="AD2182" s="30"/>
      <c r="AE2182" s="1"/>
      <c r="AF2182" s="23" t="s">
        <v>5331</v>
      </c>
      <c r="AG2182" s="26"/>
      <c r="AH2182" s="53"/>
    </row>
    <row r="2183" spans="1:34" ht="51.6" customHeight="1" x14ac:dyDescent="0.45">
      <c r="A2183" s="23">
        <v>2177</v>
      </c>
      <c r="B2183" s="25"/>
      <c r="C2183" s="25"/>
      <c r="D2183" s="29"/>
      <c r="E2183" s="1"/>
      <c r="F2183" s="1"/>
      <c r="G2183" s="25"/>
      <c r="H2183" s="71"/>
      <c r="I2183" s="83"/>
      <c r="J2183" s="50" t="str">
        <f t="shared" si="68"/>
        <v/>
      </c>
      <c r="K2183" s="23" t="s">
        <v>7120</v>
      </c>
      <c r="L2183" s="49" t="e">
        <f>VLOOKUP(E2183&amp;F2183,団体コード!$A$1:$C$1743,3,FALSE)</f>
        <v>#N/A</v>
      </c>
      <c r="M2183" s="49" t="e">
        <f>VLOOKUP(E2183&amp;F2183,団体コード!$A$1:$C$1743,2,FALSE)</f>
        <v>#N/A</v>
      </c>
      <c r="N2183" s="51" t="e">
        <f>VLOOKUP(E2183,団体コード!$E$1:$F$48,2,FALSE)</f>
        <v>#N/A</v>
      </c>
      <c r="O2183" s="51" t="e">
        <f t="shared" si="69"/>
        <v>#N/A</v>
      </c>
      <c r="P2183" s="51">
        <v>1</v>
      </c>
      <c r="Q2183" s="51" t="s">
        <v>5341</v>
      </c>
      <c r="R2183" s="54" t="b">
        <v>1</v>
      </c>
      <c r="S2183" s="52" t="s">
        <v>7126</v>
      </c>
      <c r="T2183" s="67" t="s">
        <v>7127</v>
      </c>
      <c r="U2183" s="75" t="s">
        <v>5331</v>
      </c>
      <c r="V2183" s="47" t="s">
        <v>5331</v>
      </c>
      <c r="W2183" s="47" t="s">
        <v>5331</v>
      </c>
      <c r="X2183" s="47" t="s">
        <v>5331</v>
      </c>
      <c r="Y2183" s="47" t="s">
        <v>5331</v>
      </c>
      <c r="Z2183" s="28"/>
      <c r="AA2183" s="27"/>
      <c r="AB2183" s="27"/>
      <c r="AC2183" s="27"/>
      <c r="AD2183" s="30"/>
      <c r="AE2183" s="1"/>
      <c r="AF2183" s="23" t="s">
        <v>5331</v>
      </c>
      <c r="AG2183" s="26"/>
      <c r="AH2183" s="53"/>
    </row>
    <row r="2184" spans="1:34" ht="51.6" customHeight="1" x14ac:dyDescent="0.45">
      <c r="A2184" s="23">
        <v>2178</v>
      </c>
      <c r="B2184" s="25"/>
      <c r="C2184" s="25"/>
      <c r="D2184" s="29"/>
      <c r="E2184" s="1"/>
      <c r="F2184" s="1"/>
      <c r="G2184" s="25"/>
      <c r="H2184" s="71"/>
      <c r="I2184" s="83"/>
      <c r="J2184" s="50" t="str">
        <f t="shared" ref="J2184:J2247" si="70">E2184&amp;F2184&amp;G2184</f>
        <v/>
      </c>
      <c r="K2184" s="23" t="s">
        <v>7120</v>
      </c>
      <c r="L2184" s="49" t="e">
        <f>VLOOKUP(E2184&amp;F2184,団体コード!$A$1:$C$1743,3,FALSE)</f>
        <v>#N/A</v>
      </c>
      <c r="M2184" s="49" t="e">
        <f>VLOOKUP(E2184&amp;F2184,団体コード!$A$1:$C$1743,2,FALSE)</f>
        <v>#N/A</v>
      </c>
      <c r="N2184" s="51" t="e">
        <f>VLOOKUP(E2184,団体コード!$E$1:$F$48,2,FALSE)</f>
        <v>#N/A</v>
      </c>
      <c r="O2184" s="51" t="e">
        <f t="shared" ref="O2184:O2247" si="71">N2184</f>
        <v>#N/A</v>
      </c>
      <c r="P2184" s="51">
        <v>1</v>
      </c>
      <c r="Q2184" s="51" t="s">
        <v>5341</v>
      </c>
      <c r="R2184" s="54" t="b">
        <v>1</v>
      </c>
      <c r="S2184" s="52" t="s">
        <v>7126</v>
      </c>
      <c r="T2184" s="67" t="s">
        <v>7127</v>
      </c>
      <c r="U2184" s="75" t="s">
        <v>5331</v>
      </c>
      <c r="V2184" s="47" t="s">
        <v>5331</v>
      </c>
      <c r="W2184" s="47" t="s">
        <v>5331</v>
      </c>
      <c r="X2184" s="47" t="s">
        <v>5331</v>
      </c>
      <c r="Y2184" s="47" t="s">
        <v>5331</v>
      </c>
      <c r="Z2184" s="28"/>
      <c r="AA2184" s="27"/>
      <c r="AB2184" s="27"/>
      <c r="AC2184" s="27"/>
      <c r="AD2184" s="30"/>
      <c r="AE2184" s="1"/>
      <c r="AF2184" s="23" t="s">
        <v>5331</v>
      </c>
      <c r="AG2184" s="26"/>
      <c r="AH2184" s="53"/>
    </row>
    <row r="2185" spans="1:34" ht="51.6" customHeight="1" x14ac:dyDescent="0.45">
      <c r="A2185" s="23">
        <v>2179</v>
      </c>
      <c r="B2185" s="25"/>
      <c r="C2185" s="25"/>
      <c r="D2185" s="29"/>
      <c r="E2185" s="1"/>
      <c r="F2185" s="1"/>
      <c r="G2185" s="25"/>
      <c r="H2185" s="71"/>
      <c r="I2185" s="83"/>
      <c r="J2185" s="50" t="str">
        <f t="shared" si="70"/>
        <v/>
      </c>
      <c r="K2185" s="23" t="s">
        <v>7120</v>
      </c>
      <c r="L2185" s="49" t="e">
        <f>VLOOKUP(E2185&amp;F2185,団体コード!$A$1:$C$1743,3,FALSE)</f>
        <v>#N/A</v>
      </c>
      <c r="M2185" s="49" t="e">
        <f>VLOOKUP(E2185&amp;F2185,団体コード!$A$1:$C$1743,2,FALSE)</f>
        <v>#N/A</v>
      </c>
      <c r="N2185" s="51" t="e">
        <f>VLOOKUP(E2185,団体コード!$E$1:$F$48,2,FALSE)</f>
        <v>#N/A</v>
      </c>
      <c r="O2185" s="51" t="e">
        <f t="shared" si="71"/>
        <v>#N/A</v>
      </c>
      <c r="P2185" s="51">
        <v>1</v>
      </c>
      <c r="Q2185" s="51" t="s">
        <v>5341</v>
      </c>
      <c r="R2185" s="54" t="b">
        <v>1</v>
      </c>
      <c r="S2185" s="52" t="s">
        <v>7126</v>
      </c>
      <c r="T2185" s="67" t="s">
        <v>7127</v>
      </c>
      <c r="U2185" s="75" t="s">
        <v>5331</v>
      </c>
      <c r="V2185" s="47" t="s">
        <v>5331</v>
      </c>
      <c r="W2185" s="47" t="s">
        <v>5331</v>
      </c>
      <c r="X2185" s="47" t="s">
        <v>5331</v>
      </c>
      <c r="Y2185" s="47" t="s">
        <v>5331</v>
      </c>
      <c r="Z2185" s="28"/>
      <c r="AA2185" s="27"/>
      <c r="AB2185" s="27"/>
      <c r="AC2185" s="27"/>
      <c r="AD2185" s="30"/>
      <c r="AE2185" s="1"/>
      <c r="AF2185" s="23" t="s">
        <v>5331</v>
      </c>
      <c r="AG2185" s="26"/>
      <c r="AH2185" s="53"/>
    </row>
    <row r="2186" spans="1:34" ht="51.6" customHeight="1" x14ac:dyDescent="0.45">
      <c r="A2186" s="23">
        <v>2180</v>
      </c>
      <c r="B2186" s="25"/>
      <c r="C2186" s="25"/>
      <c r="D2186" s="29"/>
      <c r="E2186" s="1"/>
      <c r="F2186" s="1"/>
      <c r="G2186" s="25"/>
      <c r="H2186" s="71"/>
      <c r="I2186" s="83"/>
      <c r="J2186" s="50" t="str">
        <f t="shared" si="70"/>
        <v/>
      </c>
      <c r="K2186" s="23" t="s">
        <v>7120</v>
      </c>
      <c r="L2186" s="49" t="e">
        <f>VLOOKUP(E2186&amp;F2186,団体コード!$A$1:$C$1743,3,FALSE)</f>
        <v>#N/A</v>
      </c>
      <c r="M2186" s="49" t="e">
        <f>VLOOKUP(E2186&amp;F2186,団体コード!$A$1:$C$1743,2,FALSE)</f>
        <v>#N/A</v>
      </c>
      <c r="N2186" s="51" t="e">
        <f>VLOOKUP(E2186,団体コード!$E$1:$F$48,2,FALSE)</f>
        <v>#N/A</v>
      </c>
      <c r="O2186" s="51" t="e">
        <f t="shared" si="71"/>
        <v>#N/A</v>
      </c>
      <c r="P2186" s="51">
        <v>1</v>
      </c>
      <c r="Q2186" s="51" t="s">
        <v>5341</v>
      </c>
      <c r="R2186" s="54" t="b">
        <v>1</v>
      </c>
      <c r="S2186" s="52" t="s">
        <v>7126</v>
      </c>
      <c r="T2186" s="67" t="s">
        <v>7127</v>
      </c>
      <c r="U2186" s="75" t="s">
        <v>5331</v>
      </c>
      <c r="V2186" s="47" t="s">
        <v>5331</v>
      </c>
      <c r="W2186" s="47" t="s">
        <v>5331</v>
      </c>
      <c r="X2186" s="47" t="s">
        <v>5331</v>
      </c>
      <c r="Y2186" s="47" t="s">
        <v>5331</v>
      </c>
      <c r="Z2186" s="28"/>
      <c r="AA2186" s="27"/>
      <c r="AB2186" s="27"/>
      <c r="AC2186" s="27"/>
      <c r="AD2186" s="30"/>
      <c r="AE2186" s="1"/>
      <c r="AF2186" s="23" t="s">
        <v>5331</v>
      </c>
      <c r="AG2186" s="26"/>
      <c r="AH2186" s="53"/>
    </row>
    <row r="2187" spans="1:34" ht="51.6" customHeight="1" x14ac:dyDescent="0.45">
      <c r="A2187" s="23">
        <v>2181</v>
      </c>
      <c r="B2187" s="25"/>
      <c r="C2187" s="25"/>
      <c r="D2187" s="29"/>
      <c r="E2187" s="1"/>
      <c r="F2187" s="1"/>
      <c r="G2187" s="25"/>
      <c r="H2187" s="71"/>
      <c r="I2187" s="83"/>
      <c r="J2187" s="50" t="str">
        <f t="shared" si="70"/>
        <v/>
      </c>
      <c r="K2187" s="23" t="s">
        <v>7120</v>
      </c>
      <c r="L2187" s="49" t="e">
        <f>VLOOKUP(E2187&amp;F2187,団体コード!$A$1:$C$1743,3,FALSE)</f>
        <v>#N/A</v>
      </c>
      <c r="M2187" s="49" t="e">
        <f>VLOOKUP(E2187&amp;F2187,団体コード!$A$1:$C$1743,2,FALSE)</f>
        <v>#N/A</v>
      </c>
      <c r="N2187" s="51" t="e">
        <f>VLOOKUP(E2187,団体コード!$E$1:$F$48,2,FALSE)</f>
        <v>#N/A</v>
      </c>
      <c r="O2187" s="51" t="e">
        <f t="shared" si="71"/>
        <v>#N/A</v>
      </c>
      <c r="P2187" s="51">
        <v>1</v>
      </c>
      <c r="Q2187" s="51" t="s">
        <v>5341</v>
      </c>
      <c r="R2187" s="54" t="b">
        <v>1</v>
      </c>
      <c r="S2187" s="52" t="s">
        <v>7126</v>
      </c>
      <c r="T2187" s="67" t="s">
        <v>7127</v>
      </c>
      <c r="U2187" s="75" t="s">
        <v>5331</v>
      </c>
      <c r="V2187" s="47" t="s">
        <v>5331</v>
      </c>
      <c r="W2187" s="47" t="s">
        <v>5331</v>
      </c>
      <c r="X2187" s="47" t="s">
        <v>5331</v>
      </c>
      <c r="Y2187" s="47" t="s">
        <v>5331</v>
      </c>
      <c r="Z2187" s="28"/>
      <c r="AA2187" s="27"/>
      <c r="AB2187" s="27"/>
      <c r="AC2187" s="27"/>
      <c r="AD2187" s="30"/>
      <c r="AE2187" s="1"/>
      <c r="AF2187" s="23" t="s">
        <v>5331</v>
      </c>
      <c r="AG2187" s="26"/>
      <c r="AH2187" s="53"/>
    </row>
    <row r="2188" spans="1:34" ht="51.6" customHeight="1" x14ac:dyDescent="0.45">
      <c r="A2188" s="23">
        <v>2182</v>
      </c>
      <c r="B2188" s="25"/>
      <c r="C2188" s="25"/>
      <c r="D2188" s="29"/>
      <c r="E2188" s="1"/>
      <c r="F2188" s="1"/>
      <c r="G2188" s="25"/>
      <c r="H2188" s="71"/>
      <c r="I2188" s="83"/>
      <c r="J2188" s="50" t="str">
        <f t="shared" si="70"/>
        <v/>
      </c>
      <c r="K2188" s="23" t="s">
        <v>7120</v>
      </c>
      <c r="L2188" s="49" t="e">
        <f>VLOOKUP(E2188&amp;F2188,団体コード!$A$1:$C$1743,3,FALSE)</f>
        <v>#N/A</v>
      </c>
      <c r="M2188" s="49" t="e">
        <f>VLOOKUP(E2188&amp;F2188,団体コード!$A$1:$C$1743,2,FALSE)</f>
        <v>#N/A</v>
      </c>
      <c r="N2188" s="51" t="e">
        <f>VLOOKUP(E2188,団体コード!$E$1:$F$48,2,FALSE)</f>
        <v>#N/A</v>
      </c>
      <c r="O2188" s="51" t="e">
        <f t="shared" si="71"/>
        <v>#N/A</v>
      </c>
      <c r="P2188" s="51">
        <v>1</v>
      </c>
      <c r="Q2188" s="51" t="s">
        <v>5341</v>
      </c>
      <c r="R2188" s="54" t="b">
        <v>1</v>
      </c>
      <c r="S2188" s="52" t="s">
        <v>7126</v>
      </c>
      <c r="T2188" s="67" t="s">
        <v>7127</v>
      </c>
      <c r="U2188" s="75" t="s">
        <v>5331</v>
      </c>
      <c r="V2188" s="47" t="s">
        <v>5331</v>
      </c>
      <c r="W2188" s="47" t="s">
        <v>5331</v>
      </c>
      <c r="X2188" s="47" t="s">
        <v>5331</v>
      </c>
      <c r="Y2188" s="47" t="s">
        <v>5331</v>
      </c>
      <c r="Z2188" s="28"/>
      <c r="AA2188" s="27"/>
      <c r="AB2188" s="27"/>
      <c r="AC2188" s="27"/>
      <c r="AD2188" s="30"/>
      <c r="AE2188" s="1"/>
      <c r="AF2188" s="23" t="s">
        <v>5331</v>
      </c>
      <c r="AG2188" s="26"/>
      <c r="AH2188" s="53"/>
    </row>
    <row r="2189" spans="1:34" ht="51.6" customHeight="1" x14ac:dyDescent="0.45">
      <c r="A2189" s="23">
        <v>2183</v>
      </c>
      <c r="B2189" s="25"/>
      <c r="C2189" s="25"/>
      <c r="D2189" s="29"/>
      <c r="E2189" s="1"/>
      <c r="F2189" s="1"/>
      <c r="G2189" s="25"/>
      <c r="H2189" s="71"/>
      <c r="I2189" s="83"/>
      <c r="J2189" s="50" t="str">
        <f t="shared" si="70"/>
        <v/>
      </c>
      <c r="K2189" s="23" t="s">
        <v>7120</v>
      </c>
      <c r="L2189" s="49" t="e">
        <f>VLOOKUP(E2189&amp;F2189,団体コード!$A$1:$C$1743,3,FALSE)</f>
        <v>#N/A</v>
      </c>
      <c r="M2189" s="49" t="e">
        <f>VLOOKUP(E2189&amp;F2189,団体コード!$A$1:$C$1743,2,FALSE)</f>
        <v>#N/A</v>
      </c>
      <c r="N2189" s="51" t="e">
        <f>VLOOKUP(E2189,団体コード!$E$1:$F$48,2,FALSE)</f>
        <v>#N/A</v>
      </c>
      <c r="O2189" s="51" t="e">
        <f t="shared" si="71"/>
        <v>#N/A</v>
      </c>
      <c r="P2189" s="51">
        <v>1</v>
      </c>
      <c r="Q2189" s="51" t="s">
        <v>5341</v>
      </c>
      <c r="R2189" s="54" t="b">
        <v>1</v>
      </c>
      <c r="S2189" s="52" t="s">
        <v>7126</v>
      </c>
      <c r="T2189" s="67" t="s">
        <v>7127</v>
      </c>
      <c r="U2189" s="75" t="s">
        <v>5331</v>
      </c>
      <c r="V2189" s="47" t="s">
        <v>5331</v>
      </c>
      <c r="W2189" s="47" t="s">
        <v>5331</v>
      </c>
      <c r="X2189" s="47" t="s">
        <v>5331</v>
      </c>
      <c r="Y2189" s="47" t="s">
        <v>5331</v>
      </c>
      <c r="Z2189" s="28"/>
      <c r="AA2189" s="27"/>
      <c r="AB2189" s="27"/>
      <c r="AC2189" s="27"/>
      <c r="AD2189" s="30"/>
      <c r="AE2189" s="1"/>
      <c r="AF2189" s="23" t="s">
        <v>5331</v>
      </c>
      <c r="AG2189" s="26"/>
      <c r="AH2189" s="53"/>
    </row>
    <row r="2190" spans="1:34" ht="51.6" customHeight="1" x14ac:dyDescent="0.45">
      <c r="A2190" s="23">
        <v>2184</v>
      </c>
      <c r="B2190" s="25"/>
      <c r="C2190" s="25"/>
      <c r="D2190" s="29"/>
      <c r="E2190" s="1"/>
      <c r="F2190" s="1"/>
      <c r="G2190" s="25"/>
      <c r="H2190" s="71"/>
      <c r="I2190" s="83"/>
      <c r="J2190" s="50" t="str">
        <f t="shared" si="70"/>
        <v/>
      </c>
      <c r="K2190" s="23" t="s">
        <v>7120</v>
      </c>
      <c r="L2190" s="49" t="e">
        <f>VLOOKUP(E2190&amp;F2190,団体コード!$A$1:$C$1743,3,FALSE)</f>
        <v>#N/A</v>
      </c>
      <c r="M2190" s="49" t="e">
        <f>VLOOKUP(E2190&amp;F2190,団体コード!$A$1:$C$1743,2,FALSE)</f>
        <v>#N/A</v>
      </c>
      <c r="N2190" s="51" t="e">
        <f>VLOOKUP(E2190,団体コード!$E$1:$F$48,2,FALSE)</f>
        <v>#N/A</v>
      </c>
      <c r="O2190" s="51" t="e">
        <f t="shared" si="71"/>
        <v>#N/A</v>
      </c>
      <c r="P2190" s="51">
        <v>1</v>
      </c>
      <c r="Q2190" s="51" t="s">
        <v>5341</v>
      </c>
      <c r="R2190" s="54" t="b">
        <v>1</v>
      </c>
      <c r="S2190" s="52" t="s">
        <v>7126</v>
      </c>
      <c r="T2190" s="67" t="s">
        <v>7127</v>
      </c>
      <c r="U2190" s="75" t="s">
        <v>5331</v>
      </c>
      <c r="V2190" s="47" t="s">
        <v>5331</v>
      </c>
      <c r="W2190" s="47" t="s">
        <v>5331</v>
      </c>
      <c r="X2190" s="47" t="s">
        <v>5331</v>
      </c>
      <c r="Y2190" s="47" t="s">
        <v>5331</v>
      </c>
      <c r="Z2190" s="28"/>
      <c r="AA2190" s="27"/>
      <c r="AB2190" s="27"/>
      <c r="AC2190" s="27"/>
      <c r="AD2190" s="30"/>
      <c r="AE2190" s="1"/>
      <c r="AF2190" s="23" t="s">
        <v>5331</v>
      </c>
      <c r="AG2190" s="26"/>
      <c r="AH2190" s="53"/>
    </row>
    <row r="2191" spans="1:34" ht="51.6" customHeight="1" x14ac:dyDescent="0.45">
      <c r="A2191" s="23">
        <v>2185</v>
      </c>
      <c r="B2191" s="25"/>
      <c r="C2191" s="25"/>
      <c r="D2191" s="29"/>
      <c r="E2191" s="1"/>
      <c r="F2191" s="1"/>
      <c r="G2191" s="25"/>
      <c r="H2191" s="71"/>
      <c r="I2191" s="83"/>
      <c r="J2191" s="50" t="str">
        <f t="shared" si="70"/>
        <v/>
      </c>
      <c r="K2191" s="23" t="s">
        <v>7120</v>
      </c>
      <c r="L2191" s="49" t="e">
        <f>VLOOKUP(E2191&amp;F2191,団体コード!$A$1:$C$1743,3,FALSE)</f>
        <v>#N/A</v>
      </c>
      <c r="M2191" s="49" t="e">
        <f>VLOOKUP(E2191&amp;F2191,団体コード!$A$1:$C$1743,2,FALSE)</f>
        <v>#N/A</v>
      </c>
      <c r="N2191" s="51" t="e">
        <f>VLOOKUP(E2191,団体コード!$E$1:$F$48,2,FALSE)</f>
        <v>#N/A</v>
      </c>
      <c r="O2191" s="51" t="e">
        <f t="shared" si="71"/>
        <v>#N/A</v>
      </c>
      <c r="P2191" s="51">
        <v>1</v>
      </c>
      <c r="Q2191" s="51" t="s">
        <v>5341</v>
      </c>
      <c r="R2191" s="54" t="b">
        <v>1</v>
      </c>
      <c r="S2191" s="52" t="s">
        <v>7126</v>
      </c>
      <c r="T2191" s="67" t="s">
        <v>7127</v>
      </c>
      <c r="U2191" s="75" t="s">
        <v>5331</v>
      </c>
      <c r="V2191" s="47" t="s">
        <v>5331</v>
      </c>
      <c r="W2191" s="47" t="s">
        <v>5331</v>
      </c>
      <c r="X2191" s="47" t="s">
        <v>5331</v>
      </c>
      <c r="Y2191" s="47" t="s">
        <v>5331</v>
      </c>
      <c r="Z2191" s="28"/>
      <c r="AA2191" s="27"/>
      <c r="AB2191" s="27"/>
      <c r="AC2191" s="27"/>
      <c r="AD2191" s="30"/>
      <c r="AE2191" s="1"/>
      <c r="AF2191" s="23" t="s">
        <v>5331</v>
      </c>
      <c r="AG2191" s="26"/>
      <c r="AH2191" s="53"/>
    </row>
    <row r="2192" spans="1:34" ht="51.6" customHeight="1" x14ac:dyDescent="0.45">
      <c r="A2192" s="23">
        <v>2186</v>
      </c>
      <c r="B2192" s="25"/>
      <c r="C2192" s="25"/>
      <c r="D2192" s="29"/>
      <c r="E2192" s="1"/>
      <c r="F2192" s="1"/>
      <c r="G2192" s="25"/>
      <c r="H2192" s="71"/>
      <c r="I2192" s="83"/>
      <c r="J2192" s="50" t="str">
        <f t="shared" si="70"/>
        <v/>
      </c>
      <c r="K2192" s="23" t="s">
        <v>7120</v>
      </c>
      <c r="L2192" s="49" t="e">
        <f>VLOOKUP(E2192&amp;F2192,団体コード!$A$1:$C$1743,3,FALSE)</f>
        <v>#N/A</v>
      </c>
      <c r="M2192" s="49" t="e">
        <f>VLOOKUP(E2192&amp;F2192,団体コード!$A$1:$C$1743,2,FALSE)</f>
        <v>#N/A</v>
      </c>
      <c r="N2192" s="51" t="e">
        <f>VLOOKUP(E2192,団体コード!$E$1:$F$48,2,FALSE)</f>
        <v>#N/A</v>
      </c>
      <c r="O2192" s="51" t="e">
        <f t="shared" si="71"/>
        <v>#N/A</v>
      </c>
      <c r="P2192" s="51">
        <v>1</v>
      </c>
      <c r="Q2192" s="51" t="s">
        <v>5341</v>
      </c>
      <c r="R2192" s="54" t="b">
        <v>1</v>
      </c>
      <c r="S2192" s="52" t="s">
        <v>7126</v>
      </c>
      <c r="T2192" s="67" t="s">
        <v>7127</v>
      </c>
      <c r="U2192" s="75" t="s">
        <v>5331</v>
      </c>
      <c r="V2192" s="47" t="s">
        <v>5331</v>
      </c>
      <c r="W2192" s="47" t="s">
        <v>5331</v>
      </c>
      <c r="X2192" s="47" t="s">
        <v>5331</v>
      </c>
      <c r="Y2192" s="47" t="s">
        <v>5331</v>
      </c>
      <c r="Z2192" s="28"/>
      <c r="AA2192" s="27"/>
      <c r="AB2192" s="27"/>
      <c r="AC2192" s="27"/>
      <c r="AD2192" s="30"/>
      <c r="AE2192" s="1"/>
      <c r="AF2192" s="23" t="s">
        <v>5331</v>
      </c>
      <c r="AG2192" s="26"/>
      <c r="AH2192" s="53"/>
    </row>
    <row r="2193" spans="1:34" ht="51.6" customHeight="1" x14ac:dyDescent="0.45">
      <c r="A2193" s="23">
        <v>2187</v>
      </c>
      <c r="B2193" s="25"/>
      <c r="C2193" s="25"/>
      <c r="D2193" s="29"/>
      <c r="E2193" s="1"/>
      <c r="F2193" s="1"/>
      <c r="G2193" s="25"/>
      <c r="H2193" s="71"/>
      <c r="I2193" s="83"/>
      <c r="J2193" s="50" t="str">
        <f t="shared" si="70"/>
        <v/>
      </c>
      <c r="K2193" s="23" t="s">
        <v>7120</v>
      </c>
      <c r="L2193" s="49" t="e">
        <f>VLOOKUP(E2193&amp;F2193,団体コード!$A$1:$C$1743,3,FALSE)</f>
        <v>#N/A</v>
      </c>
      <c r="M2193" s="49" t="e">
        <f>VLOOKUP(E2193&amp;F2193,団体コード!$A$1:$C$1743,2,FALSE)</f>
        <v>#N/A</v>
      </c>
      <c r="N2193" s="51" t="e">
        <f>VLOOKUP(E2193,団体コード!$E$1:$F$48,2,FALSE)</f>
        <v>#N/A</v>
      </c>
      <c r="O2193" s="51" t="e">
        <f t="shared" si="71"/>
        <v>#N/A</v>
      </c>
      <c r="P2193" s="51">
        <v>1</v>
      </c>
      <c r="Q2193" s="51" t="s">
        <v>5341</v>
      </c>
      <c r="R2193" s="54" t="b">
        <v>1</v>
      </c>
      <c r="S2193" s="52" t="s">
        <v>7126</v>
      </c>
      <c r="T2193" s="67" t="s">
        <v>7127</v>
      </c>
      <c r="U2193" s="75" t="s">
        <v>5331</v>
      </c>
      <c r="V2193" s="47" t="s">
        <v>5331</v>
      </c>
      <c r="W2193" s="47" t="s">
        <v>5331</v>
      </c>
      <c r="X2193" s="47" t="s">
        <v>5331</v>
      </c>
      <c r="Y2193" s="47" t="s">
        <v>5331</v>
      </c>
      <c r="Z2193" s="28"/>
      <c r="AA2193" s="27"/>
      <c r="AB2193" s="27"/>
      <c r="AC2193" s="27"/>
      <c r="AD2193" s="30"/>
      <c r="AE2193" s="1"/>
      <c r="AF2193" s="23" t="s">
        <v>5331</v>
      </c>
      <c r="AG2193" s="26"/>
      <c r="AH2193" s="53"/>
    </row>
    <row r="2194" spans="1:34" ht="51.6" customHeight="1" x14ac:dyDescent="0.45">
      <c r="A2194" s="23">
        <v>2188</v>
      </c>
      <c r="B2194" s="25"/>
      <c r="C2194" s="25"/>
      <c r="D2194" s="29"/>
      <c r="E2194" s="1"/>
      <c r="F2194" s="1"/>
      <c r="G2194" s="25"/>
      <c r="H2194" s="71"/>
      <c r="I2194" s="83"/>
      <c r="J2194" s="50" t="str">
        <f t="shared" si="70"/>
        <v/>
      </c>
      <c r="K2194" s="23" t="s">
        <v>7120</v>
      </c>
      <c r="L2194" s="49" t="e">
        <f>VLOOKUP(E2194&amp;F2194,団体コード!$A$1:$C$1743,3,FALSE)</f>
        <v>#N/A</v>
      </c>
      <c r="M2194" s="49" t="e">
        <f>VLOOKUP(E2194&amp;F2194,団体コード!$A$1:$C$1743,2,FALSE)</f>
        <v>#N/A</v>
      </c>
      <c r="N2194" s="51" t="e">
        <f>VLOOKUP(E2194,団体コード!$E$1:$F$48,2,FALSE)</f>
        <v>#N/A</v>
      </c>
      <c r="O2194" s="51" t="e">
        <f t="shared" si="71"/>
        <v>#N/A</v>
      </c>
      <c r="P2194" s="51">
        <v>1</v>
      </c>
      <c r="Q2194" s="51" t="s">
        <v>5341</v>
      </c>
      <c r="R2194" s="54" t="b">
        <v>1</v>
      </c>
      <c r="S2194" s="52" t="s">
        <v>7126</v>
      </c>
      <c r="T2194" s="67" t="s">
        <v>7127</v>
      </c>
      <c r="U2194" s="75" t="s">
        <v>5331</v>
      </c>
      <c r="V2194" s="47" t="s">
        <v>5331</v>
      </c>
      <c r="W2194" s="47" t="s">
        <v>5331</v>
      </c>
      <c r="X2194" s="47" t="s">
        <v>5331</v>
      </c>
      <c r="Y2194" s="47" t="s">
        <v>5331</v>
      </c>
      <c r="Z2194" s="28"/>
      <c r="AA2194" s="27"/>
      <c r="AB2194" s="27"/>
      <c r="AC2194" s="27"/>
      <c r="AD2194" s="30"/>
      <c r="AE2194" s="1"/>
      <c r="AF2194" s="23" t="s">
        <v>5331</v>
      </c>
      <c r="AG2194" s="26"/>
      <c r="AH2194" s="53"/>
    </row>
    <row r="2195" spans="1:34" ht="51.6" customHeight="1" x14ac:dyDescent="0.45">
      <c r="A2195" s="23">
        <v>2189</v>
      </c>
      <c r="B2195" s="25"/>
      <c r="C2195" s="25"/>
      <c r="D2195" s="29"/>
      <c r="E2195" s="1"/>
      <c r="F2195" s="1"/>
      <c r="G2195" s="25"/>
      <c r="H2195" s="71"/>
      <c r="I2195" s="83"/>
      <c r="J2195" s="50" t="str">
        <f t="shared" si="70"/>
        <v/>
      </c>
      <c r="K2195" s="23" t="s">
        <v>7120</v>
      </c>
      <c r="L2195" s="49" t="e">
        <f>VLOOKUP(E2195&amp;F2195,団体コード!$A$1:$C$1743,3,FALSE)</f>
        <v>#N/A</v>
      </c>
      <c r="M2195" s="49" t="e">
        <f>VLOOKUP(E2195&amp;F2195,団体コード!$A$1:$C$1743,2,FALSE)</f>
        <v>#N/A</v>
      </c>
      <c r="N2195" s="51" t="e">
        <f>VLOOKUP(E2195,団体コード!$E$1:$F$48,2,FALSE)</f>
        <v>#N/A</v>
      </c>
      <c r="O2195" s="51" t="e">
        <f t="shared" si="71"/>
        <v>#N/A</v>
      </c>
      <c r="P2195" s="51">
        <v>1</v>
      </c>
      <c r="Q2195" s="51" t="s">
        <v>5341</v>
      </c>
      <c r="R2195" s="54" t="b">
        <v>1</v>
      </c>
      <c r="S2195" s="52" t="s">
        <v>7126</v>
      </c>
      <c r="T2195" s="67" t="s">
        <v>7127</v>
      </c>
      <c r="U2195" s="75" t="s">
        <v>5331</v>
      </c>
      <c r="V2195" s="47" t="s">
        <v>5331</v>
      </c>
      <c r="W2195" s="47" t="s">
        <v>5331</v>
      </c>
      <c r="X2195" s="47" t="s">
        <v>5331</v>
      </c>
      <c r="Y2195" s="47" t="s">
        <v>5331</v>
      </c>
      <c r="Z2195" s="28"/>
      <c r="AA2195" s="27"/>
      <c r="AB2195" s="27"/>
      <c r="AC2195" s="27"/>
      <c r="AD2195" s="30"/>
      <c r="AE2195" s="1"/>
      <c r="AF2195" s="23" t="s">
        <v>5331</v>
      </c>
      <c r="AG2195" s="26"/>
      <c r="AH2195" s="53"/>
    </row>
    <row r="2196" spans="1:34" ht="51.6" customHeight="1" x14ac:dyDescent="0.45">
      <c r="A2196" s="23">
        <v>2190</v>
      </c>
      <c r="B2196" s="25"/>
      <c r="C2196" s="25"/>
      <c r="D2196" s="29"/>
      <c r="E2196" s="1"/>
      <c r="F2196" s="1"/>
      <c r="G2196" s="25"/>
      <c r="H2196" s="71"/>
      <c r="I2196" s="83"/>
      <c r="J2196" s="50" t="str">
        <f t="shared" si="70"/>
        <v/>
      </c>
      <c r="K2196" s="23" t="s">
        <v>7120</v>
      </c>
      <c r="L2196" s="49" t="e">
        <f>VLOOKUP(E2196&amp;F2196,団体コード!$A$1:$C$1743,3,FALSE)</f>
        <v>#N/A</v>
      </c>
      <c r="M2196" s="49" t="e">
        <f>VLOOKUP(E2196&amp;F2196,団体コード!$A$1:$C$1743,2,FALSE)</f>
        <v>#N/A</v>
      </c>
      <c r="N2196" s="51" t="e">
        <f>VLOOKUP(E2196,団体コード!$E$1:$F$48,2,FALSE)</f>
        <v>#N/A</v>
      </c>
      <c r="O2196" s="51" t="e">
        <f t="shared" si="71"/>
        <v>#N/A</v>
      </c>
      <c r="P2196" s="51">
        <v>1</v>
      </c>
      <c r="Q2196" s="51" t="s">
        <v>5341</v>
      </c>
      <c r="R2196" s="54" t="b">
        <v>1</v>
      </c>
      <c r="S2196" s="52" t="s">
        <v>7126</v>
      </c>
      <c r="T2196" s="67" t="s">
        <v>7127</v>
      </c>
      <c r="U2196" s="75" t="s">
        <v>5331</v>
      </c>
      <c r="V2196" s="47" t="s">
        <v>5331</v>
      </c>
      <c r="W2196" s="47" t="s">
        <v>5331</v>
      </c>
      <c r="X2196" s="47" t="s">
        <v>5331</v>
      </c>
      <c r="Y2196" s="47" t="s">
        <v>5331</v>
      </c>
      <c r="Z2196" s="28"/>
      <c r="AA2196" s="27"/>
      <c r="AB2196" s="27"/>
      <c r="AC2196" s="27"/>
      <c r="AD2196" s="30"/>
      <c r="AE2196" s="1"/>
      <c r="AF2196" s="23" t="s">
        <v>5331</v>
      </c>
      <c r="AG2196" s="26"/>
      <c r="AH2196" s="53"/>
    </row>
    <row r="2197" spans="1:34" ht="51.6" customHeight="1" x14ac:dyDescent="0.45">
      <c r="A2197" s="23">
        <v>2191</v>
      </c>
      <c r="B2197" s="25"/>
      <c r="C2197" s="25"/>
      <c r="D2197" s="29"/>
      <c r="E2197" s="1"/>
      <c r="F2197" s="1"/>
      <c r="G2197" s="25"/>
      <c r="H2197" s="71"/>
      <c r="I2197" s="83"/>
      <c r="J2197" s="50" t="str">
        <f t="shared" si="70"/>
        <v/>
      </c>
      <c r="K2197" s="23" t="s">
        <v>7120</v>
      </c>
      <c r="L2197" s="49" t="e">
        <f>VLOOKUP(E2197&amp;F2197,団体コード!$A$1:$C$1743,3,FALSE)</f>
        <v>#N/A</v>
      </c>
      <c r="M2197" s="49" t="e">
        <f>VLOOKUP(E2197&amp;F2197,団体コード!$A$1:$C$1743,2,FALSE)</f>
        <v>#N/A</v>
      </c>
      <c r="N2197" s="51" t="e">
        <f>VLOOKUP(E2197,団体コード!$E$1:$F$48,2,FALSE)</f>
        <v>#N/A</v>
      </c>
      <c r="O2197" s="51" t="e">
        <f t="shared" si="71"/>
        <v>#N/A</v>
      </c>
      <c r="P2197" s="51">
        <v>1</v>
      </c>
      <c r="Q2197" s="51" t="s">
        <v>5341</v>
      </c>
      <c r="R2197" s="54" t="b">
        <v>1</v>
      </c>
      <c r="S2197" s="52" t="s">
        <v>7126</v>
      </c>
      <c r="T2197" s="67" t="s">
        <v>7127</v>
      </c>
      <c r="U2197" s="75" t="s">
        <v>5331</v>
      </c>
      <c r="V2197" s="47" t="s">
        <v>5331</v>
      </c>
      <c r="W2197" s="47" t="s">
        <v>5331</v>
      </c>
      <c r="X2197" s="47" t="s">
        <v>5331</v>
      </c>
      <c r="Y2197" s="47" t="s">
        <v>5331</v>
      </c>
      <c r="Z2197" s="28"/>
      <c r="AA2197" s="27"/>
      <c r="AB2197" s="27"/>
      <c r="AC2197" s="27"/>
      <c r="AD2197" s="30"/>
      <c r="AE2197" s="1"/>
      <c r="AF2197" s="23" t="s">
        <v>5331</v>
      </c>
      <c r="AG2197" s="26"/>
      <c r="AH2197" s="53"/>
    </row>
    <row r="2198" spans="1:34" ht="51.6" customHeight="1" x14ac:dyDescent="0.45">
      <c r="A2198" s="23">
        <v>2192</v>
      </c>
      <c r="B2198" s="25"/>
      <c r="C2198" s="25"/>
      <c r="D2198" s="29"/>
      <c r="E2198" s="1"/>
      <c r="F2198" s="1"/>
      <c r="G2198" s="25"/>
      <c r="H2198" s="71"/>
      <c r="I2198" s="83"/>
      <c r="J2198" s="50" t="str">
        <f t="shared" si="70"/>
        <v/>
      </c>
      <c r="K2198" s="23" t="s">
        <v>7120</v>
      </c>
      <c r="L2198" s="49" t="e">
        <f>VLOOKUP(E2198&amp;F2198,団体コード!$A$1:$C$1743,3,FALSE)</f>
        <v>#N/A</v>
      </c>
      <c r="M2198" s="49" t="e">
        <f>VLOOKUP(E2198&amp;F2198,団体コード!$A$1:$C$1743,2,FALSE)</f>
        <v>#N/A</v>
      </c>
      <c r="N2198" s="51" t="e">
        <f>VLOOKUP(E2198,団体コード!$E$1:$F$48,2,FALSE)</f>
        <v>#N/A</v>
      </c>
      <c r="O2198" s="51" t="e">
        <f t="shared" si="71"/>
        <v>#N/A</v>
      </c>
      <c r="P2198" s="51">
        <v>1</v>
      </c>
      <c r="Q2198" s="51" t="s">
        <v>5341</v>
      </c>
      <c r="R2198" s="54" t="b">
        <v>1</v>
      </c>
      <c r="S2198" s="52" t="s">
        <v>7126</v>
      </c>
      <c r="T2198" s="67" t="s">
        <v>7127</v>
      </c>
      <c r="U2198" s="75" t="s">
        <v>5331</v>
      </c>
      <c r="V2198" s="47" t="s">
        <v>5331</v>
      </c>
      <c r="W2198" s="47" t="s">
        <v>5331</v>
      </c>
      <c r="X2198" s="47" t="s">
        <v>5331</v>
      </c>
      <c r="Y2198" s="47" t="s">
        <v>5331</v>
      </c>
      <c r="Z2198" s="28"/>
      <c r="AA2198" s="27"/>
      <c r="AB2198" s="27"/>
      <c r="AC2198" s="27"/>
      <c r="AD2198" s="30"/>
      <c r="AE2198" s="1"/>
      <c r="AF2198" s="23" t="s">
        <v>5331</v>
      </c>
      <c r="AG2198" s="26"/>
      <c r="AH2198" s="53"/>
    </row>
    <row r="2199" spans="1:34" ht="51.6" customHeight="1" x14ac:dyDescent="0.45">
      <c r="A2199" s="23">
        <v>2193</v>
      </c>
      <c r="B2199" s="25"/>
      <c r="C2199" s="25"/>
      <c r="D2199" s="29"/>
      <c r="E2199" s="1"/>
      <c r="F2199" s="1"/>
      <c r="G2199" s="25"/>
      <c r="H2199" s="71"/>
      <c r="I2199" s="83"/>
      <c r="J2199" s="50" t="str">
        <f t="shared" si="70"/>
        <v/>
      </c>
      <c r="K2199" s="23" t="s">
        <v>7120</v>
      </c>
      <c r="L2199" s="49" t="e">
        <f>VLOOKUP(E2199&amp;F2199,団体コード!$A$1:$C$1743,3,FALSE)</f>
        <v>#N/A</v>
      </c>
      <c r="M2199" s="49" t="e">
        <f>VLOOKUP(E2199&amp;F2199,団体コード!$A$1:$C$1743,2,FALSE)</f>
        <v>#N/A</v>
      </c>
      <c r="N2199" s="51" t="e">
        <f>VLOOKUP(E2199,団体コード!$E$1:$F$48,2,FALSE)</f>
        <v>#N/A</v>
      </c>
      <c r="O2199" s="51" t="e">
        <f t="shared" si="71"/>
        <v>#N/A</v>
      </c>
      <c r="P2199" s="51">
        <v>1</v>
      </c>
      <c r="Q2199" s="51" t="s">
        <v>5341</v>
      </c>
      <c r="R2199" s="54" t="b">
        <v>1</v>
      </c>
      <c r="S2199" s="52" t="s">
        <v>7126</v>
      </c>
      <c r="T2199" s="67" t="s">
        <v>7127</v>
      </c>
      <c r="U2199" s="75" t="s">
        <v>5331</v>
      </c>
      <c r="V2199" s="47" t="s">
        <v>5331</v>
      </c>
      <c r="W2199" s="47" t="s">
        <v>5331</v>
      </c>
      <c r="X2199" s="47" t="s">
        <v>5331</v>
      </c>
      <c r="Y2199" s="47" t="s">
        <v>5331</v>
      </c>
      <c r="Z2199" s="28"/>
      <c r="AA2199" s="27"/>
      <c r="AB2199" s="27"/>
      <c r="AC2199" s="27"/>
      <c r="AD2199" s="30"/>
      <c r="AE2199" s="1"/>
      <c r="AF2199" s="23" t="s">
        <v>5331</v>
      </c>
      <c r="AG2199" s="26"/>
      <c r="AH2199" s="53"/>
    </row>
    <row r="2200" spans="1:34" ht="51.6" customHeight="1" x14ac:dyDescent="0.45">
      <c r="A2200" s="23">
        <v>2194</v>
      </c>
      <c r="B2200" s="25"/>
      <c r="C2200" s="25"/>
      <c r="D2200" s="29"/>
      <c r="E2200" s="1"/>
      <c r="F2200" s="1"/>
      <c r="G2200" s="25"/>
      <c r="H2200" s="71"/>
      <c r="I2200" s="83"/>
      <c r="J2200" s="50" t="str">
        <f t="shared" si="70"/>
        <v/>
      </c>
      <c r="K2200" s="23" t="s">
        <v>7120</v>
      </c>
      <c r="L2200" s="49" t="e">
        <f>VLOOKUP(E2200&amp;F2200,団体コード!$A$1:$C$1743,3,FALSE)</f>
        <v>#N/A</v>
      </c>
      <c r="M2200" s="49" t="e">
        <f>VLOOKUP(E2200&amp;F2200,団体コード!$A$1:$C$1743,2,FALSE)</f>
        <v>#N/A</v>
      </c>
      <c r="N2200" s="51" t="e">
        <f>VLOOKUP(E2200,団体コード!$E$1:$F$48,2,FALSE)</f>
        <v>#N/A</v>
      </c>
      <c r="O2200" s="51" t="e">
        <f t="shared" si="71"/>
        <v>#N/A</v>
      </c>
      <c r="P2200" s="51">
        <v>1</v>
      </c>
      <c r="Q2200" s="51" t="s">
        <v>5341</v>
      </c>
      <c r="R2200" s="54" t="b">
        <v>1</v>
      </c>
      <c r="S2200" s="52" t="s">
        <v>7126</v>
      </c>
      <c r="T2200" s="67" t="s">
        <v>7127</v>
      </c>
      <c r="U2200" s="75" t="s">
        <v>5331</v>
      </c>
      <c r="V2200" s="47" t="s">
        <v>5331</v>
      </c>
      <c r="W2200" s="47" t="s">
        <v>5331</v>
      </c>
      <c r="X2200" s="47" t="s">
        <v>5331</v>
      </c>
      <c r="Y2200" s="47" t="s">
        <v>5331</v>
      </c>
      <c r="Z2200" s="28"/>
      <c r="AA2200" s="27"/>
      <c r="AB2200" s="27"/>
      <c r="AC2200" s="27"/>
      <c r="AD2200" s="30"/>
      <c r="AE2200" s="1"/>
      <c r="AF2200" s="23" t="s">
        <v>5331</v>
      </c>
      <c r="AG2200" s="26"/>
      <c r="AH2200" s="53"/>
    </row>
    <row r="2201" spans="1:34" ht="51.6" customHeight="1" x14ac:dyDescent="0.45">
      <c r="A2201" s="23">
        <v>2195</v>
      </c>
      <c r="B2201" s="25"/>
      <c r="C2201" s="25"/>
      <c r="D2201" s="29"/>
      <c r="E2201" s="1"/>
      <c r="F2201" s="1"/>
      <c r="G2201" s="25"/>
      <c r="H2201" s="71"/>
      <c r="I2201" s="83"/>
      <c r="J2201" s="50" t="str">
        <f t="shared" si="70"/>
        <v/>
      </c>
      <c r="K2201" s="23" t="s">
        <v>7120</v>
      </c>
      <c r="L2201" s="49" t="e">
        <f>VLOOKUP(E2201&amp;F2201,団体コード!$A$1:$C$1743,3,FALSE)</f>
        <v>#N/A</v>
      </c>
      <c r="M2201" s="49" t="e">
        <f>VLOOKUP(E2201&amp;F2201,団体コード!$A$1:$C$1743,2,FALSE)</f>
        <v>#N/A</v>
      </c>
      <c r="N2201" s="51" t="e">
        <f>VLOOKUP(E2201,団体コード!$E$1:$F$48,2,FALSE)</f>
        <v>#N/A</v>
      </c>
      <c r="O2201" s="51" t="e">
        <f t="shared" si="71"/>
        <v>#N/A</v>
      </c>
      <c r="P2201" s="51">
        <v>1</v>
      </c>
      <c r="Q2201" s="51" t="s">
        <v>5341</v>
      </c>
      <c r="R2201" s="54" t="b">
        <v>1</v>
      </c>
      <c r="S2201" s="52" t="s">
        <v>7126</v>
      </c>
      <c r="T2201" s="67" t="s">
        <v>7127</v>
      </c>
      <c r="U2201" s="75" t="s">
        <v>5331</v>
      </c>
      <c r="V2201" s="47" t="s">
        <v>5331</v>
      </c>
      <c r="W2201" s="47" t="s">
        <v>5331</v>
      </c>
      <c r="X2201" s="47" t="s">
        <v>5331</v>
      </c>
      <c r="Y2201" s="47" t="s">
        <v>5331</v>
      </c>
      <c r="Z2201" s="28"/>
      <c r="AA2201" s="27"/>
      <c r="AB2201" s="27"/>
      <c r="AC2201" s="27"/>
      <c r="AD2201" s="30"/>
      <c r="AE2201" s="1"/>
      <c r="AF2201" s="23" t="s">
        <v>5331</v>
      </c>
      <c r="AG2201" s="26"/>
      <c r="AH2201" s="53"/>
    </row>
    <row r="2202" spans="1:34" ht="51.6" customHeight="1" x14ac:dyDescent="0.45">
      <c r="A2202" s="23">
        <v>2196</v>
      </c>
      <c r="B2202" s="25"/>
      <c r="C2202" s="25"/>
      <c r="D2202" s="29"/>
      <c r="E2202" s="1"/>
      <c r="F2202" s="1"/>
      <c r="G2202" s="25"/>
      <c r="H2202" s="71"/>
      <c r="I2202" s="83"/>
      <c r="J2202" s="50" t="str">
        <f t="shared" si="70"/>
        <v/>
      </c>
      <c r="K2202" s="23" t="s">
        <v>7120</v>
      </c>
      <c r="L2202" s="49" t="e">
        <f>VLOOKUP(E2202&amp;F2202,団体コード!$A$1:$C$1743,3,FALSE)</f>
        <v>#N/A</v>
      </c>
      <c r="M2202" s="49" t="e">
        <f>VLOOKUP(E2202&amp;F2202,団体コード!$A$1:$C$1743,2,FALSE)</f>
        <v>#N/A</v>
      </c>
      <c r="N2202" s="51" t="e">
        <f>VLOOKUP(E2202,団体コード!$E$1:$F$48,2,FALSE)</f>
        <v>#N/A</v>
      </c>
      <c r="O2202" s="51" t="e">
        <f t="shared" si="71"/>
        <v>#N/A</v>
      </c>
      <c r="P2202" s="51">
        <v>1</v>
      </c>
      <c r="Q2202" s="51" t="s">
        <v>5341</v>
      </c>
      <c r="R2202" s="54" t="b">
        <v>1</v>
      </c>
      <c r="S2202" s="52" t="s">
        <v>7126</v>
      </c>
      <c r="T2202" s="67" t="s">
        <v>7127</v>
      </c>
      <c r="U2202" s="75" t="s">
        <v>5331</v>
      </c>
      <c r="V2202" s="47" t="s">
        <v>5331</v>
      </c>
      <c r="W2202" s="47" t="s">
        <v>5331</v>
      </c>
      <c r="X2202" s="47" t="s">
        <v>5331</v>
      </c>
      <c r="Y2202" s="47" t="s">
        <v>5331</v>
      </c>
      <c r="Z2202" s="28"/>
      <c r="AA2202" s="27"/>
      <c r="AB2202" s="27"/>
      <c r="AC2202" s="27"/>
      <c r="AD2202" s="30"/>
      <c r="AE2202" s="1"/>
      <c r="AF2202" s="23" t="s">
        <v>5331</v>
      </c>
      <c r="AG2202" s="26"/>
      <c r="AH2202" s="53"/>
    </row>
    <row r="2203" spans="1:34" ht="51.6" customHeight="1" x14ac:dyDescent="0.45">
      <c r="A2203" s="23">
        <v>2197</v>
      </c>
      <c r="B2203" s="25"/>
      <c r="C2203" s="25"/>
      <c r="D2203" s="29"/>
      <c r="E2203" s="1"/>
      <c r="F2203" s="1"/>
      <c r="G2203" s="25"/>
      <c r="H2203" s="71"/>
      <c r="I2203" s="83"/>
      <c r="J2203" s="50" t="str">
        <f t="shared" si="70"/>
        <v/>
      </c>
      <c r="K2203" s="23" t="s">
        <v>7120</v>
      </c>
      <c r="L2203" s="49" t="e">
        <f>VLOOKUP(E2203&amp;F2203,団体コード!$A$1:$C$1743,3,FALSE)</f>
        <v>#N/A</v>
      </c>
      <c r="M2203" s="49" t="e">
        <f>VLOOKUP(E2203&amp;F2203,団体コード!$A$1:$C$1743,2,FALSE)</f>
        <v>#N/A</v>
      </c>
      <c r="N2203" s="51" t="e">
        <f>VLOOKUP(E2203,団体コード!$E$1:$F$48,2,FALSE)</f>
        <v>#N/A</v>
      </c>
      <c r="O2203" s="51" t="e">
        <f t="shared" si="71"/>
        <v>#N/A</v>
      </c>
      <c r="P2203" s="51">
        <v>1</v>
      </c>
      <c r="Q2203" s="51" t="s">
        <v>5341</v>
      </c>
      <c r="R2203" s="54" t="b">
        <v>1</v>
      </c>
      <c r="S2203" s="52" t="s">
        <v>7126</v>
      </c>
      <c r="T2203" s="67" t="s">
        <v>7127</v>
      </c>
      <c r="U2203" s="75" t="s">
        <v>5331</v>
      </c>
      <c r="V2203" s="47" t="s">
        <v>5331</v>
      </c>
      <c r="W2203" s="47" t="s">
        <v>5331</v>
      </c>
      <c r="X2203" s="47" t="s">
        <v>5331</v>
      </c>
      <c r="Y2203" s="47" t="s">
        <v>5331</v>
      </c>
      <c r="Z2203" s="28"/>
      <c r="AA2203" s="27"/>
      <c r="AB2203" s="27"/>
      <c r="AC2203" s="27"/>
      <c r="AD2203" s="30"/>
      <c r="AE2203" s="1"/>
      <c r="AF2203" s="23" t="s">
        <v>5331</v>
      </c>
      <c r="AG2203" s="26"/>
      <c r="AH2203" s="53"/>
    </row>
    <row r="2204" spans="1:34" ht="51.6" customHeight="1" x14ac:dyDescent="0.45">
      <c r="A2204" s="23">
        <v>2198</v>
      </c>
      <c r="B2204" s="25"/>
      <c r="C2204" s="25"/>
      <c r="D2204" s="29"/>
      <c r="E2204" s="1"/>
      <c r="F2204" s="1"/>
      <c r="G2204" s="25"/>
      <c r="H2204" s="71"/>
      <c r="I2204" s="83"/>
      <c r="J2204" s="50" t="str">
        <f t="shared" si="70"/>
        <v/>
      </c>
      <c r="K2204" s="23" t="s">
        <v>7120</v>
      </c>
      <c r="L2204" s="49" t="e">
        <f>VLOOKUP(E2204&amp;F2204,団体コード!$A$1:$C$1743,3,FALSE)</f>
        <v>#N/A</v>
      </c>
      <c r="M2204" s="49" t="e">
        <f>VLOOKUP(E2204&amp;F2204,団体コード!$A$1:$C$1743,2,FALSE)</f>
        <v>#N/A</v>
      </c>
      <c r="N2204" s="51" t="e">
        <f>VLOOKUP(E2204,団体コード!$E$1:$F$48,2,FALSE)</f>
        <v>#N/A</v>
      </c>
      <c r="O2204" s="51" t="e">
        <f t="shared" si="71"/>
        <v>#N/A</v>
      </c>
      <c r="P2204" s="51">
        <v>1</v>
      </c>
      <c r="Q2204" s="51" t="s">
        <v>5341</v>
      </c>
      <c r="R2204" s="54" t="b">
        <v>1</v>
      </c>
      <c r="S2204" s="52" t="s">
        <v>7126</v>
      </c>
      <c r="T2204" s="67" t="s">
        <v>7127</v>
      </c>
      <c r="U2204" s="75" t="s">
        <v>5331</v>
      </c>
      <c r="V2204" s="47" t="s">
        <v>5331</v>
      </c>
      <c r="W2204" s="47" t="s">
        <v>5331</v>
      </c>
      <c r="X2204" s="47" t="s">
        <v>5331</v>
      </c>
      <c r="Y2204" s="47" t="s">
        <v>5331</v>
      </c>
      <c r="Z2204" s="28"/>
      <c r="AA2204" s="27"/>
      <c r="AB2204" s="27"/>
      <c r="AC2204" s="27"/>
      <c r="AD2204" s="30"/>
      <c r="AE2204" s="1"/>
      <c r="AF2204" s="23" t="s">
        <v>5331</v>
      </c>
      <c r="AG2204" s="26"/>
      <c r="AH2204" s="53"/>
    </row>
    <row r="2205" spans="1:34" ht="51.6" customHeight="1" x14ac:dyDescent="0.45">
      <c r="A2205" s="23">
        <v>2199</v>
      </c>
      <c r="B2205" s="25"/>
      <c r="C2205" s="25"/>
      <c r="D2205" s="29"/>
      <c r="E2205" s="1"/>
      <c r="F2205" s="1"/>
      <c r="G2205" s="25"/>
      <c r="H2205" s="71"/>
      <c r="I2205" s="83"/>
      <c r="J2205" s="50" t="str">
        <f t="shared" si="70"/>
        <v/>
      </c>
      <c r="K2205" s="23" t="s">
        <v>7120</v>
      </c>
      <c r="L2205" s="49" t="e">
        <f>VLOOKUP(E2205&amp;F2205,団体コード!$A$1:$C$1743,3,FALSE)</f>
        <v>#N/A</v>
      </c>
      <c r="M2205" s="49" t="e">
        <f>VLOOKUP(E2205&amp;F2205,団体コード!$A$1:$C$1743,2,FALSE)</f>
        <v>#N/A</v>
      </c>
      <c r="N2205" s="51" t="e">
        <f>VLOOKUP(E2205,団体コード!$E$1:$F$48,2,FALSE)</f>
        <v>#N/A</v>
      </c>
      <c r="O2205" s="51" t="e">
        <f t="shared" si="71"/>
        <v>#N/A</v>
      </c>
      <c r="P2205" s="51">
        <v>1</v>
      </c>
      <c r="Q2205" s="51" t="s">
        <v>5341</v>
      </c>
      <c r="R2205" s="54" t="b">
        <v>1</v>
      </c>
      <c r="S2205" s="52" t="s">
        <v>7126</v>
      </c>
      <c r="T2205" s="67" t="s">
        <v>7127</v>
      </c>
      <c r="U2205" s="75" t="s">
        <v>5331</v>
      </c>
      <c r="V2205" s="47" t="s">
        <v>5331</v>
      </c>
      <c r="W2205" s="47" t="s">
        <v>5331</v>
      </c>
      <c r="X2205" s="47" t="s">
        <v>5331</v>
      </c>
      <c r="Y2205" s="47" t="s">
        <v>5331</v>
      </c>
      <c r="Z2205" s="28"/>
      <c r="AA2205" s="27"/>
      <c r="AB2205" s="27"/>
      <c r="AC2205" s="27"/>
      <c r="AD2205" s="30"/>
      <c r="AE2205" s="1"/>
      <c r="AF2205" s="23" t="s">
        <v>5331</v>
      </c>
      <c r="AG2205" s="26"/>
      <c r="AH2205" s="53"/>
    </row>
    <row r="2206" spans="1:34" ht="51.6" customHeight="1" x14ac:dyDescent="0.45">
      <c r="A2206" s="23">
        <v>2200</v>
      </c>
      <c r="B2206" s="25"/>
      <c r="C2206" s="25"/>
      <c r="D2206" s="29"/>
      <c r="E2206" s="1"/>
      <c r="F2206" s="1"/>
      <c r="G2206" s="25"/>
      <c r="H2206" s="71"/>
      <c r="I2206" s="83"/>
      <c r="J2206" s="50" t="str">
        <f t="shared" si="70"/>
        <v/>
      </c>
      <c r="K2206" s="23" t="s">
        <v>7120</v>
      </c>
      <c r="L2206" s="49" t="e">
        <f>VLOOKUP(E2206&amp;F2206,団体コード!$A$1:$C$1743,3,FALSE)</f>
        <v>#N/A</v>
      </c>
      <c r="M2206" s="49" t="e">
        <f>VLOOKUP(E2206&amp;F2206,団体コード!$A$1:$C$1743,2,FALSE)</f>
        <v>#N/A</v>
      </c>
      <c r="N2206" s="51" t="e">
        <f>VLOOKUP(E2206,団体コード!$E$1:$F$48,2,FALSE)</f>
        <v>#N/A</v>
      </c>
      <c r="O2206" s="51" t="e">
        <f t="shared" si="71"/>
        <v>#N/A</v>
      </c>
      <c r="P2206" s="51">
        <v>1</v>
      </c>
      <c r="Q2206" s="51" t="s">
        <v>5341</v>
      </c>
      <c r="R2206" s="54" t="b">
        <v>1</v>
      </c>
      <c r="S2206" s="52" t="s">
        <v>7126</v>
      </c>
      <c r="T2206" s="67" t="s">
        <v>7127</v>
      </c>
      <c r="U2206" s="75" t="s">
        <v>5331</v>
      </c>
      <c r="V2206" s="47" t="s">
        <v>5331</v>
      </c>
      <c r="W2206" s="47" t="s">
        <v>5331</v>
      </c>
      <c r="X2206" s="47" t="s">
        <v>5331</v>
      </c>
      <c r="Y2206" s="47" t="s">
        <v>5331</v>
      </c>
      <c r="Z2206" s="28"/>
      <c r="AA2206" s="27"/>
      <c r="AB2206" s="27"/>
      <c r="AC2206" s="27"/>
      <c r="AD2206" s="30"/>
      <c r="AE2206" s="1"/>
      <c r="AF2206" s="23" t="s">
        <v>5331</v>
      </c>
      <c r="AG2206" s="26"/>
      <c r="AH2206" s="53"/>
    </row>
    <row r="2207" spans="1:34" ht="51.6" customHeight="1" x14ac:dyDescent="0.45">
      <c r="A2207" s="23">
        <v>2201</v>
      </c>
      <c r="B2207" s="25"/>
      <c r="C2207" s="25"/>
      <c r="D2207" s="29"/>
      <c r="E2207" s="1"/>
      <c r="F2207" s="1"/>
      <c r="G2207" s="25"/>
      <c r="H2207" s="71"/>
      <c r="I2207" s="83"/>
      <c r="J2207" s="50" t="str">
        <f t="shared" si="70"/>
        <v/>
      </c>
      <c r="K2207" s="23" t="s">
        <v>7120</v>
      </c>
      <c r="L2207" s="49" t="e">
        <f>VLOOKUP(E2207&amp;F2207,団体コード!$A$1:$C$1743,3,FALSE)</f>
        <v>#N/A</v>
      </c>
      <c r="M2207" s="49" t="e">
        <f>VLOOKUP(E2207&amp;F2207,団体コード!$A$1:$C$1743,2,FALSE)</f>
        <v>#N/A</v>
      </c>
      <c r="N2207" s="51" t="e">
        <f>VLOOKUP(E2207,団体コード!$E$1:$F$48,2,FALSE)</f>
        <v>#N/A</v>
      </c>
      <c r="O2207" s="51" t="e">
        <f t="shared" si="71"/>
        <v>#N/A</v>
      </c>
      <c r="P2207" s="51">
        <v>1</v>
      </c>
      <c r="Q2207" s="51" t="s">
        <v>5341</v>
      </c>
      <c r="R2207" s="54" t="b">
        <v>1</v>
      </c>
      <c r="S2207" s="52" t="s">
        <v>7126</v>
      </c>
      <c r="T2207" s="67" t="s">
        <v>7127</v>
      </c>
      <c r="U2207" s="75" t="s">
        <v>5331</v>
      </c>
      <c r="V2207" s="47" t="s">
        <v>5331</v>
      </c>
      <c r="W2207" s="47" t="s">
        <v>5331</v>
      </c>
      <c r="X2207" s="47" t="s">
        <v>5331</v>
      </c>
      <c r="Y2207" s="47" t="s">
        <v>5331</v>
      </c>
      <c r="Z2207" s="28"/>
      <c r="AA2207" s="27"/>
      <c r="AB2207" s="27"/>
      <c r="AC2207" s="27"/>
      <c r="AD2207" s="30"/>
      <c r="AE2207" s="1"/>
      <c r="AF2207" s="23" t="s">
        <v>5331</v>
      </c>
      <c r="AG2207" s="26"/>
      <c r="AH2207" s="53"/>
    </row>
    <row r="2208" spans="1:34" ht="51.6" customHeight="1" x14ac:dyDescent="0.45">
      <c r="A2208" s="23">
        <v>2202</v>
      </c>
      <c r="B2208" s="25"/>
      <c r="C2208" s="25"/>
      <c r="D2208" s="29"/>
      <c r="E2208" s="1"/>
      <c r="F2208" s="1"/>
      <c r="G2208" s="25"/>
      <c r="H2208" s="71"/>
      <c r="I2208" s="83"/>
      <c r="J2208" s="50" t="str">
        <f t="shared" si="70"/>
        <v/>
      </c>
      <c r="K2208" s="23" t="s">
        <v>7120</v>
      </c>
      <c r="L2208" s="49" t="e">
        <f>VLOOKUP(E2208&amp;F2208,団体コード!$A$1:$C$1743,3,FALSE)</f>
        <v>#N/A</v>
      </c>
      <c r="M2208" s="49" t="e">
        <f>VLOOKUP(E2208&amp;F2208,団体コード!$A$1:$C$1743,2,FALSE)</f>
        <v>#N/A</v>
      </c>
      <c r="N2208" s="51" t="e">
        <f>VLOOKUP(E2208,団体コード!$E$1:$F$48,2,FALSE)</f>
        <v>#N/A</v>
      </c>
      <c r="O2208" s="51" t="e">
        <f t="shared" si="71"/>
        <v>#N/A</v>
      </c>
      <c r="P2208" s="51">
        <v>1</v>
      </c>
      <c r="Q2208" s="51" t="s">
        <v>5341</v>
      </c>
      <c r="R2208" s="54" t="b">
        <v>1</v>
      </c>
      <c r="S2208" s="52" t="s">
        <v>7126</v>
      </c>
      <c r="T2208" s="67" t="s">
        <v>7127</v>
      </c>
      <c r="U2208" s="75" t="s">
        <v>5331</v>
      </c>
      <c r="V2208" s="47" t="s">
        <v>5331</v>
      </c>
      <c r="W2208" s="47" t="s">
        <v>5331</v>
      </c>
      <c r="X2208" s="47" t="s">
        <v>5331</v>
      </c>
      <c r="Y2208" s="47" t="s">
        <v>5331</v>
      </c>
      <c r="Z2208" s="28"/>
      <c r="AA2208" s="27"/>
      <c r="AB2208" s="27"/>
      <c r="AC2208" s="27"/>
      <c r="AD2208" s="30"/>
      <c r="AE2208" s="1"/>
      <c r="AF2208" s="23" t="s">
        <v>5331</v>
      </c>
      <c r="AG2208" s="26"/>
      <c r="AH2208" s="53"/>
    </row>
    <row r="2209" spans="1:34" ht="51.6" customHeight="1" x14ac:dyDescent="0.45">
      <c r="A2209" s="23">
        <v>2203</v>
      </c>
      <c r="B2209" s="25"/>
      <c r="C2209" s="25"/>
      <c r="D2209" s="29"/>
      <c r="E2209" s="1"/>
      <c r="F2209" s="1"/>
      <c r="G2209" s="25"/>
      <c r="H2209" s="71"/>
      <c r="I2209" s="83"/>
      <c r="J2209" s="50" t="str">
        <f t="shared" si="70"/>
        <v/>
      </c>
      <c r="K2209" s="23" t="s">
        <v>7120</v>
      </c>
      <c r="L2209" s="49" t="e">
        <f>VLOOKUP(E2209&amp;F2209,団体コード!$A$1:$C$1743,3,FALSE)</f>
        <v>#N/A</v>
      </c>
      <c r="M2209" s="49" t="e">
        <f>VLOOKUP(E2209&amp;F2209,団体コード!$A$1:$C$1743,2,FALSE)</f>
        <v>#N/A</v>
      </c>
      <c r="N2209" s="51" t="e">
        <f>VLOOKUP(E2209,団体コード!$E$1:$F$48,2,FALSE)</f>
        <v>#N/A</v>
      </c>
      <c r="O2209" s="51" t="e">
        <f t="shared" si="71"/>
        <v>#N/A</v>
      </c>
      <c r="P2209" s="51">
        <v>1</v>
      </c>
      <c r="Q2209" s="51" t="s">
        <v>5341</v>
      </c>
      <c r="R2209" s="54" t="b">
        <v>1</v>
      </c>
      <c r="S2209" s="52" t="s">
        <v>7126</v>
      </c>
      <c r="T2209" s="67" t="s">
        <v>7127</v>
      </c>
      <c r="U2209" s="75" t="s">
        <v>5331</v>
      </c>
      <c r="V2209" s="47" t="s">
        <v>5331</v>
      </c>
      <c r="W2209" s="47" t="s">
        <v>5331</v>
      </c>
      <c r="X2209" s="47" t="s">
        <v>5331</v>
      </c>
      <c r="Y2209" s="47" t="s">
        <v>5331</v>
      </c>
      <c r="Z2209" s="28"/>
      <c r="AA2209" s="27"/>
      <c r="AB2209" s="27"/>
      <c r="AC2209" s="27"/>
      <c r="AD2209" s="30"/>
      <c r="AE2209" s="1"/>
      <c r="AF2209" s="23" t="s">
        <v>5331</v>
      </c>
      <c r="AG2209" s="26"/>
      <c r="AH2209" s="53"/>
    </row>
    <row r="2210" spans="1:34" ht="51.6" customHeight="1" x14ac:dyDescent="0.45">
      <c r="A2210" s="23">
        <v>2204</v>
      </c>
      <c r="B2210" s="25"/>
      <c r="C2210" s="25"/>
      <c r="D2210" s="29"/>
      <c r="E2210" s="1"/>
      <c r="F2210" s="1"/>
      <c r="G2210" s="25"/>
      <c r="H2210" s="71"/>
      <c r="I2210" s="83"/>
      <c r="J2210" s="50" t="str">
        <f t="shared" si="70"/>
        <v/>
      </c>
      <c r="K2210" s="23" t="s">
        <v>7120</v>
      </c>
      <c r="L2210" s="49" t="e">
        <f>VLOOKUP(E2210&amp;F2210,団体コード!$A$1:$C$1743,3,FALSE)</f>
        <v>#N/A</v>
      </c>
      <c r="M2210" s="49" t="e">
        <f>VLOOKUP(E2210&amp;F2210,団体コード!$A$1:$C$1743,2,FALSE)</f>
        <v>#N/A</v>
      </c>
      <c r="N2210" s="51" t="e">
        <f>VLOOKUP(E2210,団体コード!$E$1:$F$48,2,FALSE)</f>
        <v>#N/A</v>
      </c>
      <c r="O2210" s="51" t="e">
        <f t="shared" si="71"/>
        <v>#N/A</v>
      </c>
      <c r="P2210" s="51">
        <v>1</v>
      </c>
      <c r="Q2210" s="51" t="s">
        <v>5341</v>
      </c>
      <c r="R2210" s="54" t="b">
        <v>1</v>
      </c>
      <c r="S2210" s="52" t="s">
        <v>7126</v>
      </c>
      <c r="T2210" s="67" t="s">
        <v>7127</v>
      </c>
      <c r="U2210" s="75" t="s">
        <v>5331</v>
      </c>
      <c r="V2210" s="47" t="s">
        <v>5331</v>
      </c>
      <c r="W2210" s="47" t="s">
        <v>5331</v>
      </c>
      <c r="X2210" s="47" t="s">
        <v>5331</v>
      </c>
      <c r="Y2210" s="47" t="s">
        <v>5331</v>
      </c>
      <c r="Z2210" s="28"/>
      <c r="AA2210" s="27"/>
      <c r="AB2210" s="27"/>
      <c r="AC2210" s="27"/>
      <c r="AD2210" s="30"/>
      <c r="AE2210" s="1"/>
      <c r="AF2210" s="23" t="s">
        <v>5331</v>
      </c>
      <c r="AG2210" s="26"/>
      <c r="AH2210" s="53"/>
    </row>
    <row r="2211" spans="1:34" ht="51.6" customHeight="1" x14ac:dyDescent="0.45">
      <c r="A2211" s="23">
        <v>2205</v>
      </c>
      <c r="B2211" s="25"/>
      <c r="C2211" s="25"/>
      <c r="D2211" s="29"/>
      <c r="E2211" s="1"/>
      <c r="F2211" s="1"/>
      <c r="G2211" s="25"/>
      <c r="H2211" s="71"/>
      <c r="I2211" s="83"/>
      <c r="J2211" s="50" t="str">
        <f t="shared" si="70"/>
        <v/>
      </c>
      <c r="K2211" s="23" t="s">
        <v>7120</v>
      </c>
      <c r="L2211" s="49" t="e">
        <f>VLOOKUP(E2211&amp;F2211,団体コード!$A$1:$C$1743,3,FALSE)</f>
        <v>#N/A</v>
      </c>
      <c r="M2211" s="49" t="e">
        <f>VLOOKUP(E2211&amp;F2211,団体コード!$A$1:$C$1743,2,FALSE)</f>
        <v>#N/A</v>
      </c>
      <c r="N2211" s="51" t="e">
        <f>VLOOKUP(E2211,団体コード!$E$1:$F$48,2,FALSE)</f>
        <v>#N/A</v>
      </c>
      <c r="O2211" s="51" t="e">
        <f t="shared" si="71"/>
        <v>#N/A</v>
      </c>
      <c r="P2211" s="51">
        <v>1</v>
      </c>
      <c r="Q2211" s="51" t="s">
        <v>5341</v>
      </c>
      <c r="R2211" s="54" t="b">
        <v>1</v>
      </c>
      <c r="S2211" s="52" t="s">
        <v>7126</v>
      </c>
      <c r="T2211" s="67" t="s">
        <v>7127</v>
      </c>
      <c r="U2211" s="75" t="s">
        <v>5331</v>
      </c>
      <c r="V2211" s="47" t="s">
        <v>5331</v>
      </c>
      <c r="W2211" s="47" t="s">
        <v>5331</v>
      </c>
      <c r="X2211" s="47" t="s">
        <v>5331</v>
      </c>
      <c r="Y2211" s="47" t="s">
        <v>5331</v>
      </c>
      <c r="Z2211" s="28"/>
      <c r="AA2211" s="27"/>
      <c r="AB2211" s="27"/>
      <c r="AC2211" s="27"/>
      <c r="AD2211" s="30"/>
      <c r="AE2211" s="1"/>
      <c r="AF2211" s="23" t="s">
        <v>5331</v>
      </c>
      <c r="AG2211" s="26"/>
      <c r="AH2211" s="53"/>
    </row>
    <row r="2212" spans="1:34" ht="51.6" customHeight="1" x14ac:dyDescent="0.45">
      <c r="A2212" s="23">
        <v>2206</v>
      </c>
      <c r="B2212" s="25"/>
      <c r="C2212" s="25"/>
      <c r="D2212" s="29"/>
      <c r="E2212" s="1"/>
      <c r="F2212" s="1"/>
      <c r="G2212" s="25"/>
      <c r="H2212" s="71"/>
      <c r="I2212" s="83"/>
      <c r="J2212" s="50" t="str">
        <f t="shared" si="70"/>
        <v/>
      </c>
      <c r="K2212" s="23" t="s">
        <v>7120</v>
      </c>
      <c r="L2212" s="49" t="e">
        <f>VLOOKUP(E2212&amp;F2212,団体コード!$A$1:$C$1743,3,FALSE)</f>
        <v>#N/A</v>
      </c>
      <c r="M2212" s="49" t="e">
        <f>VLOOKUP(E2212&amp;F2212,団体コード!$A$1:$C$1743,2,FALSE)</f>
        <v>#N/A</v>
      </c>
      <c r="N2212" s="51" t="e">
        <f>VLOOKUP(E2212,団体コード!$E$1:$F$48,2,FALSE)</f>
        <v>#N/A</v>
      </c>
      <c r="O2212" s="51" t="e">
        <f t="shared" si="71"/>
        <v>#N/A</v>
      </c>
      <c r="P2212" s="51">
        <v>1</v>
      </c>
      <c r="Q2212" s="51" t="s">
        <v>5341</v>
      </c>
      <c r="R2212" s="54" t="b">
        <v>1</v>
      </c>
      <c r="S2212" s="52" t="s">
        <v>7126</v>
      </c>
      <c r="T2212" s="67" t="s">
        <v>7127</v>
      </c>
      <c r="U2212" s="75" t="s">
        <v>5331</v>
      </c>
      <c r="V2212" s="47" t="s">
        <v>5331</v>
      </c>
      <c r="W2212" s="47" t="s">
        <v>5331</v>
      </c>
      <c r="X2212" s="47" t="s">
        <v>5331</v>
      </c>
      <c r="Y2212" s="47" t="s">
        <v>5331</v>
      </c>
      <c r="Z2212" s="28"/>
      <c r="AA2212" s="27"/>
      <c r="AB2212" s="27"/>
      <c r="AC2212" s="27"/>
      <c r="AD2212" s="30"/>
      <c r="AE2212" s="1"/>
      <c r="AF2212" s="23" t="s">
        <v>5331</v>
      </c>
      <c r="AG2212" s="26"/>
      <c r="AH2212" s="53"/>
    </row>
    <row r="2213" spans="1:34" ht="51.6" customHeight="1" x14ac:dyDescent="0.45">
      <c r="A2213" s="23">
        <v>2207</v>
      </c>
      <c r="B2213" s="25"/>
      <c r="C2213" s="25"/>
      <c r="D2213" s="29"/>
      <c r="E2213" s="1"/>
      <c r="F2213" s="1"/>
      <c r="G2213" s="25"/>
      <c r="H2213" s="71"/>
      <c r="I2213" s="83"/>
      <c r="J2213" s="50" t="str">
        <f t="shared" si="70"/>
        <v/>
      </c>
      <c r="K2213" s="23" t="s">
        <v>7120</v>
      </c>
      <c r="L2213" s="49" t="e">
        <f>VLOOKUP(E2213&amp;F2213,団体コード!$A$1:$C$1743,3,FALSE)</f>
        <v>#N/A</v>
      </c>
      <c r="M2213" s="49" t="e">
        <f>VLOOKUP(E2213&amp;F2213,団体コード!$A$1:$C$1743,2,FALSE)</f>
        <v>#N/A</v>
      </c>
      <c r="N2213" s="51" t="e">
        <f>VLOOKUP(E2213,団体コード!$E$1:$F$48,2,FALSE)</f>
        <v>#N/A</v>
      </c>
      <c r="O2213" s="51" t="e">
        <f t="shared" si="71"/>
        <v>#N/A</v>
      </c>
      <c r="P2213" s="51">
        <v>1</v>
      </c>
      <c r="Q2213" s="51" t="s">
        <v>5341</v>
      </c>
      <c r="R2213" s="54" t="b">
        <v>1</v>
      </c>
      <c r="S2213" s="52" t="s">
        <v>7126</v>
      </c>
      <c r="T2213" s="67" t="s">
        <v>7127</v>
      </c>
      <c r="U2213" s="75" t="s">
        <v>5331</v>
      </c>
      <c r="V2213" s="47" t="s">
        <v>5331</v>
      </c>
      <c r="W2213" s="47" t="s">
        <v>5331</v>
      </c>
      <c r="X2213" s="47" t="s">
        <v>5331</v>
      </c>
      <c r="Y2213" s="47" t="s">
        <v>5331</v>
      </c>
      <c r="Z2213" s="28"/>
      <c r="AA2213" s="27"/>
      <c r="AB2213" s="27"/>
      <c r="AC2213" s="27"/>
      <c r="AD2213" s="30"/>
      <c r="AE2213" s="1"/>
      <c r="AF2213" s="23" t="s">
        <v>5331</v>
      </c>
      <c r="AG2213" s="26"/>
      <c r="AH2213" s="53"/>
    </row>
    <row r="2214" spans="1:34" ht="51.6" customHeight="1" x14ac:dyDescent="0.45">
      <c r="A2214" s="23">
        <v>2208</v>
      </c>
      <c r="B2214" s="25"/>
      <c r="C2214" s="25"/>
      <c r="D2214" s="29"/>
      <c r="E2214" s="1"/>
      <c r="F2214" s="1"/>
      <c r="G2214" s="25"/>
      <c r="H2214" s="71"/>
      <c r="I2214" s="83"/>
      <c r="J2214" s="50" t="str">
        <f t="shared" si="70"/>
        <v/>
      </c>
      <c r="K2214" s="23" t="s">
        <v>7120</v>
      </c>
      <c r="L2214" s="49" t="e">
        <f>VLOOKUP(E2214&amp;F2214,団体コード!$A$1:$C$1743,3,FALSE)</f>
        <v>#N/A</v>
      </c>
      <c r="M2214" s="49" t="e">
        <f>VLOOKUP(E2214&amp;F2214,団体コード!$A$1:$C$1743,2,FALSE)</f>
        <v>#N/A</v>
      </c>
      <c r="N2214" s="51" t="e">
        <f>VLOOKUP(E2214,団体コード!$E$1:$F$48,2,FALSE)</f>
        <v>#N/A</v>
      </c>
      <c r="O2214" s="51" t="e">
        <f t="shared" si="71"/>
        <v>#N/A</v>
      </c>
      <c r="P2214" s="51">
        <v>1</v>
      </c>
      <c r="Q2214" s="51" t="s">
        <v>5341</v>
      </c>
      <c r="R2214" s="54" t="b">
        <v>1</v>
      </c>
      <c r="S2214" s="52" t="s">
        <v>7126</v>
      </c>
      <c r="T2214" s="67" t="s">
        <v>7127</v>
      </c>
      <c r="U2214" s="75" t="s">
        <v>5331</v>
      </c>
      <c r="V2214" s="47" t="s">
        <v>5331</v>
      </c>
      <c r="W2214" s="47" t="s">
        <v>5331</v>
      </c>
      <c r="X2214" s="47" t="s">
        <v>5331</v>
      </c>
      <c r="Y2214" s="47" t="s">
        <v>5331</v>
      </c>
      <c r="Z2214" s="28"/>
      <c r="AA2214" s="27"/>
      <c r="AB2214" s="27"/>
      <c r="AC2214" s="27"/>
      <c r="AD2214" s="30"/>
      <c r="AE2214" s="1"/>
      <c r="AF2214" s="23" t="s">
        <v>5331</v>
      </c>
      <c r="AG2214" s="26"/>
      <c r="AH2214" s="53"/>
    </row>
    <row r="2215" spans="1:34" ht="51.6" customHeight="1" x14ac:dyDescent="0.45">
      <c r="A2215" s="23">
        <v>2209</v>
      </c>
      <c r="B2215" s="25"/>
      <c r="C2215" s="25"/>
      <c r="D2215" s="29"/>
      <c r="E2215" s="1"/>
      <c r="F2215" s="1"/>
      <c r="G2215" s="25"/>
      <c r="H2215" s="71"/>
      <c r="I2215" s="83"/>
      <c r="J2215" s="50" t="str">
        <f t="shared" si="70"/>
        <v/>
      </c>
      <c r="K2215" s="23" t="s">
        <v>7120</v>
      </c>
      <c r="L2215" s="49" t="e">
        <f>VLOOKUP(E2215&amp;F2215,団体コード!$A$1:$C$1743,3,FALSE)</f>
        <v>#N/A</v>
      </c>
      <c r="M2215" s="49" t="e">
        <f>VLOOKUP(E2215&amp;F2215,団体コード!$A$1:$C$1743,2,FALSE)</f>
        <v>#N/A</v>
      </c>
      <c r="N2215" s="51" t="e">
        <f>VLOOKUP(E2215,団体コード!$E$1:$F$48,2,FALSE)</f>
        <v>#N/A</v>
      </c>
      <c r="O2215" s="51" t="e">
        <f t="shared" si="71"/>
        <v>#N/A</v>
      </c>
      <c r="P2215" s="51">
        <v>1</v>
      </c>
      <c r="Q2215" s="51" t="s">
        <v>5341</v>
      </c>
      <c r="R2215" s="54" t="b">
        <v>1</v>
      </c>
      <c r="S2215" s="52" t="s">
        <v>7126</v>
      </c>
      <c r="T2215" s="67" t="s">
        <v>7127</v>
      </c>
      <c r="U2215" s="75" t="s">
        <v>5331</v>
      </c>
      <c r="V2215" s="47" t="s">
        <v>5331</v>
      </c>
      <c r="W2215" s="47" t="s">
        <v>5331</v>
      </c>
      <c r="X2215" s="47" t="s">
        <v>5331</v>
      </c>
      <c r="Y2215" s="47" t="s">
        <v>5331</v>
      </c>
      <c r="Z2215" s="28"/>
      <c r="AA2215" s="27"/>
      <c r="AB2215" s="27"/>
      <c r="AC2215" s="27"/>
      <c r="AD2215" s="30"/>
      <c r="AE2215" s="1"/>
      <c r="AF2215" s="23" t="s">
        <v>5331</v>
      </c>
      <c r="AG2215" s="26"/>
      <c r="AH2215" s="53"/>
    </row>
    <row r="2216" spans="1:34" ht="51.6" customHeight="1" x14ac:dyDescent="0.45">
      <c r="A2216" s="23">
        <v>2210</v>
      </c>
      <c r="B2216" s="25"/>
      <c r="C2216" s="25"/>
      <c r="D2216" s="29"/>
      <c r="E2216" s="1"/>
      <c r="F2216" s="1"/>
      <c r="G2216" s="25"/>
      <c r="H2216" s="71"/>
      <c r="I2216" s="83"/>
      <c r="J2216" s="50" t="str">
        <f t="shared" si="70"/>
        <v/>
      </c>
      <c r="K2216" s="23" t="s">
        <v>7120</v>
      </c>
      <c r="L2216" s="49" t="e">
        <f>VLOOKUP(E2216&amp;F2216,団体コード!$A$1:$C$1743,3,FALSE)</f>
        <v>#N/A</v>
      </c>
      <c r="M2216" s="49" t="e">
        <f>VLOOKUP(E2216&amp;F2216,団体コード!$A$1:$C$1743,2,FALSE)</f>
        <v>#N/A</v>
      </c>
      <c r="N2216" s="51" t="e">
        <f>VLOOKUP(E2216,団体コード!$E$1:$F$48,2,FALSE)</f>
        <v>#N/A</v>
      </c>
      <c r="O2216" s="51" t="e">
        <f t="shared" si="71"/>
        <v>#N/A</v>
      </c>
      <c r="P2216" s="51">
        <v>1</v>
      </c>
      <c r="Q2216" s="51" t="s">
        <v>5341</v>
      </c>
      <c r="R2216" s="54" t="b">
        <v>1</v>
      </c>
      <c r="S2216" s="52" t="s">
        <v>7126</v>
      </c>
      <c r="T2216" s="67" t="s">
        <v>7127</v>
      </c>
      <c r="U2216" s="75" t="s">
        <v>5331</v>
      </c>
      <c r="V2216" s="47" t="s">
        <v>5331</v>
      </c>
      <c r="W2216" s="47" t="s">
        <v>5331</v>
      </c>
      <c r="X2216" s="47" t="s">
        <v>5331</v>
      </c>
      <c r="Y2216" s="47" t="s">
        <v>5331</v>
      </c>
      <c r="Z2216" s="28"/>
      <c r="AA2216" s="27"/>
      <c r="AB2216" s="27"/>
      <c r="AC2216" s="27"/>
      <c r="AD2216" s="30"/>
      <c r="AE2216" s="1"/>
      <c r="AF2216" s="23" t="s">
        <v>5331</v>
      </c>
      <c r="AG2216" s="26"/>
      <c r="AH2216" s="53"/>
    </row>
    <row r="2217" spans="1:34" ht="51.6" customHeight="1" x14ac:dyDescent="0.45">
      <c r="A2217" s="23">
        <v>2211</v>
      </c>
      <c r="B2217" s="25"/>
      <c r="C2217" s="25"/>
      <c r="D2217" s="29"/>
      <c r="E2217" s="1"/>
      <c r="F2217" s="1"/>
      <c r="G2217" s="25"/>
      <c r="H2217" s="71"/>
      <c r="I2217" s="83"/>
      <c r="J2217" s="50" t="str">
        <f t="shared" si="70"/>
        <v/>
      </c>
      <c r="K2217" s="23" t="s">
        <v>7120</v>
      </c>
      <c r="L2217" s="49" t="e">
        <f>VLOOKUP(E2217&amp;F2217,団体コード!$A$1:$C$1743,3,FALSE)</f>
        <v>#N/A</v>
      </c>
      <c r="M2217" s="49" t="e">
        <f>VLOOKUP(E2217&amp;F2217,団体コード!$A$1:$C$1743,2,FALSE)</f>
        <v>#N/A</v>
      </c>
      <c r="N2217" s="51" t="e">
        <f>VLOOKUP(E2217,団体コード!$E$1:$F$48,2,FALSE)</f>
        <v>#N/A</v>
      </c>
      <c r="O2217" s="51" t="e">
        <f t="shared" si="71"/>
        <v>#N/A</v>
      </c>
      <c r="P2217" s="51">
        <v>1</v>
      </c>
      <c r="Q2217" s="51" t="s">
        <v>5341</v>
      </c>
      <c r="R2217" s="54" t="b">
        <v>1</v>
      </c>
      <c r="S2217" s="52" t="s">
        <v>7126</v>
      </c>
      <c r="T2217" s="67" t="s">
        <v>7127</v>
      </c>
      <c r="U2217" s="75" t="s">
        <v>5331</v>
      </c>
      <c r="V2217" s="47" t="s">
        <v>5331</v>
      </c>
      <c r="W2217" s="47" t="s">
        <v>5331</v>
      </c>
      <c r="X2217" s="47" t="s">
        <v>5331</v>
      </c>
      <c r="Y2217" s="47" t="s">
        <v>5331</v>
      </c>
      <c r="Z2217" s="28"/>
      <c r="AA2217" s="27"/>
      <c r="AB2217" s="27"/>
      <c r="AC2217" s="27"/>
      <c r="AD2217" s="30"/>
      <c r="AE2217" s="1"/>
      <c r="AF2217" s="23" t="s">
        <v>5331</v>
      </c>
      <c r="AG2217" s="26"/>
      <c r="AH2217" s="53"/>
    </row>
    <row r="2218" spans="1:34" ht="51.6" customHeight="1" x14ac:dyDescent="0.45">
      <c r="A2218" s="23">
        <v>2212</v>
      </c>
      <c r="B2218" s="25"/>
      <c r="C2218" s="25"/>
      <c r="D2218" s="29"/>
      <c r="E2218" s="1"/>
      <c r="F2218" s="1"/>
      <c r="G2218" s="25"/>
      <c r="H2218" s="71"/>
      <c r="I2218" s="83"/>
      <c r="J2218" s="50" t="str">
        <f t="shared" si="70"/>
        <v/>
      </c>
      <c r="K2218" s="23" t="s">
        <v>7120</v>
      </c>
      <c r="L2218" s="49" t="e">
        <f>VLOOKUP(E2218&amp;F2218,団体コード!$A$1:$C$1743,3,FALSE)</f>
        <v>#N/A</v>
      </c>
      <c r="M2218" s="49" t="e">
        <f>VLOOKUP(E2218&amp;F2218,団体コード!$A$1:$C$1743,2,FALSE)</f>
        <v>#N/A</v>
      </c>
      <c r="N2218" s="51" t="e">
        <f>VLOOKUP(E2218,団体コード!$E$1:$F$48,2,FALSE)</f>
        <v>#N/A</v>
      </c>
      <c r="O2218" s="51" t="e">
        <f t="shared" si="71"/>
        <v>#N/A</v>
      </c>
      <c r="P2218" s="51">
        <v>1</v>
      </c>
      <c r="Q2218" s="51" t="s">
        <v>5341</v>
      </c>
      <c r="R2218" s="54" t="b">
        <v>1</v>
      </c>
      <c r="S2218" s="52" t="s">
        <v>7126</v>
      </c>
      <c r="T2218" s="67" t="s">
        <v>7127</v>
      </c>
      <c r="U2218" s="75" t="s">
        <v>5331</v>
      </c>
      <c r="V2218" s="47" t="s">
        <v>5331</v>
      </c>
      <c r="W2218" s="47" t="s">
        <v>5331</v>
      </c>
      <c r="X2218" s="47" t="s">
        <v>5331</v>
      </c>
      <c r="Y2218" s="47" t="s">
        <v>5331</v>
      </c>
      <c r="Z2218" s="28"/>
      <c r="AA2218" s="27"/>
      <c r="AB2218" s="27"/>
      <c r="AC2218" s="27"/>
      <c r="AD2218" s="30"/>
      <c r="AE2218" s="1"/>
      <c r="AF2218" s="23" t="s">
        <v>5331</v>
      </c>
      <c r="AG2218" s="26"/>
      <c r="AH2218" s="53"/>
    </row>
    <row r="2219" spans="1:34" ht="51.6" customHeight="1" x14ac:dyDescent="0.45">
      <c r="A2219" s="23">
        <v>2213</v>
      </c>
      <c r="B2219" s="25"/>
      <c r="C2219" s="25"/>
      <c r="D2219" s="29"/>
      <c r="E2219" s="1"/>
      <c r="F2219" s="1"/>
      <c r="G2219" s="25"/>
      <c r="H2219" s="71"/>
      <c r="I2219" s="83"/>
      <c r="J2219" s="50" t="str">
        <f t="shared" si="70"/>
        <v/>
      </c>
      <c r="K2219" s="23" t="s">
        <v>7120</v>
      </c>
      <c r="L2219" s="49" t="e">
        <f>VLOOKUP(E2219&amp;F2219,団体コード!$A$1:$C$1743,3,FALSE)</f>
        <v>#N/A</v>
      </c>
      <c r="M2219" s="49" t="e">
        <f>VLOOKUP(E2219&amp;F2219,団体コード!$A$1:$C$1743,2,FALSE)</f>
        <v>#N/A</v>
      </c>
      <c r="N2219" s="51" t="e">
        <f>VLOOKUP(E2219,団体コード!$E$1:$F$48,2,FALSE)</f>
        <v>#N/A</v>
      </c>
      <c r="O2219" s="51" t="e">
        <f t="shared" si="71"/>
        <v>#N/A</v>
      </c>
      <c r="P2219" s="51">
        <v>1</v>
      </c>
      <c r="Q2219" s="51" t="s">
        <v>5341</v>
      </c>
      <c r="R2219" s="54" t="b">
        <v>1</v>
      </c>
      <c r="S2219" s="52" t="s">
        <v>7126</v>
      </c>
      <c r="T2219" s="67" t="s">
        <v>7127</v>
      </c>
      <c r="U2219" s="75" t="s">
        <v>5331</v>
      </c>
      <c r="V2219" s="47" t="s">
        <v>5331</v>
      </c>
      <c r="W2219" s="47" t="s">
        <v>5331</v>
      </c>
      <c r="X2219" s="47" t="s">
        <v>5331</v>
      </c>
      <c r="Y2219" s="47" t="s">
        <v>5331</v>
      </c>
      <c r="Z2219" s="28"/>
      <c r="AA2219" s="27"/>
      <c r="AB2219" s="27"/>
      <c r="AC2219" s="27"/>
      <c r="AD2219" s="30"/>
      <c r="AE2219" s="1"/>
      <c r="AF2219" s="23" t="s">
        <v>5331</v>
      </c>
      <c r="AG2219" s="26"/>
      <c r="AH2219" s="53"/>
    </row>
    <row r="2220" spans="1:34" ht="51.6" customHeight="1" x14ac:dyDescent="0.45">
      <c r="A2220" s="23">
        <v>2214</v>
      </c>
      <c r="B2220" s="25"/>
      <c r="C2220" s="25"/>
      <c r="D2220" s="29"/>
      <c r="E2220" s="1"/>
      <c r="F2220" s="1"/>
      <c r="G2220" s="25"/>
      <c r="H2220" s="71"/>
      <c r="I2220" s="83"/>
      <c r="J2220" s="50" t="str">
        <f t="shared" si="70"/>
        <v/>
      </c>
      <c r="K2220" s="23" t="s">
        <v>7120</v>
      </c>
      <c r="L2220" s="49" t="e">
        <f>VLOOKUP(E2220&amp;F2220,団体コード!$A$1:$C$1743,3,FALSE)</f>
        <v>#N/A</v>
      </c>
      <c r="M2220" s="49" t="e">
        <f>VLOOKUP(E2220&amp;F2220,団体コード!$A$1:$C$1743,2,FALSE)</f>
        <v>#N/A</v>
      </c>
      <c r="N2220" s="51" t="e">
        <f>VLOOKUP(E2220,団体コード!$E$1:$F$48,2,FALSE)</f>
        <v>#N/A</v>
      </c>
      <c r="O2220" s="51" t="e">
        <f t="shared" si="71"/>
        <v>#N/A</v>
      </c>
      <c r="P2220" s="51">
        <v>1</v>
      </c>
      <c r="Q2220" s="51" t="s">
        <v>5341</v>
      </c>
      <c r="R2220" s="54" t="b">
        <v>1</v>
      </c>
      <c r="S2220" s="52" t="s">
        <v>7126</v>
      </c>
      <c r="T2220" s="67" t="s">
        <v>7127</v>
      </c>
      <c r="U2220" s="75" t="s">
        <v>5331</v>
      </c>
      <c r="V2220" s="47" t="s">
        <v>5331</v>
      </c>
      <c r="W2220" s="47" t="s">
        <v>5331</v>
      </c>
      <c r="X2220" s="47" t="s">
        <v>5331</v>
      </c>
      <c r="Y2220" s="47" t="s">
        <v>5331</v>
      </c>
      <c r="Z2220" s="28"/>
      <c r="AA2220" s="27"/>
      <c r="AB2220" s="27"/>
      <c r="AC2220" s="27"/>
      <c r="AD2220" s="30"/>
      <c r="AE2220" s="1"/>
      <c r="AF2220" s="23" t="s">
        <v>5331</v>
      </c>
      <c r="AG2220" s="26"/>
      <c r="AH2220" s="53"/>
    </row>
    <row r="2221" spans="1:34" ht="51.6" customHeight="1" x14ac:dyDescent="0.45">
      <c r="A2221" s="23">
        <v>2215</v>
      </c>
      <c r="B2221" s="25"/>
      <c r="C2221" s="25"/>
      <c r="D2221" s="29"/>
      <c r="E2221" s="1"/>
      <c r="F2221" s="1"/>
      <c r="G2221" s="25"/>
      <c r="H2221" s="71"/>
      <c r="I2221" s="83"/>
      <c r="J2221" s="50" t="str">
        <f t="shared" si="70"/>
        <v/>
      </c>
      <c r="K2221" s="23" t="s">
        <v>7120</v>
      </c>
      <c r="L2221" s="49" t="e">
        <f>VLOOKUP(E2221&amp;F2221,団体コード!$A$1:$C$1743,3,FALSE)</f>
        <v>#N/A</v>
      </c>
      <c r="M2221" s="49" t="e">
        <f>VLOOKUP(E2221&amp;F2221,団体コード!$A$1:$C$1743,2,FALSE)</f>
        <v>#N/A</v>
      </c>
      <c r="N2221" s="51" t="e">
        <f>VLOOKUP(E2221,団体コード!$E$1:$F$48,2,FALSE)</f>
        <v>#N/A</v>
      </c>
      <c r="O2221" s="51" t="e">
        <f t="shared" si="71"/>
        <v>#N/A</v>
      </c>
      <c r="P2221" s="51">
        <v>1</v>
      </c>
      <c r="Q2221" s="51" t="s">
        <v>5341</v>
      </c>
      <c r="R2221" s="54" t="b">
        <v>1</v>
      </c>
      <c r="S2221" s="52" t="s">
        <v>7126</v>
      </c>
      <c r="T2221" s="67" t="s">
        <v>7127</v>
      </c>
      <c r="U2221" s="75" t="s">
        <v>5331</v>
      </c>
      <c r="V2221" s="47" t="s">
        <v>5331</v>
      </c>
      <c r="W2221" s="47" t="s">
        <v>5331</v>
      </c>
      <c r="X2221" s="47" t="s">
        <v>5331</v>
      </c>
      <c r="Y2221" s="47" t="s">
        <v>5331</v>
      </c>
      <c r="Z2221" s="28"/>
      <c r="AA2221" s="27"/>
      <c r="AB2221" s="27"/>
      <c r="AC2221" s="27"/>
      <c r="AD2221" s="30"/>
      <c r="AE2221" s="1"/>
      <c r="AF2221" s="23" t="s">
        <v>5331</v>
      </c>
      <c r="AG2221" s="26"/>
      <c r="AH2221" s="53"/>
    </row>
    <row r="2222" spans="1:34" ht="51.6" customHeight="1" x14ac:dyDescent="0.45">
      <c r="A2222" s="23">
        <v>2216</v>
      </c>
      <c r="B2222" s="25"/>
      <c r="C2222" s="25"/>
      <c r="D2222" s="29"/>
      <c r="E2222" s="1"/>
      <c r="F2222" s="1"/>
      <c r="G2222" s="25"/>
      <c r="H2222" s="71"/>
      <c r="I2222" s="83"/>
      <c r="J2222" s="50" t="str">
        <f t="shared" si="70"/>
        <v/>
      </c>
      <c r="K2222" s="23" t="s">
        <v>7120</v>
      </c>
      <c r="L2222" s="49" t="e">
        <f>VLOOKUP(E2222&amp;F2222,団体コード!$A$1:$C$1743,3,FALSE)</f>
        <v>#N/A</v>
      </c>
      <c r="M2222" s="49" t="e">
        <f>VLOOKUP(E2222&amp;F2222,団体コード!$A$1:$C$1743,2,FALSE)</f>
        <v>#N/A</v>
      </c>
      <c r="N2222" s="51" t="e">
        <f>VLOOKUP(E2222,団体コード!$E$1:$F$48,2,FALSE)</f>
        <v>#N/A</v>
      </c>
      <c r="O2222" s="51" t="e">
        <f t="shared" si="71"/>
        <v>#N/A</v>
      </c>
      <c r="P2222" s="51">
        <v>1</v>
      </c>
      <c r="Q2222" s="51" t="s">
        <v>5341</v>
      </c>
      <c r="R2222" s="54" t="b">
        <v>1</v>
      </c>
      <c r="S2222" s="52" t="s">
        <v>7126</v>
      </c>
      <c r="T2222" s="67" t="s">
        <v>7127</v>
      </c>
      <c r="U2222" s="75" t="s">
        <v>5331</v>
      </c>
      <c r="V2222" s="47" t="s">
        <v>5331</v>
      </c>
      <c r="W2222" s="47" t="s">
        <v>5331</v>
      </c>
      <c r="X2222" s="47" t="s">
        <v>5331</v>
      </c>
      <c r="Y2222" s="47" t="s">
        <v>5331</v>
      </c>
      <c r="Z2222" s="28"/>
      <c r="AA2222" s="27"/>
      <c r="AB2222" s="27"/>
      <c r="AC2222" s="27"/>
      <c r="AD2222" s="30"/>
      <c r="AE2222" s="1"/>
      <c r="AF2222" s="23" t="s">
        <v>5331</v>
      </c>
      <c r="AG2222" s="26"/>
      <c r="AH2222" s="53"/>
    </row>
    <row r="2223" spans="1:34" ht="51.6" customHeight="1" x14ac:dyDescent="0.45">
      <c r="A2223" s="23">
        <v>2217</v>
      </c>
      <c r="B2223" s="25"/>
      <c r="C2223" s="25"/>
      <c r="D2223" s="29"/>
      <c r="E2223" s="1"/>
      <c r="F2223" s="1"/>
      <c r="G2223" s="25"/>
      <c r="H2223" s="71"/>
      <c r="I2223" s="83"/>
      <c r="J2223" s="50" t="str">
        <f t="shared" si="70"/>
        <v/>
      </c>
      <c r="K2223" s="23" t="s">
        <v>7120</v>
      </c>
      <c r="L2223" s="49" t="e">
        <f>VLOOKUP(E2223&amp;F2223,団体コード!$A$1:$C$1743,3,FALSE)</f>
        <v>#N/A</v>
      </c>
      <c r="M2223" s="49" t="e">
        <f>VLOOKUP(E2223&amp;F2223,団体コード!$A$1:$C$1743,2,FALSE)</f>
        <v>#N/A</v>
      </c>
      <c r="N2223" s="51" t="e">
        <f>VLOOKUP(E2223,団体コード!$E$1:$F$48,2,FALSE)</f>
        <v>#N/A</v>
      </c>
      <c r="O2223" s="51" t="e">
        <f t="shared" si="71"/>
        <v>#N/A</v>
      </c>
      <c r="P2223" s="51">
        <v>1</v>
      </c>
      <c r="Q2223" s="51" t="s">
        <v>5341</v>
      </c>
      <c r="R2223" s="54" t="b">
        <v>1</v>
      </c>
      <c r="S2223" s="52" t="s">
        <v>7126</v>
      </c>
      <c r="T2223" s="67" t="s">
        <v>7127</v>
      </c>
      <c r="U2223" s="75" t="s">
        <v>5331</v>
      </c>
      <c r="V2223" s="47" t="s">
        <v>5331</v>
      </c>
      <c r="W2223" s="47" t="s">
        <v>5331</v>
      </c>
      <c r="X2223" s="47" t="s">
        <v>5331</v>
      </c>
      <c r="Y2223" s="47" t="s">
        <v>5331</v>
      </c>
      <c r="Z2223" s="28"/>
      <c r="AA2223" s="27"/>
      <c r="AB2223" s="27"/>
      <c r="AC2223" s="27"/>
      <c r="AD2223" s="30"/>
      <c r="AE2223" s="1"/>
      <c r="AF2223" s="23" t="s">
        <v>5331</v>
      </c>
      <c r="AG2223" s="26"/>
      <c r="AH2223" s="53"/>
    </row>
    <row r="2224" spans="1:34" ht="51.6" customHeight="1" x14ac:dyDescent="0.45">
      <c r="A2224" s="23">
        <v>2218</v>
      </c>
      <c r="B2224" s="25"/>
      <c r="C2224" s="25"/>
      <c r="D2224" s="29"/>
      <c r="E2224" s="1"/>
      <c r="F2224" s="1"/>
      <c r="G2224" s="25"/>
      <c r="H2224" s="71"/>
      <c r="I2224" s="83"/>
      <c r="J2224" s="50" t="str">
        <f t="shared" si="70"/>
        <v/>
      </c>
      <c r="K2224" s="23" t="s">
        <v>7120</v>
      </c>
      <c r="L2224" s="49" t="e">
        <f>VLOOKUP(E2224&amp;F2224,団体コード!$A$1:$C$1743,3,FALSE)</f>
        <v>#N/A</v>
      </c>
      <c r="M2224" s="49" t="e">
        <f>VLOOKUP(E2224&amp;F2224,団体コード!$A$1:$C$1743,2,FALSE)</f>
        <v>#N/A</v>
      </c>
      <c r="N2224" s="51" t="e">
        <f>VLOOKUP(E2224,団体コード!$E$1:$F$48,2,FALSE)</f>
        <v>#N/A</v>
      </c>
      <c r="O2224" s="51" t="e">
        <f t="shared" si="71"/>
        <v>#N/A</v>
      </c>
      <c r="P2224" s="51">
        <v>1</v>
      </c>
      <c r="Q2224" s="51" t="s">
        <v>5341</v>
      </c>
      <c r="R2224" s="54" t="b">
        <v>1</v>
      </c>
      <c r="S2224" s="52" t="s">
        <v>7126</v>
      </c>
      <c r="T2224" s="67" t="s">
        <v>7127</v>
      </c>
      <c r="U2224" s="75" t="s">
        <v>5331</v>
      </c>
      <c r="V2224" s="47" t="s">
        <v>5331</v>
      </c>
      <c r="W2224" s="47" t="s">
        <v>5331</v>
      </c>
      <c r="X2224" s="47" t="s">
        <v>5331</v>
      </c>
      <c r="Y2224" s="47" t="s">
        <v>5331</v>
      </c>
      <c r="Z2224" s="28"/>
      <c r="AA2224" s="27"/>
      <c r="AB2224" s="27"/>
      <c r="AC2224" s="27"/>
      <c r="AD2224" s="30"/>
      <c r="AE2224" s="1"/>
      <c r="AF2224" s="23" t="s">
        <v>5331</v>
      </c>
      <c r="AG2224" s="26"/>
      <c r="AH2224" s="53"/>
    </row>
    <row r="2225" spans="1:34" ht="51.6" customHeight="1" x14ac:dyDescent="0.45">
      <c r="A2225" s="23">
        <v>2219</v>
      </c>
      <c r="B2225" s="25"/>
      <c r="C2225" s="25"/>
      <c r="D2225" s="29"/>
      <c r="E2225" s="1"/>
      <c r="F2225" s="1"/>
      <c r="G2225" s="25"/>
      <c r="H2225" s="71"/>
      <c r="I2225" s="83"/>
      <c r="J2225" s="50" t="str">
        <f t="shared" si="70"/>
        <v/>
      </c>
      <c r="K2225" s="23" t="s">
        <v>7120</v>
      </c>
      <c r="L2225" s="49" t="e">
        <f>VLOOKUP(E2225&amp;F2225,団体コード!$A$1:$C$1743,3,FALSE)</f>
        <v>#N/A</v>
      </c>
      <c r="M2225" s="49" t="e">
        <f>VLOOKUP(E2225&amp;F2225,団体コード!$A$1:$C$1743,2,FALSE)</f>
        <v>#N/A</v>
      </c>
      <c r="N2225" s="51" t="e">
        <f>VLOOKUP(E2225,団体コード!$E$1:$F$48,2,FALSE)</f>
        <v>#N/A</v>
      </c>
      <c r="O2225" s="51" t="e">
        <f t="shared" si="71"/>
        <v>#N/A</v>
      </c>
      <c r="P2225" s="51">
        <v>1</v>
      </c>
      <c r="Q2225" s="51" t="s">
        <v>5341</v>
      </c>
      <c r="R2225" s="54" t="b">
        <v>1</v>
      </c>
      <c r="S2225" s="52" t="s">
        <v>7126</v>
      </c>
      <c r="T2225" s="67" t="s">
        <v>7127</v>
      </c>
      <c r="U2225" s="75" t="s">
        <v>5331</v>
      </c>
      <c r="V2225" s="47" t="s">
        <v>5331</v>
      </c>
      <c r="W2225" s="47" t="s">
        <v>5331</v>
      </c>
      <c r="X2225" s="47" t="s">
        <v>5331</v>
      </c>
      <c r="Y2225" s="47" t="s">
        <v>5331</v>
      </c>
      <c r="Z2225" s="28"/>
      <c r="AA2225" s="27"/>
      <c r="AB2225" s="27"/>
      <c r="AC2225" s="27"/>
      <c r="AD2225" s="30"/>
      <c r="AE2225" s="1"/>
      <c r="AF2225" s="23" t="s">
        <v>5331</v>
      </c>
      <c r="AG2225" s="26"/>
      <c r="AH2225" s="53"/>
    </row>
    <row r="2226" spans="1:34" ht="51.6" customHeight="1" x14ac:dyDescent="0.45">
      <c r="A2226" s="23">
        <v>2220</v>
      </c>
      <c r="B2226" s="25"/>
      <c r="C2226" s="25"/>
      <c r="D2226" s="29"/>
      <c r="E2226" s="1"/>
      <c r="F2226" s="1"/>
      <c r="G2226" s="25"/>
      <c r="H2226" s="71"/>
      <c r="I2226" s="83"/>
      <c r="J2226" s="50" t="str">
        <f t="shared" si="70"/>
        <v/>
      </c>
      <c r="K2226" s="23" t="s">
        <v>7120</v>
      </c>
      <c r="L2226" s="49" t="e">
        <f>VLOOKUP(E2226&amp;F2226,団体コード!$A$1:$C$1743,3,FALSE)</f>
        <v>#N/A</v>
      </c>
      <c r="M2226" s="49" t="e">
        <f>VLOOKUP(E2226&amp;F2226,団体コード!$A$1:$C$1743,2,FALSE)</f>
        <v>#N/A</v>
      </c>
      <c r="N2226" s="51" t="e">
        <f>VLOOKUP(E2226,団体コード!$E$1:$F$48,2,FALSE)</f>
        <v>#N/A</v>
      </c>
      <c r="O2226" s="51" t="e">
        <f t="shared" si="71"/>
        <v>#N/A</v>
      </c>
      <c r="P2226" s="51">
        <v>1</v>
      </c>
      <c r="Q2226" s="51" t="s">
        <v>5341</v>
      </c>
      <c r="R2226" s="54" t="b">
        <v>1</v>
      </c>
      <c r="S2226" s="52" t="s">
        <v>7126</v>
      </c>
      <c r="T2226" s="67" t="s">
        <v>7127</v>
      </c>
      <c r="U2226" s="75" t="s">
        <v>5331</v>
      </c>
      <c r="V2226" s="47" t="s">
        <v>5331</v>
      </c>
      <c r="W2226" s="47" t="s">
        <v>5331</v>
      </c>
      <c r="X2226" s="47" t="s">
        <v>5331</v>
      </c>
      <c r="Y2226" s="47" t="s">
        <v>5331</v>
      </c>
      <c r="Z2226" s="28"/>
      <c r="AA2226" s="27"/>
      <c r="AB2226" s="27"/>
      <c r="AC2226" s="27"/>
      <c r="AD2226" s="30"/>
      <c r="AE2226" s="1"/>
      <c r="AF2226" s="23" t="s">
        <v>5331</v>
      </c>
      <c r="AG2226" s="26"/>
      <c r="AH2226" s="53"/>
    </row>
    <row r="2227" spans="1:34" ht="51.6" customHeight="1" x14ac:dyDescent="0.45">
      <c r="A2227" s="23">
        <v>2221</v>
      </c>
      <c r="B2227" s="25"/>
      <c r="C2227" s="25"/>
      <c r="D2227" s="29"/>
      <c r="E2227" s="1"/>
      <c r="F2227" s="1"/>
      <c r="G2227" s="25"/>
      <c r="H2227" s="71"/>
      <c r="I2227" s="83"/>
      <c r="J2227" s="50" t="str">
        <f t="shared" si="70"/>
        <v/>
      </c>
      <c r="K2227" s="23" t="s">
        <v>7120</v>
      </c>
      <c r="L2227" s="49" t="e">
        <f>VLOOKUP(E2227&amp;F2227,団体コード!$A$1:$C$1743,3,FALSE)</f>
        <v>#N/A</v>
      </c>
      <c r="M2227" s="49" t="e">
        <f>VLOOKUP(E2227&amp;F2227,団体コード!$A$1:$C$1743,2,FALSE)</f>
        <v>#N/A</v>
      </c>
      <c r="N2227" s="51" t="e">
        <f>VLOOKUP(E2227,団体コード!$E$1:$F$48,2,FALSE)</f>
        <v>#N/A</v>
      </c>
      <c r="O2227" s="51" t="e">
        <f t="shared" si="71"/>
        <v>#N/A</v>
      </c>
      <c r="P2227" s="51">
        <v>1</v>
      </c>
      <c r="Q2227" s="51" t="s">
        <v>5341</v>
      </c>
      <c r="R2227" s="54" t="b">
        <v>1</v>
      </c>
      <c r="S2227" s="52" t="s">
        <v>7126</v>
      </c>
      <c r="T2227" s="67" t="s">
        <v>7127</v>
      </c>
      <c r="U2227" s="75" t="s">
        <v>5331</v>
      </c>
      <c r="V2227" s="47" t="s">
        <v>5331</v>
      </c>
      <c r="W2227" s="47" t="s">
        <v>5331</v>
      </c>
      <c r="X2227" s="47" t="s">
        <v>5331</v>
      </c>
      <c r="Y2227" s="47" t="s">
        <v>5331</v>
      </c>
      <c r="Z2227" s="28"/>
      <c r="AA2227" s="27"/>
      <c r="AB2227" s="27"/>
      <c r="AC2227" s="27"/>
      <c r="AD2227" s="30"/>
      <c r="AE2227" s="1"/>
      <c r="AF2227" s="23" t="s">
        <v>5331</v>
      </c>
      <c r="AG2227" s="26"/>
      <c r="AH2227" s="53"/>
    </row>
    <row r="2228" spans="1:34" ht="51.6" customHeight="1" x14ac:dyDescent="0.45">
      <c r="A2228" s="23">
        <v>2222</v>
      </c>
      <c r="B2228" s="25"/>
      <c r="C2228" s="25"/>
      <c r="D2228" s="29"/>
      <c r="E2228" s="1"/>
      <c r="F2228" s="1"/>
      <c r="G2228" s="25"/>
      <c r="H2228" s="71"/>
      <c r="I2228" s="83"/>
      <c r="J2228" s="50" t="str">
        <f t="shared" si="70"/>
        <v/>
      </c>
      <c r="K2228" s="23" t="s">
        <v>7120</v>
      </c>
      <c r="L2228" s="49" t="e">
        <f>VLOOKUP(E2228&amp;F2228,団体コード!$A$1:$C$1743,3,FALSE)</f>
        <v>#N/A</v>
      </c>
      <c r="M2228" s="49" t="e">
        <f>VLOOKUP(E2228&amp;F2228,団体コード!$A$1:$C$1743,2,FALSE)</f>
        <v>#N/A</v>
      </c>
      <c r="N2228" s="51" t="e">
        <f>VLOOKUP(E2228,団体コード!$E$1:$F$48,2,FALSE)</f>
        <v>#N/A</v>
      </c>
      <c r="O2228" s="51" t="e">
        <f t="shared" si="71"/>
        <v>#N/A</v>
      </c>
      <c r="P2228" s="51">
        <v>1</v>
      </c>
      <c r="Q2228" s="51" t="s">
        <v>5341</v>
      </c>
      <c r="R2228" s="54" t="b">
        <v>1</v>
      </c>
      <c r="S2228" s="52" t="s">
        <v>7126</v>
      </c>
      <c r="T2228" s="67" t="s">
        <v>7127</v>
      </c>
      <c r="U2228" s="75" t="s">
        <v>5331</v>
      </c>
      <c r="V2228" s="47" t="s">
        <v>5331</v>
      </c>
      <c r="W2228" s="47" t="s">
        <v>5331</v>
      </c>
      <c r="X2228" s="47" t="s">
        <v>5331</v>
      </c>
      <c r="Y2228" s="47" t="s">
        <v>5331</v>
      </c>
      <c r="Z2228" s="28"/>
      <c r="AA2228" s="27"/>
      <c r="AB2228" s="27"/>
      <c r="AC2228" s="27"/>
      <c r="AD2228" s="30"/>
      <c r="AE2228" s="1"/>
      <c r="AF2228" s="23" t="s">
        <v>5331</v>
      </c>
      <c r="AG2228" s="26"/>
      <c r="AH2228" s="53"/>
    </row>
    <row r="2229" spans="1:34" ht="51.6" customHeight="1" x14ac:dyDescent="0.45">
      <c r="A2229" s="23">
        <v>2223</v>
      </c>
      <c r="B2229" s="25"/>
      <c r="C2229" s="25"/>
      <c r="D2229" s="29"/>
      <c r="E2229" s="1"/>
      <c r="F2229" s="1"/>
      <c r="G2229" s="25"/>
      <c r="H2229" s="71"/>
      <c r="I2229" s="83"/>
      <c r="J2229" s="50" t="str">
        <f t="shared" si="70"/>
        <v/>
      </c>
      <c r="K2229" s="23" t="s">
        <v>7120</v>
      </c>
      <c r="L2229" s="49" t="e">
        <f>VLOOKUP(E2229&amp;F2229,団体コード!$A$1:$C$1743,3,FALSE)</f>
        <v>#N/A</v>
      </c>
      <c r="M2229" s="49" t="e">
        <f>VLOOKUP(E2229&amp;F2229,団体コード!$A$1:$C$1743,2,FALSE)</f>
        <v>#N/A</v>
      </c>
      <c r="N2229" s="51" t="e">
        <f>VLOOKUP(E2229,団体コード!$E$1:$F$48,2,FALSE)</f>
        <v>#N/A</v>
      </c>
      <c r="O2229" s="51" t="e">
        <f t="shared" si="71"/>
        <v>#N/A</v>
      </c>
      <c r="P2229" s="51">
        <v>1</v>
      </c>
      <c r="Q2229" s="51" t="s">
        <v>5341</v>
      </c>
      <c r="R2229" s="54" t="b">
        <v>1</v>
      </c>
      <c r="S2229" s="52" t="s">
        <v>7126</v>
      </c>
      <c r="T2229" s="67" t="s">
        <v>7127</v>
      </c>
      <c r="U2229" s="75" t="s">
        <v>5331</v>
      </c>
      <c r="V2229" s="47" t="s">
        <v>5331</v>
      </c>
      <c r="W2229" s="47" t="s">
        <v>5331</v>
      </c>
      <c r="X2229" s="47" t="s">
        <v>5331</v>
      </c>
      <c r="Y2229" s="47" t="s">
        <v>5331</v>
      </c>
      <c r="Z2229" s="28"/>
      <c r="AA2229" s="27"/>
      <c r="AB2229" s="27"/>
      <c r="AC2229" s="27"/>
      <c r="AD2229" s="30"/>
      <c r="AE2229" s="1"/>
      <c r="AF2229" s="23" t="s">
        <v>5331</v>
      </c>
      <c r="AG2229" s="26"/>
      <c r="AH2229" s="53"/>
    </row>
    <row r="2230" spans="1:34" ht="51.6" customHeight="1" x14ac:dyDescent="0.45">
      <c r="A2230" s="23">
        <v>2224</v>
      </c>
      <c r="B2230" s="25"/>
      <c r="C2230" s="25"/>
      <c r="D2230" s="29"/>
      <c r="E2230" s="1"/>
      <c r="F2230" s="1"/>
      <c r="G2230" s="25"/>
      <c r="H2230" s="71"/>
      <c r="I2230" s="83"/>
      <c r="J2230" s="50" t="str">
        <f t="shared" si="70"/>
        <v/>
      </c>
      <c r="K2230" s="23" t="s">
        <v>7120</v>
      </c>
      <c r="L2230" s="49" t="e">
        <f>VLOOKUP(E2230&amp;F2230,団体コード!$A$1:$C$1743,3,FALSE)</f>
        <v>#N/A</v>
      </c>
      <c r="M2230" s="49" t="e">
        <f>VLOOKUP(E2230&amp;F2230,団体コード!$A$1:$C$1743,2,FALSE)</f>
        <v>#N/A</v>
      </c>
      <c r="N2230" s="51" t="e">
        <f>VLOOKUP(E2230,団体コード!$E$1:$F$48,2,FALSE)</f>
        <v>#N/A</v>
      </c>
      <c r="O2230" s="51" t="e">
        <f t="shared" si="71"/>
        <v>#N/A</v>
      </c>
      <c r="P2230" s="51">
        <v>1</v>
      </c>
      <c r="Q2230" s="51" t="s">
        <v>5341</v>
      </c>
      <c r="R2230" s="54" t="b">
        <v>1</v>
      </c>
      <c r="S2230" s="52" t="s">
        <v>7126</v>
      </c>
      <c r="T2230" s="67" t="s">
        <v>7127</v>
      </c>
      <c r="U2230" s="75" t="s">
        <v>5331</v>
      </c>
      <c r="V2230" s="47" t="s">
        <v>5331</v>
      </c>
      <c r="W2230" s="47" t="s">
        <v>5331</v>
      </c>
      <c r="X2230" s="47" t="s">
        <v>5331</v>
      </c>
      <c r="Y2230" s="47" t="s">
        <v>5331</v>
      </c>
      <c r="Z2230" s="28"/>
      <c r="AA2230" s="27"/>
      <c r="AB2230" s="27"/>
      <c r="AC2230" s="27"/>
      <c r="AD2230" s="30"/>
      <c r="AE2230" s="1"/>
      <c r="AF2230" s="23" t="s">
        <v>5331</v>
      </c>
      <c r="AG2230" s="26"/>
      <c r="AH2230" s="53"/>
    </row>
    <row r="2231" spans="1:34" ht="51.6" customHeight="1" x14ac:dyDescent="0.45">
      <c r="A2231" s="23">
        <v>2225</v>
      </c>
      <c r="B2231" s="25"/>
      <c r="C2231" s="25"/>
      <c r="D2231" s="29"/>
      <c r="E2231" s="1"/>
      <c r="F2231" s="1"/>
      <c r="G2231" s="25"/>
      <c r="H2231" s="71"/>
      <c r="I2231" s="83"/>
      <c r="J2231" s="50" t="str">
        <f t="shared" si="70"/>
        <v/>
      </c>
      <c r="K2231" s="23" t="s">
        <v>7120</v>
      </c>
      <c r="L2231" s="49" t="e">
        <f>VLOOKUP(E2231&amp;F2231,団体コード!$A$1:$C$1743,3,FALSE)</f>
        <v>#N/A</v>
      </c>
      <c r="M2231" s="49" t="e">
        <f>VLOOKUP(E2231&amp;F2231,団体コード!$A$1:$C$1743,2,FALSE)</f>
        <v>#N/A</v>
      </c>
      <c r="N2231" s="51" t="e">
        <f>VLOOKUP(E2231,団体コード!$E$1:$F$48,2,FALSE)</f>
        <v>#N/A</v>
      </c>
      <c r="O2231" s="51" t="e">
        <f t="shared" si="71"/>
        <v>#N/A</v>
      </c>
      <c r="P2231" s="51">
        <v>1</v>
      </c>
      <c r="Q2231" s="51" t="s">
        <v>5341</v>
      </c>
      <c r="R2231" s="54" t="b">
        <v>1</v>
      </c>
      <c r="S2231" s="52" t="s">
        <v>7126</v>
      </c>
      <c r="T2231" s="67" t="s">
        <v>7127</v>
      </c>
      <c r="U2231" s="75" t="s">
        <v>5331</v>
      </c>
      <c r="V2231" s="47" t="s">
        <v>5331</v>
      </c>
      <c r="W2231" s="47" t="s">
        <v>5331</v>
      </c>
      <c r="X2231" s="47" t="s">
        <v>5331</v>
      </c>
      <c r="Y2231" s="47" t="s">
        <v>5331</v>
      </c>
      <c r="Z2231" s="28"/>
      <c r="AA2231" s="27"/>
      <c r="AB2231" s="27"/>
      <c r="AC2231" s="27"/>
      <c r="AD2231" s="30"/>
      <c r="AE2231" s="1"/>
      <c r="AF2231" s="23" t="s">
        <v>5331</v>
      </c>
      <c r="AG2231" s="26"/>
      <c r="AH2231" s="53"/>
    </row>
    <row r="2232" spans="1:34" ht="51.6" customHeight="1" x14ac:dyDescent="0.45">
      <c r="A2232" s="23">
        <v>2226</v>
      </c>
      <c r="B2232" s="25"/>
      <c r="C2232" s="25"/>
      <c r="D2232" s="29"/>
      <c r="E2232" s="1"/>
      <c r="F2232" s="1"/>
      <c r="G2232" s="25"/>
      <c r="H2232" s="71"/>
      <c r="I2232" s="83"/>
      <c r="J2232" s="50" t="str">
        <f t="shared" si="70"/>
        <v/>
      </c>
      <c r="K2232" s="23" t="s">
        <v>7120</v>
      </c>
      <c r="L2232" s="49" t="e">
        <f>VLOOKUP(E2232&amp;F2232,団体コード!$A$1:$C$1743,3,FALSE)</f>
        <v>#N/A</v>
      </c>
      <c r="M2232" s="49" t="e">
        <f>VLOOKUP(E2232&amp;F2232,団体コード!$A$1:$C$1743,2,FALSE)</f>
        <v>#N/A</v>
      </c>
      <c r="N2232" s="51" t="e">
        <f>VLOOKUP(E2232,団体コード!$E$1:$F$48,2,FALSE)</f>
        <v>#N/A</v>
      </c>
      <c r="O2232" s="51" t="e">
        <f t="shared" si="71"/>
        <v>#N/A</v>
      </c>
      <c r="P2232" s="51">
        <v>1</v>
      </c>
      <c r="Q2232" s="51" t="s">
        <v>5341</v>
      </c>
      <c r="R2232" s="54" t="b">
        <v>1</v>
      </c>
      <c r="S2232" s="52" t="s">
        <v>7126</v>
      </c>
      <c r="T2232" s="67" t="s">
        <v>7127</v>
      </c>
      <c r="U2232" s="75" t="s">
        <v>5331</v>
      </c>
      <c r="V2232" s="47" t="s">
        <v>5331</v>
      </c>
      <c r="W2232" s="47" t="s">
        <v>5331</v>
      </c>
      <c r="X2232" s="47" t="s">
        <v>5331</v>
      </c>
      <c r="Y2232" s="47" t="s">
        <v>5331</v>
      </c>
      <c r="Z2232" s="28"/>
      <c r="AA2232" s="27"/>
      <c r="AB2232" s="27"/>
      <c r="AC2232" s="27"/>
      <c r="AD2232" s="30"/>
      <c r="AE2232" s="1"/>
      <c r="AF2232" s="23" t="s">
        <v>5331</v>
      </c>
      <c r="AG2232" s="26"/>
      <c r="AH2232" s="53"/>
    </row>
    <row r="2233" spans="1:34" ht="51.6" customHeight="1" x14ac:dyDescent="0.45">
      <c r="A2233" s="23">
        <v>2227</v>
      </c>
      <c r="B2233" s="25"/>
      <c r="C2233" s="25"/>
      <c r="D2233" s="29"/>
      <c r="E2233" s="1"/>
      <c r="F2233" s="1"/>
      <c r="G2233" s="25"/>
      <c r="H2233" s="71"/>
      <c r="I2233" s="83"/>
      <c r="J2233" s="50" t="str">
        <f t="shared" si="70"/>
        <v/>
      </c>
      <c r="K2233" s="23" t="s">
        <v>7120</v>
      </c>
      <c r="L2233" s="49" t="e">
        <f>VLOOKUP(E2233&amp;F2233,団体コード!$A$1:$C$1743,3,FALSE)</f>
        <v>#N/A</v>
      </c>
      <c r="M2233" s="49" t="e">
        <f>VLOOKUP(E2233&amp;F2233,団体コード!$A$1:$C$1743,2,FALSE)</f>
        <v>#N/A</v>
      </c>
      <c r="N2233" s="51" t="e">
        <f>VLOOKUP(E2233,団体コード!$E$1:$F$48,2,FALSE)</f>
        <v>#N/A</v>
      </c>
      <c r="O2233" s="51" t="e">
        <f t="shared" si="71"/>
        <v>#N/A</v>
      </c>
      <c r="P2233" s="51">
        <v>1</v>
      </c>
      <c r="Q2233" s="51" t="s">
        <v>5341</v>
      </c>
      <c r="R2233" s="54" t="b">
        <v>1</v>
      </c>
      <c r="S2233" s="52" t="s">
        <v>7126</v>
      </c>
      <c r="T2233" s="67" t="s">
        <v>7127</v>
      </c>
      <c r="U2233" s="75" t="s">
        <v>5331</v>
      </c>
      <c r="V2233" s="47" t="s">
        <v>5331</v>
      </c>
      <c r="W2233" s="47" t="s">
        <v>5331</v>
      </c>
      <c r="X2233" s="47" t="s">
        <v>5331</v>
      </c>
      <c r="Y2233" s="47" t="s">
        <v>5331</v>
      </c>
      <c r="Z2233" s="28"/>
      <c r="AA2233" s="27"/>
      <c r="AB2233" s="27"/>
      <c r="AC2233" s="27"/>
      <c r="AD2233" s="30"/>
      <c r="AE2233" s="1"/>
      <c r="AF2233" s="23" t="s">
        <v>5331</v>
      </c>
      <c r="AG2233" s="26"/>
      <c r="AH2233" s="53"/>
    </row>
    <row r="2234" spans="1:34" ht="51.6" customHeight="1" x14ac:dyDescent="0.45">
      <c r="A2234" s="23">
        <v>2228</v>
      </c>
      <c r="B2234" s="25"/>
      <c r="C2234" s="25"/>
      <c r="D2234" s="29"/>
      <c r="E2234" s="1"/>
      <c r="F2234" s="1"/>
      <c r="G2234" s="25"/>
      <c r="H2234" s="71"/>
      <c r="I2234" s="83"/>
      <c r="J2234" s="50" t="str">
        <f t="shared" si="70"/>
        <v/>
      </c>
      <c r="K2234" s="23" t="s">
        <v>7120</v>
      </c>
      <c r="L2234" s="49" t="e">
        <f>VLOOKUP(E2234&amp;F2234,団体コード!$A$1:$C$1743,3,FALSE)</f>
        <v>#N/A</v>
      </c>
      <c r="M2234" s="49" t="e">
        <f>VLOOKUP(E2234&amp;F2234,団体コード!$A$1:$C$1743,2,FALSE)</f>
        <v>#N/A</v>
      </c>
      <c r="N2234" s="51" t="e">
        <f>VLOOKUP(E2234,団体コード!$E$1:$F$48,2,FALSE)</f>
        <v>#N/A</v>
      </c>
      <c r="O2234" s="51" t="e">
        <f t="shared" si="71"/>
        <v>#N/A</v>
      </c>
      <c r="P2234" s="51">
        <v>1</v>
      </c>
      <c r="Q2234" s="51" t="s">
        <v>5341</v>
      </c>
      <c r="R2234" s="54" t="b">
        <v>1</v>
      </c>
      <c r="S2234" s="52" t="s">
        <v>7126</v>
      </c>
      <c r="T2234" s="67" t="s">
        <v>7127</v>
      </c>
      <c r="U2234" s="75" t="s">
        <v>5331</v>
      </c>
      <c r="V2234" s="47" t="s">
        <v>5331</v>
      </c>
      <c r="W2234" s="47" t="s">
        <v>5331</v>
      </c>
      <c r="X2234" s="47" t="s">
        <v>5331</v>
      </c>
      <c r="Y2234" s="47" t="s">
        <v>5331</v>
      </c>
      <c r="Z2234" s="28"/>
      <c r="AA2234" s="27"/>
      <c r="AB2234" s="27"/>
      <c r="AC2234" s="27"/>
      <c r="AD2234" s="30"/>
      <c r="AE2234" s="1"/>
      <c r="AF2234" s="23" t="s">
        <v>5331</v>
      </c>
      <c r="AG2234" s="26"/>
      <c r="AH2234" s="53"/>
    </row>
    <row r="2235" spans="1:34" ht="51.6" customHeight="1" x14ac:dyDescent="0.45">
      <c r="A2235" s="23">
        <v>2229</v>
      </c>
      <c r="B2235" s="25"/>
      <c r="C2235" s="25"/>
      <c r="D2235" s="29"/>
      <c r="E2235" s="1"/>
      <c r="F2235" s="1"/>
      <c r="G2235" s="25"/>
      <c r="H2235" s="71"/>
      <c r="I2235" s="83"/>
      <c r="J2235" s="50" t="str">
        <f t="shared" si="70"/>
        <v/>
      </c>
      <c r="K2235" s="23" t="s">
        <v>7120</v>
      </c>
      <c r="L2235" s="49" t="e">
        <f>VLOOKUP(E2235&amp;F2235,団体コード!$A$1:$C$1743,3,FALSE)</f>
        <v>#N/A</v>
      </c>
      <c r="M2235" s="49" t="e">
        <f>VLOOKUP(E2235&amp;F2235,団体コード!$A$1:$C$1743,2,FALSE)</f>
        <v>#N/A</v>
      </c>
      <c r="N2235" s="51" t="e">
        <f>VLOOKUP(E2235,団体コード!$E$1:$F$48,2,FALSE)</f>
        <v>#N/A</v>
      </c>
      <c r="O2235" s="51" t="e">
        <f t="shared" si="71"/>
        <v>#N/A</v>
      </c>
      <c r="P2235" s="51">
        <v>1</v>
      </c>
      <c r="Q2235" s="51" t="s">
        <v>5341</v>
      </c>
      <c r="R2235" s="54" t="b">
        <v>1</v>
      </c>
      <c r="S2235" s="52" t="s">
        <v>7126</v>
      </c>
      <c r="T2235" s="67" t="s">
        <v>7127</v>
      </c>
      <c r="U2235" s="75" t="s">
        <v>5331</v>
      </c>
      <c r="V2235" s="47" t="s">
        <v>5331</v>
      </c>
      <c r="W2235" s="47" t="s">
        <v>5331</v>
      </c>
      <c r="X2235" s="47" t="s">
        <v>5331</v>
      </c>
      <c r="Y2235" s="47" t="s">
        <v>5331</v>
      </c>
      <c r="Z2235" s="28"/>
      <c r="AA2235" s="27"/>
      <c r="AB2235" s="27"/>
      <c r="AC2235" s="27"/>
      <c r="AD2235" s="30"/>
      <c r="AE2235" s="1"/>
      <c r="AF2235" s="23" t="s">
        <v>5331</v>
      </c>
      <c r="AG2235" s="26"/>
      <c r="AH2235" s="53"/>
    </row>
    <row r="2236" spans="1:34" ht="51.6" customHeight="1" x14ac:dyDescent="0.45">
      <c r="A2236" s="23">
        <v>2230</v>
      </c>
      <c r="B2236" s="25"/>
      <c r="C2236" s="25"/>
      <c r="D2236" s="29"/>
      <c r="E2236" s="1"/>
      <c r="F2236" s="1"/>
      <c r="G2236" s="25"/>
      <c r="H2236" s="71"/>
      <c r="I2236" s="83"/>
      <c r="J2236" s="50" t="str">
        <f t="shared" si="70"/>
        <v/>
      </c>
      <c r="K2236" s="23" t="s">
        <v>7120</v>
      </c>
      <c r="L2236" s="49" t="e">
        <f>VLOOKUP(E2236&amp;F2236,団体コード!$A$1:$C$1743,3,FALSE)</f>
        <v>#N/A</v>
      </c>
      <c r="M2236" s="49" t="e">
        <f>VLOOKUP(E2236&amp;F2236,団体コード!$A$1:$C$1743,2,FALSE)</f>
        <v>#N/A</v>
      </c>
      <c r="N2236" s="51" t="e">
        <f>VLOOKUP(E2236,団体コード!$E$1:$F$48,2,FALSE)</f>
        <v>#N/A</v>
      </c>
      <c r="O2236" s="51" t="e">
        <f t="shared" si="71"/>
        <v>#N/A</v>
      </c>
      <c r="P2236" s="51">
        <v>1</v>
      </c>
      <c r="Q2236" s="51" t="s">
        <v>5341</v>
      </c>
      <c r="R2236" s="54" t="b">
        <v>1</v>
      </c>
      <c r="S2236" s="52" t="s">
        <v>7126</v>
      </c>
      <c r="T2236" s="67" t="s">
        <v>7127</v>
      </c>
      <c r="U2236" s="75" t="s">
        <v>5331</v>
      </c>
      <c r="V2236" s="47" t="s">
        <v>5331</v>
      </c>
      <c r="W2236" s="47" t="s">
        <v>5331</v>
      </c>
      <c r="X2236" s="47" t="s">
        <v>5331</v>
      </c>
      <c r="Y2236" s="47" t="s">
        <v>5331</v>
      </c>
      <c r="Z2236" s="28"/>
      <c r="AA2236" s="27"/>
      <c r="AB2236" s="27"/>
      <c r="AC2236" s="27"/>
      <c r="AD2236" s="30"/>
      <c r="AE2236" s="1"/>
      <c r="AF2236" s="23" t="s">
        <v>5331</v>
      </c>
      <c r="AG2236" s="26"/>
      <c r="AH2236" s="53"/>
    </row>
    <row r="2237" spans="1:34" ht="51.6" customHeight="1" x14ac:dyDescent="0.45">
      <c r="A2237" s="23">
        <v>2231</v>
      </c>
      <c r="B2237" s="25"/>
      <c r="C2237" s="25"/>
      <c r="D2237" s="29"/>
      <c r="E2237" s="1"/>
      <c r="F2237" s="1"/>
      <c r="G2237" s="25"/>
      <c r="H2237" s="71"/>
      <c r="I2237" s="83"/>
      <c r="J2237" s="50" t="str">
        <f t="shared" si="70"/>
        <v/>
      </c>
      <c r="K2237" s="23" t="s">
        <v>7120</v>
      </c>
      <c r="L2237" s="49" t="e">
        <f>VLOOKUP(E2237&amp;F2237,団体コード!$A$1:$C$1743,3,FALSE)</f>
        <v>#N/A</v>
      </c>
      <c r="M2237" s="49" t="e">
        <f>VLOOKUP(E2237&amp;F2237,団体コード!$A$1:$C$1743,2,FALSE)</f>
        <v>#N/A</v>
      </c>
      <c r="N2237" s="51" t="e">
        <f>VLOOKUP(E2237,団体コード!$E$1:$F$48,2,FALSE)</f>
        <v>#N/A</v>
      </c>
      <c r="O2237" s="51" t="e">
        <f t="shared" si="71"/>
        <v>#N/A</v>
      </c>
      <c r="P2237" s="51">
        <v>1</v>
      </c>
      <c r="Q2237" s="51" t="s">
        <v>5341</v>
      </c>
      <c r="R2237" s="54" t="b">
        <v>1</v>
      </c>
      <c r="S2237" s="52" t="s">
        <v>7126</v>
      </c>
      <c r="T2237" s="67" t="s">
        <v>7127</v>
      </c>
      <c r="U2237" s="75" t="s">
        <v>5331</v>
      </c>
      <c r="V2237" s="47" t="s">
        <v>5331</v>
      </c>
      <c r="W2237" s="47" t="s">
        <v>5331</v>
      </c>
      <c r="X2237" s="47" t="s">
        <v>5331</v>
      </c>
      <c r="Y2237" s="47" t="s">
        <v>5331</v>
      </c>
      <c r="Z2237" s="28"/>
      <c r="AA2237" s="27"/>
      <c r="AB2237" s="27"/>
      <c r="AC2237" s="27"/>
      <c r="AD2237" s="30"/>
      <c r="AE2237" s="1"/>
      <c r="AF2237" s="23" t="s">
        <v>5331</v>
      </c>
      <c r="AG2237" s="26"/>
      <c r="AH2237" s="53"/>
    </row>
    <row r="2238" spans="1:34" ht="51.6" customHeight="1" x14ac:dyDescent="0.45">
      <c r="A2238" s="23">
        <v>2232</v>
      </c>
      <c r="B2238" s="25"/>
      <c r="C2238" s="25"/>
      <c r="D2238" s="29"/>
      <c r="E2238" s="1"/>
      <c r="F2238" s="1"/>
      <c r="G2238" s="25"/>
      <c r="H2238" s="71"/>
      <c r="I2238" s="83"/>
      <c r="J2238" s="50" t="str">
        <f t="shared" si="70"/>
        <v/>
      </c>
      <c r="K2238" s="23" t="s">
        <v>7120</v>
      </c>
      <c r="L2238" s="49" t="e">
        <f>VLOOKUP(E2238&amp;F2238,団体コード!$A$1:$C$1743,3,FALSE)</f>
        <v>#N/A</v>
      </c>
      <c r="M2238" s="49" t="e">
        <f>VLOOKUP(E2238&amp;F2238,団体コード!$A$1:$C$1743,2,FALSE)</f>
        <v>#N/A</v>
      </c>
      <c r="N2238" s="51" t="e">
        <f>VLOOKUP(E2238,団体コード!$E$1:$F$48,2,FALSE)</f>
        <v>#N/A</v>
      </c>
      <c r="O2238" s="51" t="e">
        <f t="shared" si="71"/>
        <v>#N/A</v>
      </c>
      <c r="P2238" s="51">
        <v>1</v>
      </c>
      <c r="Q2238" s="51" t="s">
        <v>5341</v>
      </c>
      <c r="R2238" s="54" t="b">
        <v>1</v>
      </c>
      <c r="S2238" s="52" t="s">
        <v>7126</v>
      </c>
      <c r="T2238" s="67" t="s">
        <v>7127</v>
      </c>
      <c r="U2238" s="75" t="s">
        <v>5331</v>
      </c>
      <c r="V2238" s="47" t="s">
        <v>5331</v>
      </c>
      <c r="W2238" s="47" t="s">
        <v>5331</v>
      </c>
      <c r="X2238" s="47" t="s">
        <v>5331</v>
      </c>
      <c r="Y2238" s="47" t="s">
        <v>5331</v>
      </c>
      <c r="Z2238" s="28"/>
      <c r="AA2238" s="27"/>
      <c r="AB2238" s="27"/>
      <c r="AC2238" s="27"/>
      <c r="AD2238" s="30"/>
      <c r="AE2238" s="1"/>
      <c r="AF2238" s="23" t="s">
        <v>5331</v>
      </c>
      <c r="AG2238" s="26"/>
      <c r="AH2238" s="53"/>
    </row>
    <row r="2239" spans="1:34" ht="51.6" customHeight="1" x14ac:dyDescent="0.45">
      <c r="A2239" s="23">
        <v>2233</v>
      </c>
      <c r="B2239" s="25"/>
      <c r="C2239" s="25"/>
      <c r="D2239" s="29"/>
      <c r="E2239" s="1"/>
      <c r="F2239" s="1"/>
      <c r="G2239" s="25"/>
      <c r="H2239" s="71"/>
      <c r="I2239" s="83"/>
      <c r="J2239" s="50" t="str">
        <f t="shared" si="70"/>
        <v/>
      </c>
      <c r="K2239" s="23" t="s">
        <v>7120</v>
      </c>
      <c r="L2239" s="49" t="e">
        <f>VLOOKUP(E2239&amp;F2239,団体コード!$A$1:$C$1743,3,FALSE)</f>
        <v>#N/A</v>
      </c>
      <c r="M2239" s="49" t="e">
        <f>VLOOKUP(E2239&amp;F2239,団体コード!$A$1:$C$1743,2,FALSE)</f>
        <v>#N/A</v>
      </c>
      <c r="N2239" s="51" t="e">
        <f>VLOOKUP(E2239,団体コード!$E$1:$F$48,2,FALSE)</f>
        <v>#N/A</v>
      </c>
      <c r="O2239" s="51" t="e">
        <f t="shared" si="71"/>
        <v>#N/A</v>
      </c>
      <c r="P2239" s="51">
        <v>1</v>
      </c>
      <c r="Q2239" s="51" t="s">
        <v>5341</v>
      </c>
      <c r="R2239" s="54" t="b">
        <v>1</v>
      </c>
      <c r="S2239" s="52" t="s">
        <v>7126</v>
      </c>
      <c r="T2239" s="67" t="s">
        <v>7127</v>
      </c>
      <c r="U2239" s="75" t="s">
        <v>5331</v>
      </c>
      <c r="V2239" s="47" t="s">
        <v>5331</v>
      </c>
      <c r="W2239" s="47" t="s">
        <v>5331</v>
      </c>
      <c r="X2239" s="47" t="s">
        <v>5331</v>
      </c>
      <c r="Y2239" s="47" t="s">
        <v>5331</v>
      </c>
      <c r="Z2239" s="28"/>
      <c r="AA2239" s="27"/>
      <c r="AB2239" s="27"/>
      <c r="AC2239" s="27"/>
      <c r="AD2239" s="30"/>
      <c r="AE2239" s="1"/>
      <c r="AF2239" s="23" t="s">
        <v>5331</v>
      </c>
      <c r="AG2239" s="26"/>
      <c r="AH2239" s="53"/>
    </row>
    <row r="2240" spans="1:34" ht="51.6" customHeight="1" x14ac:dyDescent="0.45">
      <c r="A2240" s="23">
        <v>2234</v>
      </c>
      <c r="B2240" s="25"/>
      <c r="C2240" s="25"/>
      <c r="D2240" s="29"/>
      <c r="E2240" s="1"/>
      <c r="F2240" s="1"/>
      <c r="G2240" s="25"/>
      <c r="H2240" s="71"/>
      <c r="I2240" s="83"/>
      <c r="J2240" s="50" t="str">
        <f t="shared" si="70"/>
        <v/>
      </c>
      <c r="K2240" s="23" t="s">
        <v>7120</v>
      </c>
      <c r="L2240" s="49" t="e">
        <f>VLOOKUP(E2240&amp;F2240,団体コード!$A$1:$C$1743,3,FALSE)</f>
        <v>#N/A</v>
      </c>
      <c r="M2240" s="49" t="e">
        <f>VLOOKUP(E2240&amp;F2240,団体コード!$A$1:$C$1743,2,FALSE)</f>
        <v>#N/A</v>
      </c>
      <c r="N2240" s="51" t="e">
        <f>VLOOKUP(E2240,団体コード!$E$1:$F$48,2,FALSE)</f>
        <v>#N/A</v>
      </c>
      <c r="O2240" s="51" t="e">
        <f t="shared" si="71"/>
        <v>#N/A</v>
      </c>
      <c r="P2240" s="51">
        <v>1</v>
      </c>
      <c r="Q2240" s="51" t="s">
        <v>5341</v>
      </c>
      <c r="R2240" s="54" t="b">
        <v>1</v>
      </c>
      <c r="S2240" s="52" t="s">
        <v>7126</v>
      </c>
      <c r="T2240" s="67" t="s">
        <v>7127</v>
      </c>
      <c r="U2240" s="75" t="s">
        <v>5331</v>
      </c>
      <c r="V2240" s="47" t="s">
        <v>5331</v>
      </c>
      <c r="W2240" s="47" t="s">
        <v>5331</v>
      </c>
      <c r="X2240" s="47" t="s">
        <v>5331</v>
      </c>
      <c r="Y2240" s="47" t="s">
        <v>5331</v>
      </c>
      <c r="Z2240" s="28"/>
      <c r="AA2240" s="27"/>
      <c r="AB2240" s="27"/>
      <c r="AC2240" s="27"/>
      <c r="AD2240" s="30"/>
      <c r="AE2240" s="1"/>
      <c r="AF2240" s="23" t="s">
        <v>5331</v>
      </c>
      <c r="AG2240" s="26"/>
      <c r="AH2240" s="53"/>
    </row>
    <row r="2241" spans="1:34" ht="51.6" customHeight="1" x14ac:dyDescent="0.45">
      <c r="A2241" s="23">
        <v>2235</v>
      </c>
      <c r="B2241" s="25"/>
      <c r="C2241" s="25"/>
      <c r="D2241" s="29"/>
      <c r="E2241" s="1"/>
      <c r="F2241" s="1"/>
      <c r="G2241" s="25"/>
      <c r="H2241" s="71"/>
      <c r="I2241" s="83"/>
      <c r="J2241" s="50" t="str">
        <f t="shared" si="70"/>
        <v/>
      </c>
      <c r="K2241" s="23" t="s">
        <v>7120</v>
      </c>
      <c r="L2241" s="49" t="e">
        <f>VLOOKUP(E2241&amp;F2241,団体コード!$A$1:$C$1743,3,FALSE)</f>
        <v>#N/A</v>
      </c>
      <c r="M2241" s="49" t="e">
        <f>VLOOKUP(E2241&amp;F2241,団体コード!$A$1:$C$1743,2,FALSE)</f>
        <v>#N/A</v>
      </c>
      <c r="N2241" s="51" t="e">
        <f>VLOOKUP(E2241,団体コード!$E$1:$F$48,2,FALSE)</f>
        <v>#N/A</v>
      </c>
      <c r="O2241" s="51" t="e">
        <f t="shared" si="71"/>
        <v>#N/A</v>
      </c>
      <c r="P2241" s="51">
        <v>1</v>
      </c>
      <c r="Q2241" s="51" t="s">
        <v>5341</v>
      </c>
      <c r="R2241" s="54" t="b">
        <v>1</v>
      </c>
      <c r="S2241" s="52" t="s">
        <v>7126</v>
      </c>
      <c r="T2241" s="67" t="s">
        <v>7127</v>
      </c>
      <c r="U2241" s="75" t="s">
        <v>5331</v>
      </c>
      <c r="V2241" s="47" t="s">
        <v>5331</v>
      </c>
      <c r="W2241" s="47" t="s">
        <v>5331</v>
      </c>
      <c r="X2241" s="47" t="s">
        <v>5331</v>
      </c>
      <c r="Y2241" s="47" t="s">
        <v>5331</v>
      </c>
      <c r="Z2241" s="28"/>
      <c r="AA2241" s="27"/>
      <c r="AB2241" s="27"/>
      <c r="AC2241" s="27"/>
      <c r="AD2241" s="30"/>
      <c r="AE2241" s="1"/>
      <c r="AF2241" s="23" t="s">
        <v>5331</v>
      </c>
      <c r="AG2241" s="26"/>
      <c r="AH2241" s="53"/>
    </row>
    <row r="2242" spans="1:34" ht="51.6" customHeight="1" x14ac:dyDescent="0.45">
      <c r="A2242" s="23">
        <v>2236</v>
      </c>
      <c r="B2242" s="25"/>
      <c r="C2242" s="25"/>
      <c r="D2242" s="29"/>
      <c r="E2242" s="1"/>
      <c r="F2242" s="1"/>
      <c r="G2242" s="25"/>
      <c r="H2242" s="71"/>
      <c r="I2242" s="83"/>
      <c r="J2242" s="50" t="str">
        <f t="shared" si="70"/>
        <v/>
      </c>
      <c r="K2242" s="23" t="s">
        <v>7120</v>
      </c>
      <c r="L2242" s="49" t="e">
        <f>VLOOKUP(E2242&amp;F2242,団体コード!$A$1:$C$1743,3,FALSE)</f>
        <v>#N/A</v>
      </c>
      <c r="M2242" s="49" t="e">
        <f>VLOOKUP(E2242&amp;F2242,団体コード!$A$1:$C$1743,2,FALSE)</f>
        <v>#N/A</v>
      </c>
      <c r="N2242" s="51" t="e">
        <f>VLOOKUP(E2242,団体コード!$E$1:$F$48,2,FALSE)</f>
        <v>#N/A</v>
      </c>
      <c r="O2242" s="51" t="e">
        <f t="shared" si="71"/>
        <v>#N/A</v>
      </c>
      <c r="P2242" s="51">
        <v>1</v>
      </c>
      <c r="Q2242" s="51" t="s">
        <v>5341</v>
      </c>
      <c r="R2242" s="54" t="b">
        <v>1</v>
      </c>
      <c r="S2242" s="52" t="s">
        <v>7126</v>
      </c>
      <c r="T2242" s="67" t="s">
        <v>7127</v>
      </c>
      <c r="U2242" s="75" t="s">
        <v>5331</v>
      </c>
      <c r="V2242" s="47" t="s">
        <v>5331</v>
      </c>
      <c r="W2242" s="47" t="s">
        <v>5331</v>
      </c>
      <c r="X2242" s="47" t="s">
        <v>5331</v>
      </c>
      <c r="Y2242" s="47" t="s">
        <v>5331</v>
      </c>
      <c r="Z2242" s="28"/>
      <c r="AA2242" s="27"/>
      <c r="AB2242" s="27"/>
      <c r="AC2242" s="27"/>
      <c r="AD2242" s="30"/>
      <c r="AE2242" s="1"/>
      <c r="AF2242" s="23" t="s">
        <v>5331</v>
      </c>
      <c r="AG2242" s="26"/>
      <c r="AH2242" s="53"/>
    </row>
    <row r="2243" spans="1:34" ht="51.6" customHeight="1" x14ac:dyDescent="0.45">
      <c r="A2243" s="23">
        <v>2237</v>
      </c>
      <c r="B2243" s="25"/>
      <c r="C2243" s="25"/>
      <c r="D2243" s="29"/>
      <c r="E2243" s="1"/>
      <c r="F2243" s="1"/>
      <c r="G2243" s="25"/>
      <c r="H2243" s="71"/>
      <c r="I2243" s="83"/>
      <c r="J2243" s="50" t="str">
        <f t="shared" si="70"/>
        <v/>
      </c>
      <c r="K2243" s="23" t="s">
        <v>7120</v>
      </c>
      <c r="L2243" s="49" t="e">
        <f>VLOOKUP(E2243&amp;F2243,団体コード!$A$1:$C$1743,3,FALSE)</f>
        <v>#N/A</v>
      </c>
      <c r="M2243" s="49" t="e">
        <f>VLOOKUP(E2243&amp;F2243,団体コード!$A$1:$C$1743,2,FALSE)</f>
        <v>#N/A</v>
      </c>
      <c r="N2243" s="51" t="e">
        <f>VLOOKUP(E2243,団体コード!$E$1:$F$48,2,FALSE)</f>
        <v>#N/A</v>
      </c>
      <c r="O2243" s="51" t="e">
        <f t="shared" si="71"/>
        <v>#N/A</v>
      </c>
      <c r="P2243" s="51">
        <v>1</v>
      </c>
      <c r="Q2243" s="51" t="s">
        <v>5341</v>
      </c>
      <c r="R2243" s="54" t="b">
        <v>1</v>
      </c>
      <c r="S2243" s="52" t="s">
        <v>7126</v>
      </c>
      <c r="T2243" s="67" t="s">
        <v>7127</v>
      </c>
      <c r="U2243" s="75" t="s">
        <v>5331</v>
      </c>
      <c r="V2243" s="47" t="s">
        <v>5331</v>
      </c>
      <c r="W2243" s="47" t="s">
        <v>5331</v>
      </c>
      <c r="X2243" s="47" t="s">
        <v>5331</v>
      </c>
      <c r="Y2243" s="47" t="s">
        <v>5331</v>
      </c>
      <c r="Z2243" s="28"/>
      <c r="AA2243" s="27"/>
      <c r="AB2243" s="27"/>
      <c r="AC2243" s="27"/>
      <c r="AD2243" s="30"/>
      <c r="AE2243" s="1"/>
      <c r="AF2243" s="23" t="s">
        <v>5331</v>
      </c>
      <c r="AG2243" s="26"/>
      <c r="AH2243" s="53"/>
    </row>
    <row r="2244" spans="1:34" ht="51.6" customHeight="1" x14ac:dyDescent="0.45">
      <c r="A2244" s="23">
        <v>2238</v>
      </c>
      <c r="B2244" s="25"/>
      <c r="C2244" s="25"/>
      <c r="D2244" s="29"/>
      <c r="E2244" s="1"/>
      <c r="F2244" s="1"/>
      <c r="G2244" s="25"/>
      <c r="H2244" s="71"/>
      <c r="I2244" s="83"/>
      <c r="J2244" s="50" t="str">
        <f t="shared" si="70"/>
        <v/>
      </c>
      <c r="K2244" s="23" t="s">
        <v>7120</v>
      </c>
      <c r="L2244" s="49" t="e">
        <f>VLOOKUP(E2244&amp;F2244,団体コード!$A$1:$C$1743,3,FALSE)</f>
        <v>#N/A</v>
      </c>
      <c r="M2244" s="49" t="e">
        <f>VLOOKUP(E2244&amp;F2244,団体コード!$A$1:$C$1743,2,FALSE)</f>
        <v>#N/A</v>
      </c>
      <c r="N2244" s="51" t="e">
        <f>VLOOKUP(E2244,団体コード!$E$1:$F$48,2,FALSE)</f>
        <v>#N/A</v>
      </c>
      <c r="O2244" s="51" t="e">
        <f t="shared" si="71"/>
        <v>#N/A</v>
      </c>
      <c r="P2244" s="51">
        <v>1</v>
      </c>
      <c r="Q2244" s="51" t="s">
        <v>5341</v>
      </c>
      <c r="R2244" s="54" t="b">
        <v>1</v>
      </c>
      <c r="S2244" s="52" t="s">
        <v>7126</v>
      </c>
      <c r="T2244" s="67" t="s">
        <v>7127</v>
      </c>
      <c r="U2244" s="75" t="s">
        <v>5331</v>
      </c>
      <c r="V2244" s="47" t="s">
        <v>5331</v>
      </c>
      <c r="W2244" s="47" t="s">
        <v>5331</v>
      </c>
      <c r="X2244" s="47" t="s">
        <v>5331</v>
      </c>
      <c r="Y2244" s="47" t="s">
        <v>5331</v>
      </c>
      <c r="Z2244" s="28"/>
      <c r="AA2244" s="27"/>
      <c r="AB2244" s="27"/>
      <c r="AC2244" s="27"/>
      <c r="AD2244" s="30"/>
      <c r="AE2244" s="1"/>
      <c r="AF2244" s="23" t="s">
        <v>5331</v>
      </c>
      <c r="AG2244" s="26"/>
      <c r="AH2244" s="53"/>
    </row>
    <row r="2245" spans="1:34" ht="51.6" customHeight="1" x14ac:dyDescent="0.45">
      <c r="A2245" s="23">
        <v>2239</v>
      </c>
      <c r="B2245" s="25"/>
      <c r="C2245" s="25"/>
      <c r="D2245" s="29"/>
      <c r="E2245" s="1"/>
      <c r="F2245" s="1"/>
      <c r="G2245" s="25"/>
      <c r="H2245" s="71"/>
      <c r="I2245" s="83"/>
      <c r="J2245" s="50" t="str">
        <f t="shared" si="70"/>
        <v/>
      </c>
      <c r="K2245" s="23" t="s">
        <v>7120</v>
      </c>
      <c r="L2245" s="49" t="e">
        <f>VLOOKUP(E2245&amp;F2245,団体コード!$A$1:$C$1743,3,FALSE)</f>
        <v>#N/A</v>
      </c>
      <c r="M2245" s="49" t="e">
        <f>VLOOKUP(E2245&amp;F2245,団体コード!$A$1:$C$1743,2,FALSE)</f>
        <v>#N/A</v>
      </c>
      <c r="N2245" s="51" t="e">
        <f>VLOOKUP(E2245,団体コード!$E$1:$F$48,2,FALSE)</f>
        <v>#N/A</v>
      </c>
      <c r="O2245" s="51" t="e">
        <f t="shared" si="71"/>
        <v>#N/A</v>
      </c>
      <c r="P2245" s="51">
        <v>1</v>
      </c>
      <c r="Q2245" s="51" t="s">
        <v>5341</v>
      </c>
      <c r="R2245" s="54" t="b">
        <v>1</v>
      </c>
      <c r="S2245" s="52" t="s">
        <v>7126</v>
      </c>
      <c r="T2245" s="67" t="s">
        <v>7127</v>
      </c>
      <c r="U2245" s="75" t="s">
        <v>5331</v>
      </c>
      <c r="V2245" s="47" t="s">
        <v>5331</v>
      </c>
      <c r="W2245" s="47" t="s">
        <v>5331</v>
      </c>
      <c r="X2245" s="47" t="s">
        <v>5331</v>
      </c>
      <c r="Y2245" s="47" t="s">
        <v>5331</v>
      </c>
      <c r="Z2245" s="28"/>
      <c r="AA2245" s="27"/>
      <c r="AB2245" s="27"/>
      <c r="AC2245" s="27"/>
      <c r="AD2245" s="30"/>
      <c r="AE2245" s="1"/>
      <c r="AF2245" s="23" t="s">
        <v>5331</v>
      </c>
      <c r="AG2245" s="26"/>
      <c r="AH2245" s="53"/>
    </row>
    <row r="2246" spans="1:34" ht="51.6" customHeight="1" x14ac:dyDescent="0.45">
      <c r="A2246" s="23">
        <v>2240</v>
      </c>
      <c r="B2246" s="25"/>
      <c r="C2246" s="25"/>
      <c r="D2246" s="29"/>
      <c r="E2246" s="1"/>
      <c r="F2246" s="1"/>
      <c r="G2246" s="25"/>
      <c r="H2246" s="71"/>
      <c r="I2246" s="83"/>
      <c r="J2246" s="50" t="str">
        <f t="shared" si="70"/>
        <v/>
      </c>
      <c r="K2246" s="23" t="s">
        <v>7120</v>
      </c>
      <c r="L2246" s="49" t="e">
        <f>VLOOKUP(E2246&amp;F2246,団体コード!$A$1:$C$1743,3,FALSE)</f>
        <v>#N/A</v>
      </c>
      <c r="M2246" s="49" t="e">
        <f>VLOOKUP(E2246&amp;F2246,団体コード!$A$1:$C$1743,2,FALSE)</f>
        <v>#N/A</v>
      </c>
      <c r="N2246" s="51" t="e">
        <f>VLOOKUP(E2246,団体コード!$E$1:$F$48,2,FALSE)</f>
        <v>#N/A</v>
      </c>
      <c r="O2246" s="51" t="e">
        <f t="shared" si="71"/>
        <v>#N/A</v>
      </c>
      <c r="P2246" s="51">
        <v>1</v>
      </c>
      <c r="Q2246" s="51" t="s">
        <v>5341</v>
      </c>
      <c r="R2246" s="54" t="b">
        <v>1</v>
      </c>
      <c r="S2246" s="52" t="s">
        <v>7126</v>
      </c>
      <c r="T2246" s="67" t="s">
        <v>7127</v>
      </c>
      <c r="U2246" s="75" t="s">
        <v>5331</v>
      </c>
      <c r="V2246" s="47" t="s">
        <v>5331</v>
      </c>
      <c r="W2246" s="47" t="s">
        <v>5331</v>
      </c>
      <c r="X2246" s="47" t="s">
        <v>5331</v>
      </c>
      <c r="Y2246" s="47" t="s">
        <v>5331</v>
      </c>
      <c r="Z2246" s="28"/>
      <c r="AA2246" s="27"/>
      <c r="AB2246" s="27"/>
      <c r="AC2246" s="27"/>
      <c r="AD2246" s="30"/>
      <c r="AE2246" s="1"/>
      <c r="AF2246" s="23" t="s">
        <v>5331</v>
      </c>
      <c r="AG2246" s="26"/>
      <c r="AH2246" s="53"/>
    </row>
    <row r="2247" spans="1:34" ht="51.6" customHeight="1" x14ac:dyDescent="0.45">
      <c r="A2247" s="23">
        <v>2241</v>
      </c>
      <c r="B2247" s="25"/>
      <c r="C2247" s="25"/>
      <c r="D2247" s="29"/>
      <c r="E2247" s="1"/>
      <c r="F2247" s="1"/>
      <c r="G2247" s="25"/>
      <c r="H2247" s="71"/>
      <c r="I2247" s="83"/>
      <c r="J2247" s="50" t="str">
        <f t="shared" si="70"/>
        <v/>
      </c>
      <c r="K2247" s="23" t="s">
        <v>7120</v>
      </c>
      <c r="L2247" s="49" t="e">
        <f>VLOOKUP(E2247&amp;F2247,団体コード!$A$1:$C$1743,3,FALSE)</f>
        <v>#N/A</v>
      </c>
      <c r="M2247" s="49" t="e">
        <f>VLOOKUP(E2247&amp;F2247,団体コード!$A$1:$C$1743,2,FALSE)</f>
        <v>#N/A</v>
      </c>
      <c r="N2247" s="51" t="e">
        <f>VLOOKUP(E2247,団体コード!$E$1:$F$48,2,FALSE)</f>
        <v>#N/A</v>
      </c>
      <c r="O2247" s="51" t="e">
        <f t="shared" si="71"/>
        <v>#N/A</v>
      </c>
      <c r="P2247" s="51">
        <v>1</v>
      </c>
      <c r="Q2247" s="51" t="s">
        <v>5341</v>
      </c>
      <c r="R2247" s="54" t="b">
        <v>1</v>
      </c>
      <c r="S2247" s="52" t="s">
        <v>7126</v>
      </c>
      <c r="T2247" s="67" t="s">
        <v>7127</v>
      </c>
      <c r="U2247" s="75" t="s">
        <v>5331</v>
      </c>
      <c r="V2247" s="47" t="s">
        <v>5331</v>
      </c>
      <c r="W2247" s="47" t="s">
        <v>5331</v>
      </c>
      <c r="X2247" s="47" t="s">
        <v>5331</v>
      </c>
      <c r="Y2247" s="47" t="s">
        <v>5331</v>
      </c>
      <c r="Z2247" s="28"/>
      <c r="AA2247" s="27"/>
      <c r="AB2247" s="27"/>
      <c r="AC2247" s="27"/>
      <c r="AD2247" s="30"/>
      <c r="AE2247" s="1"/>
      <c r="AF2247" s="23" t="s">
        <v>5331</v>
      </c>
      <c r="AG2247" s="26"/>
      <c r="AH2247" s="53"/>
    </row>
    <row r="2248" spans="1:34" ht="51.6" customHeight="1" x14ac:dyDescent="0.45">
      <c r="A2248" s="23">
        <v>2242</v>
      </c>
      <c r="B2248" s="25"/>
      <c r="C2248" s="25"/>
      <c r="D2248" s="29"/>
      <c r="E2248" s="1"/>
      <c r="F2248" s="1"/>
      <c r="G2248" s="25"/>
      <c r="H2248" s="71"/>
      <c r="I2248" s="83"/>
      <c r="J2248" s="50" t="str">
        <f t="shared" ref="J2248:J2311" si="72">E2248&amp;F2248&amp;G2248</f>
        <v/>
      </c>
      <c r="K2248" s="23" t="s">
        <v>7120</v>
      </c>
      <c r="L2248" s="49" t="e">
        <f>VLOOKUP(E2248&amp;F2248,団体コード!$A$1:$C$1743,3,FALSE)</f>
        <v>#N/A</v>
      </c>
      <c r="M2248" s="49" t="e">
        <f>VLOOKUP(E2248&amp;F2248,団体コード!$A$1:$C$1743,2,FALSE)</f>
        <v>#N/A</v>
      </c>
      <c r="N2248" s="51" t="e">
        <f>VLOOKUP(E2248,団体コード!$E$1:$F$48,2,FALSE)</f>
        <v>#N/A</v>
      </c>
      <c r="O2248" s="51" t="e">
        <f t="shared" ref="O2248:O2311" si="73">N2248</f>
        <v>#N/A</v>
      </c>
      <c r="P2248" s="51">
        <v>1</v>
      </c>
      <c r="Q2248" s="51" t="s">
        <v>5341</v>
      </c>
      <c r="R2248" s="54" t="b">
        <v>1</v>
      </c>
      <c r="S2248" s="52" t="s">
        <v>7126</v>
      </c>
      <c r="T2248" s="67" t="s">
        <v>7127</v>
      </c>
      <c r="U2248" s="75" t="s">
        <v>5331</v>
      </c>
      <c r="V2248" s="47" t="s">
        <v>5331</v>
      </c>
      <c r="W2248" s="47" t="s">
        <v>5331</v>
      </c>
      <c r="X2248" s="47" t="s">
        <v>5331</v>
      </c>
      <c r="Y2248" s="47" t="s">
        <v>5331</v>
      </c>
      <c r="Z2248" s="28"/>
      <c r="AA2248" s="27"/>
      <c r="AB2248" s="27"/>
      <c r="AC2248" s="27"/>
      <c r="AD2248" s="30"/>
      <c r="AE2248" s="1"/>
      <c r="AF2248" s="23" t="s">
        <v>5331</v>
      </c>
      <c r="AG2248" s="26"/>
      <c r="AH2248" s="53"/>
    </row>
    <row r="2249" spans="1:34" ht="51.6" customHeight="1" x14ac:dyDescent="0.45">
      <c r="A2249" s="23">
        <v>2243</v>
      </c>
      <c r="B2249" s="25"/>
      <c r="C2249" s="25"/>
      <c r="D2249" s="29"/>
      <c r="E2249" s="1"/>
      <c r="F2249" s="1"/>
      <c r="G2249" s="25"/>
      <c r="H2249" s="71"/>
      <c r="I2249" s="83"/>
      <c r="J2249" s="50" t="str">
        <f t="shared" si="72"/>
        <v/>
      </c>
      <c r="K2249" s="23" t="s">
        <v>7120</v>
      </c>
      <c r="L2249" s="49" t="e">
        <f>VLOOKUP(E2249&amp;F2249,団体コード!$A$1:$C$1743,3,FALSE)</f>
        <v>#N/A</v>
      </c>
      <c r="M2249" s="49" t="e">
        <f>VLOOKUP(E2249&amp;F2249,団体コード!$A$1:$C$1743,2,FALSE)</f>
        <v>#N/A</v>
      </c>
      <c r="N2249" s="51" t="e">
        <f>VLOOKUP(E2249,団体コード!$E$1:$F$48,2,FALSE)</f>
        <v>#N/A</v>
      </c>
      <c r="O2249" s="51" t="e">
        <f t="shared" si="73"/>
        <v>#N/A</v>
      </c>
      <c r="P2249" s="51">
        <v>1</v>
      </c>
      <c r="Q2249" s="51" t="s">
        <v>5341</v>
      </c>
      <c r="R2249" s="54" t="b">
        <v>1</v>
      </c>
      <c r="S2249" s="52" t="s">
        <v>7126</v>
      </c>
      <c r="T2249" s="67" t="s">
        <v>7127</v>
      </c>
      <c r="U2249" s="75" t="s">
        <v>5331</v>
      </c>
      <c r="V2249" s="47" t="s">
        <v>5331</v>
      </c>
      <c r="W2249" s="47" t="s">
        <v>5331</v>
      </c>
      <c r="X2249" s="47" t="s">
        <v>5331</v>
      </c>
      <c r="Y2249" s="47" t="s">
        <v>5331</v>
      </c>
      <c r="Z2249" s="28"/>
      <c r="AA2249" s="27"/>
      <c r="AB2249" s="27"/>
      <c r="AC2249" s="27"/>
      <c r="AD2249" s="30"/>
      <c r="AE2249" s="1"/>
      <c r="AF2249" s="23" t="s">
        <v>5331</v>
      </c>
      <c r="AG2249" s="26"/>
      <c r="AH2249" s="53"/>
    </row>
    <row r="2250" spans="1:34" ht="51.6" customHeight="1" x14ac:dyDescent="0.45">
      <c r="A2250" s="23">
        <v>2244</v>
      </c>
      <c r="B2250" s="25"/>
      <c r="C2250" s="25"/>
      <c r="D2250" s="29"/>
      <c r="E2250" s="1"/>
      <c r="F2250" s="1"/>
      <c r="G2250" s="25"/>
      <c r="H2250" s="71"/>
      <c r="I2250" s="83"/>
      <c r="J2250" s="50" t="str">
        <f t="shared" si="72"/>
        <v/>
      </c>
      <c r="K2250" s="23" t="s">
        <v>7120</v>
      </c>
      <c r="L2250" s="49" t="e">
        <f>VLOOKUP(E2250&amp;F2250,団体コード!$A$1:$C$1743,3,FALSE)</f>
        <v>#N/A</v>
      </c>
      <c r="M2250" s="49" t="e">
        <f>VLOOKUP(E2250&amp;F2250,団体コード!$A$1:$C$1743,2,FALSE)</f>
        <v>#N/A</v>
      </c>
      <c r="N2250" s="51" t="e">
        <f>VLOOKUP(E2250,団体コード!$E$1:$F$48,2,FALSE)</f>
        <v>#N/A</v>
      </c>
      <c r="O2250" s="51" t="e">
        <f t="shared" si="73"/>
        <v>#N/A</v>
      </c>
      <c r="P2250" s="51">
        <v>1</v>
      </c>
      <c r="Q2250" s="51" t="s">
        <v>5341</v>
      </c>
      <c r="R2250" s="54" t="b">
        <v>1</v>
      </c>
      <c r="S2250" s="52" t="s">
        <v>7126</v>
      </c>
      <c r="T2250" s="67" t="s">
        <v>7127</v>
      </c>
      <c r="U2250" s="75" t="s">
        <v>5331</v>
      </c>
      <c r="V2250" s="47" t="s">
        <v>5331</v>
      </c>
      <c r="W2250" s="47" t="s">
        <v>5331</v>
      </c>
      <c r="X2250" s="47" t="s">
        <v>5331</v>
      </c>
      <c r="Y2250" s="47" t="s">
        <v>5331</v>
      </c>
      <c r="Z2250" s="28"/>
      <c r="AA2250" s="27"/>
      <c r="AB2250" s="27"/>
      <c r="AC2250" s="27"/>
      <c r="AD2250" s="30"/>
      <c r="AE2250" s="1"/>
      <c r="AF2250" s="23" t="s">
        <v>5331</v>
      </c>
      <c r="AG2250" s="26"/>
      <c r="AH2250" s="53"/>
    </row>
    <row r="2251" spans="1:34" ht="51.6" customHeight="1" x14ac:dyDescent="0.45">
      <c r="A2251" s="23">
        <v>2245</v>
      </c>
      <c r="B2251" s="25"/>
      <c r="C2251" s="25"/>
      <c r="D2251" s="29"/>
      <c r="E2251" s="1"/>
      <c r="F2251" s="1"/>
      <c r="G2251" s="25"/>
      <c r="H2251" s="71"/>
      <c r="I2251" s="83"/>
      <c r="J2251" s="50" t="str">
        <f t="shared" si="72"/>
        <v/>
      </c>
      <c r="K2251" s="23" t="s">
        <v>7120</v>
      </c>
      <c r="L2251" s="49" t="e">
        <f>VLOOKUP(E2251&amp;F2251,団体コード!$A$1:$C$1743,3,FALSE)</f>
        <v>#N/A</v>
      </c>
      <c r="M2251" s="49" t="e">
        <f>VLOOKUP(E2251&amp;F2251,団体コード!$A$1:$C$1743,2,FALSE)</f>
        <v>#N/A</v>
      </c>
      <c r="N2251" s="51" t="e">
        <f>VLOOKUP(E2251,団体コード!$E$1:$F$48,2,FALSE)</f>
        <v>#N/A</v>
      </c>
      <c r="O2251" s="51" t="e">
        <f t="shared" si="73"/>
        <v>#N/A</v>
      </c>
      <c r="P2251" s="51">
        <v>1</v>
      </c>
      <c r="Q2251" s="51" t="s">
        <v>5341</v>
      </c>
      <c r="R2251" s="54" t="b">
        <v>1</v>
      </c>
      <c r="S2251" s="52" t="s">
        <v>7126</v>
      </c>
      <c r="T2251" s="67" t="s">
        <v>7127</v>
      </c>
      <c r="U2251" s="75" t="s">
        <v>5331</v>
      </c>
      <c r="V2251" s="47" t="s">
        <v>5331</v>
      </c>
      <c r="W2251" s="47" t="s">
        <v>5331</v>
      </c>
      <c r="X2251" s="47" t="s">
        <v>5331</v>
      </c>
      <c r="Y2251" s="47" t="s">
        <v>5331</v>
      </c>
      <c r="Z2251" s="28"/>
      <c r="AA2251" s="27"/>
      <c r="AB2251" s="27"/>
      <c r="AC2251" s="27"/>
      <c r="AD2251" s="30"/>
      <c r="AE2251" s="1"/>
      <c r="AF2251" s="23" t="s">
        <v>5331</v>
      </c>
      <c r="AG2251" s="26"/>
      <c r="AH2251" s="53"/>
    </row>
    <row r="2252" spans="1:34" ht="51.6" customHeight="1" x14ac:dyDescent="0.45">
      <c r="A2252" s="23">
        <v>2246</v>
      </c>
      <c r="B2252" s="25"/>
      <c r="C2252" s="25"/>
      <c r="D2252" s="29"/>
      <c r="E2252" s="1"/>
      <c r="F2252" s="1"/>
      <c r="G2252" s="25"/>
      <c r="H2252" s="71"/>
      <c r="I2252" s="83"/>
      <c r="J2252" s="50" t="str">
        <f t="shared" si="72"/>
        <v/>
      </c>
      <c r="K2252" s="23" t="s">
        <v>7120</v>
      </c>
      <c r="L2252" s="49" t="e">
        <f>VLOOKUP(E2252&amp;F2252,団体コード!$A$1:$C$1743,3,FALSE)</f>
        <v>#N/A</v>
      </c>
      <c r="M2252" s="49" t="e">
        <f>VLOOKUP(E2252&amp;F2252,団体コード!$A$1:$C$1743,2,FALSE)</f>
        <v>#N/A</v>
      </c>
      <c r="N2252" s="51" t="e">
        <f>VLOOKUP(E2252,団体コード!$E$1:$F$48,2,FALSE)</f>
        <v>#N/A</v>
      </c>
      <c r="O2252" s="51" t="e">
        <f t="shared" si="73"/>
        <v>#N/A</v>
      </c>
      <c r="P2252" s="51">
        <v>1</v>
      </c>
      <c r="Q2252" s="51" t="s">
        <v>5341</v>
      </c>
      <c r="R2252" s="54" t="b">
        <v>1</v>
      </c>
      <c r="S2252" s="52" t="s">
        <v>7126</v>
      </c>
      <c r="T2252" s="67" t="s">
        <v>7127</v>
      </c>
      <c r="U2252" s="75" t="s">
        <v>5331</v>
      </c>
      <c r="V2252" s="47" t="s">
        <v>5331</v>
      </c>
      <c r="W2252" s="47" t="s">
        <v>5331</v>
      </c>
      <c r="X2252" s="47" t="s">
        <v>5331</v>
      </c>
      <c r="Y2252" s="47" t="s">
        <v>5331</v>
      </c>
      <c r="Z2252" s="28"/>
      <c r="AA2252" s="27"/>
      <c r="AB2252" s="27"/>
      <c r="AC2252" s="27"/>
      <c r="AD2252" s="30"/>
      <c r="AE2252" s="1"/>
      <c r="AF2252" s="23" t="s">
        <v>5331</v>
      </c>
      <c r="AG2252" s="26"/>
      <c r="AH2252" s="53"/>
    </row>
    <row r="2253" spans="1:34" ht="51.6" customHeight="1" x14ac:dyDescent="0.45">
      <c r="A2253" s="23">
        <v>2247</v>
      </c>
      <c r="B2253" s="25"/>
      <c r="C2253" s="25"/>
      <c r="D2253" s="29"/>
      <c r="E2253" s="1"/>
      <c r="F2253" s="1"/>
      <c r="G2253" s="25"/>
      <c r="H2253" s="71"/>
      <c r="I2253" s="83"/>
      <c r="J2253" s="50" t="str">
        <f t="shared" si="72"/>
        <v/>
      </c>
      <c r="K2253" s="23" t="s">
        <v>7120</v>
      </c>
      <c r="L2253" s="49" t="e">
        <f>VLOOKUP(E2253&amp;F2253,団体コード!$A$1:$C$1743,3,FALSE)</f>
        <v>#N/A</v>
      </c>
      <c r="M2253" s="49" t="e">
        <f>VLOOKUP(E2253&amp;F2253,団体コード!$A$1:$C$1743,2,FALSE)</f>
        <v>#N/A</v>
      </c>
      <c r="N2253" s="51" t="e">
        <f>VLOOKUP(E2253,団体コード!$E$1:$F$48,2,FALSE)</f>
        <v>#N/A</v>
      </c>
      <c r="O2253" s="51" t="e">
        <f t="shared" si="73"/>
        <v>#N/A</v>
      </c>
      <c r="P2253" s="51">
        <v>1</v>
      </c>
      <c r="Q2253" s="51" t="s">
        <v>5341</v>
      </c>
      <c r="R2253" s="54" t="b">
        <v>1</v>
      </c>
      <c r="S2253" s="52" t="s">
        <v>7126</v>
      </c>
      <c r="T2253" s="67" t="s">
        <v>7127</v>
      </c>
      <c r="U2253" s="75" t="s">
        <v>5331</v>
      </c>
      <c r="V2253" s="47" t="s">
        <v>5331</v>
      </c>
      <c r="W2253" s="47" t="s">
        <v>5331</v>
      </c>
      <c r="X2253" s="47" t="s">
        <v>5331</v>
      </c>
      <c r="Y2253" s="47" t="s">
        <v>5331</v>
      </c>
      <c r="Z2253" s="28"/>
      <c r="AA2253" s="27"/>
      <c r="AB2253" s="27"/>
      <c r="AC2253" s="27"/>
      <c r="AD2253" s="30"/>
      <c r="AE2253" s="1"/>
      <c r="AF2253" s="23" t="s">
        <v>5331</v>
      </c>
      <c r="AG2253" s="26"/>
      <c r="AH2253" s="53"/>
    </row>
    <row r="2254" spans="1:34" ht="51.6" customHeight="1" x14ac:dyDescent="0.45">
      <c r="A2254" s="23">
        <v>2248</v>
      </c>
      <c r="B2254" s="25"/>
      <c r="C2254" s="25"/>
      <c r="D2254" s="29"/>
      <c r="E2254" s="1"/>
      <c r="F2254" s="1"/>
      <c r="G2254" s="25"/>
      <c r="H2254" s="71"/>
      <c r="I2254" s="83"/>
      <c r="J2254" s="50" t="str">
        <f t="shared" si="72"/>
        <v/>
      </c>
      <c r="K2254" s="23" t="s">
        <v>7120</v>
      </c>
      <c r="L2254" s="49" t="e">
        <f>VLOOKUP(E2254&amp;F2254,団体コード!$A$1:$C$1743,3,FALSE)</f>
        <v>#N/A</v>
      </c>
      <c r="M2254" s="49" t="e">
        <f>VLOOKUP(E2254&amp;F2254,団体コード!$A$1:$C$1743,2,FALSE)</f>
        <v>#N/A</v>
      </c>
      <c r="N2254" s="51" t="e">
        <f>VLOOKUP(E2254,団体コード!$E$1:$F$48,2,FALSE)</f>
        <v>#N/A</v>
      </c>
      <c r="O2254" s="51" t="e">
        <f t="shared" si="73"/>
        <v>#N/A</v>
      </c>
      <c r="P2254" s="51">
        <v>1</v>
      </c>
      <c r="Q2254" s="51" t="s">
        <v>5341</v>
      </c>
      <c r="R2254" s="54" t="b">
        <v>1</v>
      </c>
      <c r="S2254" s="52" t="s">
        <v>7126</v>
      </c>
      <c r="T2254" s="67" t="s">
        <v>7127</v>
      </c>
      <c r="U2254" s="75" t="s">
        <v>5331</v>
      </c>
      <c r="V2254" s="47" t="s">
        <v>5331</v>
      </c>
      <c r="W2254" s="47" t="s">
        <v>5331</v>
      </c>
      <c r="X2254" s="47" t="s">
        <v>5331</v>
      </c>
      <c r="Y2254" s="47" t="s">
        <v>5331</v>
      </c>
      <c r="Z2254" s="28"/>
      <c r="AA2254" s="27"/>
      <c r="AB2254" s="27"/>
      <c r="AC2254" s="27"/>
      <c r="AD2254" s="30"/>
      <c r="AE2254" s="1"/>
      <c r="AF2254" s="23" t="s">
        <v>5331</v>
      </c>
      <c r="AG2254" s="26"/>
      <c r="AH2254" s="53"/>
    </row>
    <row r="2255" spans="1:34" ht="51.6" customHeight="1" x14ac:dyDescent="0.45">
      <c r="A2255" s="23">
        <v>2249</v>
      </c>
      <c r="B2255" s="25"/>
      <c r="C2255" s="25"/>
      <c r="D2255" s="29"/>
      <c r="E2255" s="1"/>
      <c r="F2255" s="1"/>
      <c r="G2255" s="25"/>
      <c r="H2255" s="71"/>
      <c r="I2255" s="83"/>
      <c r="J2255" s="50" t="str">
        <f t="shared" si="72"/>
        <v/>
      </c>
      <c r="K2255" s="23" t="s">
        <v>7120</v>
      </c>
      <c r="L2255" s="49" t="e">
        <f>VLOOKUP(E2255&amp;F2255,団体コード!$A$1:$C$1743,3,FALSE)</f>
        <v>#N/A</v>
      </c>
      <c r="M2255" s="49" t="e">
        <f>VLOOKUP(E2255&amp;F2255,団体コード!$A$1:$C$1743,2,FALSE)</f>
        <v>#N/A</v>
      </c>
      <c r="N2255" s="51" t="e">
        <f>VLOOKUP(E2255,団体コード!$E$1:$F$48,2,FALSE)</f>
        <v>#N/A</v>
      </c>
      <c r="O2255" s="51" t="e">
        <f t="shared" si="73"/>
        <v>#N/A</v>
      </c>
      <c r="P2255" s="51">
        <v>1</v>
      </c>
      <c r="Q2255" s="51" t="s">
        <v>5341</v>
      </c>
      <c r="R2255" s="54" t="b">
        <v>1</v>
      </c>
      <c r="S2255" s="52" t="s">
        <v>7126</v>
      </c>
      <c r="T2255" s="67" t="s">
        <v>7127</v>
      </c>
      <c r="U2255" s="75" t="s">
        <v>5331</v>
      </c>
      <c r="V2255" s="47" t="s">
        <v>5331</v>
      </c>
      <c r="W2255" s="47" t="s">
        <v>5331</v>
      </c>
      <c r="X2255" s="47" t="s">
        <v>5331</v>
      </c>
      <c r="Y2255" s="47" t="s">
        <v>5331</v>
      </c>
      <c r="Z2255" s="28"/>
      <c r="AA2255" s="27"/>
      <c r="AB2255" s="27"/>
      <c r="AC2255" s="27"/>
      <c r="AD2255" s="30"/>
      <c r="AE2255" s="1"/>
      <c r="AF2255" s="23" t="s">
        <v>5331</v>
      </c>
      <c r="AG2255" s="26"/>
      <c r="AH2255" s="53"/>
    </row>
    <row r="2256" spans="1:34" ht="51.6" customHeight="1" x14ac:dyDescent="0.45">
      <c r="A2256" s="23">
        <v>2250</v>
      </c>
      <c r="B2256" s="25"/>
      <c r="C2256" s="25"/>
      <c r="D2256" s="29"/>
      <c r="E2256" s="1"/>
      <c r="F2256" s="1"/>
      <c r="G2256" s="25"/>
      <c r="H2256" s="71"/>
      <c r="I2256" s="83"/>
      <c r="J2256" s="50" t="str">
        <f t="shared" si="72"/>
        <v/>
      </c>
      <c r="K2256" s="23" t="s">
        <v>7120</v>
      </c>
      <c r="L2256" s="49" t="e">
        <f>VLOOKUP(E2256&amp;F2256,団体コード!$A$1:$C$1743,3,FALSE)</f>
        <v>#N/A</v>
      </c>
      <c r="M2256" s="49" t="e">
        <f>VLOOKUP(E2256&amp;F2256,団体コード!$A$1:$C$1743,2,FALSE)</f>
        <v>#N/A</v>
      </c>
      <c r="N2256" s="51" t="e">
        <f>VLOOKUP(E2256,団体コード!$E$1:$F$48,2,FALSE)</f>
        <v>#N/A</v>
      </c>
      <c r="O2256" s="51" t="e">
        <f t="shared" si="73"/>
        <v>#N/A</v>
      </c>
      <c r="P2256" s="51">
        <v>1</v>
      </c>
      <c r="Q2256" s="51" t="s">
        <v>5341</v>
      </c>
      <c r="R2256" s="54" t="b">
        <v>1</v>
      </c>
      <c r="S2256" s="52" t="s">
        <v>7126</v>
      </c>
      <c r="T2256" s="67" t="s">
        <v>7127</v>
      </c>
      <c r="U2256" s="75" t="s">
        <v>5331</v>
      </c>
      <c r="V2256" s="47" t="s">
        <v>5331</v>
      </c>
      <c r="W2256" s="47" t="s">
        <v>5331</v>
      </c>
      <c r="X2256" s="47" t="s">
        <v>5331</v>
      </c>
      <c r="Y2256" s="47" t="s">
        <v>5331</v>
      </c>
      <c r="Z2256" s="28"/>
      <c r="AA2256" s="27"/>
      <c r="AB2256" s="27"/>
      <c r="AC2256" s="27"/>
      <c r="AD2256" s="30"/>
      <c r="AE2256" s="1"/>
      <c r="AF2256" s="23" t="s">
        <v>5331</v>
      </c>
      <c r="AG2256" s="26"/>
      <c r="AH2256" s="53"/>
    </row>
    <row r="2257" spans="1:34" ht="51.6" customHeight="1" x14ac:dyDescent="0.45">
      <c r="A2257" s="23">
        <v>2251</v>
      </c>
      <c r="B2257" s="25"/>
      <c r="C2257" s="25"/>
      <c r="D2257" s="29"/>
      <c r="E2257" s="1"/>
      <c r="F2257" s="1"/>
      <c r="G2257" s="25"/>
      <c r="H2257" s="71"/>
      <c r="I2257" s="83"/>
      <c r="J2257" s="50" t="str">
        <f t="shared" si="72"/>
        <v/>
      </c>
      <c r="K2257" s="23" t="s">
        <v>7120</v>
      </c>
      <c r="L2257" s="49" t="e">
        <f>VLOOKUP(E2257&amp;F2257,団体コード!$A$1:$C$1743,3,FALSE)</f>
        <v>#N/A</v>
      </c>
      <c r="M2257" s="49" t="e">
        <f>VLOOKUP(E2257&amp;F2257,団体コード!$A$1:$C$1743,2,FALSE)</f>
        <v>#N/A</v>
      </c>
      <c r="N2257" s="51" t="e">
        <f>VLOOKUP(E2257,団体コード!$E$1:$F$48,2,FALSE)</f>
        <v>#N/A</v>
      </c>
      <c r="O2257" s="51" t="e">
        <f t="shared" si="73"/>
        <v>#N/A</v>
      </c>
      <c r="P2257" s="51">
        <v>1</v>
      </c>
      <c r="Q2257" s="51" t="s">
        <v>5341</v>
      </c>
      <c r="R2257" s="54" t="b">
        <v>1</v>
      </c>
      <c r="S2257" s="52" t="s">
        <v>7126</v>
      </c>
      <c r="T2257" s="67" t="s">
        <v>7127</v>
      </c>
      <c r="U2257" s="75" t="s">
        <v>5331</v>
      </c>
      <c r="V2257" s="47" t="s">
        <v>5331</v>
      </c>
      <c r="W2257" s="47" t="s">
        <v>5331</v>
      </c>
      <c r="X2257" s="47" t="s">
        <v>5331</v>
      </c>
      <c r="Y2257" s="47" t="s">
        <v>5331</v>
      </c>
      <c r="Z2257" s="28"/>
      <c r="AA2257" s="27"/>
      <c r="AB2257" s="27"/>
      <c r="AC2257" s="27"/>
      <c r="AD2257" s="30"/>
      <c r="AE2257" s="1"/>
      <c r="AF2257" s="23" t="s">
        <v>5331</v>
      </c>
      <c r="AG2257" s="26"/>
      <c r="AH2257" s="53"/>
    </row>
    <row r="2258" spans="1:34" ht="51.6" customHeight="1" x14ac:dyDescent="0.45">
      <c r="A2258" s="23">
        <v>2252</v>
      </c>
      <c r="B2258" s="25"/>
      <c r="C2258" s="25"/>
      <c r="D2258" s="29"/>
      <c r="E2258" s="1"/>
      <c r="F2258" s="1"/>
      <c r="G2258" s="25"/>
      <c r="H2258" s="71"/>
      <c r="I2258" s="83"/>
      <c r="J2258" s="50" t="str">
        <f t="shared" si="72"/>
        <v/>
      </c>
      <c r="K2258" s="23" t="s">
        <v>7120</v>
      </c>
      <c r="L2258" s="49" t="e">
        <f>VLOOKUP(E2258&amp;F2258,団体コード!$A$1:$C$1743,3,FALSE)</f>
        <v>#N/A</v>
      </c>
      <c r="M2258" s="49" t="e">
        <f>VLOOKUP(E2258&amp;F2258,団体コード!$A$1:$C$1743,2,FALSE)</f>
        <v>#N/A</v>
      </c>
      <c r="N2258" s="51" t="e">
        <f>VLOOKUP(E2258,団体コード!$E$1:$F$48,2,FALSE)</f>
        <v>#N/A</v>
      </c>
      <c r="O2258" s="51" t="e">
        <f t="shared" si="73"/>
        <v>#N/A</v>
      </c>
      <c r="P2258" s="51">
        <v>1</v>
      </c>
      <c r="Q2258" s="51" t="s">
        <v>5341</v>
      </c>
      <c r="R2258" s="54" t="b">
        <v>1</v>
      </c>
      <c r="S2258" s="52" t="s">
        <v>7126</v>
      </c>
      <c r="T2258" s="67" t="s">
        <v>7127</v>
      </c>
      <c r="U2258" s="75" t="s">
        <v>5331</v>
      </c>
      <c r="V2258" s="47" t="s">
        <v>5331</v>
      </c>
      <c r="W2258" s="47" t="s">
        <v>5331</v>
      </c>
      <c r="X2258" s="47" t="s">
        <v>5331</v>
      </c>
      <c r="Y2258" s="47" t="s">
        <v>5331</v>
      </c>
      <c r="Z2258" s="28"/>
      <c r="AA2258" s="27"/>
      <c r="AB2258" s="27"/>
      <c r="AC2258" s="27"/>
      <c r="AD2258" s="30"/>
      <c r="AE2258" s="1"/>
      <c r="AF2258" s="23" t="s">
        <v>5331</v>
      </c>
      <c r="AG2258" s="26"/>
      <c r="AH2258" s="53"/>
    </row>
    <row r="2259" spans="1:34" ht="51.6" customHeight="1" x14ac:dyDescent="0.45">
      <c r="A2259" s="23">
        <v>2253</v>
      </c>
      <c r="B2259" s="25"/>
      <c r="C2259" s="25"/>
      <c r="D2259" s="29"/>
      <c r="E2259" s="1"/>
      <c r="F2259" s="1"/>
      <c r="G2259" s="25"/>
      <c r="H2259" s="71"/>
      <c r="I2259" s="83"/>
      <c r="J2259" s="50" t="str">
        <f t="shared" si="72"/>
        <v/>
      </c>
      <c r="K2259" s="23" t="s">
        <v>7120</v>
      </c>
      <c r="L2259" s="49" t="e">
        <f>VLOOKUP(E2259&amp;F2259,団体コード!$A$1:$C$1743,3,FALSE)</f>
        <v>#N/A</v>
      </c>
      <c r="M2259" s="49" t="e">
        <f>VLOOKUP(E2259&amp;F2259,団体コード!$A$1:$C$1743,2,FALSE)</f>
        <v>#N/A</v>
      </c>
      <c r="N2259" s="51" t="e">
        <f>VLOOKUP(E2259,団体コード!$E$1:$F$48,2,FALSE)</f>
        <v>#N/A</v>
      </c>
      <c r="O2259" s="51" t="e">
        <f t="shared" si="73"/>
        <v>#N/A</v>
      </c>
      <c r="P2259" s="51">
        <v>1</v>
      </c>
      <c r="Q2259" s="51" t="s">
        <v>5341</v>
      </c>
      <c r="R2259" s="54" t="b">
        <v>1</v>
      </c>
      <c r="S2259" s="52" t="s">
        <v>7126</v>
      </c>
      <c r="T2259" s="67" t="s">
        <v>7127</v>
      </c>
      <c r="U2259" s="75" t="s">
        <v>5331</v>
      </c>
      <c r="V2259" s="47" t="s">
        <v>5331</v>
      </c>
      <c r="W2259" s="47" t="s">
        <v>5331</v>
      </c>
      <c r="X2259" s="47" t="s">
        <v>5331</v>
      </c>
      <c r="Y2259" s="47" t="s">
        <v>5331</v>
      </c>
      <c r="Z2259" s="28"/>
      <c r="AA2259" s="27"/>
      <c r="AB2259" s="27"/>
      <c r="AC2259" s="27"/>
      <c r="AD2259" s="30"/>
      <c r="AE2259" s="1"/>
      <c r="AF2259" s="23" t="s">
        <v>5331</v>
      </c>
      <c r="AG2259" s="26"/>
      <c r="AH2259" s="53"/>
    </row>
    <row r="2260" spans="1:34" ht="51.6" customHeight="1" x14ac:dyDescent="0.45">
      <c r="A2260" s="23">
        <v>2254</v>
      </c>
      <c r="B2260" s="25"/>
      <c r="C2260" s="25"/>
      <c r="D2260" s="29"/>
      <c r="E2260" s="1"/>
      <c r="F2260" s="1"/>
      <c r="G2260" s="25"/>
      <c r="H2260" s="71"/>
      <c r="I2260" s="83"/>
      <c r="J2260" s="50" t="str">
        <f t="shared" si="72"/>
        <v/>
      </c>
      <c r="K2260" s="23" t="s">
        <v>7120</v>
      </c>
      <c r="L2260" s="49" t="e">
        <f>VLOOKUP(E2260&amp;F2260,団体コード!$A$1:$C$1743,3,FALSE)</f>
        <v>#N/A</v>
      </c>
      <c r="M2260" s="49" t="e">
        <f>VLOOKUP(E2260&amp;F2260,団体コード!$A$1:$C$1743,2,FALSE)</f>
        <v>#N/A</v>
      </c>
      <c r="N2260" s="51" t="e">
        <f>VLOOKUP(E2260,団体コード!$E$1:$F$48,2,FALSE)</f>
        <v>#N/A</v>
      </c>
      <c r="O2260" s="51" t="e">
        <f t="shared" si="73"/>
        <v>#N/A</v>
      </c>
      <c r="P2260" s="51">
        <v>1</v>
      </c>
      <c r="Q2260" s="51" t="s">
        <v>5341</v>
      </c>
      <c r="R2260" s="54" t="b">
        <v>1</v>
      </c>
      <c r="S2260" s="52" t="s">
        <v>7126</v>
      </c>
      <c r="T2260" s="67" t="s">
        <v>7127</v>
      </c>
      <c r="U2260" s="75" t="s">
        <v>5331</v>
      </c>
      <c r="V2260" s="47" t="s">
        <v>5331</v>
      </c>
      <c r="W2260" s="47" t="s">
        <v>5331</v>
      </c>
      <c r="X2260" s="47" t="s">
        <v>5331</v>
      </c>
      <c r="Y2260" s="47" t="s">
        <v>5331</v>
      </c>
      <c r="Z2260" s="28"/>
      <c r="AA2260" s="27"/>
      <c r="AB2260" s="27"/>
      <c r="AC2260" s="27"/>
      <c r="AD2260" s="30"/>
      <c r="AE2260" s="1"/>
      <c r="AF2260" s="23" t="s">
        <v>5331</v>
      </c>
      <c r="AG2260" s="26"/>
      <c r="AH2260" s="53"/>
    </row>
    <row r="2261" spans="1:34" ht="51.6" customHeight="1" x14ac:dyDescent="0.45">
      <c r="A2261" s="23">
        <v>2255</v>
      </c>
      <c r="B2261" s="25"/>
      <c r="C2261" s="25"/>
      <c r="D2261" s="29"/>
      <c r="E2261" s="1"/>
      <c r="F2261" s="1"/>
      <c r="G2261" s="25"/>
      <c r="H2261" s="71"/>
      <c r="I2261" s="83"/>
      <c r="J2261" s="50" t="str">
        <f t="shared" si="72"/>
        <v/>
      </c>
      <c r="K2261" s="23" t="s">
        <v>7120</v>
      </c>
      <c r="L2261" s="49" t="e">
        <f>VLOOKUP(E2261&amp;F2261,団体コード!$A$1:$C$1743,3,FALSE)</f>
        <v>#N/A</v>
      </c>
      <c r="M2261" s="49" t="e">
        <f>VLOOKUP(E2261&amp;F2261,団体コード!$A$1:$C$1743,2,FALSE)</f>
        <v>#N/A</v>
      </c>
      <c r="N2261" s="51" t="e">
        <f>VLOOKUP(E2261,団体コード!$E$1:$F$48,2,FALSE)</f>
        <v>#N/A</v>
      </c>
      <c r="O2261" s="51" t="e">
        <f t="shared" si="73"/>
        <v>#N/A</v>
      </c>
      <c r="P2261" s="51">
        <v>1</v>
      </c>
      <c r="Q2261" s="51" t="s">
        <v>5341</v>
      </c>
      <c r="R2261" s="54" t="b">
        <v>1</v>
      </c>
      <c r="S2261" s="52" t="s">
        <v>7126</v>
      </c>
      <c r="T2261" s="67" t="s">
        <v>7127</v>
      </c>
      <c r="U2261" s="75" t="s">
        <v>5331</v>
      </c>
      <c r="V2261" s="47" t="s">
        <v>5331</v>
      </c>
      <c r="W2261" s="47" t="s">
        <v>5331</v>
      </c>
      <c r="X2261" s="47" t="s">
        <v>5331</v>
      </c>
      <c r="Y2261" s="47" t="s">
        <v>5331</v>
      </c>
      <c r="Z2261" s="28"/>
      <c r="AA2261" s="27"/>
      <c r="AB2261" s="27"/>
      <c r="AC2261" s="27"/>
      <c r="AD2261" s="30"/>
      <c r="AE2261" s="1"/>
      <c r="AF2261" s="23" t="s">
        <v>5331</v>
      </c>
      <c r="AG2261" s="26"/>
      <c r="AH2261" s="53"/>
    </row>
    <row r="2262" spans="1:34" ht="51.6" customHeight="1" x14ac:dyDescent="0.45">
      <c r="A2262" s="23">
        <v>2256</v>
      </c>
      <c r="B2262" s="25"/>
      <c r="C2262" s="25"/>
      <c r="D2262" s="29"/>
      <c r="E2262" s="1"/>
      <c r="F2262" s="1"/>
      <c r="G2262" s="25"/>
      <c r="H2262" s="71"/>
      <c r="I2262" s="83"/>
      <c r="J2262" s="50" t="str">
        <f t="shared" si="72"/>
        <v/>
      </c>
      <c r="K2262" s="23" t="s">
        <v>7120</v>
      </c>
      <c r="L2262" s="49" t="e">
        <f>VLOOKUP(E2262&amp;F2262,団体コード!$A$1:$C$1743,3,FALSE)</f>
        <v>#N/A</v>
      </c>
      <c r="M2262" s="49" t="e">
        <f>VLOOKUP(E2262&amp;F2262,団体コード!$A$1:$C$1743,2,FALSE)</f>
        <v>#N/A</v>
      </c>
      <c r="N2262" s="51" t="e">
        <f>VLOOKUP(E2262,団体コード!$E$1:$F$48,2,FALSE)</f>
        <v>#N/A</v>
      </c>
      <c r="O2262" s="51" t="e">
        <f t="shared" si="73"/>
        <v>#N/A</v>
      </c>
      <c r="P2262" s="51">
        <v>1</v>
      </c>
      <c r="Q2262" s="51" t="s">
        <v>5341</v>
      </c>
      <c r="R2262" s="54" t="b">
        <v>1</v>
      </c>
      <c r="S2262" s="52" t="s">
        <v>7126</v>
      </c>
      <c r="T2262" s="67" t="s">
        <v>7127</v>
      </c>
      <c r="U2262" s="75" t="s">
        <v>5331</v>
      </c>
      <c r="V2262" s="47" t="s">
        <v>5331</v>
      </c>
      <c r="W2262" s="47" t="s">
        <v>5331</v>
      </c>
      <c r="X2262" s="47" t="s">
        <v>5331</v>
      </c>
      <c r="Y2262" s="47" t="s">
        <v>5331</v>
      </c>
      <c r="Z2262" s="28"/>
      <c r="AA2262" s="27"/>
      <c r="AB2262" s="27"/>
      <c r="AC2262" s="27"/>
      <c r="AD2262" s="30"/>
      <c r="AE2262" s="1"/>
      <c r="AF2262" s="23" t="s">
        <v>5331</v>
      </c>
      <c r="AG2262" s="26"/>
      <c r="AH2262" s="53"/>
    </row>
    <row r="2263" spans="1:34" ht="51.6" customHeight="1" x14ac:dyDescent="0.45">
      <c r="A2263" s="23">
        <v>2257</v>
      </c>
      <c r="B2263" s="25"/>
      <c r="C2263" s="25"/>
      <c r="D2263" s="29"/>
      <c r="E2263" s="1"/>
      <c r="F2263" s="1"/>
      <c r="G2263" s="25"/>
      <c r="H2263" s="71"/>
      <c r="I2263" s="83"/>
      <c r="J2263" s="50" t="str">
        <f t="shared" si="72"/>
        <v/>
      </c>
      <c r="K2263" s="23" t="s">
        <v>7120</v>
      </c>
      <c r="L2263" s="49" t="e">
        <f>VLOOKUP(E2263&amp;F2263,団体コード!$A$1:$C$1743,3,FALSE)</f>
        <v>#N/A</v>
      </c>
      <c r="M2263" s="49" t="e">
        <f>VLOOKUP(E2263&amp;F2263,団体コード!$A$1:$C$1743,2,FALSE)</f>
        <v>#N/A</v>
      </c>
      <c r="N2263" s="51" t="e">
        <f>VLOOKUP(E2263,団体コード!$E$1:$F$48,2,FALSE)</f>
        <v>#N/A</v>
      </c>
      <c r="O2263" s="51" t="e">
        <f t="shared" si="73"/>
        <v>#N/A</v>
      </c>
      <c r="P2263" s="51">
        <v>1</v>
      </c>
      <c r="Q2263" s="51" t="s">
        <v>5341</v>
      </c>
      <c r="R2263" s="54" t="b">
        <v>1</v>
      </c>
      <c r="S2263" s="52" t="s">
        <v>7126</v>
      </c>
      <c r="T2263" s="67" t="s">
        <v>7127</v>
      </c>
      <c r="U2263" s="75" t="s">
        <v>5331</v>
      </c>
      <c r="V2263" s="47" t="s">
        <v>5331</v>
      </c>
      <c r="W2263" s="47" t="s">
        <v>5331</v>
      </c>
      <c r="X2263" s="47" t="s">
        <v>5331</v>
      </c>
      <c r="Y2263" s="47" t="s">
        <v>5331</v>
      </c>
      <c r="Z2263" s="28"/>
      <c r="AA2263" s="27"/>
      <c r="AB2263" s="27"/>
      <c r="AC2263" s="27"/>
      <c r="AD2263" s="30"/>
      <c r="AE2263" s="1"/>
      <c r="AF2263" s="23" t="s">
        <v>5331</v>
      </c>
      <c r="AG2263" s="26"/>
      <c r="AH2263" s="53"/>
    </row>
    <row r="2264" spans="1:34" ht="51.6" customHeight="1" x14ac:dyDescent="0.45">
      <c r="A2264" s="23">
        <v>2258</v>
      </c>
      <c r="B2264" s="25"/>
      <c r="C2264" s="25"/>
      <c r="D2264" s="29"/>
      <c r="E2264" s="1"/>
      <c r="F2264" s="1"/>
      <c r="G2264" s="25"/>
      <c r="H2264" s="71"/>
      <c r="I2264" s="83"/>
      <c r="J2264" s="50" t="str">
        <f t="shared" si="72"/>
        <v/>
      </c>
      <c r="K2264" s="23" t="s">
        <v>7120</v>
      </c>
      <c r="L2264" s="49" t="e">
        <f>VLOOKUP(E2264&amp;F2264,団体コード!$A$1:$C$1743,3,FALSE)</f>
        <v>#N/A</v>
      </c>
      <c r="M2264" s="49" t="e">
        <f>VLOOKUP(E2264&amp;F2264,団体コード!$A$1:$C$1743,2,FALSE)</f>
        <v>#N/A</v>
      </c>
      <c r="N2264" s="51" t="e">
        <f>VLOOKUP(E2264,団体コード!$E$1:$F$48,2,FALSE)</f>
        <v>#N/A</v>
      </c>
      <c r="O2264" s="51" t="e">
        <f t="shared" si="73"/>
        <v>#N/A</v>
      </c>
      <c r="P2264" s="51">
        <v>1</v>
      </c>
      <c r="Q2264" s="51" t="s">
        <v>5341</v>
      </c>
      <c r="R2264" s="54" t="b">
        <v>1</v>
      </c>
      <c r="S2264" s="52" t="s">
        <v>7126</v>
      </c>
      <c r="T2264" s="67" t="s">
        <v>7127</v>
      </c>
      <c r="U2264" s="75" t="s">
        <v>5331</v>
      </c>
      <c r="V2264" s="47" t="s">
        <v>5331</v>
      </c>
      <c r="W2264" s="47" t="s">
        <v>5331</v>
      </c>
      <c r="X2264" s="47" t="s">
        <v>5331</v>
      </c>
      <c r="Y2264" s="47" t="s">
        <v>5331</v>
      </c>
      <c r="Z2264" s="28"/>
      <c r="AA2264" s="27"/>
      <c r="AB2264" s="27"/>
      <c r="AC2264" s="27"/>
      <c r="AD2264" s="30"/>
      <c r="AE2264" s="1"/>
      <c r="AF2264" s="23" t="s">
        <v>5331</v>
      </c>
      <c r="AG2264" s="26"/>
      <c r="AH2264" s="53"/>
    </row>
    <row r="2265" spans="1:34" ht="51.6" customHeight="1" x14ac:dyDescent="0.45">
      <c r="A2265" s="23">
        <v>2259</v>
      </c>
      <c r="B2265" s="25"/>
      <c r="C2265" s="25"/>
      <c r="D2265" s="29"/>
      <c r="E2265" s="1"/>
      <c r="F2265" s="1"/>
      <c r="G2265" s="25"/>
      <c r="H2265" s="71"/>
      <c r="I2265" s="83"/>
      <c r="J2265" s="50" t="str">
        <f t="shared" si="72"/>
        <v/>
      </c>
      <c r="K2265" s="23" t="s">
        <v>7120</v>
      </c>
      <c r="L2265" s="49" t="e">
        <f>VLOOKUP(E2265&amp;F2265,団体コード!$A$1:$C$1743,3,FALSE)</f>
        <v>#N/A</v>
      </c>
      <c r="M2265" s="49" t="e">
        <f>VLOOKUP(E2265&amp;F2265,団体コード!$A$1:$C$1743,2,FALSE)</f>
        <v>#N/A</v>
      </c>
      <c r="N2265" s="51" t="e">
        <f>VLOOKUP(E2265,団体コード!$E$1:$F$48,2,FALSE)</f>
        <v>#N/A</v>
      </c>
      <c r="O2265" s="51" t="e">
        <f t="shared" si="73"/>
        <v>#N/A</v>
      </c>
      <c r="P2265" s="51">
        <v>1</v>
      </c>
      <c r="Q2265" s="51" t="s">
        <v>5341</v>
      </c>
      <c r="R2265" s="54" t="b">
        <v>1</v>
      </c>
      <c r="S2265" s="52" t="s">
        <v>7126</v>
      </c>
      <c r="T2265" s="67" t="s">
        <v>7127</v>
      </c>
      <c r="U2265" s="75" t="s">
        <v>5331</v>
      </c>
      <c r="V2265" s="47" t="s">
        <v>5331</v>
      </c>
      <c r="W2265" s="47" t="s">
        <v>5331</v>
      </c>
      <c r="X2265" s="47" t="s">
        <v>5331</v>
      </c>
      <c r="Y2265" s="47" t="s">
        <v>5331</v>
      </c>
      <c r="Z2265" s="28"/>
      <c r="AA2265" s="27"/>
      <c r="AB2265" s="27"/>
      <c r="AC2265" s="27"/>
      <c r="AD2265" s="30"/>
      <c r="AE2265" s="1"/>
      <c r="AF2265" s="23" t="s">
        <v>5331</v>
      </c>
      <c r="AG2265" s="26"/>
      <c r="AH2265" s="53"/>
    </row>
    <row r="2266" spans="1:34" ht="51.6" customHeight="1" x14ac:dyDescent="0.45">
      <c r="A2266" s="23">
        <v>2260</v>
      </c>
      <c r="B2266" s="25"/>
      <c r="C2266" s="25"/>
      <c r="D2266" s="29"/>
      <c r="E2266" s="1"/>
      <c r="F2266" s="1"/>
      <c r="G2266" s="25"/>
      <c r="H2266" s="71"/>
      <c r="I2266" s="83"/>
      <c r="J2266" s="50" t="str">
        <f t="shared" si="72"/>
        <v/>
      </c>
      <c r="K2266" s="23" t="s">
        <v>7120</v>
      </c>
      <c r="L2266" s="49" t="e">
        <f>VLOOKUP(E2266&amp;F2266,団体コード!$A$1:$C$1743,3,FALSE)</f>
        <v>#N/A</v>
      </c>
      <c r="M2266" s="49" t="e">
        <f>VLOOKUP(E2266&amp;F2266,団体コード!$A$1:$C$1743,2,FALSE)</f>
        <v>#N/A</v>
      </c>
      <c r="N2266" s="51" t="e">
        <f>VLOOKUP(E2266,団体コード!$E$1:$F$48,2,FALSE)</f>
        <v>#N/A</v>
      </c>
      <c r="O2266" s="51" t="e">
        <f t="shared" si="73"/>
        <v>#N/A</v>
      </c>
      <c r="P2266" s="51">
        <v>1</v>
      </c>
      <c r="Q2266" s="51" t="s">
        <v>5341</v>
      </c>
      <c r="R2266" s="54" t="b">
        <v>1</v>
      </c>
      <c r="S2266" s="52" t="s">
        <v>7126</v>
      </c>
      <c r="T2266" s="67" t="s">
        <v>7127</v>
      </c>
      <c r="U2266" s="75" t="s">
        <v>5331</v>
      </c>
      <c r="V2266" s="47" t="s">
        <v>5331</v>
      </c>
      <c r="W2266" s="47" t="s">
        <v>5331</v>
      </c>
      <c r="X2266" s="47" t="s">
        <v>5331</v>
      </c>
      <c r="Y2266" s="47" t="s">
        <v>5331</v>
      </c>
      <c r="Z2266" s="28"/>
      <c r="AA2266" s="27"/>
      <c r="AB2266" s="27"/>
      <c r="AC2266" s="27"/>
      <c r="AD2266" s="30"/>
      <c r="AE2266" s="1"/>
      <c r="AF2266" s="23" t="s">
        <v>5331</v>
      </c>
      <c r="AG2266" s="26"/>
      <c r="AH2266" s="53"/>
    </row>
    <row r="2267" spans="1:34" ht="51.6" customHeight="1" x14ac:dyDescent="0.45">
      <c r="A2267" s="23">
        <v>2261</v>
      </c>
      <c r="B2267" s="25"/>
      <c r="C2267" s="25"/>
      <c r="D2267" s="29"/>
      <c r="E2267" s="1"/>
      <c r="F2267" s="1"/>
      <c r="G2267" s="25"/>
      <c r="H2267" s="71"/>
      <c r="I2267" s="83"/>
      <c r="J2267" s="50" t="str">
        <f t="shared" si="72"/>
        <v/>
      </c>
      <c r="K2267" s="23" t="s">
        <v>7120</v>
      </c>
      <c r="L2267" s="49" t="e">
        <f>VLOOKUP(E2267&amp;F2267,団体コード!$A$1:$C$1743,3,FALSE)</f>
        <v>#N/A</v>
      </c>
      <c r="M2267" s="49" t="e">
        <f>VLOOKUP(E2267&amp;F2267,団体コード!$A$1:$C$1743,2,FALSE)</f>
        <v>#N/A</v>
      </c>
      <c r="N2267" s="51" t="e">
        <f>VLOOKUP(E2267,団体コード!$E$1:$F$48,2,FALSE)</f>
        <v>#N/A</v>
      </c>
      <c r="O2267" s="51" t="e">
        <f t="shared" si="73"/>
        <v>#N/A</v>
      </c>
      <c r="P2267" s="51">
        <v>1</v>
      </c>
      <c r="Q2267" s="51" t="s">
        <v>5341</v>
      </c>
      <c r="R2267" s="54" t="b">
        <v>1</v>
      </c>
      <c r="S2267" s="52" t="s">
        <v>7126</v>
      </c>
      <c r="T2267" s="67" t="s">
        <v>7127</v>
      </c>
      <c r="U2267" s="75" t="s">
        <v>5331</v>
      </c>
      <c r="V2267" s="47" t="s">
        <v>5331</v>
      </c>
      <c r="W2267" s="47" t="s">
        <v>5331</v>
      </c>
      <c r="X2267" s="47" t="s">
        <v>5331</v>
      </c>
      <c r="Y2267" s="47" t="s">
        <v>5331</v>
      </c>
      <c r="Z2267" s="28"/>
      <c r="AA2267" s="27"/>
      <c r="AB2267" s="27"/>
      <c r="AC2267" s="27"/>
      <c r="AD2267" s="30"/>
      <c r="AE2267" s="1"/>
      <c r="AF2267" s="23" t="s">
        <v>5331</v>
      </c>
      <c r="AG2267" s="26"/>
      <c r="AH2267" s="53"/>
    </row>
    <row r="2268" spans="1:34" ht="51.6" customHeight="1" x14ac:dyDescent="0.45">
      <c r="A2268" s="23">
        <v>2262</v>
      </c>
      <c r="B2268" s="25"/>
      <c r="C2268" s="25"/>
      <c r="D2268" s="29"/>
      <c r="E2268" s="1"/>
      <c r="F2268" s="1"/>
      <c r="G2268" s="25"/>
      <c r="H2268" s="71"/>
      <c r="I2268" s="83"/>
      <c r="J2268" s="50" t="str">
        <f t="shared" si="72"/>
        <v/>
      </c>
      <c r="K2268" s="23" t="s">
        <v>7120</v>
      </c>
      <c r="L2268" s="49" t="e">
        <f>VLOOKUP(E2268&amp;F2268,団体コード!$A$1:$C$1743,3,FALSE)</f>
        <v>#N/A</v>
      </c>
      <c r="M2268" s="49" t="e">
        <f>VLOOKUP(E2268&amp;F2268,団体コード!$A$1:$C$1743,2,FALSE)</f>
        <v>#N/A</v>
      </c>
      <c r="N2268" s="51" t="e">
        <f>VLOOKUP(E2268,団体コード!$E$1:$F$48,2,FALSE)</f>
        <v>#N/A</v>
      </c>
      <c r="O2268" s="51" t="e">
        <f t="shared" si="73"/>
        <v>#N/A</v>
      </c>
      <c r="P2268" s="51">
        <v>1</v>
      </c>
      <c r="Q2268" s="51" t="s">
        <v>5341</v>
      </c>
      <c r="R2268" s="54" t="b">
        <v>1</v>
      </c>
      <c r="S2268" s="52" t="s">
        <v>7126</v>
      </c>
      <c r="T2268" s="67" t="s">
        <v>7127</v>
      </c>
      <c r="U2268" s="75" t="s">
        <v>5331</v>
      </c>
      <c r="V2268" s="47" t="s">
        <v>5331</v>
      </c>
      <c r="W2268" s="47" t="s">
        <v>5331</v>
      </c>
      <c r="X2268" s="47" t="s">
        <v>5331</v>
      </c>
      <c r="Y2268" s="47" t="s">
        <v>5331</v>
      </c>
      <c r="Z2268" s="28"/>
      <c r="AA2268" s="27"/>
      <c r="AB2268" s="27"/>
      <c r="AC2268" s="27"/>
      <c r="AD2268" s="30"/>
      <c r="AE2268" s="1"/>
      <c r="AF2268" s="23" t="s">
        <v>5331</v>
      </c>
      <c r="AG2268" s="26"/>
      <c r="AH2268" s="53"/>
    </row>
    <row r="2269" spans="1:34" ht="51.6" customHeight="1" x14ac:dyDescent="0.45">
      <c r="A2269" s="23">
        <v>2263</v>
      </c>
      <c r="B2269" s="25"/>
      <c r="C2269" s="25"/>
      <c r="D2269" s="29"/>
      <c r="E2269" s="1"/>
      <c r="F2269" s="1"/>
      <c r="G2269" s="25"/>
      <c r="H2269" s="71"/>
      <c r="I2269" s="83"/>
      <c r="J2269" s="50" t="str">
        <f t="shared" si="72"/>
        <v/>
      </c>
      <c r="K2269" s="23" t="s">
        <v>7120</v>
      </c>
      <c r="L2269" s="49" t="e">
        <f>VLOOKUP(E2269&amp;F2269,団体コード!$A$1:$C$1743,3,FALSE)</f>
        <v>#N/A</v>
      </c>
      <c r="M2269" s="49" t="e">
        <f>VLOOKUP(E2269&amp;F2269,団体コード!$A$1:$C$1743,2,FALSE)</f>
        <v>#N/A</v>
      </c>
      <c r="N2269" s="51" t="e">
        <f>VLOOKUP(E2269,団体コード!$E$1:$F$48,2,FALSE)</f>
        <v>#N/A</v>
      </c>
      <c r="O2269" s="51" t="e">
        <f t="shared" si="73"/>
        <v>#N/A</v>
      </c>
      <c r="P2269" s="51">
        <v>1</v>
      </c>
      <c r="Q2269" s="51" t="s">
        <v>5341</v>
      </c>
      <c r="R2269" s="54" t="b">
        <v>1</v>
      </c>
      <c r="S2269" s="52" t="s">
        <v>7126</v>
      </c>
      <c r="T2269" s="67" t="s">
        <v>7127</v>
      </c>
      <c r="U2269" s="75" t="s">
        <v>5331</v>
      </c>
      <c r="V2269" s="47" t="s">
        <v>5331</v>
      </c>
      <c r="W2269" s="47" t="s">
        <v>5331</v>
      </c>
      <c r="X2269" s="47" t="s">
        <v>5331</v>
      </c>
      <c r="Y2269" s="47" t="s">
        <v>5331</v>
      </c>
      <c r="Z2269" s="28"/>
      <c r="AA2269" s="27"/>
      <c r="AB2269" s="27"/>
      <c r="AC2269" s="27"/>
      <c r="AD2269" s="30"/>
      <c r="AE2269" s="1"/>
      <c r="AF2269" s="23" t="s">
        <v>5331</v>
      </c>
      <c r="AG2269" s="26"/>
      <c r="AH2269" s="53"/>
    </row>
    <row r="2270" spans="1:34" ht="51.6" customHeight="1" x14ac:dyDescent="0.45">
      <c r="A2270" s="23">
        <v>2264</v>
      </c>
      <c r="B2270" s="25"/>
      <c r="C2270" s="25"/>
      <c r="D2270" s="29"/>
      <c r="E2270" s="1"/>
      <c r="F2270" s="1"/>
      <c r="G2270" s="25"/>
      <c r="H2270" s="71"/>
      <c r="I2270" s="83"/>
      <c r="J2270" s="50" t="str">
        <f t="shared" si="72"/>
        <v/>
      </c>
      <c r="K2270" s="23" t="s">
        <v>7120</v>
      </c>
      <c r="L2270" s="49" t="e">
        <f>VLOOKUP(E2270&amp;F2270,団体コード!$A$1:$C$1743,3,FALSE)</f>
        <v>#N/A</v>
      </c>
      <c r="M2270" s="49" t="e">
        <f>VLOOKUP(E2270&amp;F2270,団体コード!$A$1:$C$1743,2,FALSE)</f>
        <v>#N/A</v>
      </c>
      <c r="N2270" s="51" t="e">
        <f>VLOOKUP(E2270,団体コード!$E$1:$F$48,2,FALSE)</f>
        <v>#N/A</v>
      </c>
      <c r="O2270" s="51" t="e">
        <f t="shared" si="73"/>
        <v>#N/A</v>
      </c>
      <c r="P2270" s="51">
        <v>1</v>
      </c>
      <c r="Q2270" s="51" t="s">
        <v>5341</v>
      </c>
      <c r="R2270" s="54" t="b">
        <v>1</v>
      </c>
      <c r="S2270" s="52" t="s">
        <v>7126</v>
      </c>
      <c r="T2270" s="67" t="s">
        <v>7127</v>
      </c>
      <c r="U2270" s="75" t="s">
        <v>5331</v>
      </c>
      <c r="V2270" s="47" t="s">
        <v>5331</v>
      </c>
      <c r="W2270" s="47" t="s">
        <v>5331</v>
      </c>
      <c r="X2270" s="47" t="s">
        <v>5331</v>
      </c>
      <c r="Y2270" s="47" t="s">
        <v>5331</v>
      </c>
      <c r="Z2270" s="28"/>
      <c r="AA2270" s="27"/>
      <c r="AB2270" s="27"/>
      <c r="AC2270" s="27"/>
      <c r="AD2270" s="30"/>
      <c r="AE2270" s="1"/>
      <c r="AF2270" s="23" t="s">
        <v>5331</v>
      </c>
      <c r="AG2270" s="26"/>
      <c r="AH2270" s="53"/>
    </row>
    <row r="2271" spans="1:34" ht="51.6" customHeight="1" x14ac:dyDescent="0.45">
      <c r="A2271" s="23">
        <v>2265</v>
      </c>
      <c r="B2271" s="25"/>
      <c r="C2271" s="25"/>
      <c r="D2271" s="29"/>
      <c r="E2271" s="1"/>
      <c r="F2271" s="1"/>
      <c r="G2271" s="25"/>
      <c r="H2271" s="71"/>
      <c r="I2271" s="83"/>
      <c r="J2271" s="50" t="str">
        <f t="shared" si="72"/>
        <v/>
      </c>
      <c r="K2271" s="23" t="s">
        <v>7120</v>
      </c>
      <c r="L2271" s="49" t="e">
        <f>VLOOKUP(E2271&amp;F2271,団体コード!$A$1:$C$1743,3,FALSE)</f>
        <v>#N/A</v>
      </c>
      <c r="M2271" s="49" t="e">
        <f>VLOOKUP(E2271&amp;F2271,団体コード!$A$1:$C$1743,2,FALSE)</f>
        <v>#N/A</v>
      </c>
      <c r="N2271" s="51" t="e">
        <f>VLOOKUP(E2271,団体コード!$E$1:$F$48,2,FALSE)</f>
        <v>#N/A</v>
      </c>
      <c r="O2271" s="51" t="e">
        <f t="shared" si="73"/>
        <v>#N/A</v>
      </c>
      <c r="P2271" s="51">
        <v>1</v>
      </c>
      <c r="Q2271" s="51" t="s">
        <v>5341</v>
      </c>
      <c r="R2271" s="54" t="b">
        <v>1</v>
      </c>
      <c r="S2271" s="52" t="s">
        <v>7126</v>
      </c>
      <c r="T2271" s="67" t="s">
        <v>7127</v>
      </c>
      <c r="U2271" s="75" t="s">
        <v>5331</v>
      </c>
      <c r="V2271" s="47" t="s">
        <v>5331</v>
      </c>
      <c r="W2271" s="47" t="s">
        <v>5331</v>
      </c>
      <c r="X2271" s="47" t="s">
        <v>5331</v>
      </c>
      <c r="Y2271" s="47" t="s">
        <v>5331</v>
      </c>
      <c r="Z2271" s="28"/>
      <c r="AA2271" s="27"/>
      <c r="AB2271" s="27"/>
      <c r="AC2271" s="27"/>
      <c r="AD2271" s="30"/>
      <c r="AE2271" s="1"/>
      <c r="AF2271" s="23" t="s">
        <v>5331</v>
      </c>
      <c r="AG2271" s="26"/>
      <c r="AH2271" s="53"/>
    </row>
    <row r="2272" spans="1:34" ht="51.6" customHeight="1" x14ac:dyDescent="0.45">
      <c r="A2272" s="23">
        <v>2266</v>
      </c>
      <c r="B2272" s="25"/>
      <c r="C2272" s="25"/>
      <c r="D2272" s="29"/>
      <c r="E2272" s="1"/>
      <c r="F2272" s="1"/>
      <c r="G2272" s="25"/>
      <c r="H2272" s="71"/>
      <c r="I2272" s="83"/>
      <c r="J2272" s="50" t="str">
        <f t="shared" si="72"/>
        <v/>
      </c>
      <c r="K2272" s="23" t="s">
        <v>7120</v>
      </c>
      <c r="L2272" s="49" t="e">
        <f>VLOOKUP(E2272&amp;F2272,団体コード!$A$1:$C$1743,3,FALSE)</f>
        <v>#N/A</v>
      </c>
      <c r="M2272" s="49" t="e">
        <f>VLOOKUP(E2272&amp;F2272,団体コード!$A$1:$C$1743,2,FALSE)</f>
        <v>#N/A</v>
      </c>
      <c r="N2272" s="51" t="e">
        <f>VLOOKUP(E2272,団体コード!$E$1:$F$48,2,FALSE)</f>
        <v>#N/A</v>
      </c>
      <c r="O2272" s="51" t="e">
        <f t="shared" si="73"/>
        <v>#N/A</v>
      </c>
      <c r="P2272" s="51">
        <v>1</v>
      </c>
      <c r="Q2272" s="51" t="s">
        <v>5341</v>
      </c>
      <c r="R2272" s="54" t="b">
        <v>1</v>
      </c>
      <c r="S2272" s="52" t="s">
        <v>7126</v>
      </c>
      <c r="T2272" s="67" t="s">
        <v>7127</v>
      </c>
      <c r="U2272" s="75" t="s">
        <v>5331</v>
      </c>
      <c r="V2272" s="47" t="s">
        <v>5331</v>
      </c>
      <c r="W2272" s="47" t="s">
        <v>5331</v>
      </c>
      <c r="X2272" s="47" t="s">
        <v>5331</v>
      </c>
      <c r="Y2272" s="47" t="s">
        <v>5331</v>
      </c>
      <c r="Z2272" s="28"/>
      <c r="AA2272" s="27"/>
      <c r="AB2272" s="27"/>
      <c r="AC2272" s="27"/>
      <c r="AD2272" s="30"/>
      <c r="AE2272" s="1"/>
      <c r="AF2272" s="23" t="s">
        <v>5331</v>
      </c>
      <c r="AG2272" s="26"/>
      <c r="AH2272" s="53"/>
    </row>
    <row r="2273" spans="1:34" ht="51.6" customHeight="1" x14ac:dyDescent="0.45">
      <c r="A2273" s="23">
        <v>2267</v>
      </c>
      <c r="B2273" s="25"/>
      <c r="C2273" s="25"/>
      <c r="D2273" s="29"/>
      <c r="E2273" s="1"/>
      <c r="F2273" s="1"/>
      <c r="G2273" s="25"/>
      <c r="H2273" s="71"/>
      <c r="I2273" s="83"/>
      <c r="J2273" s="50" t="str">
        <f t="shared" si="72"/>
        <v/>
      </c>
      <c r="K2273" s="23" t="s">
        <v>7120</v>
      </c>
      <c r="L2273" s="49" t="e">
        <f>VLOOKUP(E2273&amp;F2273,団体コード!$A$1:$C$1743,3,FALSE)</f>
        <v>#N/A</v>
      </c>
      <c r="M2273" s="49" t="e">
        <f>VLOOKUP(E2273&amp;F2273,団体コード!$A$1:$C$1743,2,FALSE)</f>
        <v>#N/A</v>
      </c>
      <c r="N2273" s="51" t="e">
        <f>VLOOKUP(E2273,団体コード!$E$1:$F$48,2,FALSE)</f>
        <v>#N/A</v>
      </c>
      <c r="O2273" s="51" t="e">
        <f t="shared" si="73"/>
        <v>#N/A</v>
      </c>
      <c r="P2273" s="51">
        <v>1</v>
      </c>
      <c r="Q2273" s="51" t="s">
        <v>5341</v>
      </c>
      <c r="R2273" s="54" t="b">
        <v>1</v>
      </c>
      <c r="S2273" s="52" t="s">
        <v>7126</v>
      </c>
      <c r="T2273" s="67" t="s">
        <v>7127</v>
      </c>
      <c r="U2273" s="75" t="s">
        <v>5331</v>
      </c>
      <c r="V2273" s="47" t="s">
        <v>5331</v>
      </c>
      <c r="W2273" s="47" t="s">
        <v>5331</v>
      </c>
      <c r="X2273" s="47" t="s">
        <v>5331</v>
      </c>
      <c r="Y2273" s="47" t="s">
        <v>5331</v>
      </c>
      <c r="Z2273" s="28"/>
      <c r="AA2273" s="27"/>
      <c r="AB2273" s="27"/>
      <c r="AC2273" s="27"/>
      <c r="AD2273" s="30"/>
      <c r="AE2273" s="1"/>
      <c r="AF2273" s="23" t="s">
        <v>5331</v>
      </c>
      <c r="AG2273" s="26"/>
      <c r="AH2273" s="53"/>
    </row>
    <row r="2274" spans="1:34" ht="51.6" customHeight="1" x14ac:dyDescent="0.45">
      <c r="A2274" s="23">
        <v>2268</v>
      </c>
      <c r="B2274" s="25"/>
      <c r="C2274" s="25"/>
      <c r="D2274" s="29"/>
      <c r="E2274" s="1"/>
      <c r="F2274" s="1"/>
      <c r="G2274" s="25"/>
      <c r="H2274" s="71"/>
      <c r="I2274" s="83"/>
      <c r="J2274" s="50" t="str">
        <f t="shared" si="72"/>
        <v/>
      </c>
      <c r="K2274" s="23" t="s">
        <v>7120</v>
      </c>
      <c r="L2274" s="49" t="e">
        <f>VLOOKUP(E2274&amp;F2274,団体コード!$A$1:$C$1743,3,FALSE)</f>
        <v>#N/A</v>
      </c>
      <c r="M2274" s="49" t="e">
        <f>VLOOKUP(E2274&amp;F2274,団体コード!$A$1:$C$1743,2,FALSE)</f>
        <v>#N/A</v>
      </c>
      <c r="N2274" s="51" t="e">
        <f>VLOOKUP(E2274,団体コード!$E$1:$F$48,2,FALSE)</f>
        <v>#N/A</v>
      </c>
      <c r="O2274" s="51" t="e">
        <f t="shared" si="73"/>
        <v>#N/A</v>
      </c>
      <c r="P2274" s="51">
        <v>1</v>
      </c>
      <c r="Q2274" s="51" t="s">
        <v>5341</v>
      </c>
      <c r="R2274" s="54" t="b">
        <v>1</v>
      </c>
      <c r="S2274" s="52" t="s">
        <v>7126</v>
      </c>
      <c r="T2274" s="67" t="s">
        <v>7127</v>
      </c>
      <c r="U2274" s="75" t="s">
        <v>5331</v>
      </c>
      <c r="V2274" s="47" t="s">
        <v>5331</v>
      </c>
      <c r="W2274" s="47" t="s">
        <v>5331</v>
      </c>
      <c r="X2274" s="47" t="s">
        <v>5331</v>
      </c>
      <c r="Y2274" s="47" t="s">
        <v>5331</v>
      </c>
      <c r="Z2274" s="28"/>
      <c r="AA2274" s="27"/>
      <c r="AB2274" s="27"/>
      <c r="AC2274" s="27"/>
      <c r="AD2274" s="30"/>
      <c r="AE2274" s="1"/>
      <c r="AF2274" s="23" t="s">
        <v>5331</v>
      </c>
      <c r="AG2274" s="26"/>
      <c r="AH2274" s="53"/>
    </row>
    <row r="2275" spans="1:34" ht="51.6" customHeight="1" x14ac:dyDescent="0.45">
      <c r="A2275" s="23">
        <v>2269</v>
      </c>
      <c r="B2275" s="25"/>
      <c r="C2275" s="25"/>
      <c r="D2275" s="29"/>
      <c r="E2275" s="1"/>
      <c r="F2275" s="1"/>
      <c r="G2275" s="25"/>
      <c r="H2275" s="71"/>
      <c r="I2275" s="83"/>
      <c r="J2275" s="50" t="str">
        <f t="shared" si="72"/>
        <v/>
      </c>
      <c r="K2275" s="23" t="s">
        <v>7120</v>
      </c>
      <c r="L2275" s="49" t="e">
        <f>VLOOKUP(E2275&amp;F2275,団体コード!$A$1:$C$1743,3,FALSE)</f>
        <v>#N/A</v>
      </c>
      <c r="M2275" s="49" t="e">
        <f>VLOOKUP(E2275&amp;F2275,団体コード!$A$1:$C$1743,2,FALSE)</f>
        <v>#N/A</v>
      </c>
      <c r="N2275" s="51" t="e">
        <f>VLOOKUP(E2275,団体コード!$E$1:$F$48,2,FALSE)</f>
        <v>#N/A</v>
      </c>
      <c r="O2275" s="51" t="e">
        <f t="shared" si="73"/>
        <v>#N/A</v>
      </c>
      <c r="P2275" s="51">
        <v>1</v>
      </c>
      <c r="Q2275" s="51" t="s">
        <v>5341</v>
      </c>
      <c r="R2275" s="54" t="b">
        <v>1</v>
      </c>
      <c r="S2275" s="52" t="s">
        <v>7126</v>
      </c>
      <c r="T2275" s="67" t="s">
        <v>7127</v>
      </c>
      <c r="U2275" s="75" t="s">
        <v>5331</v>
      </c>
      <c r="V2275" s="47" t="s">
        <v>5331</v>
      </c>
      <c r="W2275" s="47" t="s">
        <v>5331</v>
      </c>
      <c r="X2275" s="47" t="s">
        <v>5331</v>
      </c>
      <c r="Y2275" s="47" t="s">
        <v>5331</v>
      </c>
      <c r="Z2275" s="28"/>
      <c r="AA2275" s="27"/>
      <c r="AB2275" s="27"/>
      <c r="AC2275" s="27"/>
      <c r="AD2275" s="30"/>
      <c r="AE2275" s="1"/>
      <c r="AF2275" s="23" t="s">
        <v>5331</v>
      </c>
      <c r="AG2275" s="26"/>
      <c r="AH2275" s="53"/>
    </row>
    <row r="2276" spans="1:34" ht="51.6" customHeight="1" x14ac:dyDescent="0.45">
      <c r="A2276" s="23">
        <v>2270</v>
      </c>
      <c r="B2276" s="25"/>
      <c r="C2276" s="25"/>
      <c r="D2276" s="29"/>
      <c r="E2276" s="1"/>
      <c r="F2276" s="1"/>
      <c r="G2276" s="25"/>
      <c r="H2276" s="71"/>
      <c r="I2276" s="83"/>
      <c r="J2276" s="50" t="str">
        <f t="shared" si="72"/>
        <v/>
      </c>
      <c r="K2276" s="23" t="s">
        <v>7120</v>
      </c>
      <c r="L2276" s="49" t="e">
        <f>VLOOKUP(E2276&amp;F2276,団体コード!$A$1:$C$1743,3,FALSE)</f>
        <v>#N/A</v>
      </c>
      <c r="M2276" s="49" t="e">
        <f>VLOOKUP(E2276&amp;F2276,団体コード!$A$1:$C$1743,2,FALSE)</f>
        <v>#N/A</v>
      </c>
      <c r="N2276" s="51" t="e">
        <f>VLOOKUP(E2276,団体コード!$E$1:$F$48,2,FALSE)</f>
        <v>#N/A</v>
      </c>
      <c r="O2276" s="51" t="e">
        <f t="shared" si="73"/>
        <v>#N/A</v>
      </c>
      <c r="P2276" s="51">
        <v>1</v>
      </c>
      <c r="Q2276" s="51" t="s">
        <v>5341</v>
      </c>
      <c r="R2276" s="54" t="b">
        <v>1</v>
      </c>
      <c r="S2276" s="52" t="s">
        <v>7126</v>
      </c>
      <c r="T2276" s="67" t="s">
        <v>7127</v>
      </c>
      <c r="U2276" s="75" t="s">
        <v>5331</v>
      </c>
      <c r="V2276" s="47" t="s">
        <v>5331</v>
      </c>
      <c r="W2276" s="47" t="s">
        <v>5331</v>
      </c>
      <c r="X2276" s="47" t="s">
        <v>5331</v>
      </c>
      <c r="Y2276" s="47" t="s">
        <v>5331</v>
      </c>
      <c r="Z2276" s="28"/>
      <c r="AA2276" s="27"/>
      <c r="AB2276" s="27"/>
      <c r="AC2276" s="27"/>
      <c r="AD2276" s="30"/>
      <c r="AE2276" s="1"/>
      <c r="AF2276" s="23" t="s">
        <v>5331</v>
      </c>
      <c r="AG2276" s="26"/>
      <c r="AH2276" s="53"/>
    </row>
    <row r="2277" spans="1:34" ht="51.6" customHeight="1" x14ac:dyDescent="0.45">
      <c r="A2277" s="23">
        <v>2271</v>
      </c>
      <c r="B2277" s="25"/>
      <c r="C2277" s="25"/>
      <c r="D2277" s="29"/>
      <c r="E2277" s="1"/>
      <c r="F2277" s="1"/>
      <c r="G2277" s="25"/>
      <c r="H2277" s="71"/>
      <c r="I2277" s="83"/>
      <c r="J2277" s="50" t="str">
        <f t="shared" si="72"/>
        <v/>
      </c>
      <c r="K2277" s="23" t="s">
        <v>7120</v>
      </c>
      <c r="L2277" s="49" t="e">
        <f>VLOOKUP(E2277&amp;F2277,団体コード!$A$1:$C$1743,3,FALSE)</f>
        <v>#N/A</v>
      </c>
      <c r="M2277" s="49" t="e">
        <f>VLOOKUP(E2277&amp;F2277,団体コード!$A$1:$C$1743,2,FALSE)</f>
        <v>#N/A</v>
      </c>
      <c r="N2277" s="51" t="e">
        <f>VLOOKUP(E2277,団体コード!$E$1:$F$48,2,FALSE)</f>
        <v>#N/A</v>
      </c>
      <c r="O2277" s="51" t="e">
        <f t="shared" si="73"/>
        <v>#N/A</v>
      </c>
      <c r="P2277" s="51">
        <v>1</v>
      </c>
      <c r="Q2277" s="51" t="s">
        <v>5341</v>
      </c>
      <c r="R2277" s="54" t="b">
        <v>1</v>
      </c>
      <c r="S2277" s="52" t="s">
        <v>7126</v>
      </c>
      <c r="T2277" s="67" t="s">
        <v>7127</v>
      </c>
      <c r="U2277" s="75" t="s">
        <v>5331</v>
      </c>
      <c r="V2277" s="47" t="s">
        <v>5331</v>
      </c>
      <c r="W2277" s="47" t="s">
        <v>5331</v>
      </c>
      <c r="X2277" s="47" t="s">
        <v>5331</v>
      </c>
      <c r="Y2277" s="47" t="s">
        <v>5331</v>
      </c>
      <c r="Z2277" s="28"/>
      <c r="AA2277" s="27"/>
      <c r="AB2277" s="27"/>
      <c r="AC2277" s="27"/>
      <c r="AD2277" s="30"/>
      <c r="AE2277" s="1"/>
      <c r="AF2277" s="23" t="s">
        <v>5331</v>
      </c>
      <c r="AG2277" s="26"/>
      <c r="AH2277" s="53"/>
    </row>
    <row r="2278" spans="1:34" ht="51.6" customHeight="1" x14ac:dyDescent="0.45">
      <c r="A2278" s="23">
        <v>2272</v>
      </c>
      <c r="B2278" s="25"/>
      <c r="C2278" s="25"/>
      <c r="D2278" s="29"/>
      <c r="E2278" s="1"/>
      <c r="F2278" s="1"/>
      <c r="G2278" s="25"/>
      <c r="H2278" s="71"/>
      <c r="I2278" s="83"/>
      <c r="J2278" s="50" t="str">
        <f t="shared" si="72"/>
        <v/>
      </c>
      <c r="K2278" s="23" t="s">
        <v>7120</v>
      </c>
      <c r="L2278" s="49" t="e">
        <f>VLOOKUP(E2278&amp;F2278,団体コード!$A$1:$C$1743,3,FALSE)</f>
        <v>#N/A</v>
      </c>
      <c r="M2278" s="49" t="e">
        <f>VLOOKUP(E2278&amp;F2278,団体コード!$A$1:$C$1743,2,FALSE)</f>
        <v>#N/A</v>
      </c>
      <c r="N2278" s="51" t="e">
        <f>VLOOKUP(E2278,団体コード!$E$1:$F$48,2,FALSE)</f>
        <v>#N/A</v>
      </c>
      <c r="O2278" s="51" t="e">
        <f t="shared" si="73"/>
        <v>#N/A</v>
      </c>
      <c r="P2278" s="51">
        <v>1</v>
      </c>
      <c r="Q2278" s="51" t="s">
        <v>5341</v>
      </c>
      <c r="R2278" s="54" t="b">
        <v>1</v>
      </c>
      <c r="S2278" s="52" t="s">
        <v>7126</v>
      </c>
      <c r="T2278" s="67" t="s">
        <v>7127</v>
      </c>
      <c r="U2278" s="75" t="s">
        <v>5331</v>
      </c>
      <c r="V2278" s="47" t="s">
        <v>5331</v>
      </c>
      <c r="W2278" s="47" t="s">
        <v>5331</v>
      </c>
      <c r="X2278" s="47" t="s">
        <v>5331</v>
      </c>
      <c r="Y2278" s="47" t="s">
        <v>5331</v>
      </c>
      <c r="Z2278" s="28"/>
      <c r="AA2278" s="27"/>
      <c r="AB2278" s="27"/>
      <c r="AC2278" s="27"/>
      <c r="AD2278" s="30"/>
      <c r="AE2278" s="1"/>
      <c r="AF2278" s="23" t="s">
        <v>5331</v>
      </c>
      <c r="AG2278" s="26"/>
      <c r="AH2278" s="53"/>
    </row>
    <row r="2279" spans="1:34" ht="51.6" customHeight="1" x14ac:dyDescent="0.45">
      <c r="A2279" s="23">
        <v>2273</v>
      </c>
      <c r="B2279" s="25"/>
      <c r="C2279" s="25"/>
      <c r="D2279" s="29"/>
      <c r="E2279" s="1"/>
      <c r="F2279" s="1"/>
      <c r="G2279" s="25"/>
      <c r="H2279" s="71"/>
      <c r="I2279" s="83"/>
      <c r="J2279" s="50" t="str">
        <f t="shared" si="72"/>
        <v/>
      </c>
      <c r="K2279" s="23" t="s">
        <v>7120</v>
      </c>
      <c r="L2279" s="49" t="e">
        <f>VLOOKUP(E2279&amp;F2279,団体コード!$A$1:$C$1743,3,FALSE)</f>
        <v>#N/A</v>
      </c>
      <c r="M2279" s="49" t="e">
        <f>VLOOKUP(E2279&amp;F2279,団体コード!$A$1:$C$1743,2,FALSE)</f>
        <v>#N/A</v>
      </c>
      <c r="N2279" s="51" t="e">
        <f>VLOOKUP(E2279,団体コード!$E$1:$F$48,2,FALSE)</f>
        <v>#N/A</v>
      </c>
      <c r="O2279" s="51" t="e">
        <f t="shared" si="73"/>
        <v>#N/A</v>
      </c>
      <c r="P2279" s="51">
        <v>1</v>
      </c>
      <c r="Q2279" s="51" t="s">
        <v>5341</v>
      </c>
      <c r="R2279" s="54" t="b">
        <v>1</v>
      </c>
      <c r="S2279" s="52" t="s">
        <v>7126</v>
      </c>
      <c r="T2279" s="67" t="s">
        <v>7127</v>
      </c>
      <c r="U2279" s="75" t="s">
        <v>5331</v>
      </c>
      <c r="V2279" s="47" t="s">
        <v>5331</v>
      </c>
      <c r="W2279" s="47" t="s">
        <v>5331</v>
      </c>
      <c r="X2279" s="47" t="s">
        <v>5331</v>
      </c>
      <c r="Y2279" s="47" t="s">
        <v>5331</v>
      </c>
      <c r="Z2279" s="28"/>
      <c r="AA2279" s="27"/>
      <c r="AB2279" s="27"/>
      <c r="AC2279" s="27"/>
      <c r="AD2279" s="30"/>
      <c r="AE2279" s="1"/>
      <c r="AF2279" s="23" t="s">
        <v>5331</v>
      </c>
      <c r="AG2279" s="26"/>
      <c r="AH2279" s="53"/>
    </row>
    <row r="2280" spans="1:34" ht="51.6" customHeight="1" x14ac:dyDescent="0.45">
      <c r="A2280" s="23">
        <v>2274</v>
      </c>
      <c r="B2280" s="25"/>
      <c r="C2280" s="25"/>
      <c r="D2280" s="29"/>
      <c r="E2280" s="1"/>
      <c r="F2280" s="1"/>
      <c r="G2280" s="25"/>
      <c r="H2280" s="71"/>
      <c r="I2280" s="83"/>
      <c r="J2280" s="50" t="str">
        <f t="shared" si="72"/>
        <v/>
      </c>
      <c r="K2280" s="23" t="s">
        <v>7120</v>
      </c>
      <c r="L2280" s="49" t="e">
        <f>VLOOKUP(E2280&amp;F2280,団体コード!$A$1:$C$1743,3,FALSE)</f>
        <v>#N/A</v>
      </c>
      <c r="M2280" s="49" t="e">
        <f>VLOOKUP(E2280&amp;F2280,団体コード!$A$1:$C$1743,2,FALSE)</f>
        <v>#N/A</v>
      </c>
      <c r="N2280" s="51" t="e">
        <f>VLOOKUP(E2280,団体コード!$E$1:$F$48,2,FALSE)</f>
        <v>#N/A</v>
      </c>
      <c r="O2280" s="51" t="e">
        <f t="shared" si="73"/>
        <v>#N/A</v>
      </c>
      <c r="P2280" s="51">
        <v>1</v>
      </c>
      <c r="Q2280" s="51" t="s">
        <v>5341</v>
      </c>
      <c r="R2280" s="54" t="b">
        <v>1</v>
      </c>
      <c r="S2280" s="52" t="s">
        <v>7126</v>
      </c>
      <c r="T2280" s="67" t="s">
        <v>7127</v>
      </c>
      <c r="U2280" s="75" t="s">
        <v>5331</v>
      </c>
      <c r="V2280" s="47" t="s">
        <v>5331</v>
      </c>
      <c r="W2280" s="47" t="s">
        <v>5331</v>
      </c>
      <c r="X2280" s="47" t="s">
        <v>5331</v>
      </c>
      <c r="Y2280" s="47" t="s">
        <v>5331</v>
      </c>
      <c r="Z2280" s="28"/>
      <c r="AA2280" s="27"/>
      <c r="AB2280" s="27"/>
      <c r="AC2280" s="27"/>
      <c r="AD2280" s="30"/>
      <c r="AE2280" s="1"/>
      <c r="AF2280" s="23" t="s">
        <v>5331</v>
      </c>
      <c r="AG2280" s="26"/>
      <c r="AH2280" s="53"/>
    </row>
    <row r="2281" spans="1:34" ht="51.6" customHeight="1" x14ac:dyDescent="0.45">
      <c r="A2281" s="23">
        <v>2275</v>
      </c>
      <c r="B2281" s="25"/>
      <c r="C2281" s="25"/>
      <c r="D2281" s="29"/>
      <c r="E2281" s="1"/>
      <c r="F2281" s="1"/>
      <c r="G2281" s="25"/>
      <c r="H2281" s="71"/>
      <c r="I2281" s="83"/>
      <c r="J2281" s="50" t="str">
        <f t="shared" si="72"/>
        <v/>
      </c>
      <c r="K2281" s="23" t="s">
        <v>7120</v>
      </c>
      <c r="L2281" s="49" t="e">
        <f>VLOOKUP(E2281&amp;F2281,団体コード!$A$1:$C$1743,3,FALSE)</f>
        <v>#N/A</v>
      </c>
      <c r="M2281" s="49" t="e">
        <f>VLOOKUP(E2281&amp;F2281,団体コード!$A$1:$C$1743,2,FALSE)</f>
        <v>#N/A</v>
      </c>
      <c r="N2281" s="51" t="e">
        <f>VLOOKUP(E2281,団体コード!$E$1:$F$48,2,FALSE)</f>
        <v>#N/A</v>
      </c>
      <c r="O2281" s="51" t="e">
        <f t="shared" si="73"/>
        <v>#N/A</v>
      </c>
      <c r="P2281" s="51">
        <v>1</v>
      </c>
      <c r="Q2281" s="51" t="s">
        <v>5341</v>
      </c>
      <c r="R2281" s="54" t="b">
        <v>1</v>
      </c>
      <c r="S2281" s="52" t="s">
        <v>7126</v>
      </c>
      <c r="T2281" s="67" t="s">
        <v>7127</v>
      </c>
      <c r="U2281" s="75" t="s">
        <v>5331</v>
      </c>
      <c r="V2281" s="47" t="s">
        <v>5331</v>
      </c>
      <c r="W2281" s="47" t="s">
        <v>5331</v>
      </c>
      <c r="X2281" s="47" t="s">
        <v>5331</v>
      </c>
      <c r="Y2281" s="47" t="s">
        <v>5331</v>
      </c>
      <c r="Z2281" s="28"/>
      <c r="AA2281" s="27"/>
      <c r="AB2281" s="27"/>
      <c r="AC2281" s="27"/>
      <c r="AD2281" s="30"/>
      <c r="AE2281" s="1"/>
      <c r="AF2281" s="23" t="s">
        <v>5331</v>
      </c>
      <c r="AG2281" s="26"/>
      <c r="AH2281" s="53"/>
    </row>
    <row r="2282" spans="1:34" ht="51.6" customHeight="1" x14ac:dyDescent="0.45">
      <c r="A2282" s="23">
        <v>2276</v>
      </c>
      <c r="B2282" s="25"/>
      <c r="C2282" s="25"/>
      <c r="D2282" s="29"/>
      <c r="E2282" s="1"/>
      <c r="F2282" s="1"/>
      <c r="G2282" s="25"/>
      <c r="H2282" s="71"/>
      <c r="I2282" s="83"/>
      <c r="J2282" s="50" t="str">
        <f t="shared" si="72"/>
        <v/>
      </c>
      <c r="K2282" s="23" t="s">
        <v>7120</v>
      </c>
      <c r="L2282" s="49" t="e">
        <f>VLOOKUP(E2282&amp;F2282,団体コード!$A$1:$C$1743,3,FALSE)</f>
        <v>#N/A</v>
      </c>
      <c r="M2282" s="49" t="e">
        <f>VLOOKUP(E2282&amp;F2282,団体コード!$A$1:$C$1743,2,FALSE)</f>
        <v>#N/A</v>
      </c>
      <c r="N2282" s="51" t="e">
        <f>VLOOKUP(E2282,団体コード!$E$1:$F$48,2,FALSE)</f>
        <v>#N/A</v>
      </c>
      <c r="O2282" s="51" t="e">
        <f t="shared" si="73"/>
        <v>#N/A</v>
      </c>
      <c r="P2282" s="51">
        <v>1</v>
      </c>
      <c r="Q2282" s="51" t="s">
        <v>5341</v>
      </c>
      <c r="R2282" s="54" t="b">
        <v>1</v>
      </c>
      <c r="S2282" s="52" t="s">
        <v>7126</v>
      </c>
      <c r="T2282" s="67" t="s">
        <v>7127</v>
      </c>
      <c r="U2282" s="75" t="s">
        <v>5331</v>
      </c>
      <c r="V2282" s="47" t="s">
        <v>5331</v>
      </c>
      <c r="W2282" s="47" t="s">
        <v>5331</v>
      </c>
      <c r="X2282" s="47" t="s">
        <v>5331</v>
      </c>
      <c r="Y2282" s="47" t="s">
        <v>5331</v>
      </c>
      <c r="Z2282" s="28"/>
      <c r="AA2282" s="27"/>
      <c r="AB2282" s="27"/>
      <c r="AC2282" s="27"/>
      <c r="AD2282" s="30"/>
      <c r="AE2282" s="1"/>
      <c r="AF2282" s="23" t="s">
        <v>5331</v>
      </c>
      <c r="AG2282" s="26"/>
      <c r="AH2282" s="53"/>
    </row>
    <row r="2283" spans="1:34" ht="51.6" customHeight="1" x14ac:dyDescent="0.45">
      <c r="A2283" s="23">
        <v>2277</v>
      </c>
      <c r="B2283" s="25"/>
      <c r="C2283" s="25"/>
      <c r="D2283" s="29"/>
      <c r="E2283" s="1"/>
      <c r="F2283" s="1"/>
      <c r="G2283" s="25"/>
      <c r="H2283" s="71"/>
      <c r="I2283" s="83"/>
      <c r="J2283" s="50" t="str">
        <f t="shared" si="72"/>
        <v/>
      </c>
      <c r="K2283" s="23" t="s">
        <v>7120</v>
      </c>
      <c r="L2283" s="49" t="e">
        <f>VLOOKUP(E2283&amp;F2283,団体コード!$A$1:$C$1743,3,FALSE)</f>
        <v>#N/A</v>
      </c>
      <c r="M2283" s="49" t="e">
        <f>VLOOKUP(E2283&amp;F2283,団体コード!$A$1:$C$1743,2,FALSE)</f>
        <v>#N/A</v>
      </c>
      <c r="N2283" s="51" t="e">
        <f>VLOOKUP(E2283,団体コード!$E$1:$F$48,2,FALSE)</f>
        <v>#N/A</v>
      </c>
      <c r="O2283" s="51" t="e">
        <f t="shared" si="73"/>
        <v>#N/A</v>
      </c>
      <c r="P2283" s="51">
        <v>1</v>
      </c>
      <c r="Q2283" s="51" t="s">
        <v>5341</v>
      </c>
      <c r="R2283" s="54" t="b">
        <v>1</v>
      </c>
      <c r="S2283" s="52" t="s">
        <v>7126</v>
      </c>
      <c r="T2283" s="67" t="s">
        <v>7127</v>
      </c>
      <c r="U2283" s="75" t="s">
        <v>5331</v>
      </c>
      <c r="V2283" s="47" t="s">
        <v>5331</v>
      </c>
      <c r="W2283" s="47" t="s">
        <v>5331</v>
      </c>
      <c r="X2283" s="47" t="s">
        <v>5331</v>
      </c>
      <c r="Y2283" s="47" t="s">
        <v>5331</v>
      </c>
      <c r="Z2283" s="28"/>
      <c r="AA2283" s="27"/>
      <c r="AB2283" s="27"/>
      <c r="AC2283" s="27"/>
      <c r="AD2283" s="30"/>
      <c r="AE2283" s="1"/>
      <c r="AF2283" s="23" t="s">
        <v>5331</v>
      </c>
      <c r="AG2283" s="26"/>
      <c r="AH2283" s="53"/>
    </row>
    <row r="2284" spans="1:34" ht="51.6" customHeight="1" x14ac:dyDescent="0.45">
      <c r="A2284" s="23">
        <v>2278</v>
      </c>
      <c r="B2284" s="25"/>
      <c r="C2284" s="25"/>
      <c r="D2284" s="29"/>
      <c r="E2284" s="1"/>
      <c r="F2284" s="1"/>
      <c r="G2284" s="25"/>
      <c r="H2284" s="71"/>
      <c r="I2284" s="83"/>
      <c r="J2284" s="50" t="str">
        <f t="shared" si="72"/>
        <v/>
      </c>
      <c r="K2284" s="23" t="s">
        <v>7120</v>
      </c>
      <c r="L2284" s="49" t="e">
        <f>VLOOKUP(E2284&amp;F2284,団体コード!$A$1:$C$1743,3,FALSE)</f>
        <v>#N/A</v>
      </c>
      <c r="M2284" s="49" t="e">
        <f>VLOOKUP(E2284&amp;F2284,団体コード!$A$1:$C$1743,2,FALSE)</f>
        <v>#N/A</v>
      </c>
      <c r="N2284" s="51" t="e">
        <f>VLOOKUP(E2284,団体コード!$E$1:$F$48,2,FALSE)</f>
        <v>#N/A</v>
      </c>
      <c r="O2284" s="51" t="e">
        <f t="shared" si="73"/>
        <v>#N/A</v>
      </c>
      <c r="P2284" s="51">
        <v>1</v>
      </c>
      <c r="Q2284" s="51" t="s">
        <v>5341</v>
      </c>
      <c r="R2284" s="54" t="b">
        <v>1</v>
      </c>
      <c r="S2284" s="52" t="s">
        <v>7126</v>
      </c>
      <c r="T2284" s="67" t="s">
        <v>7127</v>
      </c>
      <c r="U2284" s="75" t="s">
        <v>5331</v>
      </c>
      <c r="V2284" s="47" t="s">
        <v>5331</v>
      </c>
      <c r="W2284" s="47" t="s">
        <v>5331</v>
      </c>
      <c r="X2284" s="47" t="s">
        <v>5331</v>
      </c>
      <c r="Y2284" s="47" t="s">
        <v>5331</v>
      </c>
      <c r="Z2284" s="28"/>
      <c r="AA2284" s="27"/>
      <c r="AB2284" s="27"/>
      <c r="AC2284" s="27"/>
      <c r="AD2284" s="30"/>
      <c r="AE2284" s="1"/>
      <c r="AF2284" s="23" t="s">
        <v>5331</v>
      </c>
      <c r="AG2284" s="26"/>
      <c r="AH2284" s="53"/>
    </row>
    <row r="2285" spans="1:34" ht="51.6" customHeight="1" x14ac:dyDescent="0.45">
      <c r="A2285" s="23">
        <v>2279</v>
      </c>
      <c r="B2285" s="25"/>
      <c r="C2285" s="25"/>
      <c r="D2285" s="29"/>
      <c r="E2285" s="1"/>
      <c r="F2285" s="1"/>
      <c r="G2285" s="25"/>
      <c r="H2285" s="71"/>
      <c r="I2285" s="83"/>
      <c r="J2285" s="50" t="str">
        <f t="shared" si="72"/>
        <v/>
      </c>
      <c r="K2285" s="23" t="s">
        <v>7120</v>
      </c>
      <c r="L2285" s="49" t="e">
        <f>VLOOKUP(E2285&amp;F2285,団体コード!$A$1:$C$1743,3,FALSE)</f>
        <v>#N/A</v>
      </c>
      <c r="M2285" s="49" t="e">
        <f>VLOOKUP(E2285&amp;F2285,団体コード!$A$1:$C$1743,2,FALSE)</f>
        <v>#N/A</v>
      </c>
      <c r="N2285" s="51" t="e">
        <f>VLOOKUP(E2285,団体コード!$E$1:$F$48,2,FALSE)</f>
        <v>#N/A</v>
      </c>
      <c r="O2285" s="51" t="e">
        <f t="shared" si="73"/>
        <v>#N/A</v>
      </c>
      <c r="P2285" s="51">
        <v>1</v>
      </c>
      <c r="Q2285" s="51" t="s">
        <v>5341</v>
      </c>
      <c r="R2285" s="54" t="b">
        <v>1</v>
      </c>
      <c r="S2285" s="52" t="s">
        <v>7126</v>
      </c>
      <c r="T2285" s="67" t="s">
        <v>7127</v>
      </c>
      <c r="U2285" s="75" t="s">
        <v>5331</v>
      </c>
      <c r="V2285" s="47" t="s">
        <v>5331</v>
      </c>
      <c r="W2285" s="47" t="s">
        <v>5331</v>
      </c>
      <c r="X2285" s="47" t="s">
        <v>5331</v>
      </c>
      <c r="Y2285" s="47" t="s">
        <v>5331</v>
      </c>
      <c r="Z2285" s="28"/>
      <c r="AA2285" s="27"/>
      <c r="AB2285" s="27"/>
      <c r="AC2285" s="27"/>
      <c r="AD2285" s="30"/>
      <c r="AE2285" s="1"/>
      <c r="AF2285" s="23" t="s">
        <v>5331</v>
      </c>
      <c r="AG2285" s="26"/>
      <c r="AH2285" s="53"/>
    </row>
    <row r="2286" spans="1:34" ht="51.6" customHeight="1" x14ac:dyDescent="0.45">
      <c r="A2286" s="23">
        <v>2280</v>
      </c>
      <c r="B2286" s="25"/>
      <c r="C2286" s="25"/>
      <c r="D2286" s="29"/>
      <c r="E2286" s="1"/>
      <c r="F2286" s="1"/>
      <c r="G2286" s="25"/>
      <c r="H2286" s="71"/>
      <c r="I2286" s="83"/>
      <c r="J2286" s="50" t="str">
        <f t="shared" si="72"/>
        <v/>
      </c>
      <c r="K2286" s="23" t="s">
        <v>7120</v>
      </c>
      <c r="L2286" s="49" t="e">
        <f>VLOOKUP(E2286&amp;F2286,団体コード!$A$1:$C$1743,3,FALSE)</f>
        <v>#N/A</v>
      </c>
      <c r="M2286" s="49" t="e">
        <f>VLOOKUP(E2286&amp;F2286,団体コード!$A$1:$C$1743,2,FALSE)</f>
        <v>#N/A</v>
      </c>
      <c r="N2286" s="51" t="e">
        <f>VLOOKUP(E2286,団体コード!$E$1:$F$48,2,FALSE)</f>
        <v>#N/A</v>
      </c>
      <c r="O2286" s="51" t="e">
        <f t="shared" si="73"/>
        <v>#N/A</v>
      </c>
      <c r="P2286" s="51">
        <v>1</v>
      </c>
      <c r="Q2286" s="51" t="s">
        <v>5341</v>
      </c>
      <c r="R2286" s="54" t="b">
        <v>1</v>
      </c>
      <c r="S2286" s="52" t="s">
        <v>7126</v>
      </c>
      <c r="T2286" s="67" t="s">
        <v>7127</v>
      </c>
      <c r="U2286" s="75" t="s">
        <v>5331</v>
      </c>
      <c r="V2286" s="47" t="s">
        <v>5331</v>
      </c>
      <c r="W2286" s="47" t="s">
        <v>5331</v>
      </c>
      <c r="X2286" s="47" t="s">
        <v>5331</v>
      </c>
      <c r="Y2286" s="47" t="s">
        <v>5331</v>
      </c>
      <c r="Z2286" s="28"/>
      <c r="AA2286" s="27"/>
      <c r="AB2286" s="27"/>
      <c r="AC2286" s="27"/>
      <c r="AD2286" s="30"/>
      <c r="AE2286" s="1"/>
      <c r="AF2286" s="23" t="s">
        <v>5331</v>
      </c>
      <c r="AG2286" s="26"/>
      <c r="AH2286" s="53"/>
    </row>
    <row r="2287" spans="1:34" ht="51.6" customHeight="1" x14ac:dyDescent="0.45">
      <c r="A2287" s="23">
        <v>2281</v>
      </c>
      <c r="B2287" s="25"/>
      <c r="C2287" s="25"/>
      <c r="D2287" s="29"/>
      <c r="E2287" s="1"/>
      <c r="F2287" s="1"/>
      <c r="G2287" s="25"/>
      <c r="H2287" s="71"/>
      <c r="I2287" s="83"/>
      <c r="J2287" s="50" t="str">
        <f t="shared" si="72"/>
        <v/>
      </c>
      <c r="K2287" s="23" t="s">
        <v>7120</v>
      </c>
      <c r="L2287" s="49" t="e">
        <f>VLOOKUP(E2287&amp;F2287,団体コード!$A$1:$C$1743,3,FALSE)</f>
        <v>#N/A</v>
      </c>
      <c r="M2287" s="49" t="e">
        <f>VLOOKUP(E2287&amp;F2287,団体コード!$A$1:$C$1743,2,FALSE)</f>
        <v>#N/A</v>
      </c>
      <c r="N2287" s="51" t="e">
        <f>VLOOKUP(E2287,団体コード!$E$1:$F$48,2,FALSE)</f>
        <v>#N/A</v>
      </c>
      <c r="O2287" s="51" t="e">
        <f t="shared" si="73"/>
        <v>#N/A</v>
      </c>
      <c r="P2287" s="51">
        <v>1</v>
      </c>
      <c r="Q2287" s="51" t="s">
        <v>5341</v>
      </c>
      <c r="R2287" s="54" t="b">
        <v>1</v>
      </c>
      <c r="S2287" s="52" t="s">
        <v>7126</v>
      </c>
      <c r="T2287" s="67" t="s">
        <v>7127</v>
      </c>
      <c r="U2287" s="75" t="s">
        <v>5331</v>
      </c>
      <c r="V2287" s="47" t="s">
        <v>5331</v>
      </c>
      <c r="W2287" s="47" t="s">
        <v>5331</v>
      </c>
      <c r="X2287" s="47" t="s">
        <v>5331</v>
      </c>
      <c r="Y2287" s="47" t="s">
        <v>5331</v>
      </c>
      <c r="Z2287" s="28"/>
      <c r="AA2287" s="27"/>
      <c r="AB2287" s="27"/>
      <c r="AC2287" s="27"/>
      <c r="AD2287" s="30"/>
      <c r="AE2287" s="1"/>
      <c r="AF2287" s="23" t="s">
        <v>5331</v>
      </c>
      <c r="AG2287" s="26"/>
      <c r="AH2287" s="53"/>
    </row>
    <row r="2288" spans="1:34" ht="51.6" customHeight="1" x14ac:dyDescent="0.45">
      <c r="A2288" s="23">
        <v>2282</v>
      </c>
      <c r="B2288" s="25"/>
      <c r="C2288" s="25"/>
      <c r="D2288" s="29"/>
      <c r="E2288" s="1"/>
      <c r="F2288" s="1"/>
      <c r="G2288" s="25"/>
      <c r="H2288" s="71"/>
      <c r="I2288" s="83"/>
      <c r="J2288" s="50" t="str">
        <f t="shared" si="72"/>
        <v/>
      </c>
      <c r="K2288" s="23" t="s">
        <v>7120</v>
      </c>
      <c r="L2288" s="49" t="e">
        <f>VLOOKUP(E2288&amp;F2288,団体コード!$A$1:$C$1743,3,FALSE)</f>
        <v>#N/A</v>
      </c>
      <c r="M2288" s="49" t="e">
        <f>VLOOKUP(E2288&amp;F2288,団体コード!$A$1:$C$1743,2,FALSE)</f>
        <v>#N/A</v>
      </c>
      <c r="N2288" s="51" t="e">
        <f>VLOOKUP(E2288,団体コード!$E$1:$F$48,2,FALSE)</f>
        <v>#N/A</v>
      </c>
      <c r="O2288" s="51" t="e">
        <f t="shared" si="73"/>
        <v>#N/A</v>
      </c>
      <c r="P2288" s="51">
        <v>1</v>
      </c>
      <c r="Q2288" s="51" t="s">
        <v>5341</v>
      </c>
      <c r="R2288" s="54" t="b">
        <v>1</v>
      </c>
      <c r="S2288" s="52" t="s">
        <v>7126</v>
      </c>
      <c r="T2288" s="67" t="s">
        <v>7127</v>
      </c>
      <c r="U2288" s="75" t="s">
        <v>5331</v>
      </c>
      <c r="V2288" s="47" t="s">
        <v>5331</v>
      </c>
      <c r="W2288" s="47" t="s">
        <v>5331</v>
      </c>
      <c r="X2288" s="47" t="s">
        <v>5331</v>
      </c>
      <c r="Y2288" s="47" t="s">
        <v>5331</v>
      </c>
      <c r="Z2288" s="28"/>
      <c r="AA2288" s="27"/>
      <c r="AB2288" s="27"/>
      <c r="AC2288" s="27"/>
      <c r="AD2288" s="30"/>
      <c r="AE2288" s="1"/>
      <c r="AF2288" s="23" t="s">
        <v>5331</v>
      </c>
      <c r="AG2288" s="26"/>
      <c r="AH2288" s="53"/>
    </row>
    <row r="2289" spans="1:34" ht="51.6" customHeight="1" x14ac:dyDescent="0.45">
      <c r="A2289" s="23">
        <v>2283</v>
      </c>
      <c r="B2289" s="25"/>
      <c r="C2289" s="25"/>
      <c r="D2289" s="29"/>
      <c r="E2289" s="1"/>
      <c r="F2289" s="1"/>
      <c r="G2289" s="25"/>
      <c r="H2289" s="71"/>
      <c r="I2289" s="83"/>
      <c r="J2289" s="50" t="str">
        <f t="shared" si="72"/>
        <v/>
      </c>
      <c r="K2289" s="23" t="s">
        <v>7120</v>
      </c>
      <c r="L2289" s="49" t="e">
        <f>VLOOKUP(E2289&amp;F2289,団体コード!$A$1:$C$1743,3,FALSE)</f>
        <v>#N/A</v>
      </c>
      <c r="M2289" s="49" t="e">
        <f>VLOOKUP(E2289&amp;F2289,団体コード!$A$1:$C$1743,2,FALSE)</f>
        <v>#N/A</v>
      </c>
      <c r="N2289" s="51" t="e">
        <f>VLOOKUP(E2289,団体コード!$E$1:$F$48,2,FALSE)</f>
        <v>#N/A</v>
      </c>
      <c r="O2289" s="51" t="e">
        <f t="shared" si="73"/>
        <v>#N/A</v>
      </c>
      <c r="P2289" s="51">
        <v>1</v>
      </c>
      <c r="Q2289" s="51" t="s">
        <v>5341</v>
      </c>
      <c r="R2289" s="54" t="b">
        <v>1</v>
      </c>
      <c r="S2289" s="52" t="s">
        <v>7126</v>
      </c>
      <c r="T2289" s="67" t="s">
        <v>7127</v>
      </c>
      <c r="U2289" s="75" t="s">
        <v>5331</v>
      </c>
      <c r="V2289" s="47" t="s">
        <v>5331</v>
      </c>
      <c r="W2289" s="47" t="s">
        <v>5331</v>
      </c>
      <c r="X2289" s="47" t="s">
        <v>5331</v>
      </c>
      <c r="Y2289" s="47" t="s">
        <v>5331</v>
      </c>
      <c r="Z2289" s="28"/>
      <c r="AA2289" s="27"/>
      <c r="AB2289" s="27"/>
      <c r="AC2289" s="27"/>
      <c r="AD2289" s="30"/>
      <c r="AE2289" s="1"/>
      <c r="AF2289" s="23" t="s">
        <v>5331</v>
      </c>
      <c r="AG2289" s="26"/>
      <c r="AH2289" s="53"/>
    </row>
    <row r="2290" spans="1:34" ht="51.6" customHeight="1" x14ac:dyDescent="0.45">
      <c r="A2290" s="23">
        <v>2284</v>
      </c>
      <c r="B2290" s="25"/>
      <c r="C2290" s="25"/>
      <c r="D2290" s="29"/>
      <c r="E2290" s="1"/>
      <c r="F2290" s="1"/>
      <c r="G2290" s="25"/>
      <c r="H2290" s="71"/>
      <c r="I2290" s="83"/>
      <c r="J2290" s="50" t="str">
        <f t="shared" si="72"/>
        <v/>
      </c>
      <c r="K2290" s="23" t="s">
        <v>7120</v>
      </c>
      <c r="L2290" s="49" t="e">
        <f>VLOOKUP(E2290&amp;F2290,団体コード!$A$1:$C$1743,3,FALSE)</f>
        <v>#N/A</v>
      </c>
      <c r="M2290" s="49" t="e">
        <f>VLOOKUP(E2290&amp;F2290,団体コード!$A$1:$C$1743,2,FALSE)</f>
        <v>#N/A</v>
      </c>
      <c r="N2290" s="51" t="e">
        <f>VLOOKUP(E2290,団体コード!$E$1:$F$48,2,FALSE)</f>
        <v>#N/A</v>
      </c>
      <c r="O2290" s="51" t="e">
        <f t="shared" si="73"/>
        <v>#N/A</v>
      </c>
      <c r="P2290" s="51">
        <v>1</v>
      </c>
      <c r="Q2290" s="51" t="s">
        <v>5341</v>
      </c>
      <c r="R2290" s="54" t="b">
        <v>1</v>
      </c>
      <c r="S2290" s="52" t="s">
        <v>7126</v>
      </c>
      <c r="T2290" s="67" t="s">
        <v>7127</v>
      </c>
      <c r="U2290" s="75" t="s">
        <v>5331</v>
      </c>
      <c r="V2290" s="47" t="s">
        <v>5331</v>
      </c>
      <c r="W2290" s="47" t="s">
        <v>5331</v>
      </c>
      <c r="X2290" s="47" t="s">
        <v>5331</v>
      </c>
      <c r="Y2290" s="47" t="s">
        <v>5331</v>
      </c>
      <c r="Z2290" s="28"/>
      <c r="AA2290" s="27"/>
      <c r="AB2290" s="27"/>
      <c r="AC2290" s="27"/>
      <c r="AD2290" s="30"/>
      <c r="AE2290" s="1"/>
      <c r="AF2290" s="23" t="s">
        <v>5331</v>
      </c>
      <c r="AG2290" s="26"/>
      <c r="AH2290" s="53"/>
    </row>
    <row r="2291" spans="1:34" ht="51.6" customHeight="1" x14ac:dyDescent="0.45">
      <c r="A2291" s="23">
        <v>2285</v>
      </c>
      <c r="B2291" s="25"/>
      <c r="C2291" s="25"/>
      <c r="D2291" s="29"/>
      <c r="E2291" s="1"/>
      <c r="F2291" s="1"/>
      <c r="G2291" s="25"/>
      <c r="H2291" s="71"/>
      <c r="I2291" s="83"/>
      <c r="J2291" s="50" t="str">
        <f t="shared" si="72"/>
        <v/>
      </c>
      <c r="K2291" s="23" t="s">
        <v>7120</v>
      </c>
      <c r="L2291" s="49" t="e">
        <f>VLOOKUP(E2291&amp;F2291,団体コード!$A$1:$C$1743,3,FALSE)</f>
        <v>#N/A</v>
      </c>
      <c r="M2291" s="49" t="e">
        <f>VLOOKUP(E2291&amp;F2291,団体コード!$A$1:$C$1743,2,FALSE)</f>
        <v>#N/A</v>
      </c>
      <c r="N2291" s="51" t="e">
        <f>VLOOKUP(E2291,団体コード!$E$1:$F$48,2,FALSE)</f>
        <v>#N/A</v>
      </c>
      <c r="O2291" s="51" t="e">
        <f t="shared" si="73"/>
        <v>#N/A</v>
      </c>
      <c r="P2291" s="51">
        <v>1</v>
      </c>
      <c r="Q2291" s="51" t="s">
        <v>5341</v>
      </c>
      <c r="R2291" s="54" t="b">
        <v>1</v>
      </c>
      <c r="S2291" s="52" t="s">
        <v>7126</v>
      </c>
      <c r="T2291" s="67" t="s">
        <v>7127</v>
      </c>
      <c r="U2291" s="75" t="s">
        <v>5331</v>
      </c>
      <c r="V2291" s="47" t="s">
        <v>5331</v>
      </c>
      <c r="W2291" s="47" t="s">
        <v>5331</v>
      </c>
      <c r="X2291" s="47" t="s">
        <v>5331</v>
      </c>
      <c r="Y2291" s="47" t="s">
        <v>5331</v>
      </c>
      <c r="Z2291" s="28"/>
      <c r="AA2291" s="27"/>
      <c r="AB2291" s="27"/>
      <c r="AC2291" s="27"/>
      <c r="AD2291" s="30"/>
      <c r="AE2291" s="1"/>
      <c r="AF2291" s="23" t="s">
        <v>5331</v>
      </c>
      <c r="AG2291" s="26"/>
      <c r="AH2291" s="53"/>
    </row>
    <row r="2292" spans="1:34" ht="51.6" customHeight="1" x14ac:dyDescent="0.45">
      <c r="A2292" s="23">
        <v>2286</v>
      </c>
      <c r="B2292" s="25"/>
      <c r="C2292" s="25"/>
      <c r="D2292" s="29"/>
      <c r="E2292" s="1"/>
      <c r="F2292" s="1"/>
      <c r="G2292" s="25"/>
      <c r="H2292" s="71"/>
      <c r="I2292" s="83"/>
      <c r="J2292" s="50" t="str">
        <f t="shared" si="72"/>
        <v/>
      </c>
      <c r="K2292" s="23" t="s">
        <v>7120</v>
      </c>
      <c r="L2292" s="49" t="e">
        <f>VLOOKUP(E2292&amp;F2292,団体コード!$A$1:$C$1743,3,FALSE)</f>
        <v>#N/A</v>
      </c>
      <c r="M2292" s="49" t="e">
        <f>VLOOKUP(E2292&amp;F2292,団体コード!$A$1:$C$1743,2,FALSE)</f>
        <v>#N/A</v>
      </c>
      <c r="N2292" s="51" t="e">
        <f>VLOOKUP(E2292,団体コード!$E$1:$F$48,2,FALSE)</f>
        <v>#N/A</v>
      </c>
      <c r="O2292" s="51" t="e">
        <f t="shared" si="73"/>
        <v>#N/A</v>
      </c>
      <c r="P2292" s="51">
        <v>1</v>
      </c>
      <c r="Q2292" s="51" t="s">
        <v>5341</v>
      </c>
      <c r="R2292" s="54" t="b">
        <v>1</v>
      </c>
      <c r="S2292" s="52" t="s">
        <v>7126</v>
      </c>
      <c r="T2292" s="67" t="s">
        <v>7127</v>
      </c>
      <c r="U2292" s="75" t="s">
        <v>5331</v>
      </c>
      <c r="V2292" s="47" t="s">
        <v>5331</v>
      </c>
      <c r="W2292" s="47" t="s">
        <v>5331</v>
      </c>
      <c r="X2292" s="47" t="s">
        <v>5331</v>
      </c>
      <c r="Y2292" s="47" t="s">
        <v>5331</v>
      </c>
      <c r="Z2292" s="28"/>
      <c r="AA2292" s="27"/>
      <c r="AB2292" s="27"/>
      <c r="AC2292" s="27"/>
      <c r="AD2292" s="30"/>
      <c r="AE2292" s="1"/>
      <c r="AF2292" s="23" t="s">
        <v>5331</v>
      </c>
      <c r="AG2292" s="26"/>
      <c r="AH2292" s="53"/>
    </row>
    <row r="2293" spans="1:34" ht="51.6" customHeight="1" x14ac:dyDescent="0.45">
      <c r="A2293" s="23">
        <v>2287</v>
      </c>
      <c r="B2293" s="25"/>
      <c r="C2293" s="25"/>
      <c r="D2293" s="29"/>
      <c r="E2293" s="1"/>
      <c r="F2293" s="1"/>
      <c r="G2293" s="25"/>
      <c r="H2293" s="71"/>
      <c r="I2293" s="83"/>
      <c r="J2293" s="50" t="str">
        <f t="shared" si="72"/>
        <v/>
      </c>
      <c r="K2293" s="23" t="s">
        <v>7120</v>
      </c>
      <c r="L2293" s="49" t="e">
        <f>VLOOKUP(E2293&amp;F2293,団体コード!$A$1:$C$1743,3,FALSE)</f>
        <v>#N/A</v>
      </c>
      <c r="M2293" s="49" t="e">
        <f>VLOOKUP(E2293&amp;F2293,団体コード!$A$1:$C$1743,2,FALSE)</f>
        <v>#N/A</v>
      </c>
      <c r="N2293" s="51" t="e">
        <f>VLOOKUP(E2293,団体コード!$E$1:$F$48,2,FALSE)</f>
        <v>#N/A</v>
      </c>
      <c r="O2293" s="51" t="e">
        <f t="shared" si="73"/>
        <v>#N/A</v>
      </c>
      <c r="P2293" s="51">
        <v>1</v>
      </c>
      <c r="Q2293" s="51" t="s">
        <v>5341</v>
      </c>
      <c r="R2293" s="54" t="b">
        <v>1</v>
      </c>
      <c r="S2293" s="52" t="s">
        <v>7126</v>
      </c>
      <c r="T2293" s="67" t="s">
        <v>7127</v>
      </c>
      <c r="U2293" s="75" t="s">
        <v>5331</v>
      </c>
      <c r="V2293" s="47" t="s">
        <v>5331</v>
      </c>
      <c r="W2293" s="47" t="s">
        <v>5331</v>
      </c>
      <c r="X2293" s="47" t="s">
        <v>5331</v>
      </c>
      <c r="Y2293" s="47" t="s">
        <v>5331</v>
      </c>
      <c r="Z2293" s="28"/>
      <c r="AA2293" s="27"/>
      <c r="AB2293" s="27"/>
      <c r="AC2293" s="27"/>
      <c r="AD2293" s="30"/>
      <c r="AE2293" s="1"/>
      <c r="AF2293" s="23" t="s">
        <v>5331</v>
      </c>
      <c r="AG2293" s="26"/>
      <c r="AH2293" s="53"/>
    </row>
    <row r="2294" spans="1:34" ht="51.6" customHeight="1" x14ac:dyDescent="0.45">
      <c r="A2294" s="23">
        <v>2288</v>
      </c>
      <c r="B2294" s="25"/>
      <c r="C2294" s="25"/>
      <c r="D2294" s="29"/>
      <c r="E2294" s="1"/>
      <c r="F2294" s="1"/>
      <c r="G2294" s="25"/>
      <c r="H2294" s="71"/>
      <c r="I2294" s="83"/>
      <c r="J2294" s="50" t="str">
        <f t="shared" si="72"/>
        <v/>
      </c>
      <c r="K2294" s="23" t="s">
        <v>7120</v>
      </c>
      <c r="L2294" s="49" t="e">
        <f>VLOOKUP(E2294&amp;F2294,団体コード!$A$1:$C$1743,3,FALSE)</f>
        <v>#N/A</v>
      </c>
      <c r="M2294" s="49" t="e">
        <f>VLOOKUP(E2294&amp;F2294,団体コード!$A$1:$C$1743,2,FALSE)</f>
        <v>#N/A</v>
      </c>
      <c r="N2294" s="51" t="e">
        <f>VLOOKUP(E2294,団体コード!$E$1:$F$48,2,FALSE)</f>
        <v>#N/A</v>
      </c>
      <c r="O2294" s="51" t="e">
        <f t="shared" si="73"/>
        <v>#N/A</v>
      </c>
      <c r="P2294" s="51">
        <v>1</v>
      </c>
      <c r="Q2294" s="51" t="s">
        <v>5341</v>
      </c>
      <c r="R2294" s="54" t="b">
        <v>1</v>
      </c>
      <c r="S2294" s="52" t="s">
        <v>7126</v>
      </c>
      <c r="T2294" s="67" t="s">
        <v>7127</v>
      </c>
      <c r="U2294" s="75" t="s">
        <v>5331</v>
      </c>
      <c r="V2294" s="47" t="s">
        <v>5331</v>
      </c>
      <c r="W2294" s="47" t="s">
        <v>5331</v>
      </c>
      <c r="X2294" s="47" t="s">
        <v>5331</v>
      </c>
      <c r="Y2294" s="47" t="s">
        <v>5331</v>
      </c>
      <c r="Z2294" s="28"/>
      <c r="AA2294" s="27"/>
      <c r="AB2294" s="27"/>
      <c r="AC2294" s="27"/>
      <c r="AD2294" s="30"/>
      <c r="AE2294" s="1"/>
      <c r="AF2294" s="23" t="s">
        <v>5331</v>
      </c>
      <c r="AG2294" s="26"/>
      <c r="AH2294" s="53"/>
    </row>
    <row r="2295" spans="1:34" ht="51.6" customHeight="1" x14ac:dyDescent="0.45">
      <c r="A2295" s="23">
        <v>2289</v>
      </c>
      <c r="B2295" s="25"/>
      <c r="C2295" s="25"/>
      <c r="D2295" s="29"/>
      <c r="E2295" s="1"/>
      <c r="F2295" s="1"/>
      <c r="G2295" s="25"/>
      <c r="H2295" s="71"/>
      <c r="I2295" s="83"/>
      <c r="J2295" s="50" t="str">
        <f t="shared" si="72"/>
        <v/>
      </c>
      <c r="K2295" s="23" t="s">
        <v>7120</v>
      </c>
      <c r="L2295" s="49" t="e">
        <f>VLOOKUP(E2295&amp;F2295,団体コード!$A$1:$C$1743,3,FALSE)</f>
        <v>#N/A</v>
      </c>
      <c r="M2295" s="49" t="e">
        <f>VLOOKUP(E2295&amp;F2295,団体コード!$A$1:$C$1743,2,FALSE)</f>
        <v>#N/A</v>
      </c>
      <c r="N2295" s="51" t="e">
        <f>VLOOKUP(E2295,団体コード!$E$1:$F$48,2,FALSE)</f>
        <v>#N/A</v>
      </c>
      <c r="O2295" s="51" t="e">
        <f t="shared" si="73"/>
        <v>#N/A</v>
      </c>
      <c r="P2295" s="51">
        <v>1</v>
      </c>
      <c r="Q2295" s="51" t="s">
        <v>5341</v>
      </c>
      <c r="R2295" s="54" t="b">
        <v>1</v>
      </c>
      <c r="S2295" s="52" t="s">
        <v>7126</v>
      </c>
      <c r="T2295" s="67" t="s">
        <v>7127</v>
      </c>
      <c r="U2295" s="75" t="s">
        <v>5331</v>
      </c>
      <c r="V2295" s="47" t="s">
        <v>5331</v>
      </c>
      <c r="W2295" s="47" t="s">
        <v>5331</v>
      </c>
      <c r="X2295" s="47" t="s">
        <v>5331</v>
      </c>
      <c r="Y2295" s="47" t="s">
        <v>5331</v>
      </c>
      <c r="Z2295" s="28"/>
      <c r="AA2295" s="27"/>
      <c r="AB2295" s="27"/>
      <c r="AC2295" s="27"/>
      <c r="AD2295" s="30"/>
      <c r="AE2295" s="1"/>
      <c r="AF2295" s="23" t="s">
        <v>5331</v>
      </c>
      <c r="AG2295" s="26"/>
      <c r="AH2295" s="53"/>
    </row>
    <row r="2296" spans="1:34" ht="51.6" customHeight="1" x14ac:dyDescent="0.45">
      <c r="A2296" s="23">
        <v>2290</v>
      </c>
      <c r="B2296" s="25"/>
      <c r="C2296" s="25"/>
      <c r="D2296" s="29"/>
      <c r="E2296" s="1"/>
      <c r="F2296" s="1"/>
      <c r="G2296" s="25"/>
      <c r="H2296" s="71"/>
      <c r="I2296" s="83"/>
      <c r="J2296" s="50" t="str">
        <f t="shared" si="72"/>
        <v/>
      </c>
      <c r="K2296" s="23" t="s">
        <v>7120</v>
      </c>
      <c r="L2296" s="49" t="e">
        <f>VLOOKUP(E2296&amp;F2296,団体コード!$A$1:$C$1743,3,FALSE)</f>
        <v>#N/A</v>
      </c>
      <c r="M2296" s="49" t="e">
        <f>VLOOKUP(E2296&amp;F2296,団体コード!$A$1:$C$1743,2,FALSE)</f>
        <v>#N/A</v>
      </c>
      <c r="N2296" s="51" t="e">
        <f>VLOOKUP(E2296,団体コード!$E$1:$F$48,2,FALSE)</f>
        <v>#N/A</v>
      </c>
      <c r="O2296" s="51" t="e">
        <f t="shared" si="73"/>
        <v>#N/A</v>
      </c>
      <c r="P2296" s="51">
        <v>1</v>
      </c>
      <c r="Q2296" s="51" t="s">
        <v>5341</v>
      </c>
      <c r="R2296" s="54" t="b">
        <v>1</v>
      </c>
      <c r="S2296" s="52" t="s">
        <v>7126</v>
      </c>
      <c r="T2296" s="67" t="s">
        <v>7127</v>
      </c>
      <c r="U2296" s="75" t="s">
        <v>5331</v>
      </c>
      <c r="V2296" s="47" t="s">
        <v>5331</v>
      </c>
      <c r="W2296" s="47" t="s">
        <v>5331</v>
      </c>
      <c r="X2296" s="47" t="s">
        <v>5331</v>
      </c>
      <c r="Y2296" s="47" t="s">
        <v>5331</v>
      </c>
      <c r="Z2296" s="28"/>
      <c r="AA2296" s="27"/>
      <c r="AB2296" s="27"/>
      <c r="AC2296" s="27"/>
      <c r="AD2296" s="30"/>
      <c r="AE2296" s="1"/>
      <c r="AF2296" s="23" t="s">
        <v>5331</v>
      </c>
      <c r="AG2296" s="26"/>
      <c r="AH2296" s="53"/>
    </row>
    <row r="2297" spans="1:34" ht="51.6" customHeight="1" x14ac:dyDescent="0.45">
      <c r="A2297" s="23">
        <v>2291</v>
      </c>
      <c r="B2297" s="25"/>
      <c r="C2297" s="25"/>
      <c r="D2297" s="29"/>
      <c r="E2297" s="1"/>
      <c r="F2297" s="1"/>
      <c r="G2297" s="25"/>
      <c r="H2297" s="71"/>
      <c r="I2297" s="83"/>
      <c r="J2297" s="50" t="str">
        <f t="shared" si="72"/>
        <v/>
      </c>
      <c r="K2297" s="23" t="s">
        <v>7120</v>
      </c>
      <c r="L2297" s="49" t="e">
        <f>VLOOKUP(E2297&amp;F2297,団体コード!$A$1:$C$1743,3,FALSE)</f>
        <v>#N/A</v>
      </c>
      <c r="M2297" s="49" t="e">
        <f>VLOOKUP(E2297&amp;F2297,団体コード!$A$1:$C$1743,2,FALSE)</f>
        <v>#N/A</v>
      </c>
      <c r="N2297" s="51" t="e">
        <f>VLOOKUP(E2297,団体コード!$E$1:$F$48,2,FALSE)</f>
        <v>#N/A</v>
      </c>
      <c r="O2297" s="51" t="e">
        <f t="shared" si="73"/>
        <v>#N/A</v>
      </c>
      <c r="P2297" s="51">
        <v>1</v>
      </c>
      <c r="Q2297" s="51" t="s">
        <v>5341</v>
      </c>
      <c r="R2297" s="54" t="b">
        <v>1</v>
      </c>
      <c r="S2297" s="52" t="s">
        <v>7126</v>
      </c>
      <c r="T2297" s="67" t="s">
        <v>7127</v>
      </c>
      <c r="U2297" s="75" t="s">
        <v>5331</v>
      </c>
      <c r="V2297" s="47" t="s">
        <v>5331</v>
      </c>
      <c r="W2297" s="47" t="s">
        <v>5331</v>
      </c>
      <c r="X2297" s="47" t="s">
        <v>5331</v>
      </c>
      <c r="Y2297" s="47" t="s">
        <v>5331</v>
      </c>
      <c r="Z2297" s="28"/>
      <c r="AA2297" s="27"/>
      <c r="AB2297" s="27"/>
      <c r="AC2297" s="27"/>
      <c r="AD2297" s="30"/>
      <c r="AE2297" s="1"/>
      <c r="AF2297" s="23" t="s">
        <v>5331</v>
      </c>
      <c r="AG2297" s="26"/>
      <c r="AH2297" s="53"/>
    </row>
    <row r="2298" spans="1:34" ht="51.6" customHeight="1" x14ac:dyDescent="0.45">
      <c r="A2298" s="23">
        <v>2292</v>
      </c>
      <c r="B2298" s="25"/>
      <c r="C2298" s="25"/>
      <c r="D2298" s="29"/>
      <c r="E2298" s="1"/>
      <c r="F2298" s="1"/>
      <c r="G2298" s="25"/>
      <c r="H2298" s="71"/>
      <c r="I2298" s="83"/>
      <c r="J2298" s="50" t="str">
        <f t="shared" si="72"/>
        <v/>
      </c>
      <c r="K2298" s="23" t="s">
        <v>7120</v>
      </c>
      <c r="L2298" s="49" t="e">
        <f>VLOOKUP(E2298&amp;F2298,団体コード!$A$1:$C$1743,3,FALSE)</f>
        <v>#N/A</v>
      </c>
      <c r="M2298" s="49" t="e">
        <f>VLOOKUP(E2298&amp;F2298,団体コード!$A$1:$C$1743,2,FALSE)</f>
        <v>#N/A</v>
      </c>
      <c r="N2298" s="51" t="e">
        <f>VLOOKUP(E2298,団体コード!$E$1:$F$48,2,FALSE)</f>
        <v>#N/A</v>
      </c>
      <c r="O2298" s="51" t="e">
        <f t="shared" si="73"/>
        <v>#N/A</v>
      </c>
      <c r="P2298" s="51">
        <v>1</v>
      </c>
      <c r="Q2298" s="51" t="s">
        <v>5341</v>
      </c>
      <c r="R2298" s="54" t="b">
        <v>1</v>
      </c>
      <c r="S2298" s="52" t="s">
        <v>7126</v>
      </c>
      <c r="T2298" s="67" t="s">
        <v>7127</v>
      </c>
      <c r="U2298" s="75" t="s">
        <v>5331</v>
      </c>
      <c r="V2298" s="47" t="s">
        <v>5331</v>
      </c>
      <c r="W2298" s="47" t="s">
        <v>5331</v>
      </c>
      <c r="X2298" s="47" t="s">
        <v>5331</v>
      </c>
      <c r="Y2298" s="47" t="s">
        <v>5331</v>
      </c>
      <c r="Z2298" s="28"/>
      <c r="AA2298" s="27"/>
      <c r="AB2298" s="27"/>
      <c r="AC2298" s="27"/>
      <c r="AD2298" s="30"/>
      <c r="AE2298" s="1"/>
      <c r="AF2298" s="23" t="s">
        <v>5331</v>
      </c>
      <c r="AG2298" s="26"/>
      <c r="AH2298" s="53"/>
    </row>
    <row r="2299" spans="1:34" ht="51.6" customHeight="1" x14ac:dyDescent="0.45">
      <c r="A2299" s="23">
        <v>2293</v>
      </c>
      <c r="B2299" s="25"/>
      <c r="C2299" s="25"/>
      <c r="D2299" s="29"/>
      <c r="E2299" s="1"/>
      <c r="F2299" s="1"/>
      <c r="G2299" s="25"/>
      <c r="H2299" s="71"/>
      <c r="I2299" s="83"/>
      <c r="J2299" s="50" t="str">
        <f t="shared" si="72"/>
        <v/>
      </c>
      <c r="K2299" s="23" t="s">
        <v>7120</v>
      </c>
      <c r="L2299" s="49" t="e">
        <f>VLOOKUP(E2299&amp;F2299,団体コード!$A$1:$C$1743,3,FALSE)</f>
        <v>#N/A</v>
      </c>
      <c r="M2299" s="49" t="e">
        <f>VLOOKUP(E2299&amp;F2299,団体コード!$A$1:$C$1743,2,FALSE)</f>
        <v>#N/A</v>
      </c>
      <c r="N2299" s="51" t="e">
        <f>VLOOKUP(E2299,団体コード!$E$1:$F$48,2,FALSE)</f>
        <v>#N/A</v>
      </c>
      <c r="O2299" s="51" t="e">
        <f t="shared" si="73"/>
        <v>#N/A</v>
      </c>
      <c r="P2299" s="51">
        <v>1</v>
      </c>
      <c r="Q2299" s="51" t="s">
        <v>5341</v>
      </c>
      <c r="R2299" s="54" t="b">
        <v>1</v>
      </c>
      <c r="S2299" s="52" t="s">
        <v>7126</v>
      </c>
      <c r="T2299" s="67" t="s">
        <v>7127</v>
      </c>
      <c r="U2299" s="75" t="s">
        <v>5331</v>
      </c>
      <c r="V2299" s="47" t="s">
        <v>5331</v>
      </c>
      <c r="W2299" s="47" t="s">
        <v>5331</v>
      </c>
      <c r="X2299" s="47" t="s">
        <v>5331</v>
      </c>
      <c r="Y2299" s="47" t="s">
        <v>5331</v>
      </c>
      <c r="Z2299" s="28"/>
      <c r="AA2299" s="27"/>
      <c r="AB2299" s="27"/>
      <c r="AC2299" s="27"/>
      <c r="AD2299" s="30"/>
      <c r="AE2299" s="1"/>
      <c r="AF2299" s="23" t="s">
        <v>5331</v>
      </c>
      <c r="AG2299" s="26"/>
      <c r="AH2299" s="53"/>
    </row>
    <row r="2300" spans="1:34" ht="51.6" customHeight="1" x14ac:dyDescent="0.45">
      <c r="A2300" s="23">
        <v>2294</v>
      </c>
      <c r="B2300" s="25"/>
      <c r="C2300" s="25"/>
      <c r="D2300" s="29"/>
      <c r="E2300" s="1"/>
      <c r="F2300" s="1"/>
      <c r="G2300" s="25"/>
      <c r="H2300" s="71"/>
      <c r="I2300" s="83"/>
      <c r="J2300" s="50" t="str">
        <f t="shared" si="72"/>
        <v/>
      </c>
      <c r="K2300" s="23" t="s">
        <v>7120</v>
      </c>
      <c r="L2300" s="49" t="e">
        <f>VLOOKUP(E2300&amp;F2300,団体コード!$A$1:$C$1743,3,FALSE)</f>
        <v>#N/A</v>
      </c>
      <c r="M2300" s="49" t="e">
        <f>VLOOKUP(E2300&amp;F2300,団体コード!$A$1:$C$1743,2,FALSE)</f>
        <v>#N/A</v>
      </c>
      <c r="N2300" s="51" t="e">
        <f>VLOOKUP(E2300,団体コード!$E$1:$F$48,2,FALSE)</f>
        <v>#N/A</v>
      </c>
      <c r="O2300" s="51" t="e">
        <f t="shared" si="73"/>
        <v>#N/A</v>
      </c>
      <c r="P2300" s="51">
        <v>1</v>
      </c>
      <c r="Q2300" s="51" t="s">
        <v>5341</v>
      </c>
      <c r="R2300" s="54" t="b">
        <v>1</v>
      </c>
      <c r="S2300" s="52" t="s">
        <v>7126</v>
      </c>
      <c r="T2300" s="67" t="s">
        <v>7127</v>
      </c>
      <c r="U2300" s="75" t="s">
        <v>5331</v>
      </c>
      <c r="V2300" s="47" t="s">
        <v>5331</v>
      </c>
      <c r="W2300" s="47" t="s">
        <v>5331</v>
      </c>
      <c r="X2300" s="47" t="s">
        <v>5331</v>
      </c>
      <c r="Y2300" s="47" t="s">
        <v>5331</v>
      </c>
      <c r="Z2300" s="28"/>
      <c r="AA2300" s="27"/>
      <c r="AB2300" s="27"/>
      <c r="AC2300" s="27"/>
      <c r="AD2300" s="30"/>
      <c r="AE2300" s="1"/>
      <c r="AF2300" s="23" t="s">
        <v>5331</v>
      </c>
      <c r="AG2300" s="26"/>
      <c r="AH2300" s="53"/>
    </row>
    <row r="2301" spans="1:34" ht="51.6" customHeight="1" x14ac:dyDescent="0.45">
      <c r="A2301" s="23">
        <v>2295</v>
      </c>
      <c r="B2301" s="25"/>
      <c r="C2301" s="25"/>
      <c r="D2301" s="29"/>
      <c r="E2301" s="1"/>
      <c r="F2301" s="1"/>
      <c r="G2301" s="25"/>
      <c r="H2301" s="71"/>
      <c r="I2301" s="83"/>
      <c r="J2301" s="50" t="str">
        <f t="shared" si="72"/>
        <v/>
      </c>
      <c r="K2301" s="23" t="s">
        <v>7120</v>
      </c>
      <c r="L2301" s="49" t="e">
        <f>VLOOKUP(E2301&amp;F2301,団体コード!$A$1:$C$1743,3,FALSE)</f>
        <v>#N/A</v>
      </c>
      <c r="M2301" s="49" t="e">
        <f>VLOOKUP(E2301&amp;F2301,団体コード!$A$1:$C$1743,2,FALSE)</f>
        <v>#N/A</v>
      </c>
      <c r="N2301" s="51" t="e">
        <f>VLOOKUP(E2301,団体コード!$E$1:$F$48,2,FALSE)</f>
        <v>#N/A</v>
      </c>
      <c r="O2301" s="51" t="e">
        <f t="shared" si="73"/>
        <v>#N/A</v>
      </c>
      <c r="P2301" s="51">
        <v>1</v>
      </c>
      <c r="Q2301" s="51" t="s">
        <v>5341</v>
      </c>
      <c r="R2301" s="54" t="b">
        <v>1</v>
      </c>
      <c r="S2301" s="52" t="s">
        <v>7126</v>
      </c>
      <c r="T2301" s="67" t="s">
        <v>7127</v>
      </c>
      <c r="U2301" s="75" t="s">
        <v>5331</v>
      </c>
      <c r="V2301" s="47" t="s">
        <v>5331</v>
      </c>
      <c r="W2301" s="47" t="s">
        <v>5331</v>
      </c>
      <c r="X2301" s="47" t="s">
        <v>5331</v>
      </c>
      <c r="Y2301" s="47" t="s">
        <v>5331</v>
      </c>
      <c r="Z2301" s="28"/>
      <c r="AA2301" s="27"/>
      <c r="AB2301" s="27"/>
      <c r="AC2301" s="27"/>
      <c r="AD2301" s="30"/>
      <c r="AE2301" s="1"/>
      <c r="AF2301" s="23" t="s">
        <v>5331</v>
      </c>
      <c r="AG2301" s="26"/>
      <c r="AH2301" s="53"/>
    </row>
    <row r="2302" spans="1:34" ht="51.6" customHeight="1" x14ac:dyDescent="0.45">
      <c r="A2302" s="23">
        <v>2296</v>
      </c>
      <c r="B2302" s="25"/>
      <c r="C2302" s="25"/>
      <c r="D2302" s="29"/>
      <c r="E2302" s="1"/>
      <c r="F2302" s="1"/>
      <c r="G2302" s="25"/>
      <c r="H2302" s="71"/>
      <c r="I2302" s="83"/>
      <c r="J2302" s="50" t="str">
        <f t="shared" si="72"/>
        <v/>
      </c>
      <c r="K2302" s="23" t="s">
        <v>7120</v>
      </c>
      <c r="L2302" s="49" t="e">
        <f>VLOOKUP(E2302&amp;F2302,団体コード!$A$1:$C$1743,3,FALSE)</f>
        <v>#N/A</v>
      </c>
      <c r="M2302" s="49" t="e">
        <f>VLOOKUP(E2302&amp;F2302,団体コード!$A$1:$C$1743,2,FALSE)</f>
        <v>#N/A</v>
      </c>
      <c r="N2302" s="51" t="e">
        <f>VLOOKUP(E2302,団体コード!$E$1:$F$48,2,FALSE)</f>
        <v>#N/A</v>
      </c>
      <c r="O2302" s="51" t="e">
        <f t="shared" si="73"/>
        <v>#N/A</v>
      </c>
      <c r="P2302" s="51">
        <v>1</v>
      </c>
      <c r="Q2302" s="51" t="s">
        <v>5341</v>
      </c>
      <c r="R2302" s="54" t="b">
        <v>1</v>
      </c>
      <c r="S2302" s="52" t="s">
        <v>7126</v>
      </c>
      <c r="T2302" s="67" t="s">
        <v>7127</v>
      </c>
      <c r="U2302" s="75" t="s">
        <v>5331</v>
      </c>
      <c r="V2302" s="47" t="s">
        <v>5331</v>
      </c>
      <c r="W2302" s="47" t="s">
        <v>5331</v>
      </c>
      <c r="X2302" s="47" t="s">
        <v>5331</v>
      </c>
      <c r="Y2302" s="47" t="s">
        <v>5331</v>
      </c>
      <c r="Z2302" s="28"/>
      <c r="AA2302" s="27"/>
      <c r="AB2302" s="27"/>
      <c r="AC2302" s="27"/>
      <c r="AD2302" s="30"/>
      <c r="AE2302" s="1"/>
      <c r="AF2302" s="23" t="s">
        <v>5331</v>
      </c>
      <c r="AG2302" s="26"/>
      <c r="AH2302" s="53"/>
    </row>
    <row r="2303" spans="1:34" ht="51.6" customHeight="1" x14ac:dyDescent="0.45">
      <c r="A2303" s="23">
        <v>2297</v>
      </c>
      <c r="B2303" s="25"/>
      <c r="C2303" s="25"/>
      <c r="D2303" s="29"/>
      <c r="E2303" s="1"/>
      <c r="F2303" s="1"/>
      <c r="G2303" s="25"/>
      <c r="H2303" s="71"/>
      <c r="I2303" s="83"/>
      <c r="J2303" s="50" t="str">
        <f t="shared" si="72"/>
        <v/>
      </c>
      <c r="K2303" s="23" t="s">
        <v>7120</v>
      </c>
      <c r="L2303" s="49" t="e">
        <f>VLOOKUP(E2303&amp;F2303,団体コード!$A$1:$C$1743,3,FALSE)</f>
        <v>#N/A</v>
      </c>
      <c r="M2303" s="49" t="e">
        <f>VLOOKUP(E2303&amp;F2303,団体コード!$A$1:$C$1743,2,FALSE)</f>
        <v>#N/A</v>
      </c>
      <c r="N2303" s="51" t="e">
        <f>VLOOKUP(E2303,団体コード!$E$1:$F$48,2,FALSE)</f>
        <v>#N/A</v>
      </c>
      <c r="O2303" s="51" t="e">
        <f t="shared" si="73"/>
        <v>#N/A</v>
      </c>
      <c r="P2303" s="51">
        <v>1</v>
      </c>
      <c r="Q2303" s="51" t="s">
        <v>5341</v>
      </c>
      <c r="R2303" s="54" t="b">
        <v>1</v>
      </c>
      <c r="S2303" s="52" t="s">
        <v>7126</v>
      </c>
      <c r="T2303" s="67" t="s">
        <v>7127</v>
      </c>
      <c r="U2303" s="75" t="s">
        <v>5331</v>
      </c>
      <c r="V2303" s="47" t="s">
        <v>5331</v>
      </c>
      <c r="W2303" s="47" t="s">
        <v>5331</v>
      </c>
      <c r="X2303" s="47" t="s">
        <v>5331</v>
      </c>
      <c r="Y2303" s="47" t="s">
        <v>5331</v>
      </c>
      <c r="Z2303" s="28"/>
      <c r="AA2303" s="27"/>
      <c r="AB2303" s="27"/>
      <c r="AC2303" s="27"/>
      <c r="AD2303" s="30"/>
      <c r="AE2303" s="1"/>
      <c r="AF2303" s="23" t="s">
        <v>5331</v>
      </c>
      <c r="AG2303" s="26"/>
      <c r="AH2303" s="53"/>
    </row>
    <row r="2304" spans="1:34" ht="51.6" customHeight="1" x14ac:dyDescent="0.45">
      <c r="A2304" s="23">
        <v>2298</v>
      </c>
      <c r="B2304" s="25"/>
      <c r="C2304" s="25"/>
      <c r="D2304" s="29"/>
      <c r="E2304" s="1"/>
      <c r="F2304" s="1"/>
      <c r="G2304" s="25"/>
      <c r="H2304" s="71"/>
      <c r="I2304" s="83"/>
      <c r="J2304" s="50" t="str">
        <f t="shared" si="72"/>
        <v/>
      </c>
      <c r="K2304" s="23" t="s">
        <v>7120</v>
      </c>
      <c r="L2304" s="49" t="e">
        <f>VLOOKUP(E2304&amp;F2304,団体コード!$A$1:$C$1743,3,FALSE)</f>
        <v>#N/A</v>
      </c>
      <c r="M2304" s="49" t="e">
        <f>VLOOKUP(E2304&amp;F2304,団体コード!$A$1:$C$1743,2,FALSE)</f>
        <v>#N/A</v>
      </c>
      <c r="N2304" s="51" t="e">
        <f>VLOOKUP(E2304,団体コード!$E$1:$F$48,2,FALSE)</f>
        <v>#N/A</v>
      </c>
      <c r="O2304" s="51" t="e">
        <f t="shared" si="73"/>
        <v>#N/A</v>
      </c>
      <c r="P2304" s="51">
        <v>1</v>
      </c>
      <c r="Q2304" s="51" t="s">
        <v>5341</v>
      </c>
      <c r="R2304" s="54" t="b">
        <v>1</v>
      </c>
      <c r="S2304" s="52" t="s">
        <v>7126</v>
      </c>
      <c r="T2304" s="67" t="s">
        <v>7127</v>
      </c>
      <c r="U2304" s="75" t="s">
        <v>5331</v>
      </c>
      <c r="V2304" s="47" t="s">
        <v>5331</v>
      </c>
      <c r="W2304" s="47" t="s">
        <v>5331</v>
      </c>
      <c r="X2304" s="47" t="s">
        <v>5331</v>
      </c>
      <c r="Y2304" s="47" t="s">
        <v>5331</v>
      </c>
      <c r="Z2304" s="28"/>
      <c r="AA2304" s="27"/>
      <c r="AB2304" s="27"/>
      <c r="AC2304" s="27"/>
      <c r="AD2304" s="30"/>
      <c r="AE2304" s="1"/>
      <c r="AF2304" s="23" t="s">
        <v>5331</v>
      </c>
      <c r="AG2304" s="26"/>
      <c r="AH2304" s="53"/>
    </row>
    <row r="2305" spans="1:34" ht="51.6" customHeight="1" x14ac:dyDescent="0.45">
      <c r="A2305" s="23">
        <v>2299</v>
      </c>
      <c r="B2305" s="25"/>
      <c r="C2305" s="25"/>
      <c r="D2305" s="29"/>
      <c r="E2305" s="1"/>
      <c r="F2305" s="1"/>
      <c r="G2305" s="25"/>
      <c r="H2305" s="71"/>
      <c r="I2305" s="83"/>
      <c r="J2305" s="50" t="str">
        <f t="shared" si="72"/>
        <v/>
      </c>
      <c r="K2305" s="23" t="s">
        <v>7120</v>
      </c>
      <c r="L2305" s="49" t="e">
        <f>VLOOKUP(E2305&amp;F2305,団体コード!$A$1:$C$1743,3,FALSE)</f>
        <v>#N/A</v>
      </c>
      <c r="M2305" s="49" t="e">
        <f>VLOOKUP(E2305&amp;F2305,団体コード!$A$1:$C$1743,2,FALSE)</f>
        <v>#N/A</v>
      </c>
      <c r="N2305" s="51" t="e">
        <f>VLOOKUP(E2305,団体コード!$E$1:$F$48,2,FALSE)</f>
        <v>#N/A</v>
      </c>
      <c r="O2305" s="51" t="e">
        <f t="shared" si="73"/>
        <v>#N/A</v>
      </c>
      <c r="P2305" s="51">
        <v>1</v>
      </c>
      <c r="Q2305" s="51" t="s">
        <v>5341</v>
      </c>
      <c r="R2305" s="54" t="b">
        <v>1</v>
      </c>
      <c r="S2305" s="52" t="s">
        <v>7126</v>
      </c>
      <c r="T2305" s="67" t="s">
        <v>7127</v>
      </c>
      <c r="U2305" s="75" t="s">
        <v>5331</v>
      </c>
      <c r="V2305" s="47" t="s">
        <v>5331</v>
      </c>
      <c r="W2305" s="47" t="s">
        <v>5331</v>
      </c>
      <c r="X2305" s="47" t="s">
        <v>5331</v>
      </c>
      <c r="Y2305" s="47" t="s">
        <v>5331</v>
      </c>
      <c r="Z2305" s="28"/>
      <c r="AA2305" s="27"/>
      <c r="AB2305" s="27"/>
      <c r="AC2305" s="27"/>
      <c r="AD2305" s="30"/>
      <c r="AE2305" s="1"/>
      <c r="AF2305" s="23" t="s">
        <v>5331</v>
      </c>
      <c r="AG2305" s="26"/>
      <c r="AH2305" s="53"/>
    </row>
    <row r="2306" spans="1:34" ht="51.6" customHeight="1" x14ac:dyDescent="0.45">
      <c r="A2306" s="23">
        <v>2300</v>
      </c>
      <c r="B2306" s="25"/>
      <c r="C2306" s="25"/>
      <c r="D2306" s="29"/>
      <c r="E2306" s="1"/>
      <c r="F2306" s="1"/>
      <c r="G2306" s="25"/>
      <c r="H2306" s="71"/>
      <c r="I2306" s="83"/>
      <c r="J2306" s="50" t="str">
        <f t="shared" si="72"/>
        <v/>
      </c>
      <c r="K2306" s="23" t="s">
        <v>7120</v>
      </c>
      <c r="L2306" s="49" t="e">
        <f>VLOOKUP(E2306&amp;F2306,団体コード!$A$1:$C$1743,3,FALSE)</f>
        <v>#N/A</v>
      </c>
      <c r="M2306" s="49" t="e">
        <f>VLOOKUP(E2306&amp;F2306,団体コード!$A$1:$C$1743,2,FALSE)</f>
        <v>#N/A</v>
      </c>
      <c r="N2306" s="51" t="e">
        <f>VLOOKUP(E2306,団体コード!$E$1:$F$48,2,FALSE)</f>
        <v>#N/A</v>
      </c>
      <c r="O2306" s="51" t="e">
        <f t="shared" si="73"/>
        <v>#N/A</v>
      </c>
      <c r="P2306" s="51">
        <v>1</v>
      </c>
      <c r="Q2306" s="51" t="s">
        <v>5341</v>
      </c>
      <c r="R2306" s="54" t="b">
        <v>1</v>
      </c>
      <c r="S2306" s="52" t="s">
        <v>7126</v>
      </c>
      <c r="T2306" s="67" t="s">
        <v>7127</v>
      </c>
      <c r="U2306" s="75" t="s">
        <v>5331</v>
      </c>
      <c r="V2306" s="47" t="s">
        <v>5331</v>
      </c>
      <c r="W2306" s="47" t="s">
        <v>5331</v>
      </c>
      <c r="X2306" s="47" t="s">
        <v>5331</v>
      </c>
      <c r="Y2306" s="47" t="s">
        <v>5331</v>
      </c>
      <c r="Z2306" s="28"/>
      <c r="AA2306" s="27"/>
      <c r="AB2306" s="27"/>
      <c r="AC2306" s="27"/>
      <c r="AD2306" s="30"/>
      <c r="AE2306" s="1"/>
      <c r="AF2306" s="23" t="s">
        <v>5331</v>
      </c>
      <c r="AG2306" s="26"/>
      <c r="AH2306" s="53"/>
    </row>
    <row r="2307" spans="1:34" ht="51.6" customHeight="1" x14ac:dyDescent="0.45">
      <c r="A2307" s="23">
        <v>2301</v>
      </c>
      <c r="B2307" s="25"/>
      <c r="C2307" s="25"/>
      <c r="D2307" s="29"/>
      <c r="E2307" s="1"/>
      <c r="F2307" s="1"/>
      <c r="G2307" s="25"/>
      <c r="H2307" s="71"/>
      <c r="I2307" s="83"/>
      <c r="J2307" s="50" t="str">
        <f t="shared" si="72"/>
        <v/>
      </c>
      <c r="K2307" s="23" t="s">
        <v>7120</v>
      </c>
      <c r="L2307" s="49" t="e">
        <f>VLOOKUP(E2307&amp;F2307,団体コード!$A$1:$C$1743,3,FALSE)</f>
        <v>#N/A</v>
      </c>
      <c r="M2307" s="49" t="e">
        <f>VLOOKUP(E2307&amp;F2307,団体コード!$A$1:$C$1743,2,FALSE)</f>
        <v>#N/A</v>
      </c>
      <c r="N2307" s="51" t="e">
        <f>VLOOKUP(E2307,団体コード!$E$1:$F$48,2,FALSE)</f>
        <v>#N/A</v>
      </c>
      <c r="O2307" s="51" t="e">
        <f t="shared" si="73"/>
        <v>#N/A</v>
      </c>
      <c r="P2307" s="51">
        <v>1</v>
      </c>
      <c r="Q2307" s="51" t="s">
        <v>5341</v>
      </c>
      <c r="R2307" s="54" t="b">
        <v>1</v>
      </c>
      <c r="S2307" s="52" t="s">
        <v>7126</v>
      </c>
      <c r="T2307" s="67" t="s">
        <v>7127</v>
      </c>
      <c r="U2307" s="75" t="s">
        <v>5331</v>
      </c>
      <c r="V2307" s="47" t="s">
        <v>5331</v>
      </c>
      <c r="W2307" s="47" t="s">
        <v>5331</v>
      </c>
      <c r="X2307" s="47" t="s">
        <v>5331</v>
      </c>
      <c r="Y2307" s="47" t="s">
        <v>5331</v>
      </c>
      <c r="Z2307" s="28"/>
      <c r="AA2307" s="27"/>
      <c r="AB2307" s="27"/>
      <c r="AC2307" s="27"/>
      <c r="AD2307" s="30"/>
      <c r="AE2307" s="1"/>
      <c r="AF2307" s="23" t="s">
        <v>5331</v>
      </c>
      <c r="AG2307" s="26"/>
      <c r="AH2307" s="53"/>
    </row>
    <row r="2308" spans="1:34" ht="51.6" customHeight="1" x14ac:dyDescent="0.45">
      <c r="A2308" s="23">
        <v>2302</v>
      </c>
      <c r="B2308" s="25"/>
      <c r="C2308" s="25"/>
      <c r="D2308" s="29"/>
      <c r="E2308" s="1"/>
      <c r="F2308" s="1"/>
      <c r="G2308" s="25"/>
      <c r="H2308" s="71"/>
      <c r="I2308" s="83"/>
      <c r="J2308" s="50" t="str">
        <f t="shared" si="72"/>
        <v/>
      </c>
      <c r="K2308" s="23" t="s">
        <v>7120</v>
      </c>
      <c r="L2308" s="49" t="e">
        <f>VLOOKUP(E2308&amp;F2308,団体コード!$A$1:$C$1743,3,FALSE)</f>
        <v>#N/A</v>
      </c>
      <c r="M2308" s="49" t="e">
        <f>VLOOKUP(E2308&amp;F2308,団体コード!$A$1:$C$1743,2,FALSE)</f>
        <v>#N/A</v>
      </c>
      <c r="N2308" s="51" t="e">
        <f>VLOOKUP(E2308,団体コード!$E$1:$F$48,2,FALSE)</f>
        <v>#N/A</v>
      </c>
      <c r="O2308" s="51" t="e">
        <f t="shared" si="73"/>
        <v>#N/A</v>
      </c>
      <c r="P2308" s="51">
        <v>1</v>
      </c>
      <c r="Q2308" s="51" t="s">
        <v>5341</v>
      </c>
      <c r="R2308" s="54" t="b">
        <v>1</v>
      </c>
      <c r="S2308" s="52" t="s">
        <v>7126</v>
      </c>
      <c r="T2308" s="67" t="s">
        <v>7127</v>
      </c>
      <c r="U2308" s="75" t="s">
        <v>5331</v>
      </c>
      <c r="V2308" s="47" t="s">
        <v>5331</v>
      </c>
      <c r="W2308" s="47" t="s">
        <v>5331</v>
      </c>
      <c r="X2308" s="47" t="s">
        <v>5331</v>
      </c>
      <c r="Y2308" s="47" t="s">
        <v>5331</v>
      </c>
      <c r="Z2308" s="28"/>
      <c r="AA2308" s="27"/>
      <c r="AB2308" s="27"/>
      <c r="AC2308" s="27"/>
      <c r="AD2308" s="30"/>
      <c r="AE2308" s="1"/>
      <c r="AF2308" s="23" t="s">
        <v>5331</v>
      </c>
      <c r="AG2308" s="26"/>
      <c r="AH2308" s="53"/>
    </row>
    <row r="2309" spans="1:34" ht="51.6" customHeight="1" x14ac:dyDescent="0.45">
      <c r="A2309" s="23">
        <v>2303</v>
      </c>
      <c r="B2309" s="25"/>
      <c r="C2309" s="25"/>
      <c r="D2309" s="29"/>
      <c r="E2309" s="1"/>
      <c r="F2309" s="1"/>
      <c r="G2309" s="25"/>
      <c r="H2309" s="71"/>
      <c r="I2309" s="83"/>
      <c r="J2309" s="50" t="str">
        <f t="shared" si="72"/>
        <v/>
      </c>
      <c r="K2309" s="23" t="s">
        <v>7120</v>
      </c>
      <c r="L2309" s="49" t="e">
        <f>VLOOKUP(E2309&amp;F2309,団体コード!$A$1:$C$1743,3,FALSE)</f>
        <v>#N/A</v>
      </c>
      <c r="M2309" s="49" t="e">
        <f>VLOOKUP(E2309&amp;F2309,団体コード!$A$1:$C$1743,2,FALSE)</f>
        <v>#N/A</v>
      </c>
      <c r="N2309" s="51" t="e">
        <f>VLOOKUP(E2309,団体コード!$E$1:$F$48,2,FALSE)</f>
        <v>#N/A</v>
      </c>
      <c r="O2309" s="51" t="e">
        <f t="shared" si="73"/>
        <v>#N/A</v>
      </c>
      <c r="P2309" s="51">
        <v>1</v>
      </c>
      <c r="Q2309" s="51" t="s">
        <v>5341</v>
      </c>
      <c r="R2309" s="54" t="b">
        <v>1</v>
      </c>
      <c r="S2309" s="52" t="s">
        <v>7126</v>
      </c>
      <c r="T2309" s="67" t="s">
        <v>7127</v>
      </c>
      <c r="U2309" s="75" t="s">
        <v>5331</v>
      </c>
      <c r="V2309" s="47" t="s">
        <v>5331</v>
      </c>
      <c r="W2309" s="47" t="s">
        <v>5331</v>
      </c>
      <c r="X2309" s="47" t="s">
        <v>5331</v>
      </c>
      <c r="Y2309" s="47" t="s">
        <v>5331</v>
      </c>
      <c r="Z2309" s="28"/>
      <c r="AA2309" s="27"/>
      <c r="AB2309" s="27"/>
      <c r="AC2309" s="27"/>
      <c r="AD2309" s="30"/>
      <c r="AE2309" s="1"/>
      <c r="AF2309" s="23" t="s">
        <v>5331</v>
      </c>
      <c r="AG2309" s="26"/>
      <c r="AH2309" s="53"/>
    </row>
    <row r="2310" spans="1:34" ht="51.6" customHeight="1" x14ac:dyDescent="0.45">
      <c r="A2310" s="23">
        <v>2304</v>
      </c>
      <c r="B2310" s="25"/>
      <c r="C2310" s="25"/>
      <c r="D2310" s="29"/>
      <c r="E2310" s="1"/>
      <c r="F2310" s="1"/>
      <c r="G2310" s="25"/>
      <c r="H2310" s="71"/>
      <c r="I2310" s="83"/>
      <c r="J2310" s="50" t="str">
        <f t="shared" si="72"/>
        <v/>
      </c>
      <c r="K2310" s="23" t="s">
        <v>7120</v>
      </c>
      <c r="L2310" s="49" t="e">
        <f>VLOOKUP(E2310&amp;F2310,団体コード!$A$1:$C$1743,3,FALSE)</f>
        <v>#N/A</v>
      </c>
      <c r="M2310" s="49" t="e">
        <f>VLOOKUP(E2310&amp;F2310,団体コード!$A$1:$C$1743,2,FALSE)</f>
        <v>#N/A</v>
      </c>
      <c r="N2310" s="51" t="e">
        <f>VLOOKUP(E2310,団体コード!$E$1:$F$48,2,FALSE)</f>
        <v>#N/A</v>
      </c>
      <c r="O2310" s="51" t="e">
        <f t="shared" si="73"/>
        <v>#N/A</v>
      </c>
      <c r="P2310" s="51">
        <v>1</v>
      </c>
      <c r="Q2310" s="51" t="s">
        <v>5341</v>
      </c>
      <c r="R2310" s="54" t="b">
        <v>1</v>
      </c>
      <c r="S2310" s="52" t="s">
        <v>7126</v>
      </c>
      <c r="T2310" s="67" t="s">
        <v>7127</v>
      </c>
      <c r="U2310" s="75" t="s">
        <v>5331</v>
      </c>
      <c r="V2310" s="47" t="s">
        <v>5331</v>
      </c>
      <c r="W2310" s="47" t="s">
        <v>5331</v>
      </c>
      <c r="X2310" s="47" t="s">
        <v>5331</v>
      </c>
      <c r="Y2310" s="47" t="s">
        <v>5331</v>
      </c>
      <c r="Z2310" s="28"/>
      <c r="AA2310" s="27"/>
      <c r="AB2310" s="27"/>
      <c r="AC2310" s="27"/>
      <c r="AD2310" s="30"/>
      <c r="AE2310" s="1"/>
      <c r="AF2310" s="23" t="s">
        <v>5331</v>
      </c>
      <c r="AG2310" s="26"/>
      <c r="AH2310" s="53"/>
    </row>
    <row r="2311" spans="1:34" ht="51.6" customHeight="1" x14ac:dyDescent="0.45">
      <c r="A2311" s="23">
        <v>2305</v>
      </c>
      <c r="B2311" s="25"/>
      <c r="C2311" s="25"/>
      <c r="D2311" s="29"/>
      <c r="E2311" s="1"/>
      <c r="F2311" s="1"/>
      <c r="G2311" s="25"/>
      <c r="H2311" s="71"/>
      <c r="I2311" s="83"/>
      <c r="J2311" s="50" t="str">
        <f t="shared" si="72"/>
        <v/>
      </c>
      <c r="K2311" s="23" t="s">
        <v>7120</v>
      </c>
      <c r="L2311" s="49" t="e">
        <f>VLOOKUP(E2311&amp;F2311,団体コード!$A$1:$C$1743,3,FALSE)</f>
        <v>#N/A</v>
      </c>
      <c r="M2311" s="49" t="e">
        <f>VLOOKUP(E2311&amp;F2311,団体コード!$A$1:$C$1743,2,FALSE)</f>
        <v>#N/A</v>
      </c>
      <c r="N2311" s="51" t="e">
        <f>VLOOKUP(E2311,団体コード!$E$1:$F$48,2,FALSE)</f>
        <v>#N/A</v>
      </c>
      <c r="O2311" s="51" t="e">
        <f t="shared" si="73"/>
        <v>#N/A</v>
      </c>
      <c r="P2311" s="51">
        <v>1</v>
      </c>
      <c r="Q2311" s="51" t="s">
        <v>5341</v>
      </c>
      <c r="R2311" s="54" t="b">
        <v>1</v>
      </c>
      <c r="S2311" s="52" t="s">
        <v>7126</v>
      </c>
      <c r="T2311" s="67" t="s">
        <v>7127</v>
      </c>
      <c r="U2311" s="75" t="s">
        <v>5331</v>
      </c>
      <c r="V2311" s="47" t="s">
        <v>5331</v>
      </c>
      <c r="W2311" s="47" t="s">
        <v>5331</v>
      </c>
      <c r="X2311" s="47" t="s">
        <v>5331</v>
      </c>
      <c r="Y2311" s="47" t="s">
        <v>5331</v>
      </c>
      <c r="Z2311" s="28"/>
      <c r="AA2311" s="27"/>
      <c r="AB2311" s="27"/>
      <c r="AC2311" s="27"/>
      <c r="AD2311" s="30"/>
      <c r="AE2311" s="1"/>
      <c r="AF2311" s="23" t="s">
        <v>5331</v>
      </c>
      <c r="AG2311" s="26"/>
      <c r="AH2311" s="53"/>
    </row>
    <row r="2312" spans="1:34" ht="51.6" customHeight="1" x14ac:dyDescent="0.45">
      <c r="A2312" s="23">
        <v>2306</v>
      </c>
      <c r="B2312" s="25"/>
      <c r="C2312" s="25"/>
      <c r="D2312" s="29"/>
      <c r="E2312" s="1"/>
      <c r="F2312" s="1"/>
      <c r="G2312" s="25"/>
      <c r="H2312" s="71"/>
      <c r="I2312" s="83"/>
      <c r="J2312" s="50" t="str">
        <f t="shared" ref="J2312:J2375" si="74">E2312&amp;F2312&amp;G2312</f>
        <v/>
      </c>
      <c r="K2312" s="23" t="s">
        <v>7120</v>
      </c>
      <c r="L2312" s="49" t="e">
        <f>VLOOKUP(E2312&amp;F2312,団体コード!$A$1:$C$1743,3,FALSE)</f>
        <v>#N/A</v>
      </c>
      <c r="M2312" s="49" t="e">
        <f>VLOOKUP(E2312&amp;F2312,団体コード!$A$1:$C$1743,2,FALSE)</f>
        <v>#N/A</v>
      </c>
      <c r="N2312" s="51" t="e">
        <f>VLOOKUP(E2312,団体コード!$E$1:$F$48,2,FALSE)</f>
        <v>#N/A</v>
      </c>
      <c r="O2312" s="51" t="e">
        <f t="shared" ref="O2312:O2375" si="75">N2312</f>
        <v>#N/A</v>
      </c>
      <c r="P2312" s="51">
        <v>1</v>
      </c>
      <c r="Q2312" s="51" t="s">
        <v>5341</v>
      </c>
      <c r="R2312" s="54" t="b">
        <v>1</v>
      </c>
      <c r="S2312" s="52" t="s">
        <v>7126</v>
      </c>
      <c r="T2312" s="67" t="s">
        <v>7127</v>
      </c>
      <c r="U2312" s="75" t="s">
        <v>5331</v>
      </c>
      <c r="V2312" s="47" t="s">
        <v>5331</v>
      </c>
      <c r="W2312" s="47" t="s">
        <v>5331</v>
      </c>
      <c r="X2312" s="47" t="s">
        <v>5331</v>
      </c>
      <c r="Y2312" s="47" t="s">
        <v>5331</v>
      </c>
      <c r="Z2312" s="28"/>
      <c r="AA2312" s="27"/>
      <c r="AB2312" s="27"/>
      <c r="AC2312" s="27"/>
      <c r="AD2312" s="30"/>
      <c r="AE2312" s="1"/>
      <c r="AF2312" s="23" t="s">
        <v>5331</v>
      </c>
      <c r="AG2312" s="26"/>
      <c r="AH2312" s="53"/>
    </row>
    <row r="2313" spans="1:34" ht="51.6" customHeight="1" x14ac:dyDescent="0.45">
      <c r="A2313" s="23">
        <v>2307</v>
      </c>
      <c r="B2313" s="25"/>
      <c r="C2313" s="25"/>
      <c r="D2313" s="29"/>
      <c r="E2313" s="1"/>
      <c r="F2313" s="1"/>
      <c r="G2313" s="25"/>
      <c r="H2313" s="71"/>
      <c r="I2313" s="83"/>
      <c r="J2313" s="50" t="str">
        <f t="shared" si="74"/>
        <v/>
      </c>
      <c r="K2313" s="23" t="s">
        <v>7120</v>
      </c>
      <c r="L2313" s="49" t="e">
        <f>VLOOKUP(E2313&amp;F2313,団体コード!$A$1:$C$1743,3,FALSE)</f>
        <v>#N/A</v>
      </c>
      <c r="M2313" s="49" t="e">
        <f>VLOOKUP(E2313&amp;F2313,団体コード!$A$1:$C$1743,2,FALSE)</f>
        <v>#N/A</v>
      </c>
      <c r="N2313" s="51" t="e">
        <f>VLOOKUP(E2313,団体コード!$E$1:$F$48,2,FALSE)</f>
        <v>#N/A</v>
      </c>
      <c r="O2313" s="51" t="e">
        <f t="shared" si="75"/>
        <v>#N/A</v>
      </c>
      <c r="P2313" s="51">
        <v>1</v>
      </c>
      <c r="Q2313" s="51" t="s">
        <v>5341</v>
      </c>
      <c r="R2313" s="54" t="b">
        <v>1</v>
      </c>
      <c r="S2313" s="52" t="s">
        <v>7126</v>
      </c>
      <c r="T2313" s="67" t="s">
        <v>7127</v>
      </c>
      <c r="U2313" s="75" t="s">
        <v>5331</v>
      </c>
      <c r="V2313" s="47" t="s">
        <v>5331</v>
      </c>
      <c r="W2313" s="47" t="s">
        <v>5331</v>
      </c>
      <c r="X2313" s="47" t="s">
        <v>5331</v>
      </c>
      <c r="Y2313" s="47" t="s">
        <v>5331</v>
      </c>
      <c r="Z2313" s="28"/>
      <c r="AA2313" s="27"/>
      <c r="AB2313" s="27"/>
      <c r="AC2313" s="27"/>
      <c r="AD2313" s="30"/>
      <c r="AE2313" s="1"/>
      <c r="AF2313" s="23" t="s">
        <v>5331</v>
      </c>
      <c r="AG2313" s="26"/>
      <c r="AH2313" s="53"/>
    </row>
    <row r="2314" spans="1:34" ht="51.6" customHeight="1" x14ac:dyDescent="0.45">
      <c r="A2314" s="23">
        <v>2308</v>
      </c>
      <c r="B2314" s="25"/>
      <c r="C2314" s="25"/>
      <c r="D2314" s="29"/>
      <c r="E2314" s="1"/>
      <c r="F2314" s="1"/>
      <c r="G2314" s="25"/>
      <c r="H2314" s="71"/>
      <c r="I2314" s="83"/>
      <c r="J2314" s="50" t="str">
        <f t="shared" si="74"/>
        <v/>
      </c>
      <c r="K2314" s="23" t="s">
        <v>7120</v>
      </c>
      <c r="L2314" s="49" t="e">
        <f>VLOOKUP(E2314&amp;F2314,団体コード!$A$1:$C$1743,3,FALSE)</f>
        <v>#N/A</v>
      </c>
      <c r="M2314" s="49" t="e">
        <f>VLOOKUP(E2314&amp;F2314,団体コード!$A$1:$C$1743,2,FALSE)</f>
        <v>#N/A</v>
      </c>
      <c r="N2314" s="51" t="e">
        <f>VLOOKUP(E2314,団体コード!$E$1:$F$48,2,FALSE)</f>
        <v>#N/A</v>
      </c>
      <c r="O2314" s="51" t="e">
        <f t="shared" si="75"/>
        <v>#N/A</v>
      </c>
      <c r="P2314" s="51">
        <v>1</v>
      </c>
      <c r="Q2314" s="51" t="s">
        <v>5341</v>
      </c>
      <c r="R2314" s="54" t="b">
        <v>1</v>
      </c>
      <c r="S2314" s="52" t="s">
        <v>7126</v>
      </c>
      <c r="T2314" s="67" t="s">
        <v>7127</v>
      </c>
      <c r="U2314" s="75" t="s">
        <v>5331</v>
      </c>
      <c r="V2314" s="47" t="s">
        <v>5331</v>
      </c>
      <c r="W2314" s="47" t="s">
        <v>5331</v>
      </c>
      <c r="X2314" s="47" t="s">
        <v>5331</v>
      </c>
      <c r="Y2314" s="47" t="s">
        <v>5331</v>
      </c>
      <c r="Z2314" s="28"/>
      <c r="AA2314" s="27"/>
      <c r="AB2314" s="27"/>
      <c r="AC2314" s="27"/>
      <c r="AD2314" s="30"/>
      <c r="AE2314" s="1"/>
      <c r="AF2314" s="23" t="s">
        <v>5331</v>
      </c>
      <c r="AG2314" s="26"/>
      <c r="AH2314" s="53"/>
    </row>
    <row r="2315" spans="1:34" ht="51.6" customHeight="1" x14ac:dyDescent="0.45">
      <c r="A2315" s="23">
        <v>2309</v>
      </c>
      <c r="B2315" s="25"/>
      <c r="C2315" s="25"/>
      <c r="D2315" s="29"/>
      <c r="E2315" s="1"/>
      <c r="F2315" s="1"/>
      <c r="G2315" s="25"/>
      <c r="H2315" s="71"/>
      <c r="I2315" s="83"/>
      <c r="J2315" s="50" t="str">
        <f t="shared" si="74"/>
        <v/>
      </c>
      <c r="K2315" s="23" t="s">
        <v>7120</v>
      </c>
      <c r="L2315" s="49" t="e">
        <f>VLOOKUP(E2315&amp;F2315,団体コード!$A$1:$C$1743,3,FALSE)</f>
        <v>#N/A</v>
      </c>
      <c r="M2315" s="49" t="e">
        <f>VLOOKUP(E2315&amp;F2315,団体コード!$A$1:$C$1743,2,FALSE)</f>
        <v>#N/A</v>
      </c>
      <c r="N2315" s="51" t="e">
        <f>VLOOKUP(E2315,団体コード!$E$1:$F$48,2,FALSE)</f>
        <v>#N/A</v>
      </c>
      <c r="O2315" s="51" t="e">
        <f t="shared" si="75"/>
        <v>#N/A</v>
      </c>
      <c r="P2315" s="51">
        <v>1</v>
      </c>
      <c r="Q2315" s="51" t="s">
        <v>5341</v>
      </c>
      <c r="R2315" s="54" t="b">
        <v>1</v>
      </c>
      <c r="S2315" s="52" t="s">
        <v>7126</v>
      </c>
      <c r="T2315" s="67" t="s">
        <v>7127</v>
      </c>
      <c r="U2315" s="75" t="s">
        <v>5331</v>
      </c>
      <c r="V2315" s="47" t="s">
        <v>5331</v>
      </c>
      <c r="W2315" s="47" t="s">
        <v>5331</v>
      </c>
      <c r="X2315" s="47" t="s">
        <v>5331</v>
      </c>
      <c r="Y2315" s="47" t="s">
        <v>5331</v>
      </c>
      <c r="Z2315" s="28"/>
      <c r="AA2315" s="27"/>
      <c r="AB2315" s="27"/>
      <c r="AC2315" s="27"/>
      <c r="AD2315" s="30"/>
      <c r="AE2315" s="1"/>
      <c r="AF2315" s="23" t="s">
        <v>5331</v>
      </c>
      <c r="AG2315" s="26"/>
      <c r="AH2315" s="53"/>
    </row>
    <row r="2316" spans="1:34" ht="51.6" customHeight="1" x14ac:dyDescent="0.45">
      <c r="A2316" s="23">
        <v>2310</v>
      </c>
      <c r="B2316" s="25"/>
      <c r="C2316" s="25"/>
      <c r="D2316" s="29"/>
      <c r="E2316" s="1"/>
      <c r="F2316" s="1"/>
      <c r="G2316" s="25"/>
      <c r="H2316" s="71"/>
      <c r="I2316" s="83"/>
      <c r="J2316" s="50" t="str">
        <f t="shared" si="74"/>
        <v/>
      </c>
      <c r="K2316" s="23" t="s">
        <v>7120</v>
      </c>
      <c r="L2316" s="49" t="e">
        <f>VLOOKUP(E2316&amp;F2316,団体コード!$A$1:$C$1743,3,FALSE)</f>
        <v>#N/A</v>
      </c>
      <c r="M2316" s="49" t="e">
        <f>VLOOKUP(E2316&amp;F2316,団体コード!$A$1:$C$1743,2,FALSE)</f>
        <v>#N/A</v>
      </c>
      <c r="N2316" s="51" t="e">
        <f>VLOOKUP(E2316,団体コード!$E$1:$F$48,2,FALSE)</f>
        <v>#N/A</v>
      </c>
      <c r="O2316" s="51" t="e">
        <f t="shared" si="75"/>
        <v>#N/A</v>
      </c>
      <c r="P2316" s="51">
        <v>1</v>
      </c>
      <c r="Q2316" s="51" t="s">
        <v>5341</v>
      </c>
      <c r="R2316" s="54" t="b">
        <v>1</v>
      </c>
      <c r="S2316" s="52" t="s">
        <v>7126</v>
      </c>
      <c r="T2316" s="67" t="s">
        <v>7127</v>
      </c>
      <c r="U2316" s="75" t="s">
        <v>5331</v>
      </c>
      <c r="V2316" s="47" t="s">
        <v>5331</v>
      </c>
      <c r="W2316" s="47" t="s">
        <v>5331</v>
      </c>
      <c r="X2316" s="47" t="s">
        <v>5331</v>
      </c>
      <c r="Y2316" s="47" t="s">
        <v>5331</v>
      </c>
      <c r="Z2316" s="28"/>
      <c r="AA2316" s="27"/>
      <c r="AB2316" s="27"/>
      <c r="AC2316" s="27"/>
      <c r="AD2316" s="30"/>
      <c r="AE2316" s="1"/>
      <c r="AF2316" s="23" t="s">
        <v>5331</v>
      </c>
      <c r="AG2316" s="26"/>
      <c r="AH2316" s="53"/>
    </row>
    <row r="2317" spans="1:34" ht="51.6" customHeight="1" x14ac:dyDescent="0.45">
      <c r="A2317" s="23">
        <v>2311</v>
      </c>
      <c r="B2317" s="25"/>
      <c r="C2317" s="25"/>
      <c r="D2317" s="29"/>
      <c r="E2317" s="1"/>
      <c r="F2317" s="1"/>
      <c r="G2317" s="25"/>
      <c r="H2317" s="71"/>
      <c r="I2317" s="83"/>
      <c r="J2317" s="50" t="str">
        <f t="shared" si="74"/>
        <v/>
      </c>
      <c r="K2317" s="23" t="s">
        <v>7120</v>
      </c>
      <c r="L2317" s="49" t="e">
        <f>VLOOKUP(E2317&amp;F2317,団体コード!$A$1:$C$1743,3,FALSE)</f>
        <v>#N/A</v>
      </c>
      <c r="M2317" s="49" t="e">
        <f>VLOOKUP(E2317&amp;F2317,団体コード!$A$1:$C$1743,2,FALSE)</f>
        <v>#N/A</v>
      </c>
      <c r="N2317" s="51" t="e">
        <f>VLOOKUP(E2317,団体コード!$E$1:$F$48,2,FALSE)</f>
        <v>#N/A</v>
      </c>
      <c r="O2317" s="51" t="e">
        <f t="shared" si="75"/>
        <v>#N/A</v>
      </c>
      <c r="P2317" s="51">
        <v>1</v>
      </c>
      <c r="Q2317" s="51" t="s">
        <v>5341</v>
      </c>
      <c r="R2317" s="54" t="b">
        <v>1</v>
      </c>
      <c r="S2317" s="52" t="s">
        <v>7126</v>
      </c>
      <c r="T2317" s="67" t="s">
        <v>7127</v>
      </c>
      <c r="U2317" s="75" t="s">
        <v>5331</v>
      </c>
      <c r="V2317" s="47" t="s">
        <v>5331</v>
      </c>
      <c r="W2317" s="47" t="s">
        <v>5331</v>
      </c>
      <c r="X2317" s="47" t="s">
        <v>5331</v>
      </c>
      <c r="Y2317" s="47" t="s">
        <v>5331</v>
      </c>
      <c r="Z2317" s="28"/>
      <c r="AA2317" s="27"/>
      <c r="AB2317" s="27"/>
      <c r="AC2317" s="27"/>
      <c r="AD2317" s="30"/>
      <c r="AE2317" s="1"/>
      <c r="AF2317" s="23" t="s">
        <v>5331</v>
      </c>
      <c r="AG2317" s="26"/>
      <c r="AH2317" s="53"/>
    </row>
    <row r="2318" spans="1:34" ht="51.6" customHeight="1" x14ac:dyDescent="0.45">
      <c r="A2318" s="23">
        <v>2312</v>
      </c>
      <c r="B2318" s="25"/>
      <c r="C2318" s="25"/>
      <c r="D2318" s="29"/>
      <c r="E2318" s="1"/>
      <c r="F2318" s="1"/>
      <c r="G2318" s="25"/>
      <c r="H2318" s="71"/>
      <c r="I2318" s="83"/>
      <c r="J2318" s="50" t="str">
        <f t="shared" si="74"/>
        <v/>
      </c>
      <c r="K2318" s="23" t="s">
        <v>7120</v>
      </c>
      <c r="L2318" s="49" t="e">
        <f>VLOOKUP(E2318&amp;F2318,団体コード!$A$1:$C$1743,3,FALSE)</f>
        <v>#N/A</v>
      </c>
      <c r="M2318" s="49" t="e">
        <f>VLOOKUP(E2318&amp;F2318,団体コード!$A$1:$C$1743,2,FALSE)</f>
        <v>#N/A</v>
      </c>
      <c r="N2318" s="51" t="e">
        <f>VLOOKUP(E2318,団体コード!$E$1:$F$48,2,FALSE)</f>
        <v>#N/A</v>
      </c>
      <c r="O2318" s="51" t="e">
        <f t="shared" si="75"/>
        <v>#N/A</v>
      </c>
      <c r="P2318" s="51">
        <v>1</v>
      </c>
      <c r="Q2318" s="51" t="s">
        <v>5341</v>
      </c>
      <c r="R2318" s="54" t="b">
        <v>1</v>
      </c>
      <c r="S2318" s="52" t="s">
        <v>7126</v>
      </c>
      <c r="T2318" s="67" t="s">
        <v>7127</v>
      </c>
      <c r="U2318" s="75" t="s">
        <v>5331</v>
      </c>
      <c r="V2318" s="47" t="s">
        <v>5331</v>
      </c>
      <c r="W2318" s="47" t="s">
        <v>5331</v>
      </c>
      <c r="X2318" s="47" t="s">
        <v>5331</v>
      </c>
      <c r="Y2318" s="47" t="s">
        <v>5331</v>
      </c>
      <c r="Z2318" s="28"/>
      <c r="AA2318" s="27"/>
      <c r="AB2318" s="27"/>
      <c r="AC2318" s="27"/>
      <c r="AD2318" s="30"/>
      <c r="AE2318" s="1"/>
      <c r="AF2318" s="23" t="s">
        <v>5331</v>
      </c>
      <c r="AG2318" s="26"/>
      <c r="AH2318" s="53"/>
    </row>
    <row r="2319" spans="1:34" ht="51.6" customHeight="1" x14ac:dyDescent="0.45">
      <c r="A2319" s="23">
        <v>2313</v>
      </c>
      <c r="B2319" s="25"/>
      <c r="C2319" s="25"/>
      <c r="D2319" s="29"/>
      <c r="E2319" s="1"/>
      <c r="F2319" s="1"/>
      <c r="G2319" s="25"/>
      <c r="H2319" s="71"/>
      <c r="I2319" s="83"/>
      <c r="J2319" s="50" t="str">
        <f t="shared" si="74"/>
        <v/>
      </c>
      <c r="K2319" s="23" t="s">
        <v>7120</v>
      </c>
      <c r="L2319" s="49" t="e">
        <f>VLOOKUP(E2319&amp;F2319,団体コード!$A$1:$C$1743,3,FALSE)</f>
        <v>#N/A</v>
      </c>
      <c r="M2319" s="49" t="e">
        <f>VLOOKUP(E2319&amp;F2319,団体コード!$A$1:$C$1743,2,FALSE)</f>
        <v>#N/A</v>
      </c>
      <c r="N2319" s="51" t="e">
        <f>VLOOKUP(E2319,団体コード!$E$1:$F$48,2,FALSE)</f>
        <v>#N/A</v>
      </c>
      <c r="O2319" s="51" t="e">
        <f t="shared" si="75"/>
        <v>#N/A</v>
      </c>
      <c r="P2319" s="51">
        <v>1</v>
      </c>
      <c r="Q2319" s="51" t="s">
        <v>5341</v>
      </c>
      <c r="R2319" s="54" t="b">
        <v>1</v>
      </c>
      <c r="S2319" s="52" t="s">
        <v>7126</v>
      </c>
      <c r="T2319" s="67" t="s">
        <v>7127</v>
      </c>
      <c r="U2319" s="75" t="s">
        <v>5331</v>
      </c>
      <c r="V2319" s="47" t="s">
        <v>5331</v>
      </c>
      <c r="W2319" s="47" t="s">
        <v>5331</v>
      </c>
      <c r="X2319" s="47" t="s">
        <v>5331</v>
      </c>
      <c r="Y2319" s="47" t="s">
        <v>5331</v>
      </c>
      <c r="Z2319" s="28"/>
      <c r="AA2319" s="27"/>
      <c r="AB2319" s="27"/>
      <c r="AC2319" s="27"/>
      <c r="AD2319" s="30"/>
      <c r="AE2319" s="1"/>
      <c r="AF2319" s="23" t="s">
        <v>5331</v>
      </c>
      <c r="AG2319" s="26"/>
      <c r="AH2319" s="53"/>
    </row>
    <row r="2320" spans="1:34" ht="51.6" customHeight="1" x14ac:dyDescent="0.45">
      <c r="A2320" s="23">
        <v>2314</v>
      </c>
      <c r="B2320" s="25"/>
      <c r="C2320" s="25"/>
      <c r="D2320" s="29"/>
      <c r="E2320" s="1"/>
      <c r="F2320" s="1"/>
      <c r="G2320" s="25"/>
      <c r="H2320" s="71"/>
      <c r="I2320" s="83"/>
      <c r="J2320" s="50" t="str">
        <f t="shared" si="74"/>
        <v/>
      </c>
      <c r="K2320" s="23" t="s">
        <v>7120</v>
      </c>
      <c r="L2320" s="49" t="e">
        <f>VLOOKUP(E2320&amp;F2320,団体コード!$A$1:$C$1743,3,FALSE)</f>
        <v>#N/A</v>
      </c>
      <c r="M2320" s="49" t="e">
        <f>VLOOKUP(E2320&amp;F2320,団体コード!$A$1:$C$1743,2,FALSE)</f>
        <v>#N/A</v>
      </c>
      <c r="N2320" s="51" t="e">
        <f>VLOOKUP(E2320,団体コード!$E$1:$F$48,2,FALSE)</f>
        <v>#N/A</v>
      </c>
      <c r="O2320" s="51" t="e">
        <f t="shared" si="75"/>
        <v>#N/A</v>
      </c>
      <c r="P2320" s="51">
        <v>1</v>
      </c>
      <c r="Q2320" s="51" t="s">
        <v>5341</v>
      </c>
      <c r="R2320" s="54" t="b">
        <v>1</v>
      </c>
      <c r="S2320" s="52" t="s">
        <v>7126</v>
      </c>
      <c r="T2320" s="67" t="s">
        <v>7127</v>
      </c>
      <c r="U2320" s="75" t="s">
        <v>5331</v>
      </c>
      <c r="V2320" s="47" t="s">
        <v>5331</v>
      </c>
      <c r="W2320" s="47" t="s">
        <v>5331</v>
      </c>
      <c r="X2320" s="47" t="s">
        <v>5331</v>
      </c>
      <c r="Y2320" s="47" t="s">
        <v>5331</v>
      </c>
      <c r="Z2320" s="28"/>
      <c r="AA2320" s="27"/>
      <c r="AB2320" s="27"/>
      <c r="AC2320" s="27"/>
      <c r="AD2320" s="30"/>
      <c r="AE2320" s="1"/>
      <c r="AF2320" s="23" t="s">
        <v>5331</v>
      </c>
      <c r="AG2320" s="26"/>
      <c r="AH2320" s="53"/>
    </row>
    <row r="2321" spans="1:34" ht="51.6" customHeight="1" x14ac:dyDescent="0.45">
      <c r="A2321" s="23">
        <v>2315</v>
      </c>
      <c r="B2321" s="25"/>
      <c r="C2321" s="25"/>
      <c r="D2321" s="29"/>
      <c r="E2321" s="1"/>
      <c r="F2321" s="1"/>
      <c r="G2321" s="25"/>
      <c r="H2321" s="71"/>
      <c r="I2321" s="83"/>
      <c r="J2321" s="50" t="str">
        <f t="shared" si="74"/>
        <v/>
      </c>
      <c r="K2321" s="23" t="s">
        <v>7120</v>
      </c>
      <c r="L2321" s="49" t="e">
        <f>VLOOKUP(E2321&amp;F2321,団体コード!$A$1:$C$1743,3,FALSE)</f>
        <v>#N/A</v>
      </c>
      <c r="M2321" s="49" t="e">
        <f>VLOOKUP(E2321&amp;F2321,団体コード!$A$1:$C$1743,2,FALSE)</f>
        <v>#N/A</v>
      </c>
      <c r="N2321" s="51" t="e">
        <f>VLOOKUP(E2321,団体コード!$E$1:$F$48,2,FALSE)</f>
        <v>#N/A</v>
      </c>
      <c r="O2321" s="51" t="e">
        <f t="shared" si="75"/>
        <v>#N/A</v>
      </c>
      <c r="P2321" s="51">
        <v>1</v>
      </c>
      <c r="Q2321" s="51" t="s">
        <v>5341</v>
      </c>
      <c r="R2321" s="54" t="b">
        <v>1</v>
      </c>
      <c r="S2321" s="52" t="s">
        <v>7126</v>
      </c>
      <c r="T2321" s="67" t="s">
        <v>7127</v>
      </c>
      <c r="U2321" s="75" t="s">
        <v>5331</v>
      </c>
      <c r="V2321" s="47" t="s">
        <v>5331</v>
      </c>
      <c r="W2321" s="47" t="s">
        <v>5331</v>
      </c>
      <c r="X2321" s="47" t="s">
        <v>5331</v>
      </c>
      <c r="Y2321" s="47" t="s">
        <v>5331</v>
      </c>
      <c r="Z2321" s="28"/>
      <c r="AA2321" s="27"/>
      <c r="AB2321" s="27"/>
      <c r="AC2321" s="27"/>
      <c r="AD2321" s="30"/>
      <c r="AE2321" s="1"/>
      <c r="AF2321" s="23" t="s">
        <v>5331</v>
      </c>
      <c r="AG2321" s="26"/>
      <c r="AH2321" s="53"/>
    </row>
    <row r="2322" spans="1:34" ht="51.6" customHeight="1" x14ac:dyDescent="0.45">
      <c r="A2322" s="23">
        <v>2316</v>
      </c>
      <c r="B2322" s="25"/>
      <c r="C2322" s="25"/>
      <c r="D2322" s="29"/>
      <c r="E2322" s="1"/>
      <c r="F2322" s="1"/>
      <c r="G2322" s="25"/>
      <c r="H2322" s="71"/>
      <c r="I2322" s="83"/>
      <c r="J2322" s="50" t="str">
        <f t="shared" si="74"/>
        <v/>
      </c>
      <c r="K2322" s="23" t="s">
        <v>7120</v>
      </c>
      <c r="L2322" s="49" t="e">
        <f>VLOOKUP(E2322&amp;F2322,団体コード!$A$1:$C$1743,3,FALSE)</f>
        <v>#N/A</v>
      </c>
      <c r="M2322" s="49" t="e">
        <f>VLOOKUP(E2322&amp;F2322,団体コード!$A$1:$C$1743,2,FALSE)</f>
        <v>#N/A</v>
      </c>
      <c r="N2322" s="51" t="e">
        <f>VLOOKUP(E2322,団体コード!$E$1:$F$48,2,FALSE)</f>
        <v>#N/A</v>
      </c>
      <c r="O2322" s="51" t="e">
        <f t="shared" si="75"/>
        <v>#N/A</v>
      </c>
      <c r="P2322" s="51">
        <v>1</v>
      </c>
      <c r="Q2322" s="51" t="s">
        <v>5341</v>
      </c>
      <c r="R2322" s="54" t="b">
        <v>1</v>
      </c>
      <c r="S2322" s="52" t="s">
        <v>7126</v>
      </c>
      <c r="T2322" s="67" t="s">
        <v>7127</v>
      </c>
      <c r="U2322" s="75" t="s">
        <v>5331</v>
      </c>
      <c r="V2322" s="47" t="s">
        <v>5331</v>
      </c>
      <c r="W2322" s="47" t="s">
        <v>5331</v>
      </c>
      <c r="X2322" s="47" t="s">
        <v>5331</v>
      </c>
      <c r="Y2322" s="47" t="s">
        <v>5331</v>
      </c>
      <c r="Z2322" s="28"/>
      <c r="AA2322" s="27"/>
      <c r="AB2322" s="27"/>
      <c r="AC2322" s="27"/>
      <c r="AD2322" s="30"/>
      <c r="AE2322" s="1"/>
      <c r="AF2322" s="23" t="s">
        <v>5331</v>
      </c>
      <c r="AG2322" s="26"/>
      <c r="AH2322" s="53"/>
    </row>
    <row r="2323" spans="1:34" ht="51.6" customHeight="1" x14ac:dyDescent="0.45">
      <c r="A2323" s="23">
        <v>2317</v>
      </c>
      <c r="B2323" s="25"/>
      <c r="C2323" s="25"/>
      <c r="D2323" s="29"/>
      <c r="E2323" s="1"/>
      <c r="F2323" s="1"/>
      <c r="G2323" s="25"/>
      <c r="H2323" s="71"/>
      <c r="I2323" s="83"/>
      <c r="J2323" s="50" t="str">
        <f t="shared" si="74"/>
        <v/>
      </c>
      <c r="K2323" s="23" t="s">
        <v>7120</v>
      </c>
      <c r="L2323" s="49" t="e">
        <f>VLOOKUP(E2323&amp;F2323,団体コード!$A$1:$C$1743,3,FALSE)</f>
        <v>#N/A</v>
      </c>
      <c r="M2323" s="49" t="e">
        <f>VLOOKUP(E2323&amp;F2323,団体コード!$A$1:$C$1743,2,FALSE)</f>
        <v>#N/A</v>
      </c>
      <c r="N2323" s="51" t="e">
        <f>VLOOKUP(E2323,団体コード!$E$1:$F$48,2,FALSE)</f>
        <v>#N/A</v>
      </c>
      <c r="O2323" s="51" t="e">
        <f t="shared" si="75"/>
        <v>#N/A</v>
      </c>
      <c r="P2323" s="51">
        <v>1</v>
      </c>
      <c r="Q2323" s="51" t="s">
        <v>5341</v>
      </c>
      <c r="R2323" s="54" t="b">
        <v>1</v>
      </c>
      <c r="S2323" s="52" t="s">
        <v>7126</v>
      </c>
      <c r="T2323" s="67" t="s">
        <v>7127</v>
      </c>
      <c r="U2323" s="75" t="s">
        <v>5331</v>
      </c>
      <c r="V2323" s="47" t="s">
        <v>5331</v>
      </c>
      <c r="W2323" s="47" t="s">
        <v>5331</v>
      </c>
      <c r="X2323" s="47" t="s">
        <v>5331</v>
      </c>
      <c r="Y2323" s="47" t="s">
        <v>5331</v>
      </c>
      <c r="Z2323" s="28"/>
      <c r="AA2323" s="27"/>
      <c r="AB2323" s="27"/>
      <c r="AC2323" s="27"/>
      <c r="AD2323" s="30"/>
      <c r="AE2323" s="1"/>
      <c r="AF2323" s="23" t="s">
        <v>5331</v>
      </c>
      <c r="AG2323" s="26"/>
      <c r="AH2323" s="53"/>
    </row>
    <row r="2324" spans="1:34" ht="51.6" customHeight="1" x14ac:dyDescent="0.45">
      <c r="A2324" s="23">
        <v>2318</v>
      </c>
      <c r="B2324" s="25"/>
      <c r="C2324" s="25"/>
      <c r="D2324" s="29"/>
      <c r="E2324" s="1"/>
      <c r="F2324" s="1"/>
      <c r="G2324" s="25"/>
      <c r="H2324" s="71"/>
      <c r="I2324" s="83"/>
      <c r="J2324" s="50" t="str">
        <f t="shared" si="74"/>
        <v/>
      </c>
      <c r="K2324" s="23" t="s">
        <v>7120</v>
      </c>
      <c r="L2324" s="49" t="e">
        <f>VLOOKUP(E2324&amp;F2324,団体コード!$A$1:$C$1743,3,FALSE)</f>
        <v>#N/A</v>
      </c>
      <c r="M2324" s="49" t="e">
        <f>VLOOKUP(E2324&amp;F2324,団体コード!$A$1:$C$1743,2,FALSE)</f>
        <v>#N/A</v>
      </c>
      <c r="N2324" s="51" t="e">
        <f>VLOOKUP(E2324,団体コード!$E$1:$F$48,2,FALSE)</f>
        <v>#N/A</v>
      </c>
      <c r="O2324" s="51" t="e">
        <f t="shared" si="75"/>
        <v>#N/A</v>
      </c>
      <c r="P2324" s="51">
        <v>1</v>
      </c>
      <c r="Q2324" s="51" t="s">
        <v>5341</v>
      </c>
      <c r="R2324" s="54" t="b">
        <v>1</v>
      </c>
      <c r="S2324" s="52" t="s">
        <v>7126</v>
      </c>
      <c r="T2324" s="67" t="s">
        <v>7127</v>
      </c>
      <c r="U2324" s="75" t="s">
        <v>5331</v>
      </c>
      <c r="V2324" s="47" t="s">
        <v>5331</v>
      </c>
      <c r="W2324" s="47" t="s">
        <v>5331</v>
      </c>
      <c r="X2324" s="47" t="s">
        <v>5331</v>
      </c>
      <c r="Y2324" s="47" t="s">
        <v>5331</v>
      </c>
      <c r="Z2324" s="28"/>
      <c r="AA2324" s="27"/>
      <c r="AB2324" s="27"/>
      <c r="AC2324" s="27"/>
      <c r="AD2324" s="30"/>
      <c r="AE2324" s="1"/>
      <c r="AF2324" s="23" t="s">
        <v>5331</v>
      </c>
      <c r="AG2324" s="26"/>
      <c r="AH2324" s="53"/>
    </row>
    <row r="2325" spans="1:34" ht="51.6" customHeight="1" x14ac:dyDescent="0.45">
      <c r="A2325" s="23">
        <v>2319</v>
      </c>
      <c r="B2325" s="25"/>
      <c r="C2325" s="25"/>
      <c r="D2325" s="29"/>
      <c r="E2325" s="1"/>
      <c r="F2325" s="1"/>
      <c r="G2325" s="25"/>
      <c r="H2325" s="71"/>
      <c r="I2325" s="83"/>
      <c r="J2325" s="50" t="str">
        <f t="shared" si="74"/>
        <v/>
      </c>
      <c r="K2325" s="23" t="s">
        <v>7120</v>
      </c>
      <c r="L2325" s="49" t="e">
        <f>VLOOKUP(E2325&amp;F2325,団体コード!$A$1:$C$1743,3,FALSE)</f>
        <v>#N/A</v>
      </c>
      <c r="M2325" s="49" t="e">
        <f>VLOOKUP(E2325&amp;F2325,団体コード!$A$1:$C$1743,2,FALSE)</f>
        <v>#N/A</v>
      </c>
      <c r="N2325" s="51" t="e">
        <f>VLOOKUP(E2325,団体コード!$E$1:$F$48,2,FALSE)</f>
        <v>#N/A</v>
      </c>
      <c r="O2325" s="51" t="e">
        <f t="shared" si="75"/>
        <v>#N/A</v>
      </c>
      <c r="P2325" s="51">
        <v>1</v>
      </c>
      <c r="Q2325" s="51" t="s">
        <v>5341</v>
      </c>
      <c r="R2325" s="54" t="b">
        <v>1</v>
      </c>
      <c r="S2325" s="52" t="s">
        <v>7126</v>
      </c>
      <c r="T2325" s="67" t="s">
        <v>7127</v>
      </c>
      <c r="U2325" s="75" t="s">
        <v>5331</v>
      </c>
      <c r="V2325" s="47" t="s">
        <v>5331</v>
      </c>
      <c r="W2325" s="47" t="s">
        <v>5331</v>
      </c>
      <c r="X2325" s="47" t="s">
        <v>5331</v>
      </c>
      <c r="Y2325" s="47" t="s">
        <v>5331</v>
      </c>
      <c r="Z2325" s="28"/>
      <c r="AA2325" s="27"/>
      <c r="AB2325" s="27"/>
      <c r="AC2325" s="27"/>
      <c r="AD2325" s="30"/>
      <c r="AE2325" s="1"/>
      <c r="AF2325" s="23" t="s">
        <v>5331</v>
      </c>
      <c r="AG2325" s="26"/>
      <c r="AH2325" s="53"/>
    </row>
    <row r="2326" spans="1:34" ht="51.6" customHeight="1" x14ac:dyDescent="0.45">
      <c r="A2326" s="23">
        <v>2320</v>
      </c>
      <c r="B2326" s="25"/>
      <c r="C2326" s="25"/>
      <c r="D2326" s="29"/>
      <c r="E2326" s="1"/>
      <c r="F2326" s="1"/>
      <c r="G2326" s="25"/>
      <c r="H2326" s="71"/>
      <c r="I2326" s="83"/>
      <c r="J2326" s="50" t="str">
        <f t="shared" si="74"/>
        <v/>
      </c>
      <c r="K2326" s="23" t="s">
        <v>7120</v>
      </c>
      <c r="L2326" s="49" t="e">
        <f>VLOOKUP(E2326&amp;F2326,団体コード!$A$1:$C$1743,3,FALSE)</f>
        <v>#N/A</v>
      </c>
      <c r="M2326" s="49" t="e">
        <f>VLOOKUP(E2326&amp;F2326,団体コード!$A$1:$C$1743,2,FALSE)</f>
        <v>#N/A</v>
      </c>
      <c r="N2326" s="51" t="e">
        <f>VLOOKUP(E2326,団体コード!$E$1:$F$48,2,FALSE)</f>
        <v>#N/A</v>
      </c>
      <c r="O2326" s="51" t="e">
        <f t="shared" si="75"/>
        <v>#N/A</v>
      </c>
      <c r="P2326" s="51">
        <v>1</v>
      </c>
      <c r="Q2326" s="51" t="s">
        <v>5341</v>
      </c>
      <c r="R2326" s="54" t="b">
        <v>1</v>
      </c>
      <c r="S2326" s="52" t="s">
        <v>7126</v>
      </c>
      <c r="T2326" s="67" t="s">
        <v>7127</v>
      </c>
      <c r="U2326" s="75" t="s">
        <v>5331</v>
      </c>
      <c r="V2326" s="47" t="s">
        <v>5331</v>
      </c>
      <c r="W2326" s="47" t="s">
        <v>5331</v>
      </c>
      <c r="X2326" s="47" t="s">
        <v>5331</v>
      </c>
      <c r="Y2326" s="47" t="s">
        <v>5331</v>
      </c>
      <c r="Z2326" s="28"/>
      <c r="AA2326" s="27"/>
      <c r="AB2326" s="27"/>
      <c r="AC2326" s="27"/>
      <c r="AD2326" s="30"/>
      <c r="AE2326" s="1"/>
      <c r="AF2326" s="23" t="s">
        <v>5331</v>
      </c>
      <c r="AG2326" s="26"/>
      <c r="AH2326" s="53"/>
    </row>
    <row r="2327" spans="1:34" ht="51.6" customHeight="1" x14ac:dyDescent="0.45">
      <c r="A2327" s="23">
        <v>2321</v>
      </c>
      <c r="B2327" s="25"/>
      <c r="C2327" s="25"/>
      <c r="D2327" s="29"/>
      <c r="E2327" s="1"/>
      <c r="F2327" s="1"/>
      <c r="G2327" s="25"/>
      <c r="H2327" s="71"/>
      <c r="I2327" s="83"/>
      <c r="J2327" s="50" t="str">
        <f t="shared" si="74"/>
        <v/>
      </c>
      <c r="K2327" s="23" t="s">
        <v>7120</v>
      </c>
      <c r="L2327" s="49" t="e">
        <f>VLOOKUP(E2327&amp;F2327,団体コード!$A$1:$C$1743,3,FALSE)</f>
        <v>#N/A</v>
      </c>
      <c r="M2327" s="49" t="e">
        <f>VLOOKUP(E2327&amp;F2327,団体コード!$A$1:$C$1743,2,FALSE)</f>
        <v>#N/A</v>
      </c>
      <c r="N2327" s="51" t="e">
        <f>VLOOKUP(E2327,団体コード!$E$1:$F$48,2,FALSE)</f>
        <v>#N/A</v>
      </c>
      <c r="O2327" s="51" t="e">
        <f t="shared" si="75"/>
        <v>#N/A</v>
      </c>
      <c r="P2327" s="51">
        <v>1</v>
      </c>
      <c r="Q2327" s="51" t="s">
        <v>5341</v>
      </c>
      <c r="R2327" s="54" t="b">
        <v>1</v>
      </c>
      <c r="S2327" s="52" t="s">
        <v>7126</v>
      </c>
      <c r="T2327" s="67" t="s">
        <v>7127</v>
      </c>
      <c r="U2327" s="75" t="s">
        <v>5331</v>
      </c>
      <c r="V2327" s="47" t="s">
        <v>5331</v>
      </c>
      <c r="W2327" s="47" t="s">
        <v>5331</v>
      </c>
      <c r="X2327" s="47" t="s">
        <v>5331</v>
      </c>
      <c r="Y2327" s="47" t="s">
        <v>5331</v>
      </c>
      <c r="Z2327" s="28"/>
      <c r="AA2327" s="27"/>
      <c r="AB2327" s="27"/>
      <c r="AC2327" s="27"/>
      <c r="AD2327" s="30"/>
      <c r="AE2327" s="1"/>
      <c r="AF2327" s="23" t="s">
        <v>5331</v>
      </c>
      <c r="AG2327" s="26"/>
      <c r="AH2327" s="53"/>
    </row>
    <row r="2328" spans="1:34" ht="51.6" customHeight="1" x14ac:dyDescent="0.45">
      <c r="A2328" s="23">
        <v>2322</v>
      </c>
      <c r="B2328" s="25"/>
      <c r="C2328" s="25"/>
      <c r="D2328" s="29"/>
      <c r="E2328" s="1"/>
      <c r="F2328" s="1"/>
      <c r="G2328" s="25"/>
      <c r="H2328" s="71"/>
      <c r="I2328" s="83"/>
      <c r="J2328" s="50" t="str">
        <f t="shared" si="74"/>
        <v/>
      </c>
      <c r="K2328" s="23" t="s">
        <v>7120</v>
      </c>
      <c r="L2328" s="49" t="e">
        <f>VLOOKUP(E2328&amp;F2328,団体コード!$A$1:$C$1743,3,FALSE)</f>
        <v>#N/A</v>
      </c>
      <c r="M2328" s="49" t="e">
        <f>VLOOKUP(E2328&amp;F2328,団体コード!$A$1:$C$1743,2,FALSE)</f>
        <v>#N/A</v>
      </c>
      <c r="N2328" s="51" t="e">
        <f>VLOOKUP(E2328,団体コード!$E$1:$F$48,2,FALSE)</f>
        <v>#N/A</v>
      </c>
      <c r="O2328" s="51" t="e">
        <f t="shared" si="75"/>
        <v>#N/A</v>
      </c>
      <c r="P2328" s="51">
        <v>1</v>
      </c>
      <c r="Q2328" s="51" t="s">
        <v>5341</v>
      </c>
      <c r="R2328" s="54" t="b">
        <v>1</v>
      </c>
      <c r="S2328" s="52" t="s">
        <v>7126</v>
      </c>
      <c r="T2328" s="67" t="s">
        <v>7127</v>
      </c>
      <c r="U2328" s="75" t="s">
        <v>5331</v>
      </c>
      <c r="V2328" s="47" t="s">
        <v>5331</v>
      </c>
      <c r="W2328" s="47" t="s">
        <v>5331</v>
      </c>
      <c r="X2328" s="47" t="s">
        <v>5331</v>
      </c>
      <c r="Y2328" s="47" t="s">
        <v>5331</v>
      </c>
      <c r="Z2328" s="28"/>
      <c r="AA2328" s="27"/>
      <c r="AB2328" s="27"/>
      <c r="AC2328" s="27"/>
      <c r="AD2328" s="30"/>
      <c r="AE2328" s="1"/>
      <c r="AF2328" s="23" t="s">
        <v>5331</v>
      </c>
      <c r="AG2328" s="26"/>
      <c r="AH2328" s="53"/>
    </row>
    <row r="2329" spans="1:34" ht="51.6" customHeight="1" x14ac:dyDescent="0.45">
      <c r="A2329" s="23">
        <v>2323</v>
      </c>
      <c r="B2329" s="25"/>
      <c r="C2329" s="25"/>
      <c r="D2329" s="29"/>
      <c r="E2329" s="1"/>
      <c r="F2329" s="1"/>
      <c r="G2329" s="25"/>
      <c r="H2329" s="71"/>
      <c r="I2329" s="83"/>
      <c r="J2329" s="50" t="str">
        <f t="shared" si="74"/>
        <v/>
      </c>
      <c r="K2329" s="23" t="s">
        <v>7120</v>
      </c>
      <c r="L2329" s="49" t="e">
        <f>VLOOKUP(E2329&amp;F2329,団体コード!$A$1:$C$1743,3,FALSE)</f>
        <v>#N/A</v>
      </c>
      <c r="M2329" s="49" t="e">
        <f>VLOOKUP(E2329&amp;F2329,団体コード!$A$1:$C$1743,2,FALSE)</f>
        <v>#N/A</v>
      </c>
      <c r="N2329" s="51" t="e">
        <f>VLOOKUP(E2329,団体コード!$E$1:$F$48,2,FALSE)</f>
        <v>#N/A</v>
      </c>
      <c r="O2329" s="51" t="e">
        <f t="shared" si="75"/>
        <v>#N/A</v>
      </c>
      <c r="P2329" s="51">
        <v>1</v>
      </c>
      <c r="Q2329" s="51" t="s">
        <v>5341</v>
      </c>
      <c r="R2329" s="54" t="b">
        <v>1</v>
      </c>
      <c r="S2329" s="52" t="s">
        <v>7126</v>
      </c>
      <c r="T2329" s="67" t="s">
        <v>7127</v>
      </c>
      <c r="U2329" s="75" t="s">
        <v>5331</v>
      </c>
      <c r="V2329" s="47" t="s">
        <v>5331</v>
      </c>
      <c r="W2329" s="47" t="s">
        <v>5331</v>
      </c>
      <c r="X2329" s="47" t="s">
        <v>5331</v>
      </c>
      <c r="Y2329" s="47" t="s">
        <v>5331</v>
      </c>
      <c r="Z2329" s="28"/>
      <c r="AA2329" s="27"/>
      <c r="AB2329" s="27"/>
      <c r="AC2329" s="27"/>
      <c r="AD2329" s="30"/>
      <c r="AE2329" s="1"/>
      <c r="AF2329" s="23" t="s">
        <v>5331</v>
      </c>
      <c r="AG2329" s="26"/>
      <c r="AH2329" s="53"/>
    </row>
    <row r="2330" spans="1:34" ht="51.6" customHeight="1" x14ac:dyDescent="0.45">
      <c r="A2330" s="23">
        <v>2324</v>
      </c>
      <c r="B2330" s="25"/>
      <c r="C2330" s="25"/>
      <c r="D2330" s="29"/>
      <c r="E2330" s="1"/>
      <c r="F2330" s="1"/>
      <c r="G2330" s="25"/>
      <c r="H2330" s="71"/>
      <c r="I2330" s="83"/>
      <c r="J2330" s="50" t="str">
        <f t="shared" si="74"/>
        <v/>
      </c>
      <c r="K2330" s="23" t="s">
        <v>7120</v>
      </c>
      <c r="L2330" s="49" t="e">
        <f>VLOOKUP(E2330&amp;F2330,団体コード!$A$1:$C$1743,3,FALSE)</f>
        <v>#N/A</v>
      </c>
      <c r="M2330" s="49" t="e">
        <f>VLOOKUP(E2330&amp;F2330,団体コード!$A$1:$C$1743,2,FALSE)</f>
        <v>#N/A</v>
      </c>
      <c r="N2330" s="51" t="e">
        <f>VLOOKUP(E2330,団体コード!$E$1:$F$48,2,FALSE)</f>
        <v>#N/A</v>
      </c>
      <c r="O2330" s="51" t="e">
        <f t="shared" si="75"/>
        <v>#N/A</v>
      </c>
      <c r="P2330" s="51">
        <v>1</v>
      </c>
      <c r="Q2330" s="51" t="s">
        <v>5341</v>
      </c>
      <c r="R2330" s="54" t="b">
        <v>1</v>
      </c>
      <c r="S2330" s="52" t="s">
        <v>7126</v>
      </c>
      <c r="T2330" s="67" t="s">
        <v>7127</v>
      </c>
      <c r="U2330" s="75" t="s">
        <v>5331</v>
      </c>
      <c r="V2330" s="47" t="s">
        <v>5331</v>
      </c>
      <c r="W2330" s="47" t="s">
        <v>5331</v>
      </c>
      <c r="X2330" s="47" t="s">
        <v>5331</v>
      </c>
      <c r="Y2330" s="47" t="s">
        <v>5331</v>
      </c>
      <c r="Z2330" s="28"/>
      <c r="AA2330" s="27"/>
      <c r="AB2330" s="27"/>
      <c r="AC2330" s="27"/>
      <c r="AD2330" s="30"/>
      <c r="AE2330" s="1"/>
      <c r="AF2330" s="23" t="s">
        <v>5331</v>
      </c>
      <c r="AG2330" s="26"/>
      <c r="AH2330" s="53"/>
    </row>
    <row r="2331" spans="1:34" ht="51.6" customHeight="1" x14ac:dyDescent="0.45">
      <c r="A2331" s="23">
        <v>2325</v>
      </c>
      <c r="B2331" s="25"/>
      <c r="C2331" s="25"/>
      <c r="D2331" s="29"/>
      <c r="E2331" s="1"/>
      <c r="F2331" s="1"/>
      <c r="G2331" s="25"/>
      <c r="H2331" s="71"/>
      <c r="I2331" s="83"/>
      <c r="J2331" s="50" t="str">
        <f t="shared" si="74"/>
        <v/>
      </c>
      <c r="K2331" s="23" t="s">
        <v>7120</v>
      </c>
      <c r="L2331" s="49" t="e">
        <f>VLOOKUP(E2331&amp;F2331,団体コード!$A$1:$C$1743,3,FALSE)</f>
        <v>#N/A</v>
      </c>
      <c r="M2331" s="49" t="e">
        <f>VLOOKUP(E2331&amp;F2331,団体コード!$A$1:$C$1743,2,FALSE)</f>
        <v>#N/A</v>
      </c>
      <c r="N2331" s="51" t="e">
        <f>VLOOKUP(E2331,団体コード!$E$1:$F$48,2,FALSE)</f>
        <v>#N/A</v>
      </c>
      <c r="O2331" s="51" t="e">
        <f t="shared" si="75"/>
        <v>#N/A</v>
      </c>
      <c r="P2331" s="51">
        <v>1</v>
      </c>
      <c r="Q2331" s="51" t="s">
        <v>5341</v>
      </c>
      <c r="R2331" s="54" t="b">
        <v>1</v>
      </c>
      <c r="S2331" s="52" t="s">
        <v>7126</v>
      </c>
      <c r="T2331" s="67" t="s">
        <v>7127</v>
      </c>
      <c r="U2331" s="75" t="s">
        <v>5331</v>
      </c>
      <c r="V2331" s="47" t="s">
        <v>5331</v>
      </c>
      <c r="W2331" s="47" t="s">
        <v>5331</v>
      </c>
      <c r="X2331" s="47" t="s">
        <v>5331</v>
      </c>
      <c r="Y2331" s="47" t="s">
        <v>5331</v>
      </c>
      <c r="Z2331" s="28"/>
      <c r="AA2331" s="27"/>
      <c r="AB2331" s="27"/>
      <c r="AC2331" s="27"/>
      <c r="AD2331" s="30"/>
      <c r="AE2331" s="1"/>
      <c r="AF2331" s="23" t="s">
        <v>5331</v>
      </c>
      <c r="AG2331" s="26"/>
      <c r="AH2331" s="53"/>
    </row>
    <row r="2332" spans="1:34" ht="51.6" customHeight="1" x14ac:dyDescent="0.45">
      <c r="A2332" s="23">
        <v>2326</v>
      </c>
      <c r="B2332" s="25"/>
      <c r="C2332" s="25"/>
      <c r="D2332" s="29"/>
      <c r="E2332" s="1"/>
      <c r="F2332" s="1"/>
      <c r="G2332" s="25"/>
      <c r="H2332" s="71"/>
      <c r="I2332" s="83"/>
      <c r="J2332" s="50" t="str">
        <f t="shared" si="74"/>
        <v/>
      </c>
      <c r="K2332" s="23" t="s">
        <v>7120</v>
      </c>
      <c r="L2332" s="49" t="e">
        <f>VLOOKUP(E2332&amp;F2332,団体コード!$A$1:$C$1743,3,FALSE)</f>
        <v>#N/A</v>
      </c>
      <c r="M2332" s="49" t="e">
        <f>VLOOKUP(E2332&amp;F2332,団体コード!$A$1:$C$1743,2,FALSE)</f>
        <v>#N/A</v>
      </c>
      <c r="N2332" s="51" t="e">
        <f>VLOOKUP(E2332,団体コード!$E$1:$F$48,2,FALSE)</f>
        <v>#N/A</v>
      </c>
      <c r="O2332" s="51" t="e">
        <f t="shared" si="75"/>
        <v>#N/A</v>
      </c>
      <c r="P2332" s="51">
        <v>1</v>
      </c>
      <c r="Q2332" s="51" t="s">
        <v>5341</v>
      </c>
      <c r="R2332" s="54" t="b">
        <v>1</v>
      </c>
      <c r="S2332" s="52" t="s">
        <v>7126</v>
      </c>
      <c r="T2332" s="67" t="s">
        <v>7127</v>
      </c>
      <c r="U2332" s="75" t="s">
        <v>5331</v>
      </c>
      <c r="V2332" s="47" t="s">
        <v>5331</v>
      </c>
      <c r="W2332" s="47" t="s">
        <v>5331</v>
      </c>
      <c r="X2332" s="47" t="s">
        <v>5331</v>
      </c>
      <c r="Y2332" s="47" t="s">
        <v>5331</v>
      </c>
      <c r="Z2332" s="28"/>
      <c r="AA2332" s="27"/>
      <c r="AB2332" s="27"/>
      <c r="AC2332" s="27"/>
      <c r="AD2332" s="30"/>
      <c r="AE2332" s="1"/>
      <c r="AF2332" s="23" t="s">
        <v>5331</v>
      </c>
      <c r="AG2332" s="26"/>
      <c r="AH2332" s="53"/>
    </row>
    <row r="2333" spans="1:34" ht="51.6" customHeight="1" x14ac:dyDescent="0.45">
      <c r="A2333" s="23">
        <v>2327</v>
      </c>
      <c r="B2333" s="25"/>
      <c r="C2333" s="25"/>
      <c r="D2333" s="29"/>
      <c r="E2333" s="1"/>
      <c r="F2333" s="1"/>
      <c r="G2333" s="25"/>
      <c r="H2333" s="71"/>
      <c r="I2333" s="83"/>
      <c r="J2333" s="50" t="str">
        <f t="shared" si="74"/>
        <v/>
      </c>
      <c r="K2333" s="23" t="s">
        <v>7120</v>
      </c>
      <c r="L2333" s="49" t="e">
        <f>VLOOKUP(E2333&amp;F2333,団体コード!$A$1:$C$1743,3,FALSE)</f>
        <v>#N/A</v>
      </c>
      <c r="M2333" s="49" t="e">
        <f>VLOOKUP(E2333&amp;F2333,団体コード!$A$1:$C$1743,2,FALSE)</f>
        <v>#N/A</v>
      </c>
      <c r="N2333" s="51" t="e">
        <f>VLOOKUP(E2333,団体コード!$E$1:$F$48,2,FALSE)</f>
        <v>#N/A</v>
      </c>
      <c r="O2333" s="51" t="e">
        <f t="shared" si="75"/>
        <v>#N/A</v>
      </c>
      <c r="P2333" s="51">
        <v>1</v>
      </c>
      <c r="Q2333" s="51" t="s">
        <v>5341</v>
      </c>
      <c r="R2333" s="54" t="b">
        <v>1</v>
      </c>
      <c r="S2333" s="52" t="s">
        <v>7126</v>
      </c>
      <c r="T2333" s="67" t="s">
        <v>7127</v>
      </c>
      <c r="U2333" s="75" t="s">
        <v>5331</v>
      </c>
      <c r="V2333" s="47" t="s">
        <v>5331</v>
      </c>
      <c r="W2333" s="47" t="s">
        <v>5331</v>
      </c>
      <c r="X2333" s="47" t="s">
        <v>5331</v>
      </c>
      <c r="Y2333" s="47" t="s">
        <v>5331</v>
      </c>
      <c r="Z2333" s="28"/>
      <c r="AA2333" s="27"/>
      <c r="AB2333" s="27"/>
      <c r="AC2333" s="27"/>
      <c r="AD2333" s="30"/>
      <c r="AE2333" s="1"/>
      <c r="AF2333" s="23" t="s">
        <v>5331</v>
      </c>
      <c r="AG2333" s="26"/>
      <c r="AH2333" s="53"/>
    </row>
    <row r="2334" spans="1:34" ht="51.6" customHeight="1" x14ac:dyDescent="0.45">
      <c r="A2334" s="23">
        <v>2328</v>
      </c>
      <c r="B2334" s="25"/>
      <c r="C2334" s="25"/>
      <c r="D2334" s="29"/>
      <c r="E2334" s="1"/>
      <c r="F2334" s="1"/>
      <c r="G2334" s="25"/>
      <c r="H2334" s="71"/>
      <c r="I2334" s="83"/>
      <c r="J2334" s="50" t="str">
        <f t="shared" si="74"/>
        <v/>
      </c>
      <c r="K2334" s="23" t="s">
        <v>7120</v>
      </c>
      <c r="L2334" s="49" t="e">
        <f>VLOOKUP(E2334&amp;F2334,団体コード!$A$1:$C$1743,3,FALSE)</f>
        <v>#N/A</v>
      </c>
      <c r="M2334" s="49" t="e">
        <f>VLOOKUP(E2334&amp;F2334,団体コード!$A$1:$C$1743,2,FALSE)</f>
        <v>#N/A</v>
      </c>
      <c r="N2334" s="51" t="e">
        <f>VLOOKUP(E2334,団体コード!$E$1:$F$48,2,FALSE)</f>
        <v>#N/A</v>
      </c>
      <c r="O2334" s="51" t="e">
        <f t="shared" si="75"/>
        <v>#N/A</v>
      </c>
      <c r="P2334" s="51">
        <v>1</v>
      </c>
      <c r="Q2334" s="51" t="s">
        <v>5341</v>
      </c>
      <c r="R2334" s="54" t="b">
        <v>1</v>
      </c>
      <c r="S2334" s="52" t="s">
        <v>7126</v>
      </c>
      <c r="T2334" s="67" t="s">
        <v>7127</v>
      </c>
      <c r="U2334" s="75" t="s">
        <v>5331</v>
      </c>
      <c r="V2334" s="47" t="s">
        <v>5331</v>
      </c>
      <c r="W2334" s="47" t="s">
        <v>5331</v>
      </c>
      <c r="X2334" s="47" t="s">
        <v>5331</v>
      </c>
      <c r="Y2334" s="47" t="s">
        <v>5331</v>
      </c>
      <c r="Z2334" s="28"/>
      <c r="AA2334" s="27"/>
      <c r="AB2334" s="27"/>
      <c r="AC2334" s="27"/>
      <c r="AD2334" s="30"/>
      <c r="AE2334" s="1"/>
      <c r="AF2334" s="23" t="s">
        <v>5331</v>
      </c>
      <c r="AG2334" s="26"/>
      <c r="AH2334" s="53"/>
    </row>
    <row r="2335" spans="1:34" ht="51.6" customHeight="1" x14ac:dyDescent="0.45">
      <c r="A2335" s="23">
        <v>2329</v>
      </c>
      <c r="B2335" s="25"/>
      <c r="C2335" s="25"/>
      <c r="D2335" s="29"/>
      <c r="E2335" s="1"/>
      <c r="F2335" s="1"/>
      <c r="G2335" s="25"/>
      <c r="H2335" s="71"/>
      <c r="I2335" s="83"/>
      <c r="J2335" s="50" t="str">
        <f t="shared" si="74"/>
        <v/>
      </c>
      <c r="K2335" s="23" t="s">
        <v>7120</v>
      </c>
      <c r="L2335" s="49" t="e">
        <f>VLOOKUP(E2335&amp;F2335,団体コード!$A$1:$C$1743,3,FALSE)</f>
        <v>#N/A</v>
      </c>
      <c r="M2335" s="49" t="e">
        <f>VLOOKUP(E2335&amp;F2335,団体コード!$A$1:$C$1743,2,FALSE)</f>
        <v>#N/A</v>
      </c>
      <c r="N2335" s="51" t="e">
        <f>VLOOKUP(E2335,団体コード!$E$1:$F$48,2,FALSE)</f>
        <v>#N/A</v>
      </c>
      <c r="O2335" s="51" t="e">
        <f t="shared" si="75"/>
        <v>#N/A</v>
      </c>
      <c r="P2335" s="51">
        <v>1</v>
      </c>
      <c r="Q2335" s="51" t="s">
        <v>5341</v>
      </c>
      <c r="R2335" s="54" t="b">
        <v>1</v>
      </c>
      <c r="S2335" s="52" t="s">
        <v>7126</v>
      </c>
      <c r="T2335" s="67" t="s">
        <v>7127</v>
      </c>
      <c r="U2335" s="75" t="s">
        <v>5331</v>
      </c>
      <c r="V2335" s="47" t="s">
        <v>5331</v>
      </c>
      <c r="W2335" s="47" t="s">
        <v>5331</v>
      </c>
      <c r="X2335" s="47" t="s">
        <v>5331</v>
      </c>
      <c r="Y2335" s="47" t="s">
        <v>5331</v>
      </c>
      <c r="Z2335" s="28"/>
      <c r="AA2335" s="27"/>
      <c r="AB2335" s="27"/>
      <c r="AC2335" s="27"/>
      <c r="AD2335" s="30"/>
      <c r="AE2335" s="1"/>
      <c r="AF2335" s="23" t="s">
        <v>5331</v>
      </c>
      <c r="AG2335" s="26"/>
      <c r="AH2335" s="53"/>
    </row>
    <row r="2336" spans="1:34" ht="51.6" customHeight="1" x14ac:dyDescent="0.45">
      <c r="A2336" s="23">
        <v>2330</v>
      </c>
      <c r="B2336" s="25"/>
      <c r="C2336" s="25"/>
      <c r="D2336" s="29"/>
      <c r="E2336" s="1"/>
      <c r="F2336" s="1"/>
      <c r="G2336" s="25"/>
      <c r="H2336" s="71"/>
      <c r="I2336" s="83"/>
      <c r="J2336" s="50" t="str">
        <f t="shared" si="74"/>
        <v/>
      </c>
      <c r="K2336" s="23" t="s">
        <v>7120</v>
      </c>
      <c r="L2336" s="49" t="e">
        <f>VLOOKUP(E2336&amp;F2336,団体コード!$A$1:$C$1743,3,FALSE)</f>
        <v>#N/A</v>
      </c>
      <c r="M2336" s="49" t="e">
        <f>VLOOKUP(E2336&amp;F2336,団体コード!$A$1:$C$1743,2,FALSE)</f>
        <v>#N/A</v>
      </c>
      <c r="N2336" s="51" t="e">
        <f>VLOOKUP(E2336,団体コード!$E$1:$F$48,2,FALSE)</f>
        <v>#N/A</v>
      </c>
      <c r="O2336" s="51" t="e">
        <f t="shared" si="75"/>
        <v>#N/A</v>
      </c>
      <c r="P2336" s="51">
        <v>1</v>
      </c>
      <c r="Q2336" s="51" t="s">
        <v>5341</v>
      </c>
      <c r="R2336" s="54" t="b">
        <v>1</v>
      </c>
      <c r="S2336" s="52" t="s">
        <v>7126</v>
      </c>
      <c r="T2336" s="67" t="s">
        <v>7127</v>
      </c>
      <c r="U2336" s="75" t="s">
        <v>5331</v>
      </c>
      <c r="V2336" s="47" t="s">
        <v>5331</v>
      </c>
      <c r="W2336" s="47" t="s">
        <v>5331</v>
      </c>
      <c r="X2336" s="47" t="s">
        <v>5331</v>
      </c>
      <c r="Y2336" s="47" t="s">
        <v>5331</v>
      </c>
      <c r="Z2336" s="28"/>
      <c r="AA2336" s="27"/>
      <c r="AB2336" s="27"/>
      <c r="AC2336" s="27"/>
      <c r="AD2336" s="30"/>
      <c r="AE2336" s="1"/>
      <c r="AF2336" s="23" t="s">
        <v>5331</v>
      </c>
      <c r="AG2336" s="26"/>
      <c r="AH2336" s="53"/>
    </row>
    <row r="2337" spans="1:34" ht="51.6" customHeight="1" x14ac:dyDescent="0.45">
      <c r="A2337" s="23">
        <v>2331</v>
      </c>
      <c r="B2337" s="25"/>
      <c r="C2337" s="25"/>
      <c r="D2337" s="29"/>
      <c r="E2337" s="1"/>
      <c r="F2337" s="1"/>
      <c r="G2337" s="25"/>
      <c r="H2337" s="71"/>
      <c r="I2337" s="83"/>
      <c r="J2337" s="50" t="str">
        <f t="shared" si="74"/>
        <v/>
      </c>
      <c r="K2337" s="23" t="s">
        <v>7120</v>
      </c>
      <c r="L2337" s="49" t="e">
        <f>VLOOKUP(E2337&amp;F2337,団体コード!$A$1:$C$1743,3,FALSE)</f>
        <v>#N/A</v>
      </c>
      <c r="M2337" s="49" t="e">
        <f>VLOOKUP(E2337&amp;F2337,団体コード!$A$1:$C$1743,2,FALSE)</f>
        <v>#N/A</v>
      </c>
      <c r="N2337" s="51" t="e">
        <f>VLOOKUP(E2337,団体コード!$E$1:$F$48,2,FALSE)</f>
        <v>#N/A</v>
      </c>
      <c r="O2337" s="51" t="e">
        <f t="shared" si="75"/>
        <v>#N/A</v>
      </c>
      <c r="P2337" s="51">
        <v>1</v>
      </c>
      <c r="Q2337" s="51" t="s">
        <v>5341</v>
      </c>
      <c r="R2337" s="54" t="b">
        <v>1</v>
      </c>
      <c r="S2337" s="52" t="s">
        <v>7126</v>
      </c>
      <c r="T2337" s="67" t="s">
        <v>7127</v>
      </c>
      <c r="U2337" s="75" t="s">
        <v>5331</v>
      </c>
      <c r="V2337" s="47" t="s">
        <v>5331</v>
      </c>
      <c r="W2337" s="47" t="s">
        <v>5331</v>
      </c>
      <c r="X2337" s="47" t="s">
        <v>5331</v>
      </c>
      <c r="Y2337" s="47" t="s">
        <v>5331</v>
      </c>
      <c r="Z2337" s="28"/>
      <c r="AA2337" s="27"/>
      <c r="AB2337" s="27"/>
      <c r="AC2337" s="27"/>
      <c r="AD2337" s="30"/>
      <c r="AE2337" s="1"/>
      <c r="AF2337" s="23" t="s">
        <v>5331</v>
      </c>
      <c r="AG2337" s="26"/>
      <c r="AH2337" s="53"/>
    </row>
    <row r="2338" spans="1:34" ht="51.6" customHeight="1" x14ac:dyDescent="0.45">
      <c r="A2338" s="23">
        <v>2332</v>
      </c>
      <c r="B2338" s="25"/>
      <c r="C2338" s="25"/>
      <c r="D2338" s="29"/>
      <c r="E2338" s="1"/>
      <c r="F2338" s="1"/>
      <c r="G2338" s="25"/>
      <c r="H2338" s="71"/>
      <c r="I2338" s="83"/>
      <c r="J2338" s="50" t="str">
        <f t="shared" si="74"/>
        <v/>
      </c>
      <c r="K2338" s="23" t="s">
        <v>7120</v>
      </c>
      <c r="L2338" s="49" t="e">
        <f>VLOOKUP(E2338&amp;F2338,団体コード!$A$1:$C$1743,3,FALSE)</f>
        <v>#N/A</v>
      </c>
      <c r="M2338" s="49" t="e">
        <f>VLOOKUP(E2338&amp;F2338,団体コード!$A$1:$C$1743,2,FALSE)</f>
        <v>#N/A</v>
      </c>
      <c r="N2338" s="51" t="e">
        <f>VLOOKUP(E2338,団体コード!$E$1:$F$48,2,FALSE)</f>
        <v>#N/A</v>
      </c>
      <c r="O2338" s="51" t="e">
        <f t="shared" si="75"/>
        <v>#N/A</v>
      </c>
      <c r="P2338" s="51">
        <v>1</v>
      </c>
      <c r="Q2338" s="51" t="s">
        <v>5341</v>
      </c>
      <c r="R2338" s="54" t="b">
        <v>1</v>
      </c>
      <c r="S2338" s="52" t="s">
        <v>7126</v>
      </c>
      <c r="T2338" s="67" t="s">
        <v>7127</v>
      </c>
      <c r="U2338" s="75" t="s">
        <v>5331</v>
      </c>
      <c r="V2338" s="47" t="s">
        <v>5331</v>
      </c>
      <c r="W2338" s="47" t="s">
        <v>5331</v>
      </c>
      <c r="X2338" s="47" t="s">
        <v>5331</v>
      </c>
      <c r="Y2338" s="47" t="s">
        <v>5331</v>
      </c>
      <c r="Z2338" s="28"/>
      <c r="AA2338" s="27"/>
      <c r="AB2338" s="27"/>
      <c r="AC2338" s="27"/>
      <c r="AD2338" s="30"/>
      <c r="AE2338" s="1"/>
      <c r="AF2338" s="23" t="s">
        <v>5331</v>
      </c>
      <c r="AG2338" s="26"/>
      <c r="AH2338" s="53"/>
    </row>
    <row r="2339" spans="1:34" ht="51.6" customHeight="1" x14ac:dyDescent="0.45">
      <c r="A2339" s="23">
        <v>2333</v>
      </c>
      <c r="B2339" s="25"/>
      <c r="C2339" s="25"/>
      <c r="D2339" s="29"/>
      <c r="E2339" s="1"/>
      <c r="F2339" s="1"/>
      <c r="G2339" s="25"/>
      <c r="H2339" s="71"/>
      <c r="I2339" s="83"/>
      <c r="J2339" s="50" t="str">
        <f t="shared" si="74"/>
        <v/>
      </c>
      <c r="K2339" s="23" t="s">
        <v>7120</v>
      </c>
      <c r="L2339" s="49" t="e">
        <f>VLOOKUP(E2339&amp;F2339,団体コード!$A$1:$C$1743,3,FALSE)</f>
        <v>#N/A</v>
      </c>
      <c r="M2339" s="49" t="e">
        <f>VLOOKUP(E2339&amp;F2339,団体コード!$A$1:$C$1743,2,FALSE)</f>
        <v>#N/A</v>
      </c>
      <c r="N2339" s="51" t="e">
        <f>VLOOKUP(E2339,団体コード!$E$1:$F$48,2,FALSE)</f>
        <v>#N/A</v>
      </c>
      <c r="O2339" s="51" t="e">
        <f t="shared" si="75"/>
        <v>#N/A</v>
      </c>
      <c r="P2339" s="51">
        <v>1</v>
      </c>
      <c r="Q2339" s="51" t="s">
        <v>5341</v>
      </c>
      <c r="R2339" s="54" t="b">
        <v>1</v>
      </c>
      <c r="S2339" s="52" t="s">
        <v>7126</v>
      </c>
      <c r="T2339" s="67" t="s">
        <v>7127</v>
      </c>
      <c r="U2339" s="75" t="s">
        <v>5331</v>
      </c>
      <c r="V2339" s="47" t="s">
        <v>5331</v>
      </c>
      <c r="W2339" s="47" t="s">
        <v>5331</v>
      </c>
      <c r="X2339" s="47" t="s">
        <v>5331</v>
      </c>
      <c r="Y2339" s="47" t="s">
        <v>5331</v>
      </c>
      <c r="Z2339" s="28"/>
      <c r="AA2339" s="27"/>
      <c r="AB2339" s="27"/>
      <c r="AC2339" s="27"/>
      <c r="AD2339" s="30"/>
      <c r="AE2339" s="1"/>
      <c r="AF2339" s="23" t="s">
        <v>5331</v>
      </c>
      <c r="AG2339" s="26"/>
      <c r="AH2339" s="53"/>
    </row>
    <row r="2340" spans="1:34" ht="51.6" customHeight="1" x14ac:dyDescent="0.45">
      <c r="A2340" s="23">
        <v>2334</v>
      </c>
      <c r="B2340" s="25"/>
      <c r="C2340" s="25"/>
      <c r="D2340" s="29"/>
      <c r="E2340" s="1"/>
      <c r="F2340" s="1"/>
      <c r="G2340" s="25"/>
      <c r="H2340" s="71"/>
      <c r="I2340" s="83"/>
      <c r="J2340" s="50" t="str">
        <f t="shared" si="74"/>
        <v/>
      </c>
      <c r="K2340" s="23" t="s">
        <v>7120</v>
      </c>
      <c r="L2340" s="49" t="e">
        <f>VLOOKUP(E2340&amp;F2340,団体コード!$A$1:$C$1743,3,FALSE)</f>
        <v>#N/A</v>
      </c>
      <c r="M2340" s="49" t="e">
        <f>VLOOKUP(E2340&amp;F2340,団体コード!$A$1:$C$1743,2,FALSE)</f>
        <v>#N/A</v>
      </c>
      <c r="N2340" s="51" t="e">
        <f>VLOOKUP(E2340,団体コード!$E$1:$F$48,2,FALSE)</f>
        <v>#N/A</v>
      </c>
      <c r="O2340" s="51" t="e">
        <f t="shared" si="75"/>
        <v>#N/A</v>
      </c>
      <c r="P2340" s="51">
        <v>1</v>
      </c>
      <c r="Q2340" s="51" t="s">
        <v>5341</v>
      </c>
      <c r="R2340" s="54" t="b">
        <v>1</v>
      </c>
      <c r="S2340" s="52" t="s">
        <v>7126</v>
      </c>
      <c r="T2340" s="67" t="s">
        <v>7127</v>
      </c>
      <c r="U2340" s="75" t="s">
        <v>5331</v>
      </c>
      <c r="V2340" s="47" t="s">
        <v>5331</v>
      </c>
      <c r="W2340" s="47" t="s">
        <v>5331</v>
      </c>
      <c r="X2340" s="47" t="s">
        <v>5331</v>
      </c>
      <c r="Y2340" s="47" t="s">
        <v>5331</v>
      </c>
      <c r="Z2340" s="28"/>
      <c r="AA2340" s="27"/>
      <c r="AB2340" s="27"/>
      <c r="AC2340" s="27"/>
      <c r="AD2340" s="30"/>
      <c r="AE2340" s="1"/>
      <c r="AF2340" s="23" t="s">
        <v>5331</v>
      </c>
      <c r="AG2340" s="26"/>
      <c r="AH2340" s="53"/>
    </row>
    <row r="2341" spans="1:34" ht="51.6" customHeight="1" x14ac:dyDescent="0.45">
      <c r="A2341" s="23">
        <v>2335</v>
      </c>
      <c r="B2341" s="25"/>
      <c r="C2341" s="25"/>
      <c r="D2341" s="29"/>
      <c r="E2341" s="1"/>
      <c r="F2341" s="1"/>
      <c r="G2341" s="25"/>
      <c r="H2341" s="71"/>
      <c r="I2341" s="83"/>
      <c r="J2341" s="50" t="str">
        <f t="shared" si="74"/>
        <v/>
      </c>
      <c r="K2341" s="23" t="s">
        <v>7120</v>
      </c>
      <c r="L2341" s="49" t="e">
        <f>VLOOKUP(E2341&amp;F2341,団体コード!$A$1:$C$1743,3,FALSE)</f>
        <v>#N/A</v>
      </c>
      <c r="M2341" s="49" t="e">
        <f>VLOOKUP(E2341&amp;F2341,団体コード!$A$1:$C$1743,2,FALSE)</f>
        <v>#N/A</v>
      </c>
      <c r="N2341" s="51" t="e">
        <f>VLOOKUP(E2341,団体コード!$E$1:$F$48,2,FALSE)</f>
        <v>#N/A</v>
      </c>
      <c r="O2341" s="51" t="e">
        <f t="shared" si="75"/>
        <v>#N/A</v>
      </c>
      <c r="P2341" s="51">
        <v>1</v>
      </c>
      <c r="Q2341" s="51" t="s">
        <v>5341</v>
      </c>
      <c r="R2341" s="54" t="b">
        <v>1</v>
      </c>
      <c r="S2341" s="52" t="s">
        <v>7126</v>
      </c>
      <c r="T2341" s="67" t="s">
        <v>7127</v>
      </c>
      <c r="U2341" s="75" t="s">
        <v>5331</v>
      </c>
      <c r="V2341" s="47" t="s">
        <v>5331</v>
      </c>
      <c r="W2341" s="47" t="s">
        <v>5331</v>
      </c>
      <c r="X2341" s="47" t="s">
        <v>5331</v>
      </c>
      <c r="Y2341" s="47" t="s">
        <v>5331</v>
      </c>
      <c r="Z2341" s="28"/>
      <c r="AA2341" s="27"/>
      <c r="AB2341" s="27"/>
      <c r="AC2341" s="27"/>
      <c r="AD2341" s="30"/>
      <c r="AE2341" s="1"/>
      <c r="AF2341" s="23" t="s">
        <v>5331</v>
      </c>
      <c r="AG2341" s="26"/>
      <c r="AH2341" s="53"/>
    </row>
    <row r="2342" spans="1:34" ht="51.6" customHeight="1" x14ac:dyDescent="0.45">
      <c r="A2342" s="23">
        <v>2336</v>
      </c>
      <c r="B2342" s="25"/>
      <c r="C2342" s="25"/>
      <c r="D2342" s="29"/>
      <c r="E2342" s="1"/>
      <c r="F2342" s="1"/>
      <c r="G2342" s="25"/>
      <c r="H2342" s="71"/>
      <c r="I2342" s="83"/>
      <c r="J2342" s="50" t="str">
        <f t="shared" si="74"/>
        <v/>
      </c>
      <c r="K2342" s="23" t="s">
        <v>7120</v>
      </c>
      <c r="L2342" s="49" t="e">
        <f>VLOOKUP(E2342&amp;F2342,団体コード!$A$1:$C$1743,3,FALSE)</f>
        <v>#N/A</v>
      </c>
      <c r="M2342" s="49" t="e">
        <f>VLOOKUP(E2342&amp;F2342,団体コード!$A$1:$C$1743,2,FALSE)</f>
        <v>#N/A</v>
      </c>
      <c r="N2342" s="51" t="e">
        <f>VLOOKUP(E2342,団体コード!$E$1:$F$48,2,FALSE)</f>
        <v>#N/A</v>
      </c>
      <c r="O2342" s="51" t="e">
        <f t="shared" si="75"/>
        <v>#N/A</v>
      </c>
      <c r="P2342" s="51">
        <v>1</v>
      </c>
      <c r="Q2342" s="51" t="s">
        <v>5341</v>
      </c>
      <c r="R2342" s="54" t="b">
        <v>1</v>
      </c>
      <c r="S2342" s="52" t="s">
        <v>7126</v>
      </c>
      <c r="T2342" s="67" t="s">
        <v>7127</v>
      </c>
      <c r="U2342" s="75" t="s">
        <v>5331</v>
      </c>
      <c r="V2342" s="47" t="s">
        <v>5331</v>
      </c>
      <c r="W2342" s="47" t="s">
        <v>5331</v>
      </c>
      <c r="X2342" s="47" t="s">
        <v>5331</v>
      </c>
      <c r="Y2342" s="47" t="s">
        <v>5331</v>
      </c>
      <c r="Z2342" s="28"/>
      <c r="AA2342" s="27"/>
      <c r="AB2342" s="27"/>
      <c r="AC2342" s="27"/>
      <c r="AD2342" s="30"/>
      <c r="AE2342" s="1"/>
      <c r="AF2342" s="23" t="s">
        <v>5331</v>
      </c>
      <c r="AG2342" s="26"/>
      <c r="AH2342" s="53"/>
    </row>
    <row r="2343" spans="1:34" ht="51.6" customHeight="1" x14ac:dyDescent="0.45">
      <c r="A2343" s="23">
        <v>2337</v>
      </c>
      <c r="B2343" s="25"/>
      <c r="C2343" s="25"/>
      <c r="D2343" s="29"/>
      <c r="E2343" s="1"/>
      <c r="F2343" s="1"/>
      <c r="G2343" s="25"/>
      <c r="H2343" s="71"/>
      <c r="I2343" s="83"/>
      <c r="J2343" s="50" t="str">
        <f t="shared" si="74"/>
        <v/>
      </c>
      <c r="K2343" s="23" t="s">
        <v>7120</v>
      </c>
      <c r="L2343" s="49" t="e">
        <f>VLOOKUP(E2343&amp;F2343,団体コード!$A$1:$C$1743,3,FALSE)</f>
        <v>#N/A</v>
      </c>
      <c r="M2343" s="49" t="e">
        <f>VLOOKUP(E2343&amp;F2343,団体コード!$A$1:$C$1743,2,FALSE)</f>
        <v>#N/A</v>
      </c>
      <c r="N2343" s="51" t="e">
        <f>VLOOKUP(E2343,団体コード!$E$1:$F$48,2,FALSE)</f>
        <v>#N/A</v>
      </c>
      <c r="O2343" s="51" t="e">
        <f t="shared" si="75"/>
        <v>#N/A</v>
      </c>
      <c r="P2343" s="51">
        <v>1</v>
      </c>
      <c r="Q2343" s="51" t="s">
        <v>5341</v>
      </c>
      <c r="R2343" s="54" t="b">
        <v>1</v>
      </c>
      <c r="S2343" s="52" t="s">
        <v>7126</v>
      </c>
      <c r="T2343" s="67" t="s">
        <v>7127</v>
      </c>
      <c r="U2343" s="75" t="s">
        <v>5331</v>
      </c>
      <c r="V2343" s="47" t="s">
        <v>5331</v>
      </c>
      <c r="W2343" s="47" t="s">
        <v>5331</v>
      </c>
      <c r="X2343" s="47" t="s">
        <v>5331</v>
      </c>
      <c r="Y2343" s="47" t="s">
        <v>5331</v>
      </c>
      <c r="Z2343" s="28"/>
      <c r="AA2343" s="27"/>
      <c r="AB2343" s="27"/>
      <c r="AC2343" s="27"/>
      <c r="AD2343" s="30"/>
      <c r="AE2343" s="1"/>
      <c r="AF2343" s="23" t="s">
        <v>5331</v>
      </c>
      <c r="AG2343" s="26"/>
      <c r="AH2343" s="53"/>
    </row>
    <row r="2344" spans="1:34" ht="51.6" customHeight="1" x14ac:dyDescent="0.45">
      <c r="A2344" s="23">
        <v>2338</v>
      </c>
      <c r="B2344" s="25"/>
      <c r="C2344" s="25"/>
      <c r="D2344" s="29"/>
      <c r="E2344" s="1"/>
      <c r="F2344" s="1"/>
      <c r="G2344" s="25"/>
      <c r="H2344" s="71"/>
      <c r="I2344" s="83"/>
      <c r="J2344" s="50" t="str">
        <f t="shared" si="74"/>
        <v/>
      </c>
      <c r="K2344" s="23" t="s">
        <v>7120</v>
      </c>
      <c r="L2344" s="49" t="e">
        <f>VLOOKUP(E2344&amp;F2344,団体コード!$A$1:$C$1743,3,FALSE)</f>
        <v>#N/A</v>
      </c>
      <c r="M2344" s="49" t="e">
        <f>VLOOKUP(E2344&amp;F2344,団体コード!$A$1:$C$1743,2,FALSE)</f>
        <v>#N/A</v>
      </c>
      <c r="N2344" s="51" t="e">
        <f>VLOOKUP(E2344,団体コード!$E$1:$F$48,2,FALSE)</f>
        <v>#N/A</v>
      </c>
      <c r="O2344" s="51" t="e">
        <f t="shared" si="75"/>
        <v>#N/A</v>
      </c>
      <c r="P2344" s="51">
        <v>1</v>
      </c>
      <c r="Q2344" s="51" t="s">
        <v>5341</v>
      </c>
      <c r="R2344" s="54" t="b">
        <v>1</v>
      </c>
      <c r="S2344" s="52" t="s">
        <v>7126</v>
      </c>
      <c r="T2344" s="67" t="s">
        <v>7127</v>
      </c>
      <c r="U2344" s="75" t="s">
        <v>5331</v>
      </c>
      <c r="V2344" s="47" t="s">
        <v>5331</v>
      </c>
      <c r="W2344" s="47" t="s">
        <v>5331</v>
      </c>
      <c r="X2344" s="47" t="s">
        <v>5331</v>
      </c>
      <c r="Y2344" s="47" t="s">
        <v>5331</v>
      </c>
      <c r="Z2344" s="28"/>
      <c r="AA2344" s="27"/>
      <c r="AB2344" s="27"/>
      <c r="AC2344" s="27"/>
      <c r="AD2344" s="30"/>
      <c r="AE2344" s="1"/>
      <c r="AF2344" s="23" t="s">
        <v>5331</v>
      </c>
      <c r="AG2344" s="26"/>
      <c r="AH2344" s="53"/>
    </row>
    <row r="2345" spans="1:34" ht="51.6" customHeight="1" x14ac:dyDescent="0.45">
      <c r="A2345" s="23">
        <v>2339</v>
      </c>
      <c r="B2345" s="25"/>
      <c r="C2345" s="25"/>
      <c r="D2345" s="29"/>
      <c r="E2345" s="1"/>
      <c r="F2345" s="1"/>
      <c r="G2345" s="25"/>
      <c r="H2345" s="71"/>
      <c r="I2345" s="83"/>
      <c r="J2345" s="50" t="str">
        <f t="shared" si="74"/>
        <v/>
      </c>
      <c r="K2345" s="23" t="s">
        <v>7120</v>
      </c>
      <c r="L2345" s="49" t="e">
        <f>VLOOKUP(E2345&amp;F2345,団体コード!$A$1:$C$1743,3,FALSE)</f>
        <v>#N/A</v>
      </c>
      <c r="M2345" s="49" t="e">
        <f>VLOOKUP(E2345&amp;F2345,団体コード!$A$1:$C$1743,2,FALSE)</f>
        <v>#N/A</v>
      </c>
      <c r="N2345" s="51" t="e">
        <f>VLOOKUP(E2345,団体コード!$E$1:$F$48,2,FALSE)</f>
        <v>#N/A</v>
      </c>
      <c r="O2345" s="51" t="e">
        <f t="shared" si="75"/>
        <v>#N/A</v>
      </c>
      <c r="P2345" s="51">
        <v>1</v>
      </c>
      <c r="Q2345" s="51" t="s">
        <v>5341</v>
      </c>
      <c r="R2345" s="54" t="b">
        <v>1</v>
      </c>
      <c r="S2345" s="52" t="s">
        <v>7126</v>
      </c>
      <c r="T2345" s="67" t="s">
        <v>7127</v>
      </c>
      <c r="U2345" s="75" t="s">
        <v>5331</v>
      </c>
      <c r="V2345" s="47" t="s">
        <v>5331</v>
      </c>
      <c r="W2345" s="47" t="s">
        <v>5331</v>
      </c>
      <c r="X2345" s="47" t="s">
        <v>5331</v>
      </c>
      <c r="Y2345" s="47" t="s">
        <v>5331</v>
      </c>
      <c r="Z2345" s="28"/>
      <c r="AA2345" s="27"/>
      <c r="AB2345" s="27"/>
      <c r="AC2345" s="27"/>
      <c r="AD2345" s="30"/>
      <c r="AE2345" s="1"/>
      <c r="AF2345" s="23" t="s">
        <v>5331</v>
      </c>
      <c r="AG2345" s="26"/>
      <c r="AH2345" s="53"/>
    </row>
    <row r="2346" spans="1:34" ht="51.6" customHeight="1" x14ac:dyDescent="0.45">
      <c r="A2346" s="23">
        <v>2340</v>
      </c>
      <c r="B2346" s="25"/>
      <c r="C2346" s="25"/>
      <c r="D2346" s="29"/>
      <c r="E2346" s="1"/>
      <c r="F2346" s="1"/>
      <c r="G2346" s="25"/>
      <c r="H2346" s="71"/>
      <c r="I2346" s="83"/>
      <c r="J2346" s="50" t="str">
        <f t="shared" si="74"/>
        <v/>
      </c>
      <c r="K2346" s="23" t="s">
        <v>7120</v>
      </c>
      <c r="L2346" s="49" t="e">
        <f>VLOOKUP(E2346&amp;F2346,団体コード!$A$1:$C$1743,3,FALSE)</f>
        <v>#N/A</v>
      </c>
      <c r="M2346" s="49" t="e">
        <f>VLOOKUP(E2346&amp;F2346,団体コード!$A$1:$C$1743,2,FALSE)</f>
        <v>#N/A</v>
      </c>
      <c r="N2346" s="51" t="e">
        <f>VLOOKUP(E2346,団体コード!$E$1:$F$48,2,FALSE)</f>
        <v>#N/A</v>
      </c>
      <c r="O2346" s="51" t="e">
        <f t="shared" si="75"/>
        <v>#N/A</v>
      </c>
      <c r="P2346" s="51">
        <v>1</v>
      </c>
      <c r="Q2346" s="51" t="s">
        <v>5341</v>
      </c>
      <c r="R2346" s="54" t="b">
        <v>1</v>
      </c>
      <c r="S2346" s="52" t="s">
        <v>7126</v>
      </c>
      <c r="T2346" s="67" t="s">
        <v>7127</v>
      </c>
      <c r="U2346" s="75" t="s">
        <v>5331</v>
      </c>
      <c r="V2346" s="47" t="s">
        <v>5331</v>
      </c>
      <c r="W2346" s="47" t="s">
        <v>5331</v>
      </c>
      <c r="X2346" s="47" t="s">
        <v>5331</v>
      </c>
      <c r="Y2346" s="47" t="s">
        <v>5331</v>
      </c>
      <c r="Z2346" s="28"/>
      <c r="AA2346" s="27"/>
      <c r="AB2346" s="27"/>
      <c r="AC2346" s="27"/>
      <c r="AD2346" s="30"/>
      <c r="AE2346" s="1"/>
      <c r="AF2346" s="23" t="s">
        <v>5331</v>
      </c>
      <c r="AG2346" s="26"/>
      <c r="AH2346" s="53"/>
    </row>
    <row r="2347" spans="1:34" ht="51.6" customHeight="1" x14ac:dyDescent="0.45">
      <c r="A2347" s="23">
        <v>2341</v>
      </c>
      <c r="B2347" s="25"/>
      <c r="C2347" s="25"/>
      <c r="D2347" s="29"/>
      <c r="E2347" s="1"/>
      <c r="F2347" s="1"/>
      <c r="G2347" s="25"/>
      <c r="H2347" s="71"/>
      <c r="I2347" s="83"/>
      <c r="J2347" s="50" t="str">
        <f t="shared" si="74"/>
        <v/>
      </c>
      <c r="K2347" s="23" t="s">
        <v>7120</v>
      </c>
      <c r="L2347" s="49" t="e">
        <f>VLOOKUP(E2347&amp;F2347,団体コード!$A$1:$C$1743,3,FALSE)</f>
        <v>#N/A</v>
      </c>
      <c r="M2347" s="49" t="e">
        <f>VLOOKUP(E2347&amp;F2347,団体コード!$A$1:$C$1743,2,FALSE)</f>
        <v>#N/A</v>
      </c>
      <c r="N2347" s="51" t="e">
        <f>VLOOKUP(E2347,団体コード!$E$1:$F$48,2,FALSE)</f>
        <v>#N/A</v>
      </c>
      <c r="O2347" s="51" t="e">
        <f t="shared" si="75"/>
        <v>#N/A</v>
      </c>
      <c r="P2347" s="51">
        <v>1</v>
      </c>
      <c r="Q2347" s="51" t="s">
        <v>5341</v>
      </c>
      <c r="R2347" s="54" t="b">
        <v>1</v>
      </c>
      <c r="S2347" s="52" t="s">
        <v>7126</v>
      </c>
      <c r="T2347" s="67" t="s">
        <v>7127</v>
      </c>
      <c r="U2347" s="75" t="s">
        <v>5331</v>
      </c>
      <c r="V2347" s="47" t="s">
        <v>5331</v>
      </c>
      <c r="W2347" s="47" t="s">
        <v>5331</v>
      </c>
      <c r="X2347" s="47" t="s">
        <v>5331</v>
      </c>
      <c r="Y2347" s="47" t="s">
        <v>5331</v>
      </c>
      <c r="Z2347" s="28"/>
      <c r="AA2347" s="27"/>
      <c r="AB2347" s="27"/>
      <c r="AC2347" s="27"/>
      <c r="AD2347" s="30"/>
      <c r="AE2347" s="1"/>
      <c r="AF2347" s="23" t="s">
        <v>5331</v>
      </c>
      <c r="AG2347" s="26"/>
      <c r="AH2347" s="53"/>
    </row>
    <row r="2348" spans="1:34" ht="51.6" customHeight="1" x14ac:dyDescent="0.45">
      <c r="A2348" s="23">
        <v>2342</v>
      </c>
      <c r="B2348" s="25"/>
      <c r="C2348" s="25"/>
      <c r="D2348" s="29"/>
      <c r="E2348" s="1"/>
      <c r="F2348" s="1"/>
      <c r="G2348" s="25"/>
      <c r="H2348" s="71"/>
      <c r="I2348" s="83"/>
      <c r="J2348" s="50" t="str">
        <f t="shared" si="74"/>
        <v/>
      </c>
      <c r="K2348" s="23" t="s">
        <v>7120</v>
      </c>
      <c r="L2348" s="49" t="e">
        <f>VLOOKUP(E2348&amp;F2348,団体コード!$A$1:$C$1743,3,FALSE)</f>
        <v>#N/A</v>
      </c>
      <c r="M2348" s="49" t="e">
        <f>VLOOKUP(E2348&amp;F2348,団体コード!$A$1:$C$1743,2,FALSE)</f>
        <v>#N/A</v>
      </c>
      <c r="N2348" s="51" t="e">
        <f>VLOOKUP(E2348,団体コード!$E$1:$F$48,2,FALSE)</f>
        <v>#N/A</v>
      </c>
      <c r="O2348" s="51" t="e">
        <f t="shared" si="75"/>
        <v>#N/A</v>
      </c>
      <c r="P2348" s="51">
        <v>1</v>
      </c>
      <c r="Q2348" s="51" t="s">
        <v>5341</v>
      </c>
      <c r="R2348" s="54" t="b">
        <v>1</v>
      </c>
      <c r="S2348" s="52" t="s">
        <v>7126</v>
      </c>
      <c r="T2348" s="67" t="s">
        <v>7127</v>
      </c>
      <c r="U2348" s="75" t="s">
        <v>5331</v>
      </c>
      <c r="V2348" s="47" t="s">
        <v>5331</v>
      </c>
      <c r="W2348" s="47" t="s">
        <v>5331</v>
      </c>
      <c r="X2348" s="47" t="s">
        <v>5331</v>
      </c>
      <c r="Y2348" s="47" t="s">
        <v>5331</v>
      </c>
      <c r="Z2348" s="28"/>
      <c r="AA2348" s="27"/>
      <c r="AB2348" s="27"/>
      <c r="AC2348" s="27"/>
      <c r="AD2348" s="30"/>
      <c r="AE2348" s="1"/>
      <c r="AF2348" s="23" t="s">
        <v>5331</v>
      </c>
      <c r="AG2348" s="26"/>
      <c r="AH2348" s="53"/>
    </row>
    <row r="2349" spans="1:34" ht="51.6" customHeight="1" x14ac:dyDescent="0.45">
      <c r="A2349" s="23">
        <v>2343</v>
      </c>
      <c r="B2349" s="25"/>
      <c r="C2349" s="25"/>
      <c r="D2349" s="29"/>
      <c r="E2349" s="1"/>
      <c r="F2349" s="1"/>
      <c r="G2349" s="25"/>
      <c r="H2349" s="71"/>
      <c r="I2349" s="83"/>
      <c r="J2349" s="50" t="str">
        <f t="shared" si="74"/>
        <v/>
      </c>
      <c r="K2349" s="23" t="s">
        <v>7120</v>
      </c>
      <c r="L2349" s="49" t="e">
        <f>VLOOKUP(E2349&amp;F2349,団体コード!$A$1:$C$1743,3,FALSE)</f>
        <v>#N/A</v>
      </c>
      <c r="M2349" s="49" t="e">
        <f>VLOOKUP(E2349&amp;F2349,団体コード!$A$1:$C$1743,2,FALSE)</f>
        <v>#N/A</v>
      </c>
      <c r="N2349" s="51" t="e">
        <f>VLOOKUP(E2349,団体コード!$E$1:$F$48,2,FALSE)</f>
        <v>#N/A</v>
      </c>
      <c r="O2349" s="51" t="e">
        <f t="shared" si="75"/>
        <v>#N/A</v>
      </c>
      <c r="P2349" s="51">
        <v>1</v>
      </c>
      <c r="Q2349" s="51" t="s">
        <v>5341</v>
      </c>
      <c r="R2349" s="54" t="b">
        <v>1</v>
      </c>
      <c r="S2349" s="52" t="s">
        <v>7126</v>
      </c>
      <c r="T2349" s="67" t="s">
        <v>7127</v>
      </c>
      <c r="U2349" s="75" t="s">
        <v>5331</v>
      </c>
      <c r="V2349" s="47" t="s">
        <v>5331</v>
      </c>
      <c r="W2349" s="47" t="s">
        <v>5331</v>
      </c>
      <c r="X2349" s="47" t="s">
        <v>5331</v>
      </c>
      <c r="Y2349" s="47" t="s">
        <v>5331</v>
      </c>
      <c r="Z2349" s="28"/>
      <c r="AA2349" s="27"/>
      <c r="AB2349" s="27"/>
      <c r="AC2349" s="27"/>
      <c r="AD2349" s="30"/>
      <c r="AE2349" s="1"/>
      <c r="AF2349" s="23" t="s">
        <v>5331</v>
      </c>
      <c r="AG2349" s="26"/>
      <c r="AH2349" s="53"/>
    </row>
    <row r="2350" spans="1:34" ht="51.6" customHeight="1" x14ac:dyDescent="0.45">
      <c r="A2350" s="23">
        <v>2344</v>
      </c>
      <c r="B2350" s="25"/>
      <c r="C2350" s="25"/>
      <c r="D2350" s="29"/>
      <c r="E2350" s="1"/>
      <c r="F2350" s="1"/>
      <c r="G2350" s="25"/>
      <c r="H2350" s="71"/>
      <c r="I2350" s="83"/>
      <c r="J2350" s="50" t="str">
        <f t="shared" si="74"/>
        <v/>
      </c>
      <c r="K2350" s="23" t="s">
        <v>7120</v>
      </c>
      <c r="L2350" s="49" t="e">
        <f>VLOOKUP(E2350&amp;F2350,団体コード!$A$1:$C$1743,3,FALSE)</f>
        <v>#N/A</v>
      </c>
      <c r="M2350" s="49" t="e">
        <f>VLOOKUP(E2350&amp;F2350,団体コード!$A$1:$C$1743,2,FALSE)</f>
        <v>#N/A</v>
      </c>
      <c r="N2350" s="51" t="e">
        <f>VLOOKUP(E2350,団体コード!$E$1:$F$48,2,FALSE)</f>
        <v>#N/A</v>
      </c>
      <c r="O2350" s="51" t="e">
        <f t="shared" si="75"/>
        <v>#N/A</v>
      </c>
      <c r="P2350" s="51">
        <v>1</v>
      </c>
      <c r="Q2350" s="51" t="s">
        <v>5341</v>
      </c>
      <c r="R2350" s="54" t="b">
        <v>1</v>
      </c>
      <c r="S2350" s="52" t="s">
        <v>7126</v>
      </c>
      <c r="T2350" s="67" t="s">
        <v>7127</v>
      </c>
      <c r="U2350" s="75" t="s">
        <v>5331</v>
      </c>
      <c r="V2350" s="47" t="s">
        <v>5331</v>
      </c>
      <c r="W2350" s="47" t="s">
        <v>5331</v>
      </c>
      <c r="X2350" s="47" t="s">
        <v>5331</v>
      </c>
      <c r="Y2350" s="47" t="s">
        <v>5331</v>
      </c>
      <c r="Z2350" s="28"/>
      <c r="AA2350" s="27"/>
      <c r="AB2350" s="27"/>
      <c r="AC2350" s="27"/>
      <c r="AD2350" s="30"/>
      <c r="AE2350" s="1"/>
      <c r="AF2350" s="23" t="s">
        <v>5331</v>
      </c>
      <c r="AG2350" s="26"/>
      <c r="AH2350" s="53"/>
    </row>
    <row r="2351" spans="1:34" ht="51.6" customHeight="1" x14ac:dyDescent="0.45">
      <c r="A2351" s="23">
        <v>2345</v>
      </c>
      <c r="B2351" s="25"/>
      <c r="C2351" s="25"/>
      <c r="D2351" s="29"/>
      <c r="E2351" s="1"/>
      <c r="F2351" s="1"/>
      <c r="G2351" s="25"/>
      <c r="H2351" s="71"/>
      <c r="I2351" s="83"/>
      <c r="J2351" s="50" t="str">
        <f t="shared" si="74"/>
        <v/>
      </c>
      <c r="K2351" s="23" t="s">
        <v>7120</v>
      </c>
      <c r="L2351" s="49" t="e">
        <f>VLOOKUP(E2351&amp;F2351,団体コード!$A$1:$C$1743,3,FALSE)</f>
        <v>#N/A</v>
      </c>
      <c r="M2351" s="49" t="e">
        <f>VLOOKUP(E2351&amp;F2351,団体コード!$A$1:$C$1743,2,FALSE)</f>
        <v>#N/A</v>
      </c>
      <c r="N2351" s="51" t="e">
        <f>VLOOKUP(E2351,団体コード!$E$1:$F$48,2,FALSE)</f>
        <v>#N/A</v>
      </c>
      <c r="O2351" s="51" t="e">
        <f t="shared" si="75"/>
        <v>#N/A</v>
      </c>
      <c r="P2351" s="51">
        <v>1</v>
      </c>
      <c r="Q2351" s="51" t="s">
        <v>5341</v>
      </c>
      <c r="R2351" s="54" t="b">
        <v>1</v>
      </c>
      <c r="S2351" s="52" t="s">
        <v>7126</v>
      </c>
      <c r="T2351" s="67" t="s">
        <v>7127</v>
      </c>
      <c r="U2351" s="75" t="s">
        <v>5331</v>
      </c>
      <c r="V2351" s="47" t="s">
        <v>5331</v>
      </c>
      <c r="W2351" s="47" t="s">
        <v>5331</v>
      </c>
      <c r="X2351" s="47" t="s">
        <v>5331</v>
      </c>
      <c r="Y2351" s="47" t="s">
        <v>5331</v>
      </c>
      <c r="Z2351" s="28"/>
      <c r="AA2351" s="27"/>
      <c r="AB2351" s="27"/>
      <c r="AC2351" s="27"/>
      <c r="AD2351" s="30"/>
      <c r="AE2351" s="1"/>
      <c r="AF2351" s="23" t="s">
        <v>5331</v>
      </c>
      <c r="AG2351" s="26"/>
      <c r="AH2351" s="53"/>
    </row>
    <row r="2352" spans="1:34" ht="51.6" customHeight="1" x14ac:dyDescent="0.45">
      <c r="A2352" s="23">
        <v>2346</v>
      </c>
      <c r="B2352" s="25"/>
      <c r="C2352" s="25"/>
      <c r="D2352" s="29"/>
      <c r="E2352" s="1"/>
      <c r="F2352" s="1"/>
      <c r="G2352" s="25"/>
      <c r="H2352" s="71"/>
      <c r="I2352" s="83"/>
      <c r="J2352" s="50" t="str">
        <f t="shared" si="74"/>
        <v/>
      </c>
      <c r="K2352" s="23" t="s">
        <v>7120</v>
      </c>
      <c r="L2352" s="49" t="e">
        <f>VLOOKUP(E2352&amp;F2352,団体コード!$A$1:$C$1743,3,FALSE)</f>
        <v>#N/A</v>
      </c>
      <c r="M2352" s="49" t="e">
        <f>VLOOKUP(E2352&amp;F2352,団体コード!$A$1:$C$1743,2,FALSE)</f>
        <v>#N/A</v>
      </c>
      <c r="N2352" s="51" t="e">
        <f>VLOOKUP(E2352,団体コード!$E$1:$F$48,2,FALSE)</f>
        <v>#N/A</v>
      </c>
      <c r="O2352" s="51" t="e">
        <f t="shared" si="75"/>
        <v>#N/A</v>
      </c>
      <c r="P2352" s="51">
        <v>1</v>
      </c>
      <c r="Q2352" s="51" t="s">
        <v>5341</v>
      </c>
      <c r="R2352" s="54" t="b">
        <v>1</v>
      </c>
      <c r="S2352" s="52" t="s">
        <v>7126</v>
      </c>
      <c r="T2352" s="67" t="s">
        <v>7127</v>
      </c>
      <c r="U2352" s="75" t="s">
        <v>5331</v>
      </c>
      <c r="V2352" s="47" t="s">
        <v>5331</v>
      </c>
      <c r="W2352" s="47" t="s">
        <v>5331</v>
      </c>
      <c r="X2352" s="47" t="s">
        <v>5331</v>
      </c>
      <c r="Y2352" s="47" t="s">
        <v>5331</v>
      </c>
      <c r="Z2352" s="28"/>
      <c r="AA2352" s="27"/>
      <c r="AB2352" s="27"/>
      <c r="AC2352" s="27"/>
      <c r="AD2352" s="30"/>
      <c r="AE2352" s="1"/>
      <c r="AF2352" s="23" t="s">
        <v>5331</v>
      </c>
      <c r="AG2352" s="26"/>
      <c r="AH2352" s="53"/>
    </row>
    <row r="2353" spans="1:34" ht="51.6" customHeight="1" x14ac:dyDescent="0.45">
      <c r="A2353" s="23">
        <v>2347</v>
      </c>
      <c r="B2353" s="25"/>
      <c r="C2353" s="25"/>
      <c r="D2353" s="29"/>
      <c r="E2353" s="1"/>
      <c r="F2353" s="1"/>
      <c r="G2353" s="25"/>
      <c r="H2353" s="71"/>
      <c r="I2353" s="83"/>
      <c r="J2353" s="50" t="str">
        <f t="shared" si="74"/>
        <v/>
      </c>
      <c r="K2353" s="23" t="s">
        <v>7120</v>
      </c>
      <c r="L2353" s="49" t="e">
        <f>VLOOKUP(E2353&amp;F2353,団体コード!$A$1:$C$1743,3,FALSE)</f>
        <v>#N/A</v>
      </c>
      <c r="M2353" s="49" t="e">
        <f>VLOOKUP(E2353&amp;F2353,団体コード!$A$1:$C$1743,2,FALSE)</f>
        <v>#N/A</v>
      </c>
      <c r="N2353" s="51" t="e">
        <f>VLOOKUP(E2353,団体コード!$E$1:$F$48,2,FALSE)</f>
        <v>#N/A</v>
      </c>
      <c r="O2353" s="51" t="e">
        <f t="shared" si="75"/>
        <v>#N/A</v>
      </c>
      <c r="P2353" s="51">
        <v>1</v>
      </c>
      <c r="Q2353" s="51" t="s">
        <v>5341</v>
      </c>
      <c r="R2353" s="54" t="b">
        <v>1</v>
      </c>
      <c r="S2353" s="52" t="s">
        <v>7126</v>
      </c>
      <c r="T2353" s="67" t="s">
        <v>7127</v>
      </c>
      <c r="U2353" s="75" t="s">
        <v>5331</v>
      </c>
      <c r="V2353" s="47" t="s">
        <v>5331</v>
      </c>
      <c r="W2353" s="47" t="s">
        <v>5331</v>
      </c>
      <c r="X2353" s="47" t="s">
        <v>5331</v>
      </c>
      <c r="Y2353" s="47" t="s">
        <v>5331</v>
      </c>
      <c r="Z2353" s="28"/>
      <c r="AA2353" s="27"/>
      <c r="AB2353" s="27"/>
      <c r="AC2353" s="27"/>
      <c r="AD2353" s="30"/>
      <c r="AE2353" s="1"/>
      <c r="AF2353" s="23" t="s">
        <v>5331</v>
      </c>
      <c r="AG2353" s="26"/>
      <c r="AH2353" s="53"/>
    </row>
    <row r="2354" spans="1:34" ht="51.6" customHeight="1" x14ac:dyDescent="0.45">
      <c r="A2354" s="23">
        <v>2348</v>
      </c>
      <c r="B2354" s="25"/>
      <c r="C2354" s="25"/>
      <c r="D2354" s="29"/>
      <c r="E2354" s="1"/>
      <c r="F2354" s="1"/>
      <c r="G2354" s="25"/>
      <c r="H2354" s="71"/>
      <c r="I2354" s="83"/>
      <c r="J2354" s="50" t="str">
        <f t="shared" si="74"/>
        <v/>
      </c>
      <c r="K2354" s="23" t="s">
        <v>7120</v>
      </c>
      <c r="L2354" s="49" t="e">
        <f>VLOOKUP(E2354&amp;F2354,団体コード!$A$1:$C$1743,3,FALSE)</f>
        <v>#N/A</v>
      </c>
      <c r="M2354" s="49" t="e">
        <f>VLOOKUP(E2354&amp;F2354,団体コード!$A$1:$C$1743,2,FALSE)</f>
        <v>#N/A</v>
      </c>
      <c r="N2354" s="51" t="e">
        <f>VLOOKUP(E2354,団体コード!$E$1:$F$48,2,FALSE)</f>
        <v>#N/A</v>
      </c>
      <c r="O2354" s="51" t="e">
        <f t="shared" si="75"/>
        <v>#N/A</v>
      </c>
      <c r="P2354" s="51">
        <v>1</v>
      </c>
      <c r="Q2354" s="51" t="s">
        <v>5341</v>
      </c>
      <c r="R2354" s="54" t="b">
        <v>1</v>
      </c>
      <c r="S2354" s="52" t="s">
        <v>7126</v>
      </c>
      <c r="T2354" s="67" t="s">
        <v>7127</v>
      </c>
      <c r="U2354" s="75" t="s">
        <v>5331</v>
      </c>
      <c r="V2354" s="47" t="s">
        <v>5331</v>
      </c>
      <c r="W2354" s="47" t="s">
        <v>5331</v>
      </c>
      <c r="X2354" s="47" t="s">
        <v>5331</v>
      </c>
      <c r="Y2354" s="47" t="s">
        <v>5331</v>
      </c>
      <c r="Z2354" s="28"/>
      <c r="AA2354" s="27"/>
      <c r="AB2354" s="27"/>
      <c r="AC2354" s="27"/>
      <c r="AD2354" s="30"/>
      <c r="AE2354" s="1"/>
      <c r="AF2354" s="23" t="s">
        <v>5331</v>
      </c>
      <c r="AG2354" s="26"/>
      <c r="AH2354" s="53"/>
    </row>
    <row r="2355" spans="1:34" ht="51.6" customHeight="1" x14ac:dyDescent="0.45">
      <c r="A2355" s="23">
        <v>2349</v>
      </c>
      <c r="B2355" s="25"/>
      <c r="C2355" s="25"/>
      <c r="D2355" s="29"/>
      <c r="E2355" s="1"/>
      <c r="F2355" s="1"/>
      <c r="G2355" s="25"/>
      <c r="H2355" s="71"/>
      <c r="I2355" s="83"/>
      <c r="J2355" s="50" t="str">
        <f t="shared" si="74"/>
        <v/>
      </c>
      <c r="K2355" s="23" t="s">
        <v>7120</v>
      </c>
      <c r="L2355" s="49" t="e">
        <f>VLOOKUP(E2355&amp;F2355,団体コード!$A$1:$C$1743,3,FALSE)</f>
        <v>#N/A</v>
      </c>
      <c r="M2355" s="49" t="e">
        <f>VLOOKUP(E2355&amp;F2355,団体コード!$A$1:$C$1743,2,FALSE)</f>
        <v>#N/A</v>
      </c>
      <c r="N2355" s="51" t="e">
        <f>VLOOKUP(E2355,団体コード!$E$1:$F$48,2,FALSE)</f>
        <v>#N/A</v>
      </c>
      <c r="O2355" s="51" t="e">
        <f t="shared" si="75"/>
        <v>#N/A</v>
      </c>
      <c r="P2355" s="51">
        <v>1</v>
      </c>
      <c r="Q2355" s="51" t="s">
        <v>5341</v>
      </c>
      <c r="R2355" s="54" t="b">
        <v>1</v>
      </c>
      <c r="S2355" s="52" t="s">
        <v>7126</v>
      </c>
      <c r="T2355" s="67" t="s">
        <v>7127</v>
      </c>
      <c r="U2355" s="75" t="s">
        <v>5331</v>
      </c>
      <c r="V2355" s="47" t="s">
        <v>5331</v>
      </c>
      <c r="W2355" s="47" t="s">
        <v>5331</v>
      </c>
      <c r="X2355" s="47" t="s">
        <v>5331</v>
      </c>
      <c r="Y2355" s="47" t="s">
        <v>5331</v>
      </c>
      <c r="Z2355" s="28"/>
      <c r="AA2355" s="27"/>
      <c r="AB2355" s="27"/>
      <c r="AC2355" s="27"/>
      <c r="AD2355" s="30"/>
      <c r="AE2355" s="1"/>
      <c r="AF2355" s="23" t="s">
        <v>5331</v>
      </c>
      <c r="AG2355" s="26"/>
      <c r="AH2355" s="53"/>
    </row>
    <row r="2356" spans="1:34" ht="51.6" customHeight="1" x14ac:dyDescent="0.45">
      <c r="A2356" s="23">
        <v>2350</v>
      </c>
      <c r="B2356" s="25"/>
      <c r="C2356" s="25"/>
      <c r="D2356" s="29"/>
      <c r="E2356" s="1"/>
      <c r="F2356" s="1"/>
      <c r="G2356" s="25"/>
      <c r="H2356" s="71"/>
      <c r="I2356" s="83"/>
      <c r="J2356" s="50" t="str">
        <f t="shared" si="74"/>
        <v/>
      </c>
      <c r="K2356" s="23" t="s">
        <v>7120</v>
      </c>
      <c r="L2356" s="49" t="e">
        <f>VLOOKUP(E2356&amp;F2356,団体コード!$A$1:$C$1743,3,FALSE)</f>
        <v>#N/A</v>
      </c>
      <c r="M2356" s="49" t="e">
        <f>VLOOKUP(E2356&amp;F2356,団体コード!$A$1:$C$1743,2,FALSE)</f>
        <v>#N/A</v>
      </c>
      <c r="N2356" s="51" t="e">
        <f>VLOOKUP(E2356,団体コード!$E$1:$F$48,2,FALSE)</f>
        <v>#N/A</v>
      </c>
      <c r="O2356" s="51" t="e">
        <f t="shared" si="75"/>
        <v>#N/A</v>
      </c>
      <c r="P2356" s="51">
        <v>1</v>
      </c>
      <c r="Q2356" s="51" t="s">
        <v>5341</v>
      </c>
      <c r="R2356" s="54" t="b">
        <v>1</v>
      </c>
      <c r="S2356" s="52" t="s">
        <v>7126</v>
      </c>
      <c r="T2356" s="67" t="s">
        <v>7127</v>
      </c>
      <c r="U2356" s="75" t="s">
        <v>5331</v>
      </c>
      <c r="V2356" s="47" t="s">
        <v>5331</v>
      </c>
      <c r="W2356" s="47" t="s">
        <v>5331</v>
      </c>
      <c r="X2356" s="47" t="s">
        <v>5331</v>
      </c>
      <c r="Y2356" s="47" t="s">
        <v>5331</v>
      </c>
      <c r="Z2356" s="28"/>
      <c r="AA2356" s="27"/>
      <c r="AB2356" s="27"/>
      <c r="AC2356" s="27"/>
      <c r="AD2356" s="30"/>
      <c r="AE2356" s="1"/>
      <c r="AF2356" s="23" t="s">
        <v>5331</v>
      </c>
      <c r="AG2356" s="26"/>
      <c r="AH2356" s="53"/>
    </row>
    <row r="2357" spans="1:34" ht="51.6" customHeight="1" x14ac:dyDescent="0.45">
      <c r="A2357" s="23">
        <v>2351</v>
      </c>
      <c r="B2357" s="25"/>
      <c r="C2357" s="25"/>
      <c r="D2357" s="29"/>
      <c r="E2357" s="1"/>
      <c r="F2357" s="1"/>
      <c r="G2357" s="25"/>
      <c r="H2357" s="71"/>
      <c r="I2357" s="83"/>
      <c r="J2357" s="50" t="str">
        <f t="shared" si="74"/>
        <v/>
      </c>
      <c r="K2357" s="23" t="s">
        <v>7120</v>
      </c>
      <c r="L2357" s="49" t="e">
        <f>VLOOKUP(E2357&amp;F2357,団体コード!$A$1:$C$1743,3,FALSE)</f>
        <v>#N/A</v>
      </c>
      <c r="M2357" s="49" t="e">
        <f>VLOOKUP(E2357&amp;F2357,団体コード!$A$1:$C$1743,2,FALSE)</f>
        <v>#N/A</v>
      </c>
      <c r="N2357" s="51" t="e">
        <f>VLOOKUP(E2357,団体コード!$E$1:$F$48,2,FALSE)</f>
        <v>#N/A</v>
      </c>
      <c r="O2357" s="51" t="e">
        <f t="shared" si="75"/>
        <v>#N/A</v>
      </c>
      <c r="P2357" s="51">
        <v>1</v>
      </c>
      <c r="Q2357" s="51" t="s">
        <v>5341</v>
      </c>
      <c r="R2357" s="54" t="b">
        <v>1</v>
      </c>
      <c r="S2357" s="52" t="s">
        <v>7126</v>
      </c>
      <c r="T2357" s="67" t="s">
        <v>7127</v>
      </c>
      <c r="U2357" s="75" t="s">
        <v>5331</v>
      </c>
      <c r="V2357" s="47" t="s">
        <v>5331</v>
      </c>
      <c r="W2357" s="47" t="s">
        <v>5331</v>
      </c>
      <c r="X2357" s="47" t="s">
        <v>5331</v>
      </c>
      <c r="Y2357" s="47" t="s">
        <v>5331</v>
      </c>
      <c r="Z2357" s="28"/>
      <c r="AA2357" s="27"/>
      <c r="AB2357" s="27"/>
      <c r="AC2357" s="27"/>
      <c r="AD2357" s="30"/>
      <c r="AE2357" s="1"/>
      <c r="AF2357" s="23" t="s">
        <v>5331</v>
      </c>
      <c r="AG2357" s="26"/>
      <c r="AH2357" s="53"/>
    </row>
    <row r="2358" spans="1:34" ht="51.6" customHeight="1" x14ac:dyDescent="0.45">
      <c r="A2358" s="23">
        <v>2352</v>
      </c>
      <c r="B2358" s="25"/>
      <c r="C2358" s="25"/>
      <c r="D2358" s="29"/>
      <c r="E2358" s="1"/>
      <c r="F2358" s="1"/>
      <c r="G2358" s="25"/>
      <c r="H2358" s="71"/>
      <c r="I2358" s="83"/>
      <c r="J2358" s="50" t="str">
        <f t="shared" si="74"/>
        <v/>
      </c>
      <c r="K2358" s="23" t="s">
        <v>7120</v>
      </c>
      <c r="L2358" s="49" t="e">
        <f>VLOOKUP(E2358&amp;F2358,団体コード!$A$1:$C$1743,3,FALSE)</f>
        <v>#N/A</v>
      </c>
      <c r="M2358" s="49" t="e">
        <f>VLOOKUP(E2358&amp;F2358,団体コード!$A$1:$C$1743,2,FALSE)</f>
        <v>#N/A</v>
      </c>
      <c r="N2358" s="51" t="e">
        <f>VLOOKUP(E2358,団体コード!$E$1:$F$48,2,FALSE)</f>
        <v>#N/A</v>
      </c>
      <c r="O2358" s="51" t="e">
        <f t="shared" si="75"/>
        <v>#N/A</v>
      </c>
      <c r="P2358" s="51">
        <v>1</v>
      </c>
      <c r="Q2358" s="51" t="s">
        <v>5341</v>
      </c>
      <c r="R2358" s="54" t="b">
        <v>1</v>
      </c>
      <c r="S2358" s="52" t="s">
        <v>7126</v>
      </c>
      <c r="T2358" s="67" t="s">
        <v>7127</v>
      </c>
      <c r="U2358" s="75" t="s">
        <v>5331</v>
      </c>
      <c r="V2358" s="47" t="s">
        <v>5331</v>
      </c>
      <c r="W2358" s="47" t="s">
        <v>5331</v>
      </c>
      <c r="X2358" s="47" t="s">
        <v>5331</v>
      </c>
      <c r="Y2358" s="47" t="s">
        <v>5331</v>
      </c>
      <c r="Z2358" s="28"/>
      <c r="AA2358" s="27"/>
      <c r="AB2358" s="27"/>
      <c r="AC2358" s="27"/>
      <c r="AD2358" s="30"/>
      <c r="AE2358" s="1"/>
      <c r="AF2358" s="23" t="s">
        <v>5331</v>
      </c>
      <c r="AG2358" s="26"/>
      <c r="AH2358" s="53"/>
    </row>
    <row r="2359" spans="1:34" ht="51.6" customHeight="1" x14ac:dyDescent="0.45">
      <c r="A2359" s="23">
        <v>2353</v>
      </c>
      <c r="B2359" s="25"/>
      <c r="C2359" s="25"/>
      <c r="D2359" s="29"/>
      <c r="E2359" s="1"/>
      <c r="F2359" s="1"/>
      <c r="G2359" s="25"/>
      <c r="H2359" s="71"/>
      <c r="I2359" s="83"/>
      <c r="J2359" s="50" t="str">
        <f t="shared" si="74"/>
        <v/>
      </c>
      <c r="K2359" s="23" t="s">
        <v>7120</v>
      </c>
      <c r="L2359" s="49" t="e">
        <f>VLOOKUP(E2359&amp;F2359,団体コード!$A$1:$C$1743,3,FALSE)</f>
        <v>#N/A</v>
      </c>
      <c r="M2359" s="49" t="e">
        <f>VLOOKUP(E2359&amp;F2359,団体コード!$A$1:$C$1743,2,FALSE)</f>
        <v>#N/A</v>
      </c>
      <c r="N2359" s="51" t="e">
        <f>VLOOKUP(E2359,団体コード!$E$1:$F$48,2,FALSE)</f>
        <v>#N/A</v>
      </c>
      <c r="O2359" s="51" t="e">
        <f t="shared" si="75"/>
        <v>#N/A</v>
      </c>
      <c r="P2359" s="51">
        <v>1</v>
      </c>
      <c r="Q2359" s="51" t="s">
        <v>5341</v>
      </c>
      <c r="R2359" s="54" t="b">
        <v>1</v>
      </c>
      <c r="S2359" s="52" t="s">
        <v>7126</v>
      </c>
      <c r="T2359" s="67" t="s">
        <v>7127</v>
      </c>
      <c r="U2359" s="75" t="s">
        <v>5331</v>
      </c>
      <c r="V2359" s="47" t="s">
        <v>5331</v>
      </c>
      <c r="W2359" s="47" t="s">
        <v>5331</v>
      </c>
      <c r="X2359" s="47" t="s">
        <v>5331</v>
      </c>
      <c r="Y2359" s="47" t="s">
        <v>5331</v>
      </c>
      <c r="Z2359" s="28"/>
      <c r="AA2359" s="27"/>
      <c r="AB2359" s="27"/>
      <c r="AC2359" s="27"/>
      <c r="AD2359" s="30"/>
      <c r="AE2359" s="1"/>
      <c r="AF2359" s="23" t="s">
        <v>5331</v>
      </c>
      <c r="AG2359" s="26"/>
      <c r="AH2359" s="53"/>
    </row>
    <row r="2360" spans="1:34" ht="51.6" customHeight="1" x14ac:dyDescent="0.45">
      <c r="A2360" s="23">
        <v>2354</v>
      </c>
      <c r="B2360" s="25"/>
      <c r="C2360" s="25"/>
      <c r="D2360" s="29"/>
      <c r="E2360" s="1"/>
      <c r="F2360" s="1"/>
      <c r="G2360" s="25"/>
      <c r="H2360" s="71"/>
      <c r="I2360" s="83"/>
      <c r="J2360" s="50" t="str">
        <f t="shared" si="74"/>
        <v/>
      </c>
      <c r="K2360" s="23" t="s">
        <v>7120</v>
      </c>
      <c r="L2360" s="49" t="e">
        <f>VLOOKUP(E2360&amp;F2360,団体コード!$A$1:$C$1743,3,FALSE)</f>
        <v>#N/A</v>
      </c>
      <c r="M2360" s="49" t="e">
        <f>VLOOKUP(E2360&amp;F2360,団体コード!$A$1:$C$1743,2,FALSE)</f>
        <v>#N/A</v>
      </c>
      <c r="N2360" s="51" t="e">
        <f>VLOOKUP(E2360,団体コード!$E$1:$F$48,2,FALSE)</f>
        <v>#N/A</v>
      </c>
      <c r="O2360" s="51" t="e">
        <f t="shared" si="75"/>
        <v>#N/A</v>
      </c>
      <c r="P2360" s="51">
        <v>1</v>
      </c>
      <c r="Q2360" s="51" t="s">
        <v>5341</v>
      </c>
      <c r="R2360" s="54" t="b">
        <v>1</v>
      </c>
      <c r="S2360" s="52" t="s">
        <v>7126</v>
      </c>
      <c r="T2360" s="67" t="s">
        <v>7127</v>
      </c>
      <c r="U2360" s="75" t="s">
        <v>5331</v>
      </c>
      <c r="V2360" s="47" t="s">
        <v>5331</v>
      </c>
      <c r="W2360" s="47" t="s">
        <v>5331</v>
      </c>
      <c r="X2360" s="47" t="s">
        <v>5331</v>
      </c>
      <c r="Y2360" s="47" t="s">
        <v>5331</v>
      </c>
      <c r="Z2360" s="28"/>
      <c r="AA2360" s="27"/>
      <c r="AB2360" s="27"/>
      <c r="AC2360" s="27"/>
      <c r="AD2360" s="30"/>
      <c r="AE2360" s="1"/>
      <c r="AF2360" s="23" t="s">
        <v>5331</v>
      </c>
      <c r="AG2360" s="26"/>
      <c r="AH2360" s="53"/>
    </row>
    <row r="2361" spans="1:34" ht="51.6" customHeight="1" x14ac:dyDescent="0.45">
      <c r="A2361" s="23">
        <v>2355</v>
      </c>
      <c r="B2361" s="25"/>
      <c r="C2361" s="25"/>
      <c r="D2361" s="29"/>
      <c r="E2361" s="1"/>
      <c r="F2361" s="1"/>
      <c r="G2361" s="25"/>
      <c r="H2361" s="71"/>
      <c r="I2361" s="83"/>
      <c r="J2361" s="50" t="str">
        <f t="shared" si="74"/>
        <v/>
      </c>
      <c r="K2361" s="23" t="s">
        <v>7120</v>
      </c>
      <c r="L2361" s="49" t="e">
        <f>VLOOKUP(E2361&amp;F2361,団体コード!$A$1:$C$1743,3,FALSE)</f>
        <v>#N/A</v>
      </c>
      <c r="M2361" s="49" t="e">
        <f>VLOOKUP(E2361&amp;F2361,団体コード!$A$1:$C$1743,2,FALSE)</f>
        <v>#N/A</v>
      </c>
      <c r="N2361" s="51" t="e">
        <f>VLOOKUP(E2361,団体コード!$E$1:$F$48,2,FALSE)</f>
        <v>#N/A</v>
      </c>
      <c r="O2361" s="51" t="e">
        <f t="shared" si="75"/>
        <v>#N/A</v>
      </c>
      <c r="P2361" s="51">
        <v>1</v>
      </c>
      <c r="Q2361" s="51" t="s">
        <v>5341</v>
      </c>
      <c r="R2361" s="54" t="b">
        <v>1</v>
      </c>
      <c r="S2361" s="52" t="s">
        <v>7126</v>
      </c>
      <c r="T2361" s="67" t="s">
        <v>7127</v>
      </c>
      <c r="U2361" s="75" t="s">
        <v>5331</v>
      </c>
      <c r="V2361" s="47" t="s">
        <v>5331</v>
      </c>
      <c r="W2361" s="47" t="s">
        <v>5331</v>
      </c>
      <c r="X2361" s="47" t="s">
        <v>5331</v>
      </c>
      <c r="Y2361" s="47" t="s">
        <v>5331</v>
      </c>
      <c r="Z2361" s="28"/>
      <c r="AA2361" s="27"/>
      <c r="AB2361" s="27"/>
      <c r="AC2361" s="27"/>
      <c r="AD2361" s="30"/>
      <c r="AE2361" s="1"/>
      <c r="AF2361" s="23" t="s">
        <v>5331</v>
      </c>
      <c r="AG2361" s="26"/>
      <c r="AH2361" s="53"/>
    </row>
    <row r="2362" spans="1:34" ht="51.6" customHeight="1" x14ac:dyDescent="0.45">
      <c r="A2362" s="23">
        <v>2356</v>
      </c>
      <c r="B2362" s="25"/>
      <c r="C2362" s="25"/>
      <c r="D2362" s="29"/>
      <c r="E2362" s="1"/>
      <c r="F2362" s="1"/>
      <c r="G2362" s="25"/>
      <c r="H2362" s="71"/>
      <c r="I2362" s="83"/>
      <c r="J2362" s="50" t="str">
        <f t="shared" si="74"/>
        <v/>
      </c>
      <c r="K2362" s="23" t="s">
        <v>7120</v>
      </c>
      <c r="L2362" s="49" t="e">
        <f>VLOOKUP(E2362&amp;F2362,団体コード!$A$1:$C$1743,3,FALSE)</f>
        <v>#N/A</v>
      </c>
      <c r="M2362" s="49" t="e">
        <f>VLOOKUP(E2362&amp;F2362,団体コード!$A$1:$C$1743,2,FALSE)</f>
        <v>#N/A</v>
      </c>
      <c r="N2362" s="51" t="e">
        <f>VLOOKUP(E2362,団体コード!$E$1:$F$48,2,FALSE)</f>
        <v>#N/A</v>
      </c>
      <c r="O2362" s="51" t="e">
        <f t="shared" si="75"/>
        <v>#N/A</v>
      </c>
      <c r="P2362" s="51">
        <v>1</v>
      </c>
      <c r="Q2362" s="51" t="s">
        <v>5341</v>
      </c>
      <c r="R2362" s="54" t="b">
        <v>1</v>
      </c>
      <c r="S2362" s="52" t="s">
        <v>7126</v>
      </c>
      <c r="T2362" s="67" t="s">
        <v>7127</v>
      </c>
      <c r="U2362" s="75" t="s">
        <v>5331</v>
      </c>
      <c r="V2362" s="47" t="s">
        <v>5331</v>
      </c>
      <c r="W2362" s="47" t="s">
        <v>5331</v>
      </c>
      <c r="X2362" s="47" t="s">
        <v>5331</v>
      </c>
      <c r="Y2362" s="47" t="s">
        <v>5331</v>
      </c>
      <c r="Z2362" s="28"/>
      <c r="AA2362" s="27"/>
      <c r="AB2362" s="27"/>
      <c r="AC2362" s="27"/>
      <c r="AD2362" s="30"/>
      <c r="AE2362" s="1"/>
      <c r="AF2362" s="23" t="s">
        <v>5331</v>
      </c>
      <c r="AG2362" s="26"/>
      <c r="AH2362" s="53"/>
    </row>
    <row r="2363" spans="1:34" ht="51.6" customHeight="1" x14ac:dyDescent="0.45">
      <c r="A2363" s="23">
        <v>2357</v>
      </c>
      <c r="B2363" s="25"/>
      <c r="C2363" s="25"/>
      <c r="D2363" s="29"/>
      <c r="E2363" s="1"/>
      <c r="F2363" s="1"/>
      <c r="G2363" s="25"/>
      <c r="H2363" s="71"/>
      <c r="I2363" s="83"/>
      <c r="J2363" s="50" t="str">
        <f t="shared" si="74"/>
        <v/>
      </c>
      <c r="K2363" s="23" t="s">
        <v>7120</v>
      </c>
      <c r="L2363" s="49" t="e">
        <f>VLOOKUP(E2363&amp;F2363,団体コード!$A$1:$C$1743,3,FALSE)</f>
        <v>#N/A</v>
      </c>
      <c r="M2363" s="49" t="e">
        <f>VLOOKUP(E2363&amp;F2363,団体コード!$A$1:$C$1743,2,FALSE)</f>
        <v>#N/A</v>
      </c>
      <c r="N2363" s="51" t="e">
        <f>VLOOKUP(E2363,団体コード!$E$1:$F$48,2,FALSE)</f>
        <v>#N/A</v>
      </c>
      <c r="O2363" s="51" t="e">
        <f t="shared" si="75"/>
        <v>#N/A</v>
      </c>
      <c r="P2363" s="51">
        <v>1</v>
      </c>
      <c r="Q2363" s="51" t="s">
        <v>5341</v>
      </c>
      <c r="R2363" s="54" t="b">
        <v>1</v>
      </c>
      <c r="S2363" s="52" t="s">
        <v>7126</v>
      </c>
      <c r="T2363" s="67" t="s">
        <v>7127</v>
      </c>
      <c r="U2363" s="75" t="s">
        <v>5331</v>
      </c>
      <c r="V2363" s="47" t="s">
        <v>5331</v>
      </c>
      <c r="W2363" s="47" t="s">
        <v>5331</v>
      </c>
      <c r="X2363" s="47" t="s">
        <v>5331</v>
      </c>
      <c r="Y2363" s="47" t="s">
        <v>5331</v>
      </c>
      <c r="Z2363" s="28"/>
      <c r="AA2363" s="27"/>
      <c r="AB2363" s="27"/>
      <c r="AC2363" s="27"/>
      <c r="AD2363" s="30"/>
      <c r="AE2363" s="1"/>
      <c r="AF2363" s="23" t="s">
        <v>5331</v>
      </c>
      <c r="AG2363" s="26"/>
      <c r="AH2363" s="53"/>
    </row>
    <row r="2364" spans="1:34" ht="51.6" customHeight="1" x14ac:dyDescent="0.45">
      <c r="A2364" s="23">
        <v>2358</v>
      </c>
      <c r="B2364" s="25"/>
      <c r="C2364" s="25"/>
      <c r="D2364" s="29"/>
      <c r="E2364" s="1"/>
      <c r="F2364" s="1"/>
      <c r="G2364" s="25"/>
      <c r="H2364" s="71"/>
      <c r="I2364" s="83"/>
      <c r="J2364" s="50" t="str">
        <f t="shared" si="74"/>
        <v/>
      </c>
      <c r="K2364" s="23" t="s">
        <v>7120</v>
      </c>
      <c r="L2364" s="49" t="e">
        <f>VLOOKUP(E2364&amp;F2364,団体コード!$A$1:$C$1743,3,FALSE)</f>
        <v>#N/A</v>
      </c>
      <c r="M2364" s="49" t="e">
        <f>VLOOKUP(E2364&amp;F2364,団体コード!$A$1:$C$1743,2,FALSE)</f>
        <v>#N/A</v>
      </c>
      <c r="N2364" s="51" t="e">
        <f>VLOOKUP(E2364,団体コード!$E$1:$F$48,2,FALSE)</f>
        <v>#N/A</v>
      </c>
      <c r="O2364" s="51" t="e">
        <f t="shared" si="75"/>
        <v>#N/A</v>
      </c>
      <c r="P2364" s="51">
        <v>1</v>
      </c>
      <c r="Q2364" s="51" t="s">
        <v>5341</v>
      </c>
      <c r="R2364" s="54" t="b">
        <v>1</v>
      </c>
      <c r="S2364" s="52" t="s">
        <v>7126</v>
      </c>
      <c r="T2364" s="67" t="s">
        <v>7127</v>
      </c>
      <c r="U2364" s="75" t="s">
        <v>5331</v>
      </c>
      <c r="V2364" s="47" t="s">
        <v>5331</v>
      </c>
      <c r="W2364" s="47" t="s">
        <v>5331</v>
      </c>
      <c r="X2364" s="47" t="s">
        <v>5331</v>
      </c>
      <c r="Y2364" s="47" t="s">
        <v>5331</v>
      </c>
      <c r="Z2364" s="28"/>
      <c r="AA2364" s="27"/>
      <c r="AB2364" s="27"/>
      <c r="AC2364" s="27"/>
      <c r="AD2364" s="30"/>
      <c r="AE2364" s="1"/>
      <c r="AF2364" s="23" t="s">
        <v>5331</v>
      </c>
      <c r="AG2364" s="26"/>
      <c r="AH2364" s="53"/>
    </row>
    <row r="2365" spans="1:34" ht="51.6" customHeight="1" x14ac:dyDescent="0.45">
      <c r="A2365" s="23">
        <v>2359</v>
      </c>
      <c r="B2365" s="25"/>
      <c r="C2365" s="25"/>
      <c r="D2365" s="29"/>
      <c r="E2365" s="1"/>
      <c r="F2365" s="1"/>
      <c r="G2365" s="25"/>
      <c r="H2365" s="71"/>
      <c r="I2365" s="83"/>
      <c r="J2365" s="50" t="str">
        <f t="shared" si="74"/>
        <v/>
      </c>
      <c r="K2365" s="23" t="s">
        <v>7120</v>
      </c>
      <c r="L2365" s="49" t="e">
        <f>VLOOKUP(E2365&amp;F2365,団体コード!$A$1:$C$1743,3,FALSE)</f>
        <v>#N/A</v>
      </c>
      <c r="M2365" s="49" t="e">
        <f>VLOOKUP(E2365&amp;F2365,団体コード!$A$1:$C$1743,2,FALSE)</f>
        <v>#N/A</v>
      </c>
      <c r="N2365" s="51" t="e">
        <f>VLOOKUP(E2365,団体コード!$E$1:$F$48,2,FALSE)</f>
        <v>#N/A</v>
      </c>
      <c r="O2365" s="51" t="e">
        <f t="shared" si="75"/>
        <v>#N/A</v>
      </c>
      <c r="P2365" s="51">
        <v>1</v>
      </c>
      <c r="Q2365" s="51" t="s">
        <v>5341</v>
      </c>
      <c r="R2365" s="54" t="b">
        <v>1</v>
      </c>
      <c r="S2365" s="52" t="s">
        <v>7126</v>
      </c>
      <c r="T2365" s="67" t="s">
        <v>7127</v>
      </c>
      <c r="U2365" s="75" t="s">
        <v>5331</v>
      </c>
      <c r="V2365" s="47" t="s">
        <v>5331</v>
      </c>
      <c r="W2365" s="47" t="s">
        <v>5331</v>
      </c>
      <c r="X2365" s="47" t="s">
        <v>5331</v>
      </c>
      <c r="Y2365" s="47" t="s">
        <v>5331</v>
      </c>
      <c r="Z2365" s="28"/>
      <c r="AA2365" s="27"/>
      <c r="AB2365" s="27"/>
      <c r="AC2365" s="27"/>
      <c r="AD2365" s="30"/>
      <c r="AE2365" s="1"/>
      <c r="AF2365" s="23" t="s">
        <v>5331</v>
      </c>
      <c r="AG2365" s="26"/>
      <c r="AH2365" s="53"/>
    </row>
    <row r="2366" spans="1:34" ht="51.6" customHeight="1" x14ac:dyDescent="0.45">
      <c r="A2366" s="23">
        <v>2360</v>
      </c>
      <c r="B2366" s="25"/>
      <c r="C2366" s="25"/>
      <c r="D2366" s="29"/>
      <c r="E2366" s="1"/>
      <c r="F2366" s="1"/>
      <c r="G2366" s="25"/>
      <c r="H2366" s="71"/>
      <c r="I2366" s="83"/>
      <c r="J2366" s="50" t="str">
        <f t="shared" si="74"/>
        <v/>
      </c>
      <c r="K2366" s="23" t="s">
        <v>7120</v>
      </c>
      <c r="L2366" s="49" t="e">
        <f>VLOOKUP(E2366&amp;F2366,団体コード!$A$1:$C$1743,3,FALSE)</f>
        <v>#N/A</v>
      </c>
      <c r="M2366" s="49" t="e">
        <f>VLOOKUP(E2366&amp;F2366,団体コード!$A$1:$C$1743,2,FALSE)</f>
        <v>#N/A</v>
      </c>
      <c r="N2366" s="51" t="e">
        <f>VLOOKUP(E2366,団体コード!$E$1:$F$48,2,FALSE)</f>
        <v>#N/A</v>
      </c>
      <c r="O2366" s="51" t="e">
        <f t="shared" si="75"/>
        <v>#N/A</v>
      </c>
      <c r="P2366" s="51">
        <v>1</v>
      </c>
      <c r="Q2366" s="51" t="s">
        <v>5341</v>
      </c>
      <c r="R2366" s="54" t="b">
        <v>1</v>
      </c>
      <c r="S2366" s="52" t="s">
        <v>7126</v>
      </c>
      <c r="T2366" s="67" t="s">
        <v>7127</v>
      </c>
      <c r="U2366" s="75" t="s">
        <v>5331</v>
      </c>
      <c r="V2366" s="47" t="s">
        <v>5331</v>
      </c>
      <c r="W2366" s="47" t="s">
        <v>5331</v>
      </c>
      <c r="X2366" s="47" t="s">
        <v>5331</v>
      </c>
      <c r="Y2366" s="47" t="s">
        <v>5331</v>
      </c>
      <c r="Z2366" s="28"/>
      <c r="AA2366" s="27"/>
      <c r="AB2366" s="27"/>
      <c r="AC2366" s="27"/>
      <c r="AD2366" s="30"/>
      <c r="AE2366" s="1"/>
      <c r="AF2366" s="23" t="s">
        <v>5331</v>
      </c>
      <c r="AG2366" s="26"/>
      <c r="AH2366" s="53"/>
    </row>
    <row r="2367" spans="1:34" ht="51.6" customHeight="1" x14ac:dyDescent="0.45">
      <c r="A2367" s="23">
        <v>2361</v>
      </c>
      <c r="B2367" s="25"/>
      <c r="C2367" s="25"/>
      <c r="D2367" s="29"/>
      <c r="E2367" s="1"/>
      <c r="F2367" s="1"/>
      <c r="G2367" s="25"/>
      <c r="H2367" s="71"/>
      <c r="I2367" s="83"/>
      <c r="J2367" s="50" t="str">
        <f t="shared" si="74"/>
        <v/>
      </c>
      <c r="K2367" s="23" t="s">
        <v>7120</v>
      </c>
      <c r="L2367" s="49" t="e">
        <f>VLOOKUP(E2367&amp;F2367,団体コード!$A$1:$C$1743,3,FALSE)</f>
        <v>#N/A</v>
      </c>
      <c r="M2367" s="49" t="e">
        <f>VLOOKUP(E2367&amp;F2367,団体コード!$A$1:$C$1743,2,FALSE)</f>
        <v>#N/A</v>
      </c>
      <c r="N2367" s="51" t="e">
        <f>VLOOKUP(E2367,団体コード!$E$1:$F$48,2,FALSE)</f>
        <v>#N/A</v>
      </c>
      <c r="O2367" s="51" t="e">
        <f t="shared" si="75"/>
        <v>#N/A</v>
      </c>
      <c r="P2367" s="51">
        <v>1</v>
      </c>
      <c r="Q2367" s="51" t="s">
        <v>5341</v>
      </c>
      <c r="R2367" s="54" t="b">
        <v>1</v>
      </c>
      <c r="S2367" s="52" t="s">
        <v>7126</v>
      </c>
      <c r="T2367" s="67" t="s">
        <v>7127</v>
      </c>
      <c r="U2367" s="75" t="s">
        <v>5331</v>
      </c>
      <c r="V2367" s="47" t="s">
        <v>5331</v>
      </c>
      <c r="W2367" s="47" t="s">
        <v>5331</v>
      </c>
      <c r="X2367" s="47" t="s">
        <v>5331</v>
      </c>
      <c r="Y2367" s="47" t="s">
        <v>5331</v>
      </c>
      <c r="Z2367" s="28"/>
      <c r="AA2367" s="27"/>
      <c r="AB2367" s="27"/>
      <c r="AC2367" s="27"/>
      <c r="AD2367" s="30"/>
      <c r="AE2367" s="1"/>
      <c r="AF2367" s="23" t="s">
        <v>5331</v>
      </c>
      <c r="AG2367" s="26"/>
      <c r="AH2367" s="53"/>
    </row>
    <row r="2368" spans="1:34" ht="51.6" customHeight="1" x14ac:dyDescent="0.45">
      <c r="A2368" s="23">
        <v>2362</v>
      </c>
      <c r="B2368" s="25"/>
      <c r="C2368" s="25"/>
      <c r="D2368" s="29"/>
      <c r="E2368" s="1"/>
      <c r="F2368" s="1"/>
      <c r="G2368" s="25"/>
      <c r="H2368" s="71"/>
      <c r="I2368" s="83"/>
      <c r="J2368" s="50" t="str">
        <f t="shared" si="74"/>
        <v/>
      </c>
      <c r="K2368" s="23" t="s">
        <v>7120</v>
      </c>
      <c r="L2368" s="49" t="e">
        <f>VLOOKUP(E2368&amp;F2368,団体コード!$A$1:$C$1743,3,FALSE)</f>
        <v>#N/A</v>
      </c>
      <c r="M2368" s="49" t="e">
        <f>VLOOKUP(E2368&amp;F2368,団体コード!$A$1:$C$1743,2,FALSE)</f>
        <v>#N/A</v>
      </c>
      <c r="N2368" s="51" t="e">
        <f>VLOOKUP(E2368,団体コード!$E$1:$F$48,2,FALSE)</f>
        <v>#N/A</v>
      </c>
      <c r="O2368" s="51" t="e">
        <f t="shared" si="75"/>
        <v>#N/A</v>
      </c>
      <c r="P2368" s="51">
        <v>1</v>
      </c>
      <c r="Q2368" s="51" t="s">
        <v>5341</v>
      </c>
      <c r="R2368" s="54" t="b">
        <v>1</v>
      </c>
      <c r="S2368" s="52" t="s">
        <v>7126</v>
      </c>
      <c r="T2368" s="67" t="s">
        <v>7127</v>
      </c>
      <c r="U2368" s="75" t="s">
        <v>5331</v>
      </c>
      <c r="V2368" s="47" t="s">
        <v>5331</v>
      </c>
      <c r="W2368" s="47" t="s">
        <v>5331</v>
      </c>
      <c r="X2368" s="47" t="s">
        <v>5331</v>
      </c>
      <c r="Y2368" s="47" t="s">
        <v>5331</v>
      </c>
      <c r="Z2368" s="28"/>
      <c r="AA2368" s="27"/>
      <c r="AB2368" s="27"/>
      <c r="AC2368" s="27"/>
      <c r="AD2368" s="30"/>
      <c r="AE2368" s="1"/>
      <c r="AF2368" s="23" t="s">
        <v>5331</v>
      </c>
      <c r="AG2368" s="26"/>
      <c r="AH2368" s="53"/>
    </row>
    <row r="2369" spans="1:34" ht="51.6" customHeight="1" x14ac:dyDescent="0.45">
      <c r="A2369" s="23">
        <v>2363</v>
      </c>
      <c r="B2369" s="25"/>
      <c r="C2369" s="25"/>
      <c r="D2369" s="29"/>
      <c r="E2369" s="1"/>
      <c r="F2369" s="1"/>
      <c r="G2369" s="25"/>
      <c r="H2369" s="71"/>
      <c r="I2369" s="83"/>
      <c r="J2369" s="50" t="str">
        <f t="shared" si="74"/>
        <v/>
      </c>
      <c r="K2369" s="23" t="s">
        <v>7120</v>
      </c>
      <c r="L2369" s="49" t="e">
        <f>VLOOKUP(E2369&amp;F2369,団体コード!$A$1:$C$1743,3,FALSE)</f>
        <v>#N/A</v>
      </c>
      <c r="M2369" s="49" t="e">
        <f>VLOOKUP(E2369&amp;F2369,団体コード!$A$1:$C$1743,2,FALSE)</f>
        <v>#N/A</v>
      </c>
      <c r="N2369" s="51" t="e">
        <f>VLOOKUP(E2369,団体コード!$E$1:$F$48,2,FALSE)</f>
        <v>#N/A</v>
      </c>
      <c r="O2369" s="51" t="e">
        <f t="shared" si="75"/>
        <v>#N/A</v>
      </c>
      <c r="P2369" s="51">
        <v>1</v>
      </c>
      <c r="Q2369" s="51" t="s">
        <v>5341</v>
      </c>
      <c r="R2369" s="54" t="b">
        <v>1</v>
      </c>
      <c r="S2369" s="52" t="s">
        <v>7126</v>
      </c>
      <c r="T2369" s="67" t="s">
        <v>7127</v>
      </c>
      <c r="U2369" s="75" t="s">
        <v>5331</v>
      </c>
      <c r="V2369" s="47" t="s">
        <v>5331</v>
      </c>
      <c r="W2369" s="47" t="s">
        <v>5331</v>
      </c>
      <c r="X2369" s="47" t="s">
        <v>5331</v>
      </c>
      <c r="Y2369" s="47" t="s">
        <v>5331</v>
      </c>
      <c r="Z2369" s="28"/>
      <c r="AA2369" s="27"/>
      <c r="AB2369" s="27"/>
      <c r="AC2369" s="27"/>
      <c r="AD2369" s="30"/>
      <c r="AE2369" s="1"/>
      <c r="AF2369" s="23" t="s">
        <v>5331</v>
      </c>
      <c r="AG2369" s="26"/>
      <c r="AH2369" s="53"/>
    </row>
    <row r="2370" spans="1:34" ht="51.6" customHeight="1" x14ac:dyDescent="0.45">
      <c r="A2370" s="23">
        <v>2364</v>
      </c>
      <c r="B2370" s="25"/>
      <c r="C2370" s="25"/>
      <c r="D2370" s="29"/>
      <c r="E2370" s="1"/>
      <c r="F2370" s="1"/>
      <c r="G2370" s="25"/>
      <c r="H2370" s="71"/>
      <c r="I2370" s="83"/>
      <c r="J2370" s="50" t="str">
        <f t="shared" si="74"/>
        <v/>
      </c>
      <c r="K2370" s="23" t="s">
        <v>7120</v>
      </c>
      <c r="L2370" s="49" t="e">
        <f>VLOOKUP(E2370&amp;F2370,団体コード!$A$1:$C$1743,3,FALSE)</f>
        <v>#N/A</v>
      </c>
      <c r="M2370" s="49" t="e">
        <f>VLOOKUP(E2370&amp;F2370,団体コード!$A$1:$C$1743,2,FALSE)</f>
        <v>#N/A</v>
      </c>
      <c r="N2370" s="51" t="e">
        <f>VLOOKUP(E2370,団体コード!$E$1:$F$48,2,FALSE)</f>
        <v>#N/A</v>
      </c>
      <c r="O2370" s="51" t="e">
        <f t="shared" si="75"/>
        <v>#N/A</v>
      </c>
      <c r="P2370" s="51">
        <v>1</v>
      </c>
      <c r="Q2370" s="51" t="s">
        <v>5341</v>
      </c>
      <c r="R2370" s="54" t="b">
        <v>1</v>
      </c>
      <c r="S2370" s="52" t="s">
        <v>7126</v>
      </c>
      <c r="T2370" s="67" t="s">
        <v>7127</v>
      </c>
      <c r="U2370" s="75" t="s">
        <v>5331</v>
      </c>
      <c r="V2370" s="47" t="s">
        <v>5331</v>
      </c>
      <c r="W2370" s="47" t="s">
        <v>5331</v>
      </c>
      <c r="X2370" s="47" t="s">
        <v>5331</v>
      </c>
      <c r="Y2370" s="47" t="s">
        <v>5331</v>
      </c>
      <c r="Z2370" s="28"/>
      <c r="AA2370" s="27"/>
      <c r="AB2370" s="27"/>
      <c r="AC2370" s="27"/>
      <c r="AD2370" s="30"/>
      <c r="AE2370" s="1"/>
      <c r="AF2370" s="23" t="s">
        <v>5331</v>
      </c>
      <c r="AG2370" s="26"/>
      <c r="AH2370" s="53"/>
    </row>
    <row r="2371" spans="1:34" ht="51.6" customHeight="1" x14ac:dyDescent="0.45">
      <c r="A2371" s="23">
        <v>2365</v>
      </c>
      <c r="B2371" s="25"/>
      <c r="C2371" s="25"/>
      <c r="D2371" s="29"/>
      <c r="E2371" s="1"/>
      <c r="F2371" s="1"/>
      <c r="G2371" s="25"/>
      <c r="H2371" s="71"/>
      <c r="I2371" s="83"/>
      <c r="J2371" s="50" t="str">
        <f t="shared" si="74"/>
        <v/>
      </c>
      <c r="K2371" s="23" t="s">
        <v>7120</v>
      </c>
      <c r="L2371" s="49" t="e">
        <f>VLOOKUP(E2371&amp;F2371,団体コード!$A$1:$C$1743,3,FALSE)</f>
        <v>#N/A</v>
      </c>
      <c r="M2371" s="49" t="e">
        <f>VLOOKUP(E2371&amp;F2371,団体コード!$A$1:$C$1743,2,FALSE)</f>
        <v>#N/A</v>
      </c>
      <c r="N2371" s="51" t="e">
        <f>VLOOKUP(E2371,団体コード!$E$1:$F$48,2,FALSE)</f>
        <v>#N/A</v>
      </c>
      <c r="O2371" s="51" t="e">
        <f t="shared" si="75"/>
        <v>#N/A</v>
      </c>
      <c r="P2371" s="51">
        <v>1</v>
      </c>
      <c r="Q2371" s="51" t="s">
        <v>5341</v>
      </c>
      <c r="R2371" s="54" t="b">
        <v>1</v>
      </c>
      <c r="S2371" s="52" t="s">
        <v>7126</v>
      </c>
      <c r="T2371" s="67" t="s">
        <v>7127</v>
      </c>
      <c r="U2371" s="75" t="s">
        <v>5331</v>
      </c>
      <c r="V2371" s="47" t="s">
        <v>5331</v>
      </c>
      <c r="W2371" s="47" t="s">
        <v>5331</v>
      </c>
      <c r="X2371" s="47" t="s">
        <v>5331</v>
      </c>
      <c r="Y2371" s="47" t="s">
        <v>5331</v>
      </c>
      <c r="Z2371" s="28"/>
      <c r="AA2371" s="27"/>
      <c r="AB2371" s="27"/>
      <c r="AC2371" s="27"/>
      <c r="AD2371" s="30"/>
      <c r="AE2371" s="1"/>
      <c r="AF2371" s="23" t="s">
        <v>5331</v>
      </c>
      <c r="AG2371" s="26"/>
      <c r="AH2371" s="53"/>
    </row>
    <row r="2372" spans="1:34" ht="51.6" customHeight="1" x14ac:dyDescent="0.45">
      <c r="A2372" s="23">
        <v>2366</v>
      </c>
      <c r="B2372" s="25"/>
      <c r="C2372" s="25"/>
      <c r="D2372" s="29"/>
      <c r="E2372" s="1"/>
      <c r="F2372" s="1"/>
      <c r="G2372" s="25"/>
      <c r="H2372" s="71"/>
      <c r="I2372" s="83"/>
      <c r="J2372" s="50" t="str">
        <f t="shared" si="74"/>
        <v/>
      </c>
      <c r="K2372" s="23" t="s">
        <v>7120</v>
      </c>
      <c r="L2372" s="49" t="e">
        <f>VLOOKUP(E2372&amp;F2372,団体コード!$A$1:$C$1743,3,FALSE)</f>
        <v>#N/A</v>
      </c>
      <c r="M2372" s="49" t="e">
        <f>VLOOKUP(E2372&amp;F2372,団体コード!$A$1:$C$1743,2,FALSE)</f>
        <v>#N/A</v>
      </c>
      <c r="N2372" s="51" t="e">
        <f>VLOOKUP(E2372,団体コード!$E$1:$F$48,2,FALSE)</f>
        <v>#N/A</v>
      </c>
      <c r="O2372" s="51" t="e">
        <f t="shared" si="75"/>
        <v>#N/A</v>
      </c>
      <c r="P2372" s="51">
        <v>1</v>
      </c>
      <c r="Q2372" s="51" t="s">
        <v>5341</v>
      </c>
      <c r="R2372" s="54" t="b">
        <v>1</v>
      </c>
      <c r="S2372" s="52" t="s">
        <v>7126</v>
      </c>
      <c r="T2372" s="67" t="s">
        <v>7127</v>
      </c>
      <c r="U2372" s="75" t="s">
        <v>5331</v>
      </c>
      <c r="V2372" s="47" t="s">
        <v>5331</v>
      </c>
      <c r="W2372" s="47" t="s">
        <v>5331</v>
      </c>
      <c r="X2372" s="47" t="s">
        <v>5331</v>
      </c>
      <c r="Y2372" s="47" t="s">
        <v>5331</v>
      </c>
      <c r="Z2372" s="28"/>
      <c r="AA2372" s="27"/>
      <c r="AB2372" s="27"/>
      <c r="AC2372" s="27"/>
      <c r="AD2372" s="30"/>
      <c r="AE2372" s="1"/>
      <c r="AF2372" s="23" t="s">
        <v>5331</v>
      </c>
      <c r="AG2372" s="26"/>
      <c r="AH2372" s="53"/>
    </row>
    <row r="2373" spans="1:34" ht="51.6" customHeight="1" x14ac:dyDescent="0.45">
      <c r="A2373" s="23">
        <v>2367</v>
      </c>
      <c r="B2373" s="25"/>
      <c r="C2373" s="25"/>
      <c r="D2373" s="29"/>
      <c r="E2373" s="1"/>
      <c r="F2373" s="1"/>
      <c r="G2373" s="25"/>
      <c r="H2373" s="71"/>
      <c r="I2373" s="83"/>
      <c r="J2373" s="50" t="str">
        <f t="shared" si="74"/>
        <v/>
      </c>
      <c r="K2373" s="23" t="s">
        <v>7120</v>
      </c>
      <c r="L2373" s="49" t="e">
        <f>VLOOKUP(E2373&amp;F2373,団体コード!$A$1:$C$1743,3,FALSE)</f>
        <v>#N/A</v>
      </c>
      <c r="M2373" s="49" t="e">
        <f>VLOOKUP(E2373&amp;F2373,団体コード!$A$1:$C$1743,2,FALSE)</f>
        <v>#N/A</v>
      </c>
      <c r="N2373" s="51" t="e">
        <f>VLOOKUP(E2373,団体コード!$E$1:$F$48,2,FALSE)</f>
        <v>#N/A</v>
      </c>
      <c r="O2373" s="51" t="e">
        <f t="shared" si="75"/>
        <v>#N/A</v>
      </c>
      <c r="P2373" s="51">
        <v>1</v>
      </c>
      <c r="Q2373" s="51" t="s">
        <v>5341</v>
      </c>
      <c r="R2373" s="54" t="b">
        <v>1</v>
      </c>
      <c r="S2373" s="52" t="s">
        <v>7126</v>
      </c>
      <c r="T2373" s="67" t="s">
        <v>7127</v>
      </c>
      <c r="U2373" s="75" t="s">
        <v>5331</v>
      </c>
      <c r="V2373" s="47" t="s">
        <v>5331</v>
      </c>
      <c r="W2373" s="47" t="s">
        <v>5331</v>
      </c>
      <c r="X2373" s="47" t="s">
        <v>5331</v>
      </c>
      <c r="Y2373" s="47" t="s">
        <v>5331</v>
      </c>
      <c r="Z2373" s="28"/>
      <c r="AA2373" s="27"/>
      <c r="AB2373" s="27"/>
      <c r="AC2373" s="27"/>
      <c r="AD2373" s="30"/>
      <c r="AE2373" s="1"/>
      <c r="AF2373" s="23" t="s">
        <v>5331</v>
      </c>
      <c r="AG2373" s="26"/>
      <c r="AH2373" s="53"/>
    </row>
    <row r="2374" spans="1:34" ht="51.6" customHeight="1" x14ac:dyDescent="0.45">
      <c r="A2374" s="23">
        <v>2368</v>
      </c>
      <c r="B2374" s="25"/>
      <c r="C2374" s="25"/>
      <c r="D2374" s="29"/>
      <c r="E2374" s="1"/>
      <c r="F2374" s="1"/>
      <c r="G2374" s="25"/>
      <c r="H2374" s="71"/>
      <c r="I2374" s="83"/>
      <c r="J2374" s="50" t="str">
        <f t="shared" si="74"/>
        <v/>
      </c>
      <c r="K2374" s="23" t="s">
        <v>7120</v>
      </c>
      <c r="L2374" s="49" t="e">
        <f>VLOOKUP(E2374&amp;F2374,団体コード!$A$1:$C$1743,3,FALSE)</f>
        <v>#N/A</v>
      </c>
      <c r="M2374" s="49" t="e">
        <f>VLOOKUP(E2374&amp;F2374,団体コード!$A$1:$C$1743,2,FALSE)</f>
        <v>#N/A</v>
      </c>
      <c r="N2374" s="51" t="e">
        <f>VLOOKUP(E2374,団体コード!$E$1:$F$48,2,FALSE)</f>
        <v>#N/A</v>
      </c>
      <c r="O2374" s="51" t="e">
        <f t="shared" si="75"/>
        <v>#N/A</v>
      </c>
      <c r="P2374" s="51">
        <v>1</v>
      </c>
      <c r="Q2374" s="51" t="s">
        <v>5341</v>
      </c>
      <c r="R2374" s="54" t="b">
        <v>1</v>
      </c>
      <c r="S2374" s="52" t="s">
        <v>7126</v>
      </c>
      <c r="T2374" s="67" t="s">
        <v>7127</v>
      </c>
      <c r="U2374" s="75" t="s">
        <v>5331</v>
      </c>
      <c r="V2374" s="47" t="s">
        <v>5331</v>
      </c>
      <c r="W2374" s="47" t="s">
        <v>5331</v>
      </c>
      <c r="X2374" s="47" t="s">
        <v>5331</v>
      </c>
      <c r="Y2374" s="47" t="s">
        <v>5331</v>
      </c>
      <c r="Z2374" s="28"/>
      <c r="AA2374" s="27"/>
      <c r="AB2374" s="27"/>
      <c r="AC2374" s="27"/>
      <c r="AD2374" s="30"/>
      <c r="AE2374" s="1"/>
      <c r="AF2374" s="23" t="s">
        <v>5331</v>
      </c>
      <c r="AG2374" s="26"/>
      <c r="AH2374" s="53"/>
    </row>
    <row r="2375" spans="1:34" ht="51.6" customHeight="1" x14ac:dyDescent="0.45">
      <c r="A2375" s="23">
        <v>2369</v>
      </c>
      <c r="B2375" s="25"/>
      <c r="C2375" s="25"/>
      <c r="D2375" s="29"/>
      <c r="E2375" s="1"/>
      <c r="F2375" s="1"/>
      <c r="G2375" s="25"/>
      <c r="H2375" s="71"/>
      <c r="I2375" s="83"/>
      <c r="J2375" s="50" t="str">
        <f t="shared" si="74"/>
        <v/>
      </c>
      <c r="K2375" s="23" t="s">
        <v>7120</v>
      </c>
      <c r="L2375" s="49" t="e">
        <f>VLOOKUP(E2375&amp;F2375,団体コード!$A$1:$C$1743,3,FALSE)</f>
        <v>#N/A</v>
      </c>
      <c r="M2375" s="49" t="e">
        <f>VLOOKUP(E2375&amp;F2375,団体コード!$A$1:$C$1743,2,FALSE)</f>
        <v>#N/A</v>
      </c>
      <c r="N2375" s="51" t="e">
        <f>VLOOKUP(E2375,団体コード!$E$1:$F$48,2,FALSE)</f>
        <v>#N/A</v>
      </c>
      <c r="O2375" s="51" t="e">
        <f t="shared" si="75"/>
        <v>#N/A</v>
      </c>
      <c r="P2375" s="51">
        <v>1</v>
      </c>
      <c r="Q2375" s="51" t="s">
        <v>5341</v>
      </c>
      <c r="R2375" s="54" t="b">
        <v>1</v>
      </c>
      <c r="S2375" s="52" t="s">
        <v>7126</v>
      </c>
      <c r="T2375" s="67" t="s">
        <v>7127</v>
      </c>
      <c r="U2375" s="75" t="s">
        <v>5331</v>
      </c>
      <c r="V2375" s="47" t="s">
        <v>5331</v>
      </c>
      <c r="W2375" s="47" t="s">
        <v>5331</v>
      </c>
      <c r="X2375" s="47" t="s">
        <v>5331</v>
      </c>
      <c r="Y2375" s="47" t="s">
        <v>5331</v>
      </c>
      <c r="Z2375" s="28"/>
      <c r="AA2375" s="27"/>
      <c r="AB2375" s="27"/>
      <c r="AC2375" s="27"/>
      <c r="AD2375" s="30"/>
      <c r="AE2375" s="1"/>
      <c r="AF2375" s="23" t="s">
        <v>5331</v>
      </c>
      <c r="AG2375" s="26"/>
      <c r="AH2375" s="53"/>
    </row>
    <row r="2376" spans="1:34" ht="51.6" customHeight="1" x14ac:dyDescent="0.45">
      <c r="A2376" s="23">
        <v>2370</v>
      </c>
      <c r="B2376" s="25"/>
      <c r="C2376" s="25"/>
      <c r="D2376" s="29"/>
      <c r="E2376" s="1"/>
      <c r="F2376" s="1"/>
      <c r="G2376" s="25"/>
      <c r="H2376" s="71"/>
      <c r="I2376" s="83"/>
      <c r="J2376" s="50" t="str">
        <f t="shared" ref="J2376:J2439" si="76">E2376&amp;F2376&amp;G2376</f>
        <v/>
      </c>
      <c r="K2376" s="23" t="s">
        <v>7120</v>
      </c>
      <c r="L2376" s="49" t="e">
        <f>VLOOKUP(E2376&amp;F2376,団体コード!$A$1:$C$1743,3,FALSE)</f>
        <v>#N/A</v>
      </c>
      <c r="M2376" s="49" t="e">
        <f>VLOOKUP(E2376&amp;F2376,団体コード!$A$1:$C$1743,2,FALSE)</f>
        <v>#N/A</v>
      </c>
      <c r="N2376" s="51" t="e">
        <f>VLOOKUP(E2376,団体コード!$E$1:$F$48,2,FALSE)</f>
        <v>#N/A</v>
      </c>
      <c r="O2376" s="51" t="e">
        <f t="shared" ref="O2376:O2439" si="77">N2376</f>
        <v>#N/A</v>
      </c>
      <c r="P2376" s="51">
        <v>1</v>
      </c>
      <c r="Q2376" s="51" t="s">
        <v>5341</v>
      </c>
      <c r="R2376" s="54" t="b">
        <v>1</v>
      </c>
      <c r="S2376" s="52" t="s">
        <v>7126</v>
      </c>
      <c r="T2376" s="67" t="s">
        <v>7127</v>
      </c>
      <c r="U2376" s="75" t="s">
        <v>5331</v>
      </c>
      <c r="V2376" s="47" t="s">
        <v>5331</v>
      </c>
      <c r="W2376" s="47" t="s">
        <v>5331</v>
      </c>
      <c r="X2376" s="47" t="s">
        <v>5331</v>
      </c>
      <c r="Y2376" s="47" t="s">
        <v>5331</v>
      </c>
      <c r="Z2376" s="28"/>
      <c r="AA2376" s="27"/>
      <c r="AB2376" s="27"/>
      <c r="AC2376" s="27"/>
      <c r="AD2376" s="30"/>
      <c r="AE2376" s="1"/>
      <c r="AF2376" s="23" t="s">
        <v>5331</v>
      </c>
      <c r="AG2376" s="26"/>
      <c r="AH2376" s="53"/>
    </row>
    <row r="2377" spans="1:34" ht="51.6" customHeight="1" x14ac:dyDescent="0.45">
      <c r="A2377" s="23">
        <v>2371</v>
      </c>
      <c r="B2377" s="25"/>
      <c r="C2377" s="25"/>
      <c r="D2377" s="29"/>
      <c r="E2377" s="1"/>
      <c r="F2377" s="1"/>
      <c r="G2377" s="25"/>
      <c r="H2377" s="71"/>
      <c r="I2377" s="83"/>
      <c r="J2377" s="50" t="str">
        <f t="shared" si="76"/>
        <v/>
      </c>
      <c r="K2377" s="23" t="s">
        <v>7120</v>
      </c>
      <c r="L2377" s="49" t="e">
        <f>VLOOKUP(E2377&amp;F2377,団体コード!$A$1:$C$1743,3,FALSE)</f>
        <v>#N/A</v>
      </c>
      <c r="M2377" s="49" t="e">
        <f>VLOOKUP(E2377&amp;F2377,団体コード!$A$1:$C$1743,2,FALSE)</f>
        <v>#N/A</v>
      </c>
      <c r="N2377" s="51" t="e">
        <f>VLOOKUP(E2377,団体コード!$E$1:$F$48,2,FALSE)</f>
        <v>#N/A</v>
      </c>
      <c r="O2377" s="51" t="e">
        <f t="shared" si="77"/>
        <v>#N/A</v>
      </c>
      <c r="P2377" s="51">
        <v>1</v>
      </c>
      <c r="Q2377" s="51" t="s">
        <v>5341</v>
      </c>
      <c r="R2377" s="54" t="b">
        <v>1</v>
      </c>
      <c r="S2377" s="52" t="s">
        <v>7126</v>
      </c>
      <c r="T2377" s="67" t="s">
        <v>7127</v>
      </c>
      <c r="U2377" s="75" t="s">
        <v>5331</v>
      </c>
      <c r="V2377" s="47" t="s">
        <v>5331</v>
      </c>
      <c r="W2377" s="47" t="s">
        <v>5331</v>
      </c>
      <c r="X2377" s="47" t="s">
        <v>5331</v>
      </c>
      <c r="Y2377" s="47" t="s">
        <v>5331</v>
      </c>
      <c r="Z2377" s="28"/>
      <c r="AA2377" s="27"/>
      <c r="AB2377" s="27"/>
      <c r="AC2377" s="27"/>
      <c r="AD2377" s="30"/>
      <c r="AE2377" s="1"/>
      <c r="AF2377" s="23" t="s">
        <v>5331</v>
      </c>
      <c r="AG2377" s="26"/>
      <c r="AH2377" s="53"/>
    </row>
    <row r="2378" spans="1:34" ht="51.6" customHeight="1" x14ac:dyDescent="0.45">
      <c r="A2378" s="23">
        <v>2372</v>
      </c>
      <c r="B2378" s="25"/>
      <c r="C2378" s="25"/>
      <c r="D2378" s="29"/>
      <c r="E2378" s="1"/>
      <c r="F2378" s="1"/>
      <c r="G2378" s="25"/>
      <c r="H2378" s="71"/>
      <c r="I2378" s="83"/>
      <c r="J2378" s="50" t="str">
        <f t="shared" si="76"/>
        <v/>
      </c>
      <c r="K2378" s="23" t="s">
        <v>7120</v>
      </c>
      <c r="L2378" s="49" t="e">
        <f>VLOOKUP(E2378&amp;F2378,団体コード!$A$1:$C$1743,3,FALSE)</f>
        <v>#N/A</v>
      </c>
      <c r="M2378" s="49" t="e">
        <f>VLOOKUP(E2378&amp;F2378,団体コード!$A$1:$C$1743,2,FALSE)</f>
        <v>#N/A</v>
      </c>
      <c r="N2378" s="51" t="e">
        <f>VLOOKUP(E2378,団体コード!$E$1:$F$48,2,FALSE)</f>
        <v>#N/A</v>
      </c>
      <c r="O2378" s="51" t="e">
        <f t="shared" si="77"/>
        <v>#N/A</v>
      </c>
      <c r="P2378" s="51">
        <v>1</v>
      </c>
      <c r="Q2378" s="51" t="s">
        <v>5341</v>
      </c>
      <c r="R2378" s="54" t="b">
        <v>1</v>
      </c>
      <c r="S2378" s="52" t="s">
        <v>7126</v>
      </c>
      <c r="T2378" s="67" t="s">
        <v>7127</v>
      </c>
      <c r="U2378" s="75" t="s">
        <v>5331</v>
      </c>
      <c r="V2378" s="47" t="s">
        <v>5331</v>
      </c>
      <c r="W2378" s="47" t="s">
        <v>5331</v>
      </c>
      <c r="X2378" s="47" t="s">
        <v>5331</v>
      </c>
      <c r="Y2378" s="47" t="s">
        <v>5331</v>
      </c>
      <c r="Z2378" s="28"/>
      <c r="AA2378" s="27"/>
      <c r="AB2378" s="27"/>
      <c r="AC2378" s="27"/>
      <c r="AD2378" s="30"/>
      <c r="AE2378" s="1"/>
      <c r="AF2378" s="23" t="s">
        <v>5331</v>
      </c>
      <c r="AG2378" s="26"/>
      <c r="AH2378" s="53"/>
    </row>
    <row r="2379" spans="1:34" ht="51.6" customHeight="1" x14ac:dyDescent="0.45">
      <c r="A2379" s="23">
        <v>2373</v>
      </c>
      <c r="B2379" s="25"/>
      <c r="C2379" s="25"/>
      <c r="D2379" s="29"/>
      <c r="E2379" s="1"/>
      <c r="F2379" s="1"/>
      <c r="G2379" s="25"/>
      <c r="H2379" s="71"/>
      <c r="I2379" s="83"/>
      <c r="J2379" s="50" t="str">
        <f t="shared" si="76"/>
        <v/>
      </c>
      <c r="K2379" s="23" t="s">
        <v>7120</v>
      </c>
      <c r="L2379" s="49" t="e">
        <f>VLOOKUP(E2379&amp;F2379,団体コード!$A$1:$C$1743,3,FALSE)</f>
        <v>#N/A</v>
      </c>
      <c r="M2379" s="49" t="e">
        <f>VLOOKUP(E2379&amp;F2379,団体コード!$A$1:$C$1743,2,FALSE)</f>
        <v>#N/A</v>
      </c>
      <c r="N2379" s="51" t="e">
        <f>VLOOKUP(E2379,団体コード!$E$1:$F$48,2,FALSE)</f>
        <v>#N/A</v>
      </c>
      <c r="O2379" s="51" t="e">
        <f t="shared" si="77"/>
        <v>#N/A</v>
      </c>
      <c r="P2379" s="51">
        <v>1</v>
      </c>
      <c r="Q2379" s="51" t="s">
        <v>5341</v>
      </c>
      <c r="R2379" s="54" t="b">
        <v>1</v>
      </c>
      <c r="S2379" s="52" t="s">
        <v>7126</v>
      </c>
      <c r="T2379" s="67" t="s">
        <v>7127</v>
      </c>
      <c r="U2379" s="75" t="s">
        <v>5331</v>
      </c>
      <c r="V2379" s="47" t="s">
        <v>5331</v>
      </c>
      <c r="W2379" s="47" t="s">
        <v>5331</v>
      </c>
      <c r="X2379" s="47" t="s">
        <v>5331</v>
      </c>
      <c r="Y2379" s="47" t="s">
        <v>5331</v>
      </c>
      <c r="Z2379" s="28"/>
      <c r="AA2379" s="27"/>
      <c r="AB2379" s="27"/>
      <c r="AC2379" s="27"/>
      <c r="AD2379" s="30"/>
      <c r="AE2379" s="1"/>
      <c r="AF2379" s="23" t="s">
        <v>5331</v>
      </c>
      <c r="AG2379" s="26"/>
      <c r="AH2379" s="53"/>
    </row>
    <row r="2380" spans="1:34" ht="51.6" customHeight="1" x14ac:dyDescent="0.45">
      <c r="A2380" s="23">
        <v>2374</v>
      </c>
      <c r="B2380" s="25"/>
      <c r="C2380" s="25"/>
      <c r="D2380" s="29"/>
      <c r="E2380" s="1"/>
      <c r="F2380" s="1"/>
      <c r="G2380" s="25"/>
      <c r="H2380" s="71"/>
      <c r="I2380" s="83"/>
      <c r="J2380" s="50" t="str">
        <f t="shared" si="76"/>
        <v/>
      </c>
      <c r="K2380" s="23" t="s">
        <v>7120</v>
      </c>
      <c r="L2380" s="49" t="e">
        <f>VLOOKUP(E2380&amp;F2380,団体コード!$A$1:$C$1743,3,FALSE)</f>
        <v>#N/A</v>
      </c>
      <c r="M2380" s="49" t="e">
        <f>VLOOKUP(E2380&amp;F2380,団体コード!$A$1:$C$1743,2,FALSE)</f>
        <v>#N/A</v>
      </c>
      <c r="N2380" s="51" t="e">
        <f>VLOOKUP(E2380,団体コード!$E$1:$F$48,2,FALSE)</f>
        <v>#N/A</v>
      </c>
      <c r="O2380" s="51" t="e">
        <f t="shared" si="77"/>
        <v>#N/A</v>
      </c>
      <c r="P2380" s="51">
        <v>1</v>
      </c>
      <c r="Q2380" s="51" t="s">
        <v>5341</v>
      </c>
      <c r="R2380" s="54" t="b">
        <v>1</v>
      </c>
      <c r="S2380" s="52" t="s">
        <v>7126</v>
      </c>
      <c r="T2380" s="67" t="s">
        <v>7127</v>
      </c>
      <c r="U2380" s="75" t="s">
        <v>5331</v>
      </c>
      <c r="V2380" s="47" t="s">
        <v>5331</v>
      </c>
      <c r="W2380" s="47" t="s">
        <v>5331</v>
      </c>
      <c r="X2380" s="47" t="s">
        <v>5331</v>
      </c>
      <c r="Y2380" s="47" t="s">
        <v>5331</v>
      </c>
      <c r="Z2380" s="28"/>
      <c r="AA2380" s="27"/>
      <c r="AB2380" s="27"/>
      <c r="AC2380" s="27"/>
      <c r="AD2380" s="30"/>
      <c r="AE2380" s="1"/>
      <c r="AF2380" s="23" t="s">
        <v>5331</v>
      </c>
      <c r="AG2380" s="26"/>
      <c r="AH2380" s="53"/>
    </row>
    <row r="2381" spans="1:34" ht="51.6" customHeight="1" x14ac:dyDescent="0.45">
      <c r="A2381" s="23">
        <v>2375</v>
      </c>
      <c r="B2381" s="25"/>
      <c r="C2381" s="25"/>
      <c r="D2381" s="29"/>
      <c r="E2381" s="1"/>
      <c r="F2381" s="1"/>
      <c r="G2381" s="25"/>
      <c r="H2381" s="71"/>
      <c r="I2381" s="83"/>
      <c r="J2381" s="50" t="str">
        <f t="shared" si="76"/>
        <v/>
      </c>
      <c r="K2381" s="23" t="s">
        <v>7120</v>
      </c>
      <c r="L2381" s="49" t="e">
        <f>VLOOKUP(E2381&amp;F2381,団体コード!$A$1:$C$1743,3,FALSE)</f>
        <v>#N/A</v>
      </c>
      <c r="M2381" s="49" t="e">
        <f>VLOOKUP(E2381&amp;F2381,団体コード!$A$1:$C$1743,2,FALSE)</f>
        <v>#N/A</v>
      </c>
      <c r="N2381" s="51" t="e">
        <f>VLOOKUP(E2381,団体コード!$E$1:$F$48,2,FALSE)</f>
        <v>#N/A</v>
      </c>
      <c r="O2381" s="51" t="e">
        <f t="shared" si="77"/>
        <v>#N/A</v>
      </c>
      <c r="P2381" s="51">
        <v>1</v>
      </c>
      <c r="Q2381" s="51" t="s">
        <v>5341</v>
      </c>
      <c r="R2381" s="54" t="b">
        <v>1</v>
      </c>
      <c r="S2381" s="52" t="s">
        <v>7126</v>
      </c>
      <c r="T2381" s="67" t="s">
        <v>7127</v>
      </c>
      <c r="U2381" s="75" t="s">
        <v>5331</v>
      </c>
      <c r="V2381" s="47" t="s">
        <v>5331</v>
      </c>
      <c r="W2381" s="47" t="s">
        <v>5331</v>
      </c>
      <c r="X2381" s="47" t="s">
        <v>5331</v>
      </c>
      <c r="Y2381" s="47" t="s">
        <v>5331</v>
      </c>
      <c r="Z2381" s="28"/>
      <c r="AA2381" s="27"/>
      <c r="AB2381" s="27"/>
      <c r="AC2381" s="27"/>
      <c r="AD2381" s="30"/>
      <c r="AE2381" s="1"/>
      <c r="AF2381" s="23" t="s">
        <v>5331</v>
      </c>
      <c r="AG2381" s="26"/>
      <c r="AH2381" s="53"/>
    </row>
    <row r="2382" spans="1:34" ht="51.6" customHeight="1" x14ac:dyDescent="0.45">
      <c r="A2382" s="23">
        <v>2376</v>
      </c>
      <c r="B2382" s="25"/>
      <c r="C2382" s="25"/>
      <c r="D2382" s="29"/>
      <c r="E2382" s="1"/>
      <c r="F2382" s="1"/>
      <c r="G2382" s="25"/>
      <c r="H2382" s="71"/>
      <c r="I2382" s="83"/>
      <c r="J2382" s="50" t="str">
        <f t="shared" si="76"/>
        <v/>
      </c>
      <c r="K2382" s="23" t="s">
        <v>7120</v>
      </c>
      <c r="L2382" s="49" t="e">
        <f>VLOOKUP(E2382&amp;F2382,団体コード!$A$1:$C$1743,3,FALSE)</f>
        <v>#N/A</v>
      </c>
      <c r="M2382" s="49" t="e">
        <f>VLOOKUP(E2382&amp;F2382,団体コード!$A$1:$C$1743,2,FALSE)</f>
        <v>#N/A</v>
      </c>
      <c r="N2382" s="51" t="e">
        <f>VLOOKUP(E2382,団体コード!$E$1:$F$48,2,FALSE)</f>
        <v>#N/A</v>
      </c>
      <c r="O2382" s="51" t="e">
        <f t="shared" si="77"/>
        <v>#N/A</v>
      </c>
      <c r="P2382" s="51">
        <v>1</v>
      </c>
      <c r="Q2382" s="51" t="s">
        <v>5341</v>
      </c>
      <c r="R2382" s="54" t="b">
        <v>1</v>
      </c>
      <c r="S2382" s="52" t="s">
        <v>7126</v>
      </c>
      <c r="T2382" s="67" t="s">
        <v>7127</v>
      </c>
      <c r="U2382" s="75" t="s">
        <v>5331</v>
      </c>
      <c r="V2382" s="47" t="s">
        <v>5331</v>
      </c>
      <c r="W2382" s="47" t="s">
        <v>5331</v>
      </c>
      <c r="X2382" s="47" t="s">
        <v>5331</v>
      </c>
      <c r="Y2382" s="47" t="s">
        <v>5331</v>
      </c>
      <c r="Z2382" s="28"/>
      <c r="AA2382" s="27"/>
      <c r="AB2382" s="27"/>
      <c r="AC2382" s="27"/>
      <c r="AD2382" s="30"/>
      <c r="AE2382" s="1"/>
      <c r="AF2382" s="23" t="s">
        <v>5331</v>
      </c>
      <c r="AG2382" s="26"/>
      <c r="AH2382" s="53"/>
    </row>
    <row r="2383" spans="1:34" ht="51.6" customHeight="1" x14ac:dyDescent="0.45">
      <c r="A2383" s="23">
        <v>2377</v>
      </c>
      <c r="B2383" s="25"/>
      <c r="C2383" s="25"/>
      <c r="D2383" s="29"/>
      <c r="E2383" s="1"/>
      <c r="F2383" s="1"/>
      <c r="G2383" s="25"/>
      <c r="H2383" s="71"/>
      <c r="I2383" s="83"/>
      <c r="J2383" s="50" t="str">
        <f t="shared" si="76"/>
        <v/>
      </c>
      <c r="K2383" s="23" t="s">
        <v>7120</v>
      </c>
      <c r="L2383" s="49" t="e">
        <f>VLOOKUP(E2383&amp;F2383,団体コード!$A$1:$C$1743,3,FALSE)</f>
        <v>#N/A</v>
      </c>
      <c r="M2383" s="49" t="e">
        <f>VLOOKUP(E2383&amp;F2383,団体コード!$A$1:$C$1743,2,FALSE)</f>
        <v>#N/A</v>
      </c>
      <c r="N2383" s="51" t="e">
        <f>VLOOKUP(E2383,団体コード!$E$1:$F$48,2,FALSE)</f>
        <v>#N/A</v>
      </c>
      <c r="O2383" s="51" t="e">
        <f t="shared" si="77"/>
        <v>#N/A</v>
      </c>
      <c r="P2383" s="51">
        <v>1</v>
      </c>
      <c r="Q2383" s="51" t="s">
        <v>5341</v>
      </c>
      <c r="R2383" s="54" t="b">
        <v>1</v>
      </c>
      <c r="S2383" s="52" t="s">
        <v>7126</v>
      </c>
      <c r="T2383" s="67" t="s">
        <v>7127</v>
      </c>
      <c r="U2383" s="75" t="s">
        <v>5331</v>
      </c>
      <c r="V2383" s="47" t="s">
        <v>5331</v>
      </c>
      <c r="W2383" s="47" t="s">
        <v>5331</v>
      </c>
      <c r="X2383" s="47" t="s">
        <v>5331</v>
      </c>
      <c r="Y2383" s="47" t="s">
        <v>5331</v>
      </c>
      <c r="Z2383" s="28"/>
      <c r="AA2383" s="27"/>
      <c r="AB2383" s="27"/>
      <c r="AC2383" s="27"/>
      <c r="AD2383" s="30"/>
      <c r="AE2383" s="1"/>
      <c r="AF2383" s="23" t="s">
        <v>5331</v>
      </c>
      <c r="AG2383" s="26"/>
      <c r="AH2383" s="53"/>
    </row>
    <row r="2384" spans="1:34" ht="51.6" customHeight="1" x14ac:dyDescent="0.45">
      <c r="A2384" s="23">
        <v>2378</v>
      </c>
      <c r="B2384" s="25"/>
      <c r="C2384" s="25"/>
      <c r="D2384" s="29"/>
      <c r="E2384" s="1"/>
      <c r="F2384" s="1"/>
      <c r="G2384" s="25"/>
      <c r="H2384" s="71"/>
      <c r="I2384" s="83"/>
      <c r="J2384" s="50" t="str">
        <f t="shared" si="76"/>
        <v/>
      </c>
      <c r="K2384" s="23" t="s">
        <v>7120</v>
      </c>
      <c r="L2384" s="49" t="e">
        <f>VLOOKUP(E2384&amp;F2384,団体コード!$A$1:$C$1743,3,FALSE)</f>
        <v>#N/A</v>
      </c>
      <c r="M2384" s="49" t="e">
        <f>VLOOKUP(E2384&amp;F2384,団体コード!$A$1:$C$1743,2,FALSE)</f>
        <v>#N/A</v>
      </c>
      <c r="N2384" s="51" t="e">
        <f>VLOOKUP(E2384,団体コード!$E$1:$F$48,2,FALSE)</f>
        <v>#N/A</v>
      </c>
      <c r="O2384" s="51" t="e">
        <f t="shared" si="77"/>
        <v>#N/A</v>
      </c>
      <c r="P2384" s="51">
        <v>1</v>
      </c>
      <c r="Q2384" s="51" t="s">
        <v>5341</v>
      </c>
      <c r="R2384" s="54" t="b">
        <v>1</v>
      </c>
      <c r="S2384" s="52" t="s">
        <v>7126</v>
      </c>
      <c r="T2384" s="67" t="s">
        <v>7127</v>
      </c>
      <c r="U2384" s="75" t="s">
        <v>5331</v>
      </c>
      <c r="V2384" s="47" t="s">
        <v>5331</v>
      </c>
      <c r="W2384" s="47" t="s">
        <v>5331</v>
      </c>
      <c r="X2384" s="47" t="s">
        <v>5331</v>
      </c>
      <c r="Y2384" s="47" t="s">
        <v>5331</v>
      </c>
      <c r="Z2384" s="28"/>
      <c r="AA2384" s="27"/>
      <c r="AB2384" s="27"/>
      <c r="AC2384" s="27"/>
      <c r="AD2384" s="30"/>
      <c r="AE2384" s="1"/>
      <c r="AF2384" s="23" t="s">
        <v>5331</v>
      </c>
      <c r="AG2384" s="26"/>
      <c r="AH2384" s="53"/>
    </row>
    <row r="2385" spans="1:34" ht="51.6" customHeight="1" x14ac:dyDescent="0.45">
      <c r="A2385" s="23">
        <v>2379</v>
      </c>
      <c r="B2385" s="25"/>
      <c r="C2385" s="25"/>
      <c r="D2385" s="29"/>
      <c r="E2385" s="1"/>
      <c r="F2385" s="1"/>
      <c r="G2385" s="25"/>
      <c r="H2385" s="71"/>
      <c r="I2385" s="83"/>
      <c r="J2385" s="50" t="str">
        <f t="shared" si="76"/>
        <v/>
      </c>
      <c r="K2385" s="23" t="s">
        <v>7120</v>
      </c>
      <c r="L2385" s="49" t="e">
        <f>VLOOKUP(E2385&amp;F2385,団体コード!$A$1:$C$1743,3,FALSE)</f>
        <v>#N/A</v>
      </c>
      <c r="M2385" s="49" t="e">
        <f>VLOOKUP(E2385&amp;F2385,団体コード!$A$1:$C$1743,2,FALSE)</f>
        <v>#N/A</v>
      </c>
      <c r="N2385" s="51" t="e">
        <f>VLOOKUP(E2385,団体コード!$E$1:$F$48,2,FALSE)</f>
        <v>#N/A</v>
      </c>
      <c r="O2385" s="51" t="e">
        <f t="shared" si="77"/>
        <v>#N/A</v>
      </c>
      <c r="P2385" s="51">
        <v>1</v>
      </c>
      <c r="Q2385" s="51" t="s">
        <v>5341</v>
      </c>
      <c r="R2385" s="54" t="b">
        <v>1</v>
      </c>
      <c r="S2385" s="52" t="s">
        <v>7126</v>
      </c>
      <c r="T2385" s="67" t="s">
        <v>7127</v>
      </c>
      <c r="U2385" s="75" t="s">
        <v>5331</v>
      </c>
      <c r="V2385" s="47" t="s">
        <v>5331</v>
      </c>
      <c r="W2385" s="47" t="s">
        <v>5331</v>
      </c>
      <c r="X2385" s="47" t="s">
        <v>5331</v>
      </c>
      <c r="Y2385" s="47" t="s">
        <v>5331</v>
      </c>
      <c r="Z2385" s="28"/>
      <c r="AA2385" s="27"/>
      <c r="AB2385" s="27"/>
      <c r="AC2385" s="27"/>
      <c r="AD2385" s="30"/>
      <c r="AE2385" s="1"/>
      <c r="AF2385" s="23" t="s">
        <v>5331</v>
      </c>
      <c r="AG2385" s="26"/>
      <c r="AH2385" s="53"/>
    </row>
    <row r="2386" spans="1:34" ht="51.6" customHeight="1" x14ac:dyDescent="0.45">
      <c r="A2386" s="23">
        <v>2380</v>
      </c>
      <c r="B2386" s="25"/>
      <c r="C2386" s="25"/>
      <c r="D2386" s="29"/>
      <c r="E2386" s="1"/>
      <c r="F2386" s="1"/>
      <c r="G2386" s="25"/>
      <c r="H2386" s="71"/>
      <c r="I2386" s="83"/>
      <c r="J2386" s="50" t="str">
        <f t="shared" si="76"/>
        <v/>
      </c>
      <c r="K2386" s="23" t="s">
        <v>7120</v>
      </c>
      <c r="L2386" s="49" t="e">
        <f>VLOOKUP(E2386&amp;F2386,団体コード!$A$1:$C$1743,3,FALSE)</f>
        <v>#N/A</v>
      </c>
      <c r="M2386" s="49" t="e">
        <f>VLOOKUP(E2386&amp;F2386,団体コード!$A$1:$C$1743,2,FALSE)</f>
        <v>#N/A</v>
      </c>
      <c r="N2386" s="51" t="e">
        <f>VLOOKUP(E2386,団体コード!$E$1:$F$48,2,FALSE)</f>
        <v>#N/A</v>
      </c>
      <c r="O2386" s="51" t="e">
        <f t="shared" si="77"/>
        <v>#N/A</v>
      </c>
      <c r="P2386" s="51">
        <v>1</v>
      </c>
      <c r="Q2386" s="51" t="s">
        <v>5341</v>
      </c>
      <c r="R2386" s="54" t="b">
        <v>1</v>
      </c>
      <c r="S2386" s="52" t="s">
        <v>7126</v>
      </c>
      <c r="T2386" s="67" t="s">
        <v>7127</v>
      </c>
      <c r="U2386" s="75" t="s">
        <v>5331</v>
      </c>
      <c r="V2386" s="47" t="s">
        <v>5331</v>
      </c>
      <c r="W2386" s="47" t="s">
        <v>5331</v>
      </c>
      <c r="X2386" s="47" t="s">
        <v>5331</v>
      </c>
      <c r="Y2386" s="47" t="s">
        <v>5331</v>
      </c>
      <c r="Z2386" s="28"/>
      <c r="AA2386" s="27"/>
      <c r="AB2386" s="27"/>
      <c r="AC2386" s="27"/>
      <c r="AD2386" s="30"/>
      <c r="AE2386" s="1"/>
      <c r="AF2386" s="23" t="s">
        <v>5331</v>
      </c>
      <c r="AG2386" s="26"/>
      <c r="AH2386" s="53"/>
    </row>
    <row r="2387" spans="1:34" ht="51.6" customHeight="1" x14ac:dyDescent="0.45">
      <c r="A2387" s="23">
        <v>2381</v>
      </c>
      <c r="B2387" s="25"/>
      <c r="C2387" s="25"/>
      <c r="D2387" s="29"/>
      <c r="E2387" s="1"/>
      <c r="F2387" s="1"/>
      <c r="G2387" s="25"/>
      <c r="H2387" s="71"/>
      <c r="I2387" s="83"/>
      <c r="J2387" s="50" t="str">
        <f t="shared" si="76"/>
        <v/>
      </c>
      <c r="K2387" s="23" t="s">
        <v>7120</v>
      </c>
      <c r="L2387" s="49" t="e">
        <f>VLOOKUP(E2387&amp;F2387,団体コード!$A$1:$C$1743,3,FALSE)</f>
        <v>#N/A</v>
      </c>
      <c r="M2387" s="49" t="e">
        <f>VLOOKUP(E2387&amp;F2387,団体コード!$A$1:$C$1743,2,FALSE)</f>
        <v>#N/A</v>
      </c>
      <c r="N2387" s="51" t="e">
        <f>VLOOKUP(E2387,団体コード!$E$1:$F$48,2,FALSE)</f>
        <v>#N/A</v>
      </c>
      <c r="O2387" s="51" t="e">
        <f t="shared" si="77"/>
        <v>#N/A</v>
      </c>
      <c r="P2387" s="51">
        <v>1</v>
      </c>
      <c r="Q2387" s="51" t="s">
        <v>5341</v>
      </c>
      <c r="R2387" s="54" t="b">
        <v>1</v>
      </c>
      <c r="S2387" s="52" t="s">
        <v>7126</v>
      </c>
      <c r="T2387" s="67" t="s">
        <v>7127</v>
      </c>
      <c r="U2387" s="75" t="s">
        <v>5331</v>
      </c>
      <c r="V2387" s="47" t="s">
        <v>5331</v>
      </c>
      <c r="W2387" s="47" t="s">
        <v>5331</v>
      </c>
      <c r="X2387" s="47" t="s">
        <v>5331</v>
      </c>
      <c r="Y2387" s="47" t="s">
        <v>5331</v>
      </c>
      <c r="Z2387" s="28"/>
      <c r="AA2387" s="27"/>
      <c r="AB2387" s="27"/>
      <c r="AC2387" s="27"/>
      <c r="AD2387" s="30"/>
      <c r="AE2387" s="1"/>
      <c r="AF2387" s="23" t="s">
        <v>5331</v>
      </c>
      <c r="AG2387" s="26"/>
      <c r="AH2387" s="53"/>
    </row>
    <row r="2388" spans="1:34" ht="51.6" customHeight="1" x14ac:dyDescent="0.45">
      <c r="A2388" s="23">
        <v>2382</v>
      </c>
      <c r="B2388" s="25"/>
      <c r="C2388" s="25"/>
      <c r="D2388" s="29"/>
      <c r="E2388" s="1"/>
      <c r="F2388" s="1"/>
      <c r="G2388" s="25"/>
      <c r="H2388" s="71"/>
      <c r="I2388" s="83"/>
      <c r="J2388" s="50" t="str">
        <f t="shared" si="76"/>
        <v/>
      </c>
      <c r="K2388" s="23" t="s">
        <v>7120</v>
      </c>
      <c r="L2388" s="49" t="e">
        <f>VLOOKUP(E2388&amp;F2388,団体コード!$A$1:$C$1743,3,FALSE)</f>
        <v>#N/A</v>
      </c>
      <c r="M2388" s="49" t="e">
        <f>VLOOKUP(E2388&amp;F2388,団体コード!$A$1:$C$1743,2,FALSE)</f>
        <v>#N/A</v>
      </c>
      <c r="N2388" s="51" t="e">
        <f>VLOOKUP(E2388,団体コード!$E$1:$F$48,2,FALSE)</f>
        <v>#N/A</v>
      </c>
      <c r="O2388" s="51" t="e">
        <f t="shared" si="77"/>
        <v>#N/A</v>
      </c>
      <c r="P2388" s="51">
        <v>1</v>
      </c>
      <c r="Q2388" s="51" t="s">
        <v>5341</v>
      </c>
      <c r="R2388" s="54" t="b">
        <v>1</v>
      </c>
      <c r="S2388" s="52" t="s">
        <v>7126</v>
      </c>
      <c r="T2388" s="67" t="s">
        <v>7127</v>
      </c>
      <c r="U2388" s="75" t="s">
        <v>5331</v>
      </c>
      <c r="V2388" s="47" t="s">
        <v>5331</v>
      </c>
      <c r="W2388" s="47" t="s">
        <v>5331</v>
      </c>
      <c r="X2388" s="47" t="s">
        <v>5331</v>
      </c>
      <c r="Y2388" s="47" t="s">
        <v>5331</v>
      </c>
      <c r="Z2388" s="28"/>
      <c r="AA2388" s="27"/>
      <c r="AB2388" s="27"/>
      <c r="AC2388" s="27"/>
      <c r="AD2388" s="30"/>
      <c r="AE2388" s="1"/>
      <c r="AF2388" s="23" t="s">
        <v>5331</v>
      </c>
      <c r="AG2388" s="26"/>
      <c r="AH2388" s="53"/>
    </row>
    <row r="2389" spans="1:34" ht="51.6" customHeight="1" x14ac:dyDescent="0.45">
      <c r="A2389" s="23">
        <v>2383</v>
      </c>
      <c r="B2389" s="25"/>
      <c r="C2389" s="25"/>
      <c r="D2389" s="29"/>
      <c r="E2389" s="1"/>
      <c r="F2389" s="1"/>
      <c r="G2389" s="25"/>
      <c r="H2389" s="71"/>
      <c r="I2389" s="83"/>
      <c r="J2389" s="50" t="str">
        <f t="shared" si="76"/>
        <v/>
      </c>
      <c r="K2389" s="23" t="s">
        <v>7120</v>
      </c>
      <c r="L2389" s="49" t="e">
        <f>VLOOKUP(E2389&amp;F2389,団体コード!$A$1:$C$1743,3,FALSE)</f>
        <v>#N/A</v>
      </c>
      <c r="M2389" s="49" t="e">
        <f>VLOOKUP(E2389&amp;F2389,団体コード!$A$1:$C$1743,2,FALSE)</f>
        <v>#N/A</v>
      </c>
      <c r="N2389" s="51" t="e">
        <f>VLOOKUP(E2389,団体コード!$E$1:$F$48,2,FALSE)</f>
        <v>#N/A</v>
      </c>
      <c r="O2389" s="51" t="e">
        <f t="shared" si="77"/>
        <v>#N/A</v>
      </c>
      <c r="P2389" s="51">
        <v>1</v>
      </c>
      <c r="Q2389" s="51" t="s">
        <v>5341</v>
      </c>
      <c r="R2389" s="54" t="b">
        <v>1</v>
      </c>
      <c r="S2389" s="52" t="s">
        <v>7126</v>
      </c>
      <c r="T2389" s="67" t="s">
        <v>7127</v>
      </c>
      <c r="U2389" s="75" t="s">
        <v>5331</v>
      </c>
      <c r="V2389" s="47" t="s">
        <v>5331</v>
      </c>
      <c r="W2389" s="47" t="s">
        <v>5331</v>
      </c>
      <c r="X2389" s="47" t="s">
        <v>5331</v>
      </c>
      <c r="Y2389" s="47" t="s">
        <v>5331</v>
      </c>
      <c r="Z2389" s="28"/>
      <c r="AA2389" s="27"/>
      <c r="AB2389" s="27"/>
      <c r="AC2389" s="27"/>
      <c r="AD2389" s="30"/>
      <c r="AE2389" s="1"/>
      <c r="AF2389" s="23" t="s">
        <v>5331</v>
      </c>
      <c r="AG2389" s="26"/>
      <c r="AH2389" s="53"/>
    </row>
    <row r="2390" spans="1:34" ht="51.6" customHeight="1" x14ac:dyDescent="0.45">
      <c r="A2390" s="23">
        <v>2384</v>
      </c>
      <c r="B2390" s="25"/>
      <c r="C2390" s="25"/>
      <c r="D2390" s="29"/>
      <c r="E2390" s="1"/>
      <c r="F2390" s="1"/>
      <c r="G2390" s="25"/>
      <c r="H2390" s="71"/>
      <c r="I2390" s="83"/>
      <c r="J2390" s="50" t="str">
        <f t="shared" si="76"/>
        <v/>
      </c>
      <c r="K2390" s="23" t="s">
        <v>7120</v>
      </c>
      <c r="L2390" s="49" t="e">
        <f>VLOOKUP(E2390&amp;F2390,団体コード!$A$1:$C$1743,3,FALSE)</f>
        <v>#N/A</v>
      </c>
      <c r="M2390" s="49" t="e">
        <f>VLOOKUP(E2390&amp;F2390,団体コード!$A$1:$C$1743,2,FALSE)</f>
        <v>#N/A</v>
      </c>
      <c r="N2390" s="51" t="e">
        <f>VLOOKUP(E2390,団体コード!$E$1:$F$48,2,FALSE)</f>
        <v>#N/A</v>
      </c>
      <c r="O2390" s="51" t="e">
        <f t="shared" si="77"/>
        <v>#N/A</v>
      </c>
      <c r="P2390" s="51">
        <v>1</v>
      </c>
      <c r="Q2390" s="51" t="s">
        <v>5341</v>
      </c>
      <c r="R2390" s="54" t="b">
        <v>1</v>
      </c>
      <c r="S2390" s="52" t="s">
        <v>7126</v>
      </c>
      <c r="T2390" s="67" t="s">
        <v>7127</v>
      </c>
      <c r="U2390" s="75" t="s">
        <v>5331</v>
      </c>
      <c r="V2390" s="47" t="s">
        <v>5331</v>
      </c>
      <c r="W2390" s="47" t="s">
        <v>5331</v>
      </c>
      <c r="X2390" s="47" t="s">
        <v>5331</v>
      </c>
      <c r="Y2390" s="47" t="s">
        <v>5331</v>
      </c>
      <c r="Z2390" s="28"/>
      <c r="AA2390" s="27"/>
      <c r="AB2390" s="27"/>
      <c r="AC2390" s="27"/>
      <c r="AD2390" s="30"/>
      <c r="AE2390" s="1"/>
      <c r="AF2390" s="23" t="s">
        <v>5331</v>
      </c>
      <c r="AG2390" s="26"/>
      <c r="AH2390" s="53"/>
    </row>
    <row r="2391" spans="1:34" ht="51.6" customHeight="1" x14ac:dyDescent="0.45">
      <c r="A2391" s="23">
        <v>2385</v>
      </c>
      <c r="B2391" s="25"/>
      <c r="C2391" s="25"/>
      <c r="D2391" s="29"/>
      <c r="E2391" s="1"/>
      <c r="F2391" s="1"/>
      <c r="G2391" s="25"/>
      <c r="H2391" s="71"/>
      <c r="I2391" s="83"/>
      <c r="J2391" s="50" t="str">
        <f t="shared" si="76"/>
        <v/>
      </c>
      <c r="K2391" s="23" t="s">
        <v>7120</v>
      </c>
      <c r="L2391" s="49" t="e">
        <f>VLOOKUP(E2391&amp;F2391,団体コード!$A$1:$C$1743,3,FALSE)</f>
        <v>#N/A</v>
      </c>
      <c r="M2391" s="49" t="e">
        <f>VLOOKUP(E2391&amp;F2391,団体コード!$A$1:$C$1743,2,FALSE)</f>
        <v>#N/A</v>
      </c>
      <c r="N2391" s="51" t="e">
        <f>VLOOKUP(E2391,団体コード!$E$1:$F$48,2,FALSE)</f>
        <v>#N/A</v>
      </c>
      <c r="O2391" s="51" t="e">
        <f t="shared" si="77"/>
        <v>#N/A</v>
      </c>
      <c r="P2391" s="51">
        <v>1</v>
      </c>
      <c r="Q2391" s="51" t="s">
        <v>5341</v>
      </c>
      <c r="R2391" s="54" t="b">
        <v>1</v>
      </c>
      <c r="S2391" s="52" t="s">
        <v>7126</v>
      </c>
      <c r="T2391" s="67" t="s">
        <v>7127</v>
      </c>
      <c r="U2391" s="75" t="s">
        <v>5331</v>
      </c>
      <c r="V2391" s="47" t="s">
        <v>5331</v>
      </c>
      <c r="W2391" s="47" t="s">
        <v>5331</v>
      </c>
      <c r="X2391" s="47" t="s">
        <v>5331</v>
      </c>
      <c r="Y2391" s="47" t="s">
        <v>5331</v>
      </c>
      <c r="Z2391" s="28"/>
      <c r="AA2391" s="27"/>
      <c r="AB2391" s="27"/>
      <c r="AC2391" s="27"/>
      <c r="AD2391" s="30"/>
      <c r="AE2391" s="1"/>
      <c r="AF2391" s="23" t="s">
        <v>5331</v>
      </c>
      <c r="AG2391" s="26"/>
      <c r="AH2391" s="53"/>
    </row>
    <row r="2392" spans="1:34" ht="51.6" customHeight="1" x14ac:dyDescent="0.45">
      <c r="A2392" s="23">
        <v>2386</v>
      </c>
      <c r="B2392" s="25"/>
      <c r="C2392" s="25"/>
      <c r="D2392" s="29"/>
      <c r="E2392" s="1"/>
      <c r="F2392" s="1"/>
      <c r="G2392" s="25"/>
      <c r="H2392" s="71"/>
      <c r="I2392" s="83"/>
      <c r="J2392" s="50" t="str">
        <f t="shared" si="76"/>
        <v/>
      </c>
      <c r="K2392" s="23" t="s">
        <v>7120</v>
      </c>
      <c r="L2392" s="49" t="e">
        <f>VLOOKUP(E2392&amp;F2392,団体コード!$A$1:$C$1743,3,FALSE)</f>
        <v>#N/A</v>
      </c>
      <c r="M2392" s="49" t="e">
        <f>VLOOKUP(E2392&amp;F2392,団体コード!$A$1:$C$1743,2,FALSE)</f>
        <v>#N/A</v>
      </c>
      <c r="N2392" s="51" t="e">
        <f>VLOOKUP(E2392,団体コード!$E$1:$F$48,2,FALSE)</f>
        <v>#N/A</v>
      </c>
      <c r="O2392" s="51" t="e">
        <f t="shared" si="77"/>
        <v>#N/A</v>
      </c>
      <c r="P2392" s="51">
        <v>1</v>
      </c>
      <c r="Q2392" s="51" t="s">
        <v>5341</v>
      </c>
      <c r="R2392" s="54" t="b">
        <v>1</v>
      </c>
      <c r="S2392" s="52" t="s">
        <v>7126</v>
      </c>
      <c r="T2392" s="67" t="s">
        <v>7127</v>
      </c>
      <c r="U2392" s="75" t="s">
        <v>5331</v>
      </c>
      <c r="V2392" s="47" t="s">
        <v>5331</v>
      </c>
      <c r="W2392" s="47" t="s">
        <v>5331</v>
      </c>
      <c r="X2392" s="47" t="s">
        <v>5331</v>
      </c>
      <c r="Y2392" s="47" t="s">
        <v>5331</v>
      </c>
      <c r="Z2392" s="28"/>
      <c r="AA2392" s="27"/>
      <c r="AB2392" s="27"/>
      <c r="AC2392" s="27"/>
      <c r="AD2392" s="30"/>
      <c r="AE2392" s="1"/>
      <c r="AF2392" s="23" t="s">
        <v>5331</v>
      </c>
      <c r="AG2392" s="26"/>
      <c r="AH2392" s="53"/>
    </row>
    <row r="2393" spans="1:34" ht="51.6" customHeight="1" x14ac:dyDescent="0.45">
      <c r="A2393" s="23">
        <v>2387</v>
      </c>
      <c r="B2393" s="25"/>
      <c r="C2393" s="25"/>
      <c r="D2393" s="29"/>
      <c r="E2393" s="1"/>
      <c r="F2393" s="1"/>
      <c r="G2393" s="25"/>
      <c r="H2393" s="71"/>
      <c r="I2393" s="83"/>
      <c r="J2393" s="50" t="str">
        <f t="shared" si="76"/>
        <v/>
      </c>
      <c r="K2393" s="23" t="s">
        <v>7120</v>
      </c>
      <c r="L2393" s="49" t="e">
        <f>VLOOKUP(E2393&amp;F2393,団体コード!$A$1:$C$1743,3,FALSE)</f>
        <v>#N/A</v>
      </c>
      <c r="M2393" s="49" t="e">
        <f>VLOOKUP(E2393&amp;F2393,団体コード!$A$1:$C$1743,2,FALSE)</f>
        <v>#N/A</v>
      </c>
      <c r="N2393" s="51" t="e">
        <f>VLOOKUP(E2393,団体コード!$E$1:$F$48,2,FALSE)</f>
        <v>#N/A</v>
      </c>
      <c r="O2393" s="51" t="e">
        <f t="shared" si="77"/>
        <v>#N/A</v>
      </c>
      <c r="P2393" s="51">
        <v>1</v>
      </c>
      <c r="Q2393" s="51" t="s">
        <v>5341</v>
      </c>
      <c r="R2393" s="54" t="b">
        <v>1</v>
      </c>
      <c r="S2393" s="52" t="s">
        <v>7126</v>
      </c>
      <c r="T2393" s="67" t="s">
        <v>7127</v>
      </c>
      <c r="U2393" s="75" t="s">
        <v>5331</v>
      </c>
      <c r="V2393" s="47" t="s">
        <v>5331</v>
      </c>
      <c r="W2393" s="47" t="s">
        <v>5331</v>
      </c>
      <c r="X2393" s="47" t="s">
        <v>5331</v>
      </c>
      <c r="Y2393" s="47" t="s">
        <v>5331</v>
      </c>
      <c r="Z2393" s="28"/>
      <c r="AA2393" s="27"/>
      <c r="AB2393" s="27"/>
      <c r="AC2393" s="27"/>
      <c r="AD2393" s="30"/>
      <c r="AE2393" s="1"/>
      <c r="AF2393" s="23" t="s">
        <v>5331</v>
      </c>
      <c r="AG2393" s="26"/>
      <c r="AH2393" s="53"/>
    </row>
    <row r="2394" spans="1:34" ht="51.6" customHeight="1" x14ac:dyDescent="0.45">
      <c r="A2394" s="23">
        <v>2388</v>
      </c>
      <c r="B2394" s="25"/>
      <c r="C2394" s="25"/>
      <c r="D2394" s="29"/>
      <c r="E2394" s="1"/>
      <c r="F2394" s="1"/>
      <c r="G2394" s="25"/>
      <c r="H2394" s="71"/>
      <c r="I2394" s="83"/>
      <c r="J2394" s="50" t="str">
        <f t="shared" si="76"/>
        <v/>
      </c>
      <c r="K2394" s="23" t="s">
        <v>7120</v>
      </c>
      <c r="L2394" s="49" t="e">
        <f>VLOOKUP(E2394&amp;F2394,団体コード!$A$1:$C$1743,3,FALSE)</f>
        <v>#N/A</v>
      </c>
      <c r="M2394" s="49" t="e">
        <f>VLOOKUP(E2394&amp;F2394,団体コード!$A$1:$C$1743,2,FALSE)</f>
        <v>#N/A</v>
      </c>
      <c r="N2394" s="51" t="e">
        <f>VLOOKUP(E2394,団体コード!$E$1:$F$48,2,FALSE)</f>
        <v>#N/A</v>
      </c>
      <c r="O2394" s="51" t="e">
        <f t="shared" si="77"/>
        <v>#N/A</v>
      </c>
      <c r="P2394" s="51">
        <v>1</v>
      </c>
      <c r="Q2394" s="51" t="s">
        <v>5341</v>
      </c>
      <c r="R2394" s="54" t="b">
        <v>1</v>
      </c>
      <c r="S2394" s="52" t="s">
        <v>7126</v>
      </c>
      <c r="T2394" s="67" t="s">
        <v>7127</v>
      </c>
      <c r="U2394" s="75" t="s">
        <v>5331</v>
      </c>
      <c r="V2394" s="47" t="s">
        <v>5331</v>
      </c>
      <c r="W2394" s="47" t="s">
        <v>5331</v>
      </c>
      <c r="X2394" s="47" t="s">
        <v>5331</v>
      </c>
      <c r="Y2394" s="47" t="s">
        <v>5331</v>
      </c>
      <c r="Z2394" s="28"/>
      <c r="AA2394" s="27"/>
      <c r="AB2394" s="27"/>
      <c r="AC2394" s="27"/>
      <c r="AD2394" s="30"/>
      <c r="AE2394" s="1"/>
      <c r="AF2394" s="23" t="s">
        <v>5331</v>
      </c>
      <c r="AG2394" s="26"/>
      <c r="AH2394" s="53"/>
    </row>
    <row r="2395" spans="1:34" ht="51.6" customHeight="1" x14ac:dyDescent="0.45">
      <c r="A2395" s="23">
        <v>2389</v>
      </c>
      <c r="B2395" s="25"/>
      <c r="C2395" s="25"/>
      <c r="D2395" s="29"/>
      <c r="E2395" s="1"/>
      <c r="F2395" s="1"/>
      <c r="G2395" s="25"/>
      <c r="H2395" s="71"/>
      <c r="I2395" s="83"/>
      <c r="J2395" s="50" t="str">
        <f t="shared" si="76"/>
        <v/>
      </c>
      <c r="K2395" s="23" t="s">
        <v>7120</v>
      </c>
      <c r="L2395" s="49" t="e">
        <f>VLOOKUP(E2395&amp;F2395,団体コード!$A$1:$C$1743,3,FALSE)</f>
        <v>#N/A</v>
      </c>
      <c r="M2395" s="49" t="e">
        <f>VLOOKUP(E2395&amp;F2395,団体コード!$A$1:$C$1743,2,FALSE)</f>
        <v>#N/A</v>
      </c>
      <c r="N2395" s="51" t="e">
        <f>VLOOKUP(E2395,団体コード!$E$1:$F$48,2,FALSE)</f>
        <v>#N/A</v>
      </c>
      <c r="O2395" s="51" t="e">
        <f t="shared" si="77"/>
        <v>#N/A</v>
      </c>
      <c r="P2395" s="51">
        <v>1</v>
      </c>
      <c r="Q2395" s="51" t="s">
        <v>5341</v>
      </c>
      <c r="R2395" s="54" t="b">
        <v>1</v>
      </c>
      <c r="S2395" s="52" t="s">
        <v>7126</v>
      </c>
      <c r="T2395" s="67" t="s">
        <v>7127</v>
      </c>
      <c r="U2395" s="75" t="s">
        <v>5331</v>
      </c>
      <c r="V2395" s="47" t="s">
        <v>5331</v>
      </c>
      <c r="W2395" s="47" t="s">
        <v>5331</v>
      </c>
      <c r="X2395" s="47" t="s">
        <v>5331</v>
      </c>
      <c r="Y2395" s="47" t="s">
        <v>5331</v>
      </c>
      <c r="Z2395" s="28"/>
      <c r="AA2395" s="27"/>
      <c r="AB2395" s="27"/>
      <c r="AC2395" s="27"/>
      <c r="AD2395" s="30"/>
      <c r="AE2395" s="1"/>
      <c r="AF2395" s="23" t="s">
        <v>5331</v>
      </c>
      <c r="AG2395" s="26"/>
      <c r="AH2395" s="53"/>
    </row>
    <row r="2396" spans="1:34" ht="51.6" customHeight="1" x14ac:dyDescent="0.45">
      <c r="A2396" s="23">
        <v>2390</v>
      </c>
      <c r="B2396" s="25"/>
      <c r="C2396" s="25"/>
      <c r="D2396" s="29"/>
      <c r="E2396" s="1"/>
      <c r="F2396" s="1"/>
      <c r="G2396" s="25"/>
      <c r="H2396" s="71"/>
      <c r="I2396" s="83"/>
      <c r="J2396" s="50" t="str">
        <f t="shared" si="76"/>
        <v/>
      </c>
      <c r="K2396" s="23" t="s">
        <v>7120</v>
      </c>
      <c r="L2396" s="49" t="e">
        <f>VLOOKUP(E2396&amp;F2396,団体コード!$A$1:$C$1743,3,FALSE)</f>
        <v>#N/A</v>
      </c>
      <c r="M2396" s="49" t="e">
        <f>VLOOKUP(E2396&amp;F2396,団体コード!$A$1:$C$1743,2,FALSE)</f>
        <v>#N/A</v>
      </c>
      <c r="N2396" s="51" t="e">
        <f>VLOOKUP(E2396,団体コード!$E$1:$F$48,2,FALSE)</f>
        <v>#N/A</v>
      </c>
      <c r="O2396" s="51" t="e">
        <f t="shared" si="77"/>
        <v>#N/A</v>
      </c>
      <c r="P2396" s="51">
        <v>1</v>
      </c>
      <c r="Q2396" s="51" t="s">
        <v>5341</v>
      </c>
      <c r="R2396" s="54" t="b">
        <v>1</v>
      </c>
      <c r="S2396" s="52" t="s">
        <v>7126</v>
      </c>
      <c r="T2396" s="67" t="s">
        <v>7127</v>
      </c>
      <c r="U2396" s="75" t="s">
        <v>5331</v>
      </c>
      <c r="V2396" s="47" t="s">
        <v>5331</v>
      </c>
      <c r="W2396" s="47" t="s">
        <v>5331</v>
      </c>
      <c r="X2396" s="47" t="s">
        <v>5331</v>
      </c>
      <c r="Y2396" s="47" t="s">
        <v>5331</v>
      </c>
      <c r="Z2396" s="28"/>
      <c r="AA2396" s="27"/>
      <c r="AB2396" s="27"/>
      <c r="AC2396" s="27"/>
      <c r="AD2396" s="30"/>
      <c r="AE2396" s="1"/>
      <c r="AF2396" s="23" t="s">
        <v>5331</v>
      </c>
      <c r="AG2396" s="26"/>
      <c r="AH2396" s="53"/>
    </row>
    <row r="2397" spans="1:34" ht="51.6" customHeight="1" x14ac:dyDescent="0.45">
      <c r="A2397" s="23">
        <v>2391</v>
      </c>
      <c r="B2397" s="25"/>
      <c r="C2397" s="25"/>
      <c r="D2397" s="29"/>
      <c r="E2397" s="1"/>
      <c r="F2397" s="1"/>
      <c r="G2397" s="25"/>
      <c r="H2397" s="71"/>
      <c r="I2397" s="83"/>
      <c r="J2397" s="50" t="str">
        <f t="shared" si="76"/>
        <v/>
      </c>
      <c r="K2397" s="23" t="s">
        <v>7120</v>
      </c>
      <c r="L2397" s="49" t="e">
        <f>VLOOKUP(E2397&amp;F2397,団体コード!$A$1:$C$1743,3,FALSE)</f>
        <v>#N/A</v>
      </c>
      <c r="M2397" s="49" t="e">
        <f>VLOOKUP(E2397&amp;F2397,団体コード!$A$1:$C$1743,2,FALSE)</f>
        <v>#N/A</v>
      </c>
      <c r="N2397" s="51" t="e">
        <f>VLOOKUP(E2397,団体コード!$E$1:$F$48,2,FALSE)</f>
        <v>#N/A</v>
      </c>
      <c r="O2397" s="51" t="e">
        <f t="shared" si="77"/>
        <v>#N/A</v>
      </c>
      <c r="P2397" s="51">
        <v>1</v>
      </c>
      <c r="Q2397" s="51" t="s">
        <v>5341</v>
      </c>
      <c r="R2397" s="54" t="b">
        <v>1</v>
      </c>
      <c r="S2397" s="52" t="s">
        <v>7126</v>
      </c>
      <c r="T2397" s="67" t="s">
        <v>7127</v>
      </c>
      <c r="U2397" s="75" t="s">
        <v>5331</v>
      </c>
      <c r="V2397" s="47" t="s">
        <v>5331</v>
      </c>
      <c r="W2397" s="47" t="s">
        <v>5331</v>
      </c>
      <c r="X2397" s="47" t="s">
        <v>5331</v>
      </c>
      <c r="Y2397" s="47" t="s">
        <v>5331</v>
      </c>
      <c r="Z2397" s="28"/>
      <c r="AA2397" s="27"/>
      <c r="AB2397" s="27"/>
      <c r="AC2397" s="27"/>
      <c r="AD2397" s="30"/>
      <c r="AE2397" s="1"/>
      <c r="AF2397" s="23" t="s">
        <v>5331</v>
      </c>
      <c r="AG2397" s="26"/>
      <c r="AH2397" s="53"/>
    </row>
    <row r="2398" spans="1:34" ht="51.6" customHeight="1" x14ac:dyDescent="0.45">
      <c r="A2398" s="23">
        <v>2392</v>
      </c>
      <c r="B2398" s="25"/>
      <c r="C2398" s="25"/>
      <c r="D2398" s="29"/>
      <c r="E2398" s="1"/>
      <c r="F2398" s="1"/>
      <c r="G2398" s="25"/>
      <c r="H2398" s="71"/>
      <c r="I2398" s="83"/>
      <c r="J2398" s="50" t="str">
        <f t="shared" si="76"/>
        <v/>
      </c>
      <c r="K2398" s="23" t="s">
        <v>7120</v>
      </c>
      <c r="L2398" s="49" t="e">
        <f>VLOOKUP(E2398&amp;F2398,団体コード!$A$1:$C$1743,3,FALSE)</f>
        <v>#N/A</v>
      </c>
      <c r="M2398" s="49" t="e">
        <f>VLOOKUP(E2398&amp;F2398,団体コード!$A$1:$C$1743,2,FALSE)</f>
        <v>#N/A</v>
      </c>
      <c r="N2398" s="51" t="e">
        <f>VLOOKUP(E2398,団体コード!$E$1:$F$48,2,FALSE)</f>
        <v>#N/A</v>
      </c>
      <c r="O2398" s="51" t="e">
        <f t="shared" si="77"/>
        <v>#N/A</v>
      </c>
      <c r="P2398" s="51">
        <v>1</v>
      </c>
      <c r="Q2398" s="51" t="s">
        <v>5341</v>
      </c>
      <c r="R2398" s="54" t="b">
        <v>1</v>
      </c>
      <c r="S2398" s="52" t="s">
        <v>7126</v>
      </c>
      <c r="T2398" s="67" t="s">
        <v>7127</v>
      </c>
      <c r="U2398" s="75" t="s">
        <v>5331</v>
      </c>
      <c r="V2398" s="47" t="s">
        <v>5331</v>
      </c>
      <c r="W2398" s="47" t="s">
        <v>5331</v>
      </c>
      <c r="X2398" s="47" t="s">
        <v>5331</v>
      </c>
      <c r="Y2398" s="47" t="s">
        <v>5331</v>
      </c>
      <c r="Z2398" s="28"/>
      <c r="AA2398" s="27"/>
      <c r="AB2398" s="27"/>
      <c r="AC2398" s="27"/>
      <c r="AD2398" s="30"/>
      <c r="AE2398" s="1"/>
      <c r="AF2398" s="23" t="s">
        <v>5331</v>
      </c>
      <c r="AG2398" s="26"/>
      <c r="AH2398" s="53"/>
    </row>
    <row r="2399" spans="1:34" ht="51.6" customHeight="1" x14ac:dyDescent="0.45">
      <c r="A2399" s="23">
        <v>2393</v>
      </c>
      <c r="B2399" s="25"/>
      <c r="C2399" s="25"/>
      <c r="D2399" s="29"/>
      <c r="E2399" s="1"/>
      <c r="F2399" s="1"/>
      <c r="G2399" s="25"/>
      <c r="H2399" s="71"/>
      <c r="I2399" s="83"/>
      <c r="J2399" s="50" t="str">
        <f t="shared" si="76"/>
        <v/>
      </c>
      <c r="K2399" s="23" t="s">
        <v>7120</v>
      </c>
      <c r="L2399" s="49" t="e">
        <f>VLOOKUP(E2399&amp;F2399,団体コード!$A$1:$C$1743,3,FALSE)</f>
        <v>#N/A</v>
      </c>
      <c r="M2399" s="49" t="e">
        <f>VLOOKUP(E2399&amp;F2399,団体コード!$A$1:$C$1743,2,FALSE)</f>
        <v>#N/A</v>
      </c>
      <c r="N2399" s="51" t="e">
        <f>VLOOKUP(E2399,団体コード!$E$1:$F$48,2,FALSE)</f>
        <v>#N/A</v>
      </c>
      <c r="O2399" s="51" t="e">
        <f t="shared" si="77"/>
        <v>#N/A</v>
      </c>
      <c r="P2399" s="51">
        <v>1</v>
      </c>
      <c r="Q2399" s="51" t="s">
        <v>5341</v>
      </c>
      <c r="R2399" s="54" t="b">
        <v>1</v>
      </c>
      <c r="S2399" s="52" t="s">
        <v>7126</v>
      </c>
      <c r="T2399" s="67" t="s">
        <v>7127</v>
      </c>
      <c r="U2399" s="75" t="s">
        <v>5331</v>
      </c>
      <c r="V2399" s="47" t="s">
        <v>5331</v>
      </c>
      <c r="W2399" s="47" t="s">
        <v>5331</v>
      </c>
      <c r="X2399" s="47" t="s">
        <v>5331</v>
      </c>
      <c r="Y2399" s="47" t="s">
        <v>5331</v>
      </c>
      <c r="Z2399" s="28"/>
      <c r="AA2399" s="27"/>
      <c r="AB2399" s="27"/>
      <c r="AC2399" s="27"/>
      <c r="AD2399" s="30"/>
      <c r="AE2399" s="1"/>
      <c r="AF2399" s="23" t="s">
        <v>5331</v>
      </c>
      <c r="AG2399" s="26"/>
      <c r="AH2399" s="53"/>
    </row>
    <row r="2400" spans="1:34" ht="51.6" customHeight="1" x14ac:dyDescent="0.45">
      <c r="A2400" s="23">
        <v>2394</v>
      </c>
      <c r="B2400" s="25"/>
      <c r="C2400" s="25"/>
      <c r="D2400" s="29"/>
      <c r="E2400" s="1"/>
      <c r="F2400" s="1"/>
      <c r="G2400" s="25"/>
      <c r="H2400" s="71"/>
      <c r="I2400" s="83"/>
      <c r="J2400" s="50" t="str">
        <f t="shared" si="76"/>
        <v/>
      </c>
      <c r="K2400" s="23" t="s">
        <v>7120</v>
      </c>
      <c r="L2400" s="49" t="e">
        <f>VLOOKUP(E2400&amp;F2400,団体コード!$A$1:$C$1743,3,FALSE)</f>
        <v>#N/A</v>
      </c>
      <c r="M2400" s="49" t="e">
        <f>VLOOKUP(E2400&amp;F2400,団体コード!$A$1:$C$1743,2,FALSE)</f>
        <v>#N/A</v>
      </c>
      <c r="N2400" s="51" t="e">
        <f>VLOOKUP(E2400,団体コード!$E$1:$F$48,2,FALSE)</f>
        <v>#N/A</v>
      </c>
      <c r="O2400" s="51" t="e">
        <f t="shared" si="77"/>
        <v>#N/A</v>
      </c>
      <c r="P2400" s="51">
        <v>1</v>
      </c>
      <c r="Q2400" s="51" t="s">
        <v>5341</v>
      </c>
      <c r="R2400" s="54" t="b">
        <v>1</v>
      </c>
      <c r="S2400" s="52" t="s">
        <v>7126</v>
      </c>
      <c r="T2400" s="67" t="s">
        <v>7127</v>
      </c>
      <c r="U2400" s="75" t="s">
        <v>5331</v>
      </c>
      <c r="V2400" s="47" t="s">
        <v>5331</v>
      </c>
      <c r="W2400" s="47" t="s">
        <v>5331</v>
      </c>
      <c r="X2400" s="47" t="s">
        <v>5331</v>
      </c>
      <c r="Y2400" s="47" t="s">
        <v>5331</v>
      </c>
      <c r="Z2400" s="28"/>
      <c r="AA2400" s="27"/>
      <c r="AB2400" s="27"/>
      <c r="AC2400" s="27"/>
      <c r="AD2400" s="30"/>
      <c r="AE2400" s="1"/>
      <c r="AF2400" s="23" t="s">
        <v>5331</v>
      </c>
      <c r="AG2400" s="26"/>
      <c r="AH2400" s="53"/>
    </row>
    <row r="2401" spans="1:34" ht="51.6" customHeight="1" x14ac:dyDescent="0.45">
      <c r="A2401" s="23">
        <v>2395</v>
      </c>
      <c r="B2401" s="25"/>
      <c r="C2401" s="25"/>
      <c r="D2401" s="29"/>
      <c r="E2401" s="1"/>
      <c r="F2401" s="1"/>
      <c r="G2401" s="25"/>
      <c r="H2401" s="71"/>
      <c r="I2401" s="83"/>
      <c r="J2401" s="50" t="str">
        <f t="shared" si="76"/>
        <v/>
      </c>
      <c r="K2401" s="23" t="s">
        <v>7120</v>
      </c>
      <c r="L2401" s="49" t="e">
        <f>VLOOKUP(E2401&amp;F2401,団体コード!$A$1:$C$1743,3,FALSE)</f>
        <v>#N/A</v>
      </c>
      <c r="M2401" s="49" t="e">
        <f>VLOOKUP(E2401&amp;F2401,団体コード!$A$1:$C$1743,2,FALSE)</f>
        <v>#N/A</v>
      </c>
      <c r="N2401" s="51" t="e">
        <f>VLOOKUP(E2401,団体コード!$E$1:$F$48,2,FALSE)</f>
        <v>#N/A</v>
      </c>
      <c r="O2401" s="51" t="e">
        <f t="shared" si="77"/>
        <v>#N/A</v>
      </c>
      <c r="P2401" s="51">
        <v>1</v>
      </c>
      <c r="Q2401" s="51" t="s">
        <v>5341</v>
      </c>
      <c r="R2401" s="54" t="b">
        <v>1</v>
      </c>
      <c r="S2401" s="52" t="s">
        <v>7126</v>
      </c>
      <c r="T2401" s="67" t="s">
        <v>7127</v>
      </c>
      <c r="U2401" s="75" t="s">
        <v>5331</v>
      </c>
      <c r="V2401" s="47" t="s">
        <v>5331</v>
      </c>
      <c r="W2401" s="47" t="s">
        <v>5331</v>
      </c>
      <c r="X2401" s="47" t="s">
        <v>5331</v>
      </c>
      <c r="Y2401" s="47" t="s">
        <v>5331</v>
      </c>
      <c r="Z2401" s="28"/>
      <c r="AA2401" s="27"/>
      <c r="AB2401" s="27"/>
      <c r="AC2401" s="27"/>
      <c r="AD2401" s="30"/>
      <c r="AE2401" s="1"/>
      <c r="AF2401" s="23" t="s">
        <v>5331</v>
      </c>
      <c r="AG2401" s="26"/>
      <c r="AH2401" s="53"/>
    </row>
    <row r="2402" spans="1:34" ht="51.6" customHeight="1" x14ac:dyDescent="0.45">
      <c r="A2402" s="23">
        <v>2396</v>
      </c>
      <c r="B2402" s="25"/>
      <c r="C2402" s="25"/>
      <c r="D2402" s="29"/>
      <c r="E2402" s="1"/>
      <c r="F2402" s="1"/>
      <c r="G2402" s="25"/>
      <c r="H2402" s="71"/>
      <c r="I2402" s="83"/>
      <c r="J2402" s="50" t="str">
        <f t="shared" si="76"/>
        <v/>
      </c>
      <c r="K2402" s="23" t="s">
        <v>7120</v>
      </c>
      <c r="L2402" s="49" t="e">
        <f>VLOOKUP(E2402&amp;F2402,団体コード!$A$1:$C$1743,3,FALSE)</f>
        <v>#N/A</v>
      </c>
      <c r="M2402" s="49" t="e">
        <f>VLOOKUP(E2402&amp;F2402,団体コード!$A$1:$C$1743,2,FALSE)</f>
        <v>#N/A</v>
      </c>
      <c r="N2402" s="51" t="e">
        <f>VLOOKUP(E2402,団体コード!$E$1:$F$48,2,FALSE)</f>
        <v>#N/A</v>
      </c>
      <c r="O2402" s="51" t="e">
        <f t="shared" si="77"/>
        <v>#N/A</v>
      </c>
      <c r="P2402" s="51">
        <v>1</v>
      </c>
      <c r="Q2402" s="51" t="s">
        <v>5341</v>
      </c>
      <c r="R2402" s="54" t="b">
        <v>1</v>
      </c>
      <c r="S2402" s="52" t="s">
        <v>7126</v>
      </c>
      <c r="T2402" s="67" t="s">
        <v>7127</v>
      </c>
      <c r="U2402" s="75" t="s">
        <v>5331</v>
      </c>
      <c r="V2402" s="47" t="s">
        <v>5331</v>
      </c>
      <c r="W2402" s="47" t="s">
        <v>5331</v>
      </c>
      <c r="X2402" s="47" t="s">
        <v>5331</v>
      </c>
      <c r="Y2402" s="47" t="s">
        <v>5331</v>
      </c>
      <c r="Z2402" s="28"/>
      <c r="AA2402" s="27"/>
      <c r="AB2402" s="27"/>
      <c r="AC2402" s="27"/>
      <c r="AD2402" s="30"/>
      <c r="AE2402" s="1"/>
      <c r="AF2402" s="23" t="s">
        <v>5331</v>
      </c>
      <c r="AG2402" s="26"/>
      <c r="AH2402" s="53"/>
    </row>
    <row r="2403" spans="1:34" ht="51.6" customHeight="1" x14ac:dyDescent="0.45">
      <c r="A2403" s="23">
        <v>2397</v>
      </c>
      <c r="B2403" s="25"/>
      <c r="C2403" s="25"/>
      <c r="D2403" s="29"/>
      <c r="E2403" s="1"/>
      <c r="F2403" s="1"/>
      <c r="G2403" s="25"/>
      <c r="H2403" s="71"/>
      <c r="I2403" s="83"/>
      <c r="J2403" s="50" t="str">
        <f t="shared" si="76"/>
        <v/>
      </c>
      <c r="K2403" s="23" t="s">
        <v>7120</v>
      </c>
      <c r="L2403" s="49" t="e">
        <f>VLOOKUP(E2403&amp;F2403,団体コード!$A$1:$C$1743,3,FALSE)</f>
        <v>#N/A</v>
      </c>
      <c r="M2403" s="49" t="e">
        <f>VLOOKUP(E2403&amp;F2403,団体コード!$A$1:$C$1743,2,FALSE)</f>
        <v>#N/A</v>
      </c>
      <c r="N2403" s="51" t="e">
        <f>VLOOKUP(E2403,団体コード!$E$1:$F$48,2,FALSE)</f>
        <v>#N/A</v>
      </c>
      <c r="O2403" s="51" t="e">
        <f t="shared" si="77"/>
        <v>#N/A</v>
      </c>
      <c r="P2403" s="51">
        <v>1</v>
      </c>
      <c r="Q2403" s="51" t="s">
        <v>5341</v>
      </c>
      <c r="R2403" s="54" t="b">
        <v>1</v>
      </c>
      <c r="S2403" s="52" t="s">
        <v>7126</v>
      </c>
      <c r="T2403" s="67" t="s">
        <v>7127</v>
      </c>
      <c r="U2403" s="75" t="s">
        <v>5331</v>
      </c>
      <c r="V2403" s="47" t="s">
        <v>5331</v>
      </c>
      <c r="W2403" s="47" t="s">
        <v>5331</v>
      </c>
      <c r="X2403" s="47" t="s">
        <v>5331</v>
      </c>
      <c r="Y2403" s="47" t="s">
        <v>5331</v>
      </c>
      <c r="Z2403" s="28"/>
      <c r="AA2403" s="27"/>
      <c r="AB2403" s="27"/>
      <c r="AC2403" s="27"/>
      <c r="AD2403" s="30"/>
      <c r="AE2403" s="1"/>
      <c r="AF2403" s="23" t="s">
        <v>5331</v>
      </c>
      <c r="AG2403" s="26"/>
      <c r="AH2403" s="53"/>
    </row>
    <row r="2404" spans="1:34" ht="51.6" customHeight="1" x14ac:dyDescent="0.45">
      <c r="A2404" s="23">
        <v>2398</v>
      </c>
      <c r="B2404" s="25"/>
      <c r="C2404" s="25"/>
      <c r="D2404" s="29"/>
      <c r="E2404" s="1"/>
      <c r="F2404" s="1"/>
      <c r="G2404" s="25"/>
      <c r="H2404" s="71"/>
      <c r="I2404" s="83"/>
      <c r="J2404" s="50" t="str">
        <f t="shared" si="76"/>
        <v/>
      </c>
      <c r="K2404" s="23" t="s">
        <v>7120</v>
      </c>
      <c r="L2404" s="49" t="e">
        <f>VLOOKUP(E2404&amp;F2404,団体コード!$A$1:$C$1743,3,FALSE)</f>
        <v>#N/A</v>
      </c>
      <c r="M2404" s="49" t="e">
        <f>VLOOKUP(E2404&amp;F2404,団体コード!$A$1:$C$1743,2,FALSE)</f>
        <v>#N/A</v>
      </c>
      <c r="N2404" s="51" t="e">
        <f>VLOOKUP(E2404,団体コード!$E$1:$F$48,2,FALSE)</f>
        <v>#N/A</v>
      </c>
      <c r="O2404" s="51" t="e">
        <f t="shared" si="77"/>
        <v>#N/A</v>
      </c>
      <c r="P2404" s="51">
        <v>1</v>
      </c>
      <c r="Q2404" s="51" t="s">
        <v>5341</v>
      </c>
      <c r="R2404" s="54" t="b">
        <v>1</v>
      </c>
      <c r="S2404" s="52" t="s">
        <v>7126</v>
      </c>
      <c r="T2404" s="67" t="s">
        <v>7127</v>
      </c>
      <c r="U2404" s="75" t="s">
        <v>5331</v>
      </c>
      <c r="V2404" s="47" t="s">
        <v>5331</v>
      </c>
      <c r="W2404" s="47" t="s">
        <v>5331</v>
      </c>
      <c r="X2404" s="47" t="s">
        <v>5331</v>
      </c>
      <c r="Y2404" s="47" t="s">
        <v>5331</v>
      </c>
      <c r="Z2404" s="28"/>
      <c r="AA2404" s="27"/>
      <c r="AB2404" s="27"/>
      <c r="AC2404" s="27"/>
      <c r="AD2404" s="30"/>
      <c r="AE2404" s="1"/>
      <c r="AF2404" s="23" t="s">
        <v>5331</v>
      </c>
      <c r="AG2404" s="26"/>
      <c r="AH2404" s="53"/>
    </row>
    <row r="2405" spans="1:34" ht="51.6" customHeight="1" x14ac:dyDescent="0.45">
      <c r="A2405" s="23">
        <v>2399</v>
      </c>
      <c r="B2405" s="25"/>
      <c r="C2405" s="25"/>
      <c r="D2405" s="29"/>
      <c r="E2405" s="1"/>
      <c r="F2405" s="1"/>
      <c r="G2405" s="25"/>
      <c r="H2405" s="71"/>
      <c r="I2405" s="83"/>
      <c r="J2405" s="50" t="str">
        <f t="shared" si="76"/>
        <v/>
      </c>
      <c r="K2405" s="23" t="s">
        <v>7120</v>
      </c>
      <c r="L2405" s="49" t="e">
        <f>VLOOKUP(E2405&amp;F2405,団体コード!$A$1:$C$1743,3,FALSE)</f>
        <v>#N/A</v>
      </c>
      <c r="M2405" s="49" t="e">
        <f>VLOOKUP(E2405&amp;F2405,団体コード!$A$1:$C$1743,2,FALSE)</f>
        <v>#N/A</v>
      </c>
      <c r="N2405" s="51" t="e">
        <f>VLOOKUP(E2405,団体コード!$E$1:$F$48,2,FALSE)</f>
        <v>#N/A</v>
      </c>
      <c r="O2405" s="51" t="e">
        <f t="shared" si="77"/>
        <v>#N/A</v>
      </c>
      <c r="P2405" s="51">
        <v>1</v>
      </c>
      <c r="Q2405" s="51" t="s">
        <v>5341</v>
      </c>
      <c r="R2405" s="54" t="b">
        <v>1</v>
      </c>
      <c r="S2405" s="52" t="s">
        <v>7126</v>
      </c>
      <c r="T2405" s="67" t="s">
        <v>7127</v>
      </c>
      <c r="U2405" s="75" t="s">
        <v>5331</v>
      </c>
      <c r="V2405" s="47" t="s">
        <v>5331</v>
      </c>
      <c r="W2405" s="47" t="s">
        <v>5331</v>
      </c>
      <c r="X2405" s="47" t="s">
        <v>5331</v>
      </c>
      <c r="Y2405" s="47" t="s">
        <v>5331</v>
      </c>
      <c r="Z2405" s="28"/>
      <c r="AA2405" s="27"/>
      <c r="AB2405" s="27"/>
      <c r="AC2405" s="27"/>
      <c r="AD2405" s="30"/>
      <c r="AE2405" s="1"/>
      <c r="AF2405" s="23" t="s">
        <v>5331</v>
      </c>
      <c r="AG2405" s="26"/>
      <c r="AH2405" s="53"/>
    </row>
    <row r="2406" spans="1:34" ht="51.6" customHeight="1" x14ac:dyDescent="0.45">
      <c r="A2406" s="23">
        <v>2400</v>
      </c>
      <c r="B2406" s="25"/>
      <c r="C2406" s="25"/>
      <c r="D2406" s="29"/>
      <c r="E2406" s="1"/>
      <c r="F2406" s="1"/>
      <c r="G2406" s="25"/>
      <c r="H2406" s="71"/>
      <c r="I2406" s="83"/>
      <c r="J2406" s="50" t="str">
        <f t="shared" si="76"/>
        <v/>
      </c>
      <c r="K2406" s="23" t="s">
        <v>7120</v>
      </c>
      <c r="L2406" s="49" t="e">
        <f>VLOOKUP(E2406&amp;F2406,団体コード!$A$1:$C$1743,3,FALSE)</f>
        <v>#N/A</v>
      </c>
      <c r="M2406" s="49" t="e">
        <f>VLOOKUP(E2406&amp;F2406,団体コード!$A$1:$C$1743,2,FALSE)</f>
        <v>#N/A</v>
      </c>
      <c r="N2406" s="51" t="e">
        <f>VLOOKUP(E2406,団体コード!$E$1:$F$48,2,FALSE)</f>
        <v>#N/A</v>
      </c>
      <c r="O2406" s="51" t="e">
        <f t="shared" si="77"/>
        <v>#N/A</v>
      </c>
      <c r="P2406" s="51">
        <v>1</v>
      </c>
      <c r="Q2406" s="51" t="s">
        <v>5341</v>
      </c>
      <c r="R2406" s="54" t="b">
        <v>1</v>
      </c>
      <c r="S2406" s="52" t="s">
        <v>7126</v>
      </c>
      <c r="T2406" s="67" t="s">
        <v>7127</v>
      </c>
      <c r="U2406" s="75" t="s">
        <v>5331</v>
      </c>
      <c r="V2406" s="47" t="s">
        <v>5331</v>
      </c>
      <c r="W2406" s="47" t="s">
        <v>5331</v>
      </c>
      <c r="X2406" s="47" t="s">
        <v>5331</v>
      </c>
      <c r="Y2406" s="47" t="s">
        <v>5331</v>
      </c>
      <c r="Z2406" s="28"/>
      <c r="AA2406" s="27"/>
      <c r="AB2406" s="27"/>
      <c r="AC2406" s="27"/>
      <c r="AD2406" s="30"/>
      <c r="AE2406" s="1"/>
      <c r="AF2406" s="23" t="s">
        <v>5331</v>
      </c>
      <c r="AG2406" s="26"/>
      <c r="AH2406" s="53"/>
    </row>
    <row r="2407" spans="1:34" ht="51.6" customHeight="1" x14ac:dyDescent="0.45">
      <c r="A2407" s="23">
        <v>2401</v>
      </c>
      <c r="B2407" s="25"/>
      <c r="C2407" s="25"/>
      <c r="D2407" s="29"/>
      <c r="E2407" s="1"/>
      <c r="F2407" s="1"/>
      <c r="G2407" s="25"/>
      <c r="H2407" s="71"/>
      <c r="I2407" s="83"/>
      <c r="J2407" s="50" t="str">
        <f t="shared" si="76"/>
        <v/>
      </c>
      <c r="K2407" s="23" t="s">
        <v>7120</v>
      </c>
      <c r="L2407" s="49" t="e">
        <f>VLOOKUP(E2407&amp;F2407,団体コード!$A$1:$C$1743,3,FALSE)</f>
        <v>#N/A</v>
      </c>
      <c r="M2407" s="49" t="e">
        <f>VLOOKUP(E2407&amp;F2407,団体コード!$A$1:$C$1743,2,FALSE)</f>
        <v>#N/A</v>
      </c>
      <c r="N2407" s="51" t="e">
        <f>VLOOKUP(E2407,団体コード!$E$1:$F$48,2,FALSE)</f>
        <v>#N/A</v>
      </c>
      <c r="O2407" s="51" t="e">
        <f t="shared" si="77"/>
        <v>#N/A</v>
      </c>
      <c r="P2407" s="51">
        <v>1</v>
      </c>
      <c r="Q2407" s="51" t="s">
        <v>5341</v>
      </c>
      <c r="R2407" s="54" t="b">
        <v>1</v>
      </c>
      <c r="S2407" s="52" t="s">
        <v>7126</v>
      </c>
      <c r="T2407" s="67" t="s">
        <v>7127</v>
      </c>
      <c r="U2407" s="75" t="s">
        <v>5331</v>
      </c>
      <c r="V2407" s="47" t="s">
        <v>5331</v>
      </c>
      <c r="W2407" s="47" t="s">
        <v>5331</v>
      </c>
      <c r="X2407" s="47" t="s">
        <v>5331</v>
      </c>
      <c r="Y2407" s="47" t="s">
        <v>5331</v>
      </c>
      <c r="Z2407" s="28"/>
      <c r="AA2407" s="27"/>
      <c r="AB2407" s="27"/>
      <c r="AC2407" s="27"/>
      <c r="AD2407" s="30"/>
      <c r="AE2407" s="1"/>
      <c r="AF2407" s="23" t="s">
        <v>5331</v>
      </c>
      <c r="AG2407" s="26"/>
      <c r="AH2407" s="53"/>
    </row>
    <row r="2408" spans="1:34" ht="51.6" customHeight="1" x14ac:dyDescent="0.45">
      <c r="A2408" s="23">
        <v>2402</v>
      </c>
      <c r="B2408" s="25"/>
      <c r="C2408" s="25"/>
      <c r="D2408" s="29"/>
      <c r="E2408" s="1"/>
      <c r="F2408" s="1"/>
      <c r="G2408" s="25"/>
      <c r="H2408" s="71"/>
      <c r="I2408" s="83"/>
      <c r="J2408" s="50" t="str">
        <f t="shared" si="76"/>
        <v/>
      </c>
      <c r="K2408" s="23" t="s">
        <v>7120</v>
      </c>
      <c r="L2408" s="49" t="e">
        <f>VLOOKUP(E2408&amp;F2408,団体コード!$A$1:$C$1743,3,FALSE)</f>
        <v>#N/A</v>
      </c>
      <c r="M2408" s="49" t="e">
        <f>VLOOKUP(E2408&amp;F2408,団体コード!$A$1:$C$1743,2,FALSE)</f>
        <v>#N/A</v>
      </c>
      <c r="N2408" s="51" t="e">
        <f>VLOOKUP(E2408,団体コード!$E$1:$F$48,2,FALSE)</f>
        <v>#N/A</v>
      </c>
      <c r="O2408" s="51" t="e">
        <f t="shared" si="77"/>
        <v>#N/A</v>
      </c>
      <c r="P2408" s="51">
        <v>1</v>
      </c>
      <c r="Q2408" s="51" t="s">
        <v>5341</v>
      </c>
      <c r="R2408" s="54" t="b">
        <v>1</v>
      </c>
      <c r="S2408" s="52" t="s">
        <v>7126</v>
      </c>
      <c r="T2408" s="67" t="s">
        <v>7127</v>
      </c>
      <c r="U2408" s="75" t="s">
        <v>5331</v>
      </c>
      <c r="V2408" s="47" t="s">
        <v>5331</v>
      </c>
      <c r="W2408" s="47" t="s">
        <v>5331</v>
      </c>
      <c r="X2408" s="47" t="s">
        <v>5331</v>
      </c>
      <c r="Y2408" s="47" t="s">
        <v>5331</v>
      </c>
      <c r="Z2408" s="28"/>
      <c r="AA2408" s="27"/>
      <c r="AB2408" s="27"/>
      <c r="AC2408" s="27"/>
      <c r="AD2408" s="30"/>
      <c r="AE2408" s="1"/>
      <c r="AF2408" s="23" t="s">
        <v>5331</v>
      </c>
      <c r="AG2408" s="26"/>
      <c r="AH2408" s="53"/>
    </row>
    <row r="2409" spans="1:34" ht="51.6" customHeight="1" x14ac:dyDescent="0.45">
      <c r="A2409" s="23">
        <v>2403</v>
      </c>
      <c r="B2409" s="25"/>
      <c r="C2409" s="25"/>
      <c r="D2409" s="29"/>
      <c r="E2409" s="1"/>
      <c r="F2409" s="1"/>
      <c r="G2409" s="25"/>
      <c r="H2409" s="71"/>
      <c r="I2409" s="83"/>
      <c r="J2409" s="50" t="str">
        <f t="shared" si="76"/>
        <v/>
      </c>
      <c r="K2409" s="23" t="s">
        <v>7120</v>
      </c>
      <c r="L2409" s="49" t="e">
        <f>VLOOKUP(E2409&amp;F2409,団体コード!$A$1:$C$1743,3,FALSE)</f>
        <v>#N/A</v>
      </c>
      <c r="M2409" s="49" t="e">
        <f>VLOOKUP(E2409&amp;F2409,団体コード!$A$1:$C$1743,2,FALSE)</f>
        <v>#N/A</v>
      </c>
      <c r="N2409" s="51" t="e">
        <f>VLOOKUP(E2409,団体コード!$E$1:$F$48,2,FALSE)</f>
        <v>#N/A</v>
      </c>
      <c r="O2409" s="51" t="e">
        <f t="shared" si="77"/>
        <v>#N/A</v>
      </c>
      <c r="P2409" s="51">
        <v>1</v>
      </c>
      <c r="Q2409" s="51" t="s">
        <v>5341</v>
      </c>
      <c r="R2409" s="54" t="b">
        <v>1</v>
      </c>
      <c r="S2409" s="52" t="s">
        <v>7126</v>
      </c>
      <c r="T2409" s="67" t="s">
        <v>7127</v>
      </c>
      <c r="U2409" s="75" t="s">
        <v>5331</v>
      </c>
      <c r="V2409" s="47" t="s">
        <v>5331</v>
      </c>
      <c r="W2409" s="47" t="s">
        <v>5331</v>
      </c>
      <c r="X2409" s="47" t="s">
        <v>5331</v>
      </c>
      <c r="Y2409" s="47" t="s">
        <v>5331</v>
      </c>
      <c r="Z2409" s="28"/>
      <c r="AA2409" s="27"/>
      <c r="AB2409" s="27"/>
      <c r="AC2409" s="27"/>
      <c r="AD2409" s="30"/>
      <c r="AE2409" s="1"/>
      <c r="AF2409" s="23" t="s">
        <v>5331</v>
      </c>
      <c r="AG2409" s="26"/>
      <c r="AH2409" s="53"/>
    </row>
    <row r="2410" spans="1:34" ht="51.6" customHeight="1" x14ac:dyDescent="0.45">
      <c r="A2410" s="23">
        <v>2404</v>
      </c>
      <c r="B2410" s="25"/>
      <c r="C2410" s="25"/>
      <c r="D2410" s="29"/>
      <c r="E2410" s="1"/>
      <c r="F2410" s="1"/>
      <c r="G2410" s="25"/>
      <c r="H2410" s="71"/>
      <c r="I2410" s="83"/>
      <c r="J2410" s="50" t="str">
        <f t="shared" si="76"/>
        <v/>
      </c>
      <c r="K2410" s="23" t="s">
        <v>7120</v>
      </c>
      <c r="L2410" s="49" t="e">
        <f>VLOOKUP(E2410&amp;F2410,団体コード!$A$1:$C$1743,3,FALSE)</f>
        <v>#N/A</v>
      </c>
      <c r="M2410" s="49" t="e">
        <f>VLOOKUP(E2410&amp;F2410,団体コード!$A$1:$C$1743,2,FALSE)</f>
        <v>#N/A</v>
      </c>
      <c r="N2410" s="51" t="e">
        <f>VLOOKUP(E2410,団体コード!$E$1:$F$48,2,FALSE)</f>
        <v>#N/A</v>
      </c>
      <c r="O2410" s="51" t="e">
        <f t="shared" si="77"/>
        <v>#N/A</v>
      </c>
      <c r="P2410" s="51">
        <v>1</v>
      </c>
      <c r="Q2410" s="51" t="s">
        <v>5341</v>
      </c>
      <c r="R2410" s="54" t="b">
        <v>1</v>
      </c>
      <c r="S2410" s="52" t="s">
        <v>7126</v>
      </c>
      <c r="T2410" s="67" t="s">
        <v>7127</v>
      </c>
      <c r="U2410" s="75" t="s">
        <v>5331</v>
      </c>
      <c r="V2410" s="47" t="s">
        <v>5331</v>
      </c>
      <c r="W2410" s="47" t="s">
        <v>5331</v>
      </c>
      <c r="X2410" s="47" t="s">
        <v>5331</v>
      </c>
      <c r="Y2410" s="47" t="s">
        <v>5331</v>
      </c>
      <c r="Z2410" s="28"/>
      <c r="AA2410" s="27"/>
      <c r="AB2410" s="27"/>
      <c r="AC2410" s="27"/>
      <c r="AD2410" s="30"/>
      <c r="AE2410" s="1"/>
      <c r="AF2410" s="23" t="s">
        <v>5331</v>
      </c>
      <c r="AG2410" s="26"/>
      <c r="AH2410" s="53"/>
    </row>
    <row r="2411" spans="1:34" ht="51.6" customHeight="1" x14ac:dyDescent="0.45">
      <c r="A2411" s="23">
        <v>2405</v>
      </c>
      <c r="B2411" s="25"/>
      <c r="C2411" s="25"/>
      <c r="D2411" s="29"/>
      <c r="E2411" s="1"/>
      <c r="F2411" s="1"/>
      <c r="G2411" s="25"/>
      <c r="H2411" s="71"/>
      <c r="I2411" s="83"/>
      <c r="J2411" s="50" t="str">
        <f t="shared" si="76"/>
        <v/>
      </c>
      <c r="K2411" s="23" t="s">
        <v>7120</v>
      </c>
      <c r="L2411" s="49" t="e">
        <f>VLOOKUP(E2411&amp;F2411,団体コード!$A$1:$C$1743,3,FALSE)</f>
        <v>#N/A</v>
      </c>
      <c r="M2411" s="49" t="e">
        <f>VLOOKUP(E2411&amp;F2411,団体コード!$A$1:$C$1743,2,FALSE)</f>
        <v>#N/A</v>
      </c>
      <c r="N2411" s="51" t="e">
        <f>VLOOKUP(E2411,団体コード!$E$1:$F$48,2,FALSE)</f>
        <v>#N/A</v>
      </c>
      <c r="O2411" s="51" t="e">
        <f t="shared" si="77"/>
        <v>#N/A</v>
      </c>
      <c r="P2411" s="51">
        <v>1</v>
      </c>
      <c r="Q2411" s="51" t="s">
        <v>5341</v>
      </c>
      <c r="R2411" s="54" t="b">
        <v>1</v>
      </c>
      <c r="S2411" s="52" t="s">
        <v>7126</v>
      </c>
      <c r="T2411" s="67" t="s">
        <v>7127</v>
      </c>
      <c r="U2411" s="75" t="s">
        <v>5331</v>
      </c>
      <c r="V2411" s="47" t="s">
        <v>5331</v>
      </c>
      <c r="W2411" s="47" t="s">
        <v>5331</v>
      </c>
      <c r="X2411" s="47" t="s">
        <v>5331</v>
      </c>
      <c r="Y2411" s="47" t="s">
        <v>5331</v>
      </c>
      <c r="Z2411" s="28"/>
      <c r="AA2411" s="27"/>
      <c r="AB2411" s="27"/>
      <c r="AC2411" s="27"/>
      <c r="AD2411" s="30"/>
      <c r="AE2411" s="1"/>
      <c r="AF2411" s="23" t="s">
        <v>5331</v>
      </c>
      <c r="AG2411" s="26"/>
      <c r="AH2411" s="53"/>
    </row>
    <row r="2412" spans="1:34" ht="51.6" customHeight="1" x14ac:dyDescent="0.45">
      <c r="A2412" s="23">
        <v>2406</v>
      </c>
      <c r="B2412" s="25"/>
      <c r="C2412" s="25"/>
      <c r="D2412" s="29"/>
      <c r="E2412" s="1"/>
      <c r="F2412" s="1"/>
      <c r="G2412" s="25"/>
      <c r="H2412" s="71"/>
      <c r="I2412" s="83"/>
      <c r="J2412" s="50" t="str">
        <f t="shared" si="76"/>
        <v/>
      </c>
      <c r="K2412" s="23" t="s">
        <v>7120</v>
      </c>
      <c r="L2412" s="49" t="e">
        <f>VLOOKUP(E2412&amp;F2412,団体コード!$A$1:$C$1743,3,FALSE)</f>
        <v>#N/A</v>
      </c>
      <c r="M2412" s="49" t="e">
        <f>VLOOKUP(E2412&amp;F2412,団体コード!$A$1:$C$1743,2,FALSE)</f>
        <v>#N/A</v>
      </c>
      <c r="N2412" s="51" t="e">
        <f>VLOOKUP(E2412,団体コード!$E$1:$F$48,2,FALSE)</f>
        <v>#N/A</v>
      </c>
      <c r="O2412" s="51" t="e">
        <f t="shared" si="77"/>
        <v>#N/A</v>
      </c>
      <c r="P2412" s="51">
        <v>1</v>
      </c>
      <c r="Q2412" s="51" t="s">
        <v>5341</v>
      </c>
      <c r="R2412" s="54" t="b">
        <v>1</v>
      </c>
      <c r="S2412" s="52" t="s">
        <v>7126</v>
      </c>
      <c r="T2412" s="67" t="s">
        <v>7127</v>
      </c>
      <c r="U2412" s="75" t="s">
        <v>5331</v>
      </c>
      <c r="V2412" s="47" t="s">
        <v>5331</v>
      </c>
      <c r="W2412" s="47" t="s">
        <v>5331</v>
      </c>
      <c r="X2412" s="47" t="s">
        <v>5331</v>
      </c>
      <c r="Y2412" s="47" t="s">
        <v>5331</v>
      </c>
      <c r="Z2412" s="28"/>
      <c r="AA2412" s="27"/>
      <c r="AB2412" s="27"/>
      <c r="AC2412" s="27"/>
      <c r="AD2412" s="30"/>
      <c r="AE2412" s="1"/>
      <c r="AF2412" s="23" t="s">
        <v>5331</v>
      </c>
      <c r="AG2412" s="26"/>
      <c r="AH2412" s="53"/>
    </row>
    <row r="2413" spans="1:34" ht="51.6" customHeight="1" x14ac:dyDescent="0.45">
      <c r="A2413" s="23">
        <v>2407</v>
      </c>
      <c r="B2413" s="25"/>
      <c r="C2413" s="25"/>
      <c r="D2413" s="29"/>
      <c r="E2413" s="1"/>
      <c r="F2413" s="1"/>
      <c r="G2413" s="25"/>
      <c r="H2413" s="71"/>
      <c r="I2413" s="83"/>
      <c r="J2413" s="50" t="str">
        <f t="shared" si="76"/>
        <v/>
      </c>
      <c r="K2413" s="23" t="s">
        <v>7120</v>
      </c>
      <c r="L2413" s="49" t="e">
        <f>VLOOKUP(E2413&amp;F2413,団体コード!$A$1:$C$1743,3,FALSE)</f>
        <v>#N/A</v>
      </c>
      <c r="M2413" s="49" t="e">
        <f>VLOOKUP(E2413&amp;F2413,団体コード!$A$1:$C$1743,2,FALSE)</f>
        <v>#N/A</v>
      </c>
      <c r="N2413" s="51" t="e">
        <f>VLOOKUP(E2413,団体コード!$E$1:$F$48,2,FALSE)</f>
        <v>#N/A</v>
      </c>
      <c r="O2413" s="51" t="e">
        <f t="shared" si="77"/>
        <v>#N/A</v>
      </c>
      <c r="P2413" s="51">
        <v>1</v>
      </c>
      <c r="Q2413" s="51" t="s">
        <v>5341</v>
      </c>
      <c r="R2413" s="54" t="b">
        <v>1</v>
      </c>
      <c r="S2413" s="52" t="s">
        <v>7126</v>
      </c>
      <c r="T2413" s="67" t="s">
        <v>7127</v>
      </c>
      <c r="U2413" s="75" t="s">
        <v>5331</v>
      </c>
      <c r="V2413" s="47" t="s">
        <v>5331</v>
      </c>
      <c r="W2413" s="47" t="s">
        <v>5331</v>
      </c>
      <c r="X2413" s="47" t="s">
        <v>5331</v>
      </c>
      <c r="Y2413" s="47" t="s">
        <v>5331</v>
      </c>
      <c r="Z2413" s="28"/>
      <c r="AA2413" s="27"/>
      <c r="AB2413" s="27"/>
      <c r="AC2413" s="27"/>
      <c r="AD2413" s="30"/>
      <c r="AE2413" s="1"/>
      <c r="AF2413" s="23" t="s">
        <v>5331</v>
      </c>
      <c r="AG2413" s="26"/>
      <c r="AH2413" s="53"/>
    </row>
    <row r="2414" spans="1:34" ht="51.6" customHeight="1" x14ac:dyDescent="0.45">
      <c r="A2414" s="23">
        <v>2408</v>
      </c>
      <c r="B2414" s="25"/>
      <c r="C2414" s="25"/>
      <c r="D2414" s="29"/>
      <c r="E2414" s="1"/>
      <c r="F2414" s="1"/>
      <c r="G2414" s="25"/>
      <c r="H2414" s="71"/>
      <c r="I2414" s="83"/>
      <c r="J2414" s="50" t="str">
        <f t="shared" si="76"/>
        <v/>
      </c>
      <c r="K2414" s="23" t="s">
        <v>7120</v>
      </c>
      <c r="L2414" s="49" t="e">
        <f>VLOOKUP(E2414&amp;F2414,団体コード!$A$1:$C$1743,3,FALSE)</f>
        <v>#N/A</v>
      </c>
      <c r="M2414" s="49" t="e">
        <f>VLOOKUP(E2414&amp;F2414,団体コード!$A$1:$C$1743,2,FALSE)</f>
        <v>#N/A</v>
      </c>
      <c r="N2414" s="51" t="e">
        <f>VLOOKUP(E2414,団体コード!$E$1:$F$48,2,FALSE)</f>
        <v>#N/A</v>
      </c>
      <c r="O2414" s="51" t="e">
        <f t="shared" si="77"/>
        <v>#N/A</v>
      </c>
      <c r="P2414" s="51">
        <v>1</v>
      </c>
      <c r="Q2414" s="51" t="s">
        <v>5341</v>
      </c>
      <c r="R2414" s="54" t="b">
        <v>1</v>
      </c>
      <c r="S2414" s="52" t="s">
        <v>7126</v>
      </c>
      <c r="T2414" s="67" t="s">
        <v>7127</v>
      </c>
      <c r="U2414" s="75" t="s">
        <v>5331</v>
      </c>
      <c r="V2414" s="47" t="s">
        <v>5331</v>
      </c>
      <c r="W2414" s="47" t="s">
        <v>5331</v>
      </c>
      <c r="X2414" s="47" t="s">
        <v>5331</v>
      </c>
      <c r="Y2414" s="47" t="s">
        <v>5331</v>
      </c>
      <c r="Z2414" s="28"/>
      <c r="AA2414" s="27"/>
      <c r="AB2414" s="27"/>
      <c r="AC2414" s="27"/>
      <c r="AD2414" s="30"/>
      <c r="AE2414" s="1"/>
      <c r="AF2414" s="23" t="s">
        <v>5331</v>
      </c>
      <c r="AG2414" s="26"/>
      <c r="AH2414" s="53"/>
    </row>
    <row r="2415" spans="1:34" ht="51.6" customHeight="1" x14ac:dyDescent="0.45">
      <c r="A2415" s="23">
        <v>2409</v>
      </c>
      <c r="B2415" s="25"/>
      <c r="C2415" s="25"/>
      <c r="D2415" s="29"/>
      <c r="E2415" s="1"/>
      <c r="F2415" s="1"/>
      <c r="G2415" s="25"/>
      <c r="H2415" s="71"/>
      <c r="I2415" s="83"/>
      <c r="J2415" s="50" t="str">
        <f t="shared" si="76"/>
        <v/>
      </c>
      <c r="K2415" s="23" t="s">
        <v>7120</v>
      </c>
      <c r="L2415" s="49" t="e">
        <f>VLOOKUP(E2415&amp;F2415,団体コード!$A$1:$C$1743,3,FALSE)</f>
        <v>#N/A</v>
      </c>
      <c r="M2415" s="49" t="e">
        <f>VLOOKUP(E2415&amp;F2415,団体コード!$A$1:$C$1743,2,FALSE)</f>
        <v>#N/A</v>
      </c>
      <c r="N2415" s="51" t="e">
        <f>VLOOKUP(E2415,団体コード!$E$1:$F$48,2,FALSE)</f>
        <v>#N/A</v>
      </c>
      <c r="O2415" s="51" t="e">
        <f t="shared" si="77"/>
        <v>#N/A</v>
      </c>
      <c r="P2415" s="51">
        <v>1</v>
      </c>
      <c r="Q2415" s="51" t="s">
        <v>5341</v>
      </c>
      <c r="R2415" s="54" t="b">
        <v>1</v>
      </c>
      <c r="S2415" s="52" t="s">
        <v>7126</v>
      </c>
      <c r="T2415" s="67" t="s">
        <v>7127</v>
      </c>
      <c r="U2415" s="75" t="s">
        <v>5331</v>
      </c>
      <c r="V2415" s="47" t="s">
        <v>5331</v>
      </c>
      <c r="W2415" s="47" t="s">
        <v>5331</v>
      </c>
      <c r="X2415" s="47" t="s">
        <v>5331</v>
      </c>
      <c r="Y2415" s="47" t="s">
        <v>5331</v>
      </c>
      <c r="Z2415" s="28"/>
      <c r="AA2415" s="27"/>
      <c r="AB2415" s="27"/>
      <c r="AC2415" s="27"/>
      <c r="AD2415" s="30"/>
      <c r="AE2415" s="1"/>
      <c r="AF2415" s="23" t="s">
        <v>5331</v>
      </c>
      <c r="AG2415" s="26"/>
      <c r="AH2415" s="53"/>
    </row>
    <row r="2416" spans="1:34" ht="51.6" customHeight="1" x14ac:dyDescent="0.45">
      <c r="A2416" s="23">
        <v>2410</v>
      </c>
      <c r="B2416" s="25"/>
      <c r="C2416" s="25"/>
      <c r="D2416" s="29"/>
      <c r="E2416" s="1"/>
      <c r="F2416" s="1"/>
      <c r="G2416" s="25"/>
      <c r="H2416" s="71"/>
      <c r="I2416" s="83"/>
      <c r="J2416" s="50" t="str">
        <f t="shared" si="76"/>
        <v/>
      </c>
      <c r="K2416" s="23" t="s">
        <v>7120</v>
      </c>
      <c r="L2416" s="49" t="e">
        <f>VLOOKUP(E2416&amp;F2416,団体コード!$A$1:$C$1743,3,FALSE)</f>
        <v>#N/A</v>
      </c>
      <c r="M2416" s="49" t="e">
        <f>VLOOKUP(E2416&amp;F2416,団体コード!$A$1:$C$1743,2,FALSE)</f>
        <v>#N/A</v>
      </c>
      <c r="N2416" s="51" t="e">
        <f>VLOOKUP(E2416,団体コード!$E$1:$F$48,2,FALSE)</f>
        <v>#N/A</v>
      </c>
      <c r="O2416" s="51" t="e">
        <f t="shared" si="77"/>
        <v>#N/A</v>
      </c>
      <c r="P2416" s="51">
        <v>1</v>
      </c>
      <c r="Q2416" s="51" t="s">
        <v>5341</v>
      </c>
      <c r="R2416" s="54" t="b">
        <v>1</v>
      </c>
      <c r="S2416" s="52" t="s">
        <v>7126</v>
      </c>
      <c r="T2416" s="67" t="s">
        <v>7127</v>
      </c>
      <c r="U2416" s="75" t="s">
        <v>5331</v>
      </c>
      <c r="V2416" s="47" t="s">
        <v>5331</v>
      </c>
      <c r="W2416" s="47" t="s">
        <v>5331</v>
      </c>
      <c r="X2416" s="47" t="s">
        <v>5331</v>
      </c>
      <c r="Y2416" s="47" t="s">
        <v>5331</v>
      </c>
      <c r="Z2416" s="28"/>
      <c r="AA2416" s="27"/>
      <c r="AB2416" s="27"/>
      <c r="AC2416" s="27"/>
      <c r="AD2416" s="30"/>
      <c r="AE2416" s="1"/>
      <c r="AF2416" s="23" t="s">
        <v>5331</v>
      </c>
      <c r="AG2416" s="26"/>
      <c r="AH2416" s="53"/>
    </row>
    <row r="2417" spans="1:34" ht="51.6" customHeight="1" x14ac:dyDescent="0.45">
      <c r="A2417" s="23">
        <v>2411</v>
      </c>
      <c r="B2417" s="25"/>
      <c r="C2417" s="25"/>
      <c r="D2417" s="29"/>
      <c r="E2417" s="1"/>
      <c r="F2417" s="1"/>
      <c r="G2417" s="25"/>
      <c r="H2417" s="71"/>
      <c r="I2417" s="83"/>
      <c r="J2417" s="50" t="str">
        <f t="shared" si="76"/>
        <v/>
      </c>
      <c r="K2417" s="23" t="s">
        <v>7120</v>
      </c>
      <c r="L2417" s="49" t="e">
        <f>VLOOKUP(E2417&amp;F2417,団体コード!$A$1:$C$1743,3,FALSE)</f>
        <v>#N/A</v>
      </c>
      <c r="M2417" s="49" t="e">
        <f>VLOOKUP(E2417&amp;F2417,団体コード!$A$1:$C$1743,2,FALSE)</f>
        <v>#N/A</v>
      </c>
      <c r="N2417" s="51" t="e">
        <f>VLOOKUP(E2417,団体コード!$E$1:$F$48,2,FALSE)</f>
        <v>#N/A</v>
      </c>
      <c r="O2417" s="51" t="e">
        <f t="shared" si="77"/>
        <v>#N/A</v>
      </c>
      <c r="P2417" s="51">
        <v>1</v>
      </c>
      <c r="Q2417" s="51" t="s">
        <v>5341</v>
      </c>
      <c r="R2417" s="54" t="b">
        <v>1</v>
      </c>
      <c r="S2417" s="52" t="s">
        <v>7126</v>
      </c>
      <c r="T2417" s="67" t="s">
        <v>7127</v>
      </c>
      <c r="U2417" s="75" t="s">
        <v>5331</v>
      </c>
      <c r="V2417" s="47" t="s">
        <v>5331</v>
      </c>
      <c r="W2417" s="47" t="s">
        <v>5331</v>
      </c>
      <c r="X2417" s="47" t="s">
        <v>5331</v>
      </c>
      <c r="Y2417" s="47" t="s">
        <v>5331</v>
      </c>
      <c r="Z2417" s="28"/>
      <c r="AA2417" s="27"/>
      <c r="AB2417" s="27"/>
      <c r="AC2417" s="27"/>
      <c r="AD2417" s="30"/>
      <c r="AE2417" s="1"/>
      <c r="AF2417" s="23" t="s">
        <v>5331</v>
      </c>
      <c r="AG2417" s="26"/>
      <c r="AH2417" s="53"/>
    </row>
    <row r="2418" spans="1:34" ht="51.6" customHeight="1" x14ac:dyDescent="0.45">
      <c r="A2418" s="23">
        <v>2412</v>
      </c>
      <c r="B2418" s="25"/>
      <c r="C2418" s="25"/>
      <c r="D2418" s="29"/>
      <c r="E2418" s="1"/>
      <c r="F2418" s="1"/>
      <c r="G2418" s="25"/>
      <c r="H2418" s="71"/>
      <c r="I2418" s="83"/>
      <c r="J2418" s="50" t="str">
        <f t="shared" si="76"/>
        <v/>
      </c>
      <c r="K2418" s="23" t="s">
        <v>7120</v>
      </c>
      <c r="L2418" s="49" t="e">
        <f>VLOOKUP(E2418&amp;F2418,団体コード!$A$1:$C$1743,3,FALSE)</f>
        <v>#N/A</v>
      </c>
      <c r="M2418" s="49" t="e">
        <f>VLOOKUP(E2418&amp;F2418,団体コード!$A$1:$C$1743,2,FALSE)</f>
        <v>#N/A</v>
      </c>
      <c r="N2418" s="51" t="e">
        <f>VLOOKUP(E2418,団体コード!$E$1:$F$48,2,FALSE)</f>
        <v>#N/A</v>
      </c>
      <c r="O2418" s="51" t="e">
        <f t="shared" si="77"/>
        <v>#N/A</v>
      </c>
      <c r="P2418" s="51">
        <v>1</v>
      </c>
      <c r="Q2418" s="51" t="s">
        <v>5341</v>
      </c>
      <c r="R2418" s="54" t="b">
        <v>1</v>
      </c>
      <c r="S2418" s="52" t="s">
        <v>7126</v>
      </c>
      <c r="T2418" s="67" t="s">
        <v>7127</v>
      </c>
      <c r="U2418" s="75" t="s">
        <v>5331</v>
      </c>
      <c r="V2418" s="47" t="s">
        <v>5331</v>
      </c>
      <c r="W2418" s="47" t="s">
        <v>5331</v>
      </c>
      <c r="X2418" s="47" t="s">
        <v>5331</v>
      </c>
      <c r="Y2418" s="47" t="s">
        <v>5331</v>
      </c>
      <c r="Z2418" s="28"/>
      <c r="AA2418" s="27"/>
      <c r="AB2418" s="27"/>
      <c r="AC2418" s="27"/>
      <c r="AD2418" s="30"/>
      <c r="AE2418" s="1"/>
      <c r="AF2418" s="23" t="s">
        <v>5331</v>
      </c>
      <c r="AG2418" s="26"/>
      <c r="AH2418" s="53"/>
    </row>
    <row r="2419" spans="1:34" ht="51.6" customHeight="1" x14ac:dyDescent="0.45">
      <c r="A2419" s="23">
        <v>2413</v>
      </c>
      <c r="B2419" s="25"/>
      <c r="C2419" s="25"/>
      <c r="D2419" s="29"/>
      <c r="E2419" s="1"/>
      <c r="F2419" s="1"/>
      <c r="G2419" s="25"/>
      <c r="H2419" s="71"/>
      <c r="I2419" s="83"/>
      <c r="J2419" s="50" t="str">
        <f t="shared" si="76"/>
        <v/>
      </c>
      <c r="K2419" s="23" t="s">
        <v>7120</v>
      </c>
      <c r="L2419" s="49" t="e">
        <f>VLOOKUP(E2419&amp;F2419,団体コード!$A$1:$C$1743,3,FALSE)</f>
        <v>#N/A</v>
      </c>
      <c r="M2419" s="49" t="e">
        <f>VLOOKUP(E2419&amp;F2419,団体コード!$A$1:$C$1743,2,FALSE)</f>
        <v>#N/A</v>
      </c>
      <c r="N2419" s="51" t="e">
        <f>VLOOKUP(E2419,団体コード!$E$1:$F$48,2,FALSE)</f>
        <v>#N/A</v>
      </c>
      <c r="O2419" s="51" t="e">
        <f t="shared" si="77"/>
        <v>#N/A</v>
      </c>
      <c r="P2419" s="51">
        <v>1</v>
      </c>
      <c r="Q2419" s="51" t="s">
        <v>5341</v>
      </c>
      <c r="R2419" s="54" t="b">
        <v>1</v>
      </c>
      <c r="S2419" s="52" t="s">
        <v>7126</v>
      </c>
      <c r="T2419" s="67" t="s">
        <v>7127</v>
      </c>
      <c r="U2419" s="75" t="s">
        <v>5331</v>
      </c>
      <c r="V2419" s="47" t="s">
        <v>5331</v>
      </c>
      <c r="W2419" s="47" t="s">
        <v>5331</v>
      </c>
      <c r="X2419" s="47" t="s">
        <v>5331</v>
      </c>
      <c r="Y2419" s="47" t="s">
        <v>5331</v>
      </c>
      <c r="Z2419" s="28"/>
      <c r="AA2419" s="27"/>
      <c r="AB2419" s="27"/>
      <c r="AC2419" s="27"/>
      <c r="AD2419" s="30"/>
      <c r="AE2419" s="1"/>
      <c r="AF2419" s="23" t="s">
        <v>5331</v>
      </c>
      <c r="AG2419" s="26"/>
      <c r="AH2419" s="53"/>
    </row>
    <row r="2420" spans="1:34" ht="51.6" customHeight="1" x14ac:dyDescent="0.45">
      <c r="A2420" s="23">
        <v>2414</v>
      </c>
      <c r="B2420" s="25"/>
      <c r="C2420" s="25"/>
      <c r="D2420" s="29"/>
      <c r="E2420" s="1"/>
      <c r="F2420" s="1"/>
      <c r="G2420" s="25"/>
      <c r="H2420" s="71"/>
      <c r="I2420" s="83"/>
      <c r="J2420" s="50" t="str">
        <f t="shared" si="76"/>
        <v/>
      </c>
      <c r="K2420" s="23" t="s">
        <v>7120</v>
      </c>
      <c r="L2420" s="49" t="e">
        <f>VLOOKUP(E2420&amp;F2420,団体コード!$A$1:$C$1743,3,FALSE)</f>
        <v>#N/A</v>
      </c>
      <c r="M2420" s="49" t="e">
        <f>VLOOKUP(E2420&amp;F2420,団体コード!$A$1:$C$1743,2,FALSE)</f>
        <v>#N/A</v>
      </c>
      <c r="N2420" s="51" t="e">
        <f>VLOOKUP(E2420,団体コード!$E$1:$F$48,2,FALSE)</f>
        <v>#N/A</v>
      </c>
      <c r="O2420" s="51" t="e">
        <f t="shared" si="77"/>
        <v>#N/A</v>
      </c>
      <c r="P2420" s="51">
        <v>1</v>
      </c>
      <c r="Q2420" s="51" t="s">
        <v>5341</v>
      </c>
      <c r="R2420" s="54" t="b">
        <v>1</v>
      </c>
      <c r="S2420" s="52" t="s">
        <v>7126</v>
      </c>
      <c r="T2420" s="67" t="s">
        <v>7127</v>
      </c>
      <c r="U2420" s="75" t="s">
        <v>5331</v>
      </c>
      <c r="V2420" s="47" t="s">
        <v>5331</v>
      </c>
      <c r="W2420" s="47" t="s">
        <v>5331</v>
      </c>
      <c r="X2420" s="47" t="s">
        <v>5331</v>
      </c>
      <c r="Y2420" s="47" t="s">
        <v>5331</v>
      </c>
      <c r="Z2420" s="28"/>
      <c r="AA2420" s="27"/>
      <c r="AB2420" s="27"/>
      <c r="AC2420" s="27"/>
      <c r="AD2420" s="30"/>
      <c r="AE2420" s="1"/>
      <c r="AF2420" s="23" t="s">
        <v>5331</v>
      </c>
      <c r="AG2420" s="26"/>
      <c r="AH2420" s="53"/>
    </row>
    <row r="2421" spans="1:34" ht="51.6" customHeight="1" x14ac:dyDescent="0.45">
      <c r="A2421" s="23">
        <v>2415</v>
      </c>
      <c r="B2421" s="25"/>
      <c r="C2421" s="25"/>
      <c r="D2421" s="29"/>
      <c r="E2421" s="1"/>
      <c r="F2421" s="1"/>
      <c r="G2421" s="25"/>
      <c r="H2421" s="71"/>
      <c r="I2421" s="83"/>
      <c r="J2421" s="50" t="str">
        <f t="shared" si="76"/>
        <v/>
      </c>
      <c r="K2421" s="23" t="s">
        <v>7120</v>
      </c>
      <c r="L2421" s="49" t="e">
        <f>VLOOKUP(E2421&amp;F2421,団体コード!$A$1:$C$1743,3,FALSE)</f>
        <v>#N/A</v>
      </c>
      <c r="M2421" s="49" t="e">
        <f>VLOOKUP(E2421&amp;F2421,団体コード!$A$1:$C$1743,2,FALSE)</f>
        <v>#N/A</v>
      </c>
      <c r="N2421" s="51" t="e">
        <f>VLOOKUP(E2421,団体コード!$E$1:$F$48,2,FALSE)</f>
        <v>#N/A</v>
      </c>
      <c r="O2421" s="51" t="e">
        <f t="shared" si="77"/>
        <v>#N/A</v>
      </c>
      <c r="P2421" s="51">
        <v>1</v>
      </c>
      <c r="Q2421" s="51" t="s">
        <v>5341</v>
      </c>
      <c r="R2421" s="54" t="b">
        <v>1</v>
      </c>
      <c r="S2421" s="52" t="s">
        <v>7126</v>
      </c>
      <c r="T2421" s="67" t="s">
        <v>7127</v>
      </c>
      <c r="U2421" s="75" t="s">
        <v>5331</v>
      </c>
      <c r="V2421" s="47" t="s">
        <v>5331</v>
      </c>
      <c r="W2421" s="47" t="s">
        <v>5331</v>
      </c>
      <c r="X2421" s="47" t="s">
        <v>5331</v>
      </c>
      <c r="Y2421" s="47" t="s">
        <v>5331</v>
      </c>
      <c r="Z2421" s="28"/>
      <c r="AA2421" s="27"/>
      <c r="AB2421" s="27"/>
      <c r="AC2421" s="27"/>
      <c r="AD2421" s="30"/>
      <c r="AE2421" s="1"/>
      <c r="AF2421" s="23" t="s">
        <v>5331</v>
      </c>
      <c r="AG2421" s="26"/>
      <c r="AH2421" s="53"/>
    </row>
    <row r="2422" spans="1:34" ht="51.6" customHeight="1" x14ac:dyDescent="0.45">
      <c r="A2422" s="23">
        <v>2416</v>
      </c>
      <c r="B2422" s="25"/>
      <c r="C2422" s="25"/>
      <c r="D2422" s="29"/>
      <c r="E2422" s="1"/>
      <c r="F2422" s="1"/>
      <c r="G2422" s="25"/>
      <c r="H2422" s="71"/>
      <c r="I2422" s="83"/>
      <c r="J2422" s="50" t="str">
        <f t="shared" si="76"/>
        <v/>
      </c>
      <c r="K2422" s="23" t="s">
        <v>7120</v>
      </c>
      <c r="L2422" s="49" t="e">
        <f>VLOOKUP(E2422&amp;F2422,団体コード!$A$1:$C$1743,3,FALSE)</f>
        <v>#N/A</v>
      </c>
      <c r="M2422" s="49" t="e">
        <f>VLOOKUP(E2422&amp;F2422,団体コード!$A$1:$C$1743,2,FALSE)</f>
        <v>#N/A</v>
      </c>
      <c r="N2422" s="51" t="e">
        <f>VLOOKUP(E2422,団体コード!$E$1:$F$48,2,FALSE)</f>
        <v>#N/A</v>
      </c>
      <c r="O2422" s="51" t="e">
        <f t="shared" si="77"/>
        <v>#N/A</v>
      </c>
      <c r="P2422" s="51">
        <v>1</v>
      </c>
      <c r="Q2422" s="51" t="s">
        <v>5341</v>
      </c>
      <c r="R2422" s="54" t="b">
        <v>1</v>
      </c>
      <c r="S2422" s="52" t="s">
        <v>7126</v>
      </c>
      <c r="T2422" s="67" t="s">
        <v>7127</v>
      </c>
      <c r="U2422" s="75" t="s">
        <v>5331</v>
      </c>
      <c r="V2422" s="47" t="s">
        <v>5331</v>
      </c>
      <c r="W2422" s="47" t="s">
        <v>5331</v>
      </c>
      <c r="X2422" s="47" t="s">
        <v>5331</v>
      </c>
      <c r="Y2422" s="47" t="s">
        <v>5331</v>
      </c>
      <c r="Z2422" s="28"/>
      <c r="AA2422" s="27"/>
      <c r="AB2422" s="27"/>
      <c r="AC2422" s="27"/>
      <c r="AD2422" s="30"/>
      <c r="AE2422" s="1"/>
      <c r="AF2422" s="23" t="s">
        <v>5331</v>
      </c>
      <c r="AG2422" s="26"/>
      <c r="AH2422" s="53"/>
    </row>
    <row r="2423" spans="1:34" ht="51.6" customHeight="1" x14ac:dyDescent="0.45">
      <c r="A2423" s="23">
        <v>2417</v>
      </c>
      <c r="B2423" s="25"/>
      <c r="C2423" s="25"/>
      <c r="D2423" s="29"/>
      <c r="E2423" s="1"/>
      <c r="F2423" s="1"/>
      <c r="G2423" s="25"/>
      <c r="H2423" s="71"/>
      <c r="I2423" s="83"/>
      <c r="J2423" s="50" t="str">
        <f t="shared" si="76"/>
        <v/>
      </c>
      <c r="K2423" s="23" t="s">
        <v>7120</v>
      </c>
      <c r="L2423" s="49" t="e">
        <f>VLOOKUP(E2423&amp;F2423,団体コード!$A$1:$C$1743,3,FALSE)</f>
        <v>#N/A</v>
      </c>
      <c r="M2423" s="49" t="e">
        <f>VLOOKUP(E2423&amp;F2423,団体コード!$A$1:$C$1743,2,FALSE)</f>
        <v>#N/A</v>
      </c>
      <c r="N2423" s="51" t="e">
        <f>VLOOKUP(E2423,団体コード!$E$1:$F$48,2,FALSE)</f>
        <v>#N/A</v>
      </c>
      <c r="O2423" s="51" t="e">
        <f t="shared" si="77"/>
        <v>#N/A</v>
      </c>
      <c r="P2423" s="51">
        <v>1</v>
      </c>
      <c r="Q2423" s="51" t="s">
        <v>5341</v>
      </c>
      <c r="R2423" s="54" t="b">
        <v>1</v>
      </c>
      <c r="S2423" s="52" t="s">
        <v>7126</v>
      </c>
      <c r="T2423" s="67" t="s">
        <v>7127</v>
      </c>
      <c r="U2423" s="75" t="s">
        <v>5331</v>
      </c>
      <c r="V2423" s="47" t="s">
        <v>5331</v>
      </c>
      <c r="W2423" s="47" t="s">
        <v>5331</v>
      </c>
      <c r="X2423" s="47" t="s">
        <v>5331</v>
      </c>
      <c r="Y2423" s="47" t="s">
        <v>5331</v>
      </c>
      <c r="Z2423" s="28"/>
      <c r="AA2423" s="27"/>
      <c r="AB2423" s="27"/>
      <c r="AC2423" s="27"/>
      <c r="AD2423" s="30"/>
      <c r="AE2423" s="1"/>
      <c r="AF2423" s="23" t="s">
        <v>5331</v>
      </c>
      <c r="AG2423" s="26"/>
      <c r="AH2423" s="53"/>
    </row>
    <row r="2424" spans="1:34" ht="51.6" customHeight="1" x14ac:dyDescent="0.45">
      <c r="A2424" s="23">
        <v>2418</v>
      </c>
      <c r="B2424" s="25"/>
      <c r="C2424" s="25"/>
      <c r="D2424" s="29"/>
      <c r="E2424" s="1"/>
      <c r="F2424" s="1"/>
      <c r="G2424" s="25"/>
      <c r="H2424" s="71"/>
      <c r="I2424" s="83"/>
      <c r="J2424" s="50" t="str">
        <f t="shared" si="76"/>
        <v/>
      </c>
      <c r="K2424" s="23" t="s">
        <v>7120</v>
      </c>
      <c r="L2424" s="49" t="e">
        <f>VLOOKUP(E2424&amp;F2424,団体コード!$A$1:$C$1743,3,FALSE)</f>
        <v>#N/A</v>
      </c>
      <c r="M2424" s="49" t="e">
        <f>VLOOKUP(E2424&amp;F2424,団体コード!$A$1:$C$1743,2,FALSE)</f>
        <v>#N/A</v>
      </c>
      <c r="N2424" s="51" t="e">
        <f>VLOOKUP(E2424,団体コード!$E$1:$F$48,2,FALSE)</f>
        <v>#N/A</v>
      </c>
      <c r="O2424" s="51" t="e">
        <f t="shared" si="77"/>
        <v>#N/A</v>
      </c>
      <c r="P2424" s="51">
        <v>1</v>
      </c>
      <c r="Q2424" s="51" t="s">
        <v>5341</v>
      </c>
      <c r="R2424" s="54" t="b">
        <v>1</v>
      </c>
      <c r="S2424" s="52" t="s">
        <v>7126</v>
      </c>
      <c r="T2424" s="67" t="s">
        <v>7127</v>
      </c>
      <c r="U2424" s="75" t="s">
        <v>5331</v>
      </c>
      <c r="V2424" s="47" t="s">
        <v>5331</v>
      </c>
      <c r="W2424" s="47" t="s">
        <v>5331</v>
      </c>
      <c r="X2424" s="47" t="s">
        <v>5331</v>
      </c>
      <c r="Y2424" s="47" t="s">
        <v>5331</v>
      </c>
      <c r="Z2424" s="28"/>
      <c r="AA2424" s="27"/>
      <c r="AB2424" s="27"/>
      <c r="AC2424" s="27"/>
      <c r="AD2424" s="30"/>
      <c r="AE2424" s="1"/>
      <c r="AF2424" s="23" t="s">
        <v>5331</v>
      </c>
      <c r="AG2424" s="26"/>
      <c r="AH2424" s="53"/>
    </row>
    <row r="2425" spans="1:34" ht="51.6" customHeight="1" x14ac:dyDescent="0.45">
      <c r="A2425" s="23">
        <v>2419</v>
      </c>
      <c r="B2425" s="25"/>
      <c r="C2425" s="25"/>
      <c r="D2425" s="29"/>
      <c r="E2425" s="1"/>
      <c r="F2425" s="1"/>
      <c r="G2425" s="25"/>
      <c r="H2425" s="71"/>
      <c r="I2425" s="83"/>
      <c r="J2425" s="50" t="str">
        <f t="shared" si="76"/>
        <v/>
      </c>
      <c r="K2425" s="23" t="s">
        <v>7120</v>
      </c>
      <c r="L2425" s="49" t="e">
        <f>VLOOKUP(E2425&amp;F2425,団体コード!$A$1:$C$1743,3,FALSE)</f>
        <v>#N/A</v>
      </c>
      <c r="M2425" s="49" t="e">
        <f>VLOOKUP(E2425&amp;F2425,団体コード!$A$1:$C$1743,2,FALSE)</f>
        <v>#N/A</v>
      </c>
      <c r="N2425" s="51" t="e">
        <f>VLOOKUP(E2425,団体コード!$E$1:$F$48,2,FALSE)</f>
        <v>#N/A</v>
      </c>
      <c r="O2425" s="51" t="e">
        <f t="shared" si="77"/>
        <v>#N/A</v>
      </c>
      <c r="P2425" s="51">
        <v>1</v>
      </c>
      <c r="Q2425" s="51" t="s">
        <v>5341</v>
      </c>
      <c r="R2425" s="54" t="b">
        <v>1</v>
      </c>
      <c r="S2425" s="52" t="s">
        <v>7126</v>
      </c>
      <c r="T2425" s="67" t="s">
        <v>7127</v>
      </c>
      <c r="U2425" s="75" t="s">
        <v>5331</v>
      </c>
      <c r="V2425" s="47" t="s">
        <v>5331</v>
      </c>
      <c r="W2425" s="47" t="s">
        <v>5331</v>
      </c>
      <c r="X2425" s="47" t="s">
        <v>5331</v>
      </c>
      <c r="Y2425" s="47" t="s">
        <v>5331</v>
      </c>
      <c r="Z2425" s="28"/>
      <c r="AA2425" s="27"/>
      <c r="AB2425" s="27"/>
      <c r="AC2425" s="27"/>
      <c r="AD2425" s="30"/>
      <c r="AE2425" s="1"/>
      <c r="AF2425" s="23" t="s">
        <v>5331</v>
      </c>
      <c r="AG2425" s="26"/>
      <c r="AH2425" s="53"/>
    </row>
    <row r="2426" spans="1:34" ht="51.6" customHeight="1" x14ac:dyDescent="0.45">
      <c r="A2426" s="23">
        <v>2420</v>
      </c>
      <c r="B2426" s="25"/>
      <c r="C2426" s="25"/>
      <c r="D2426" s="29"/>
      <c r="E2426" s="1"/>
      <c r="F2426" s="1"/>
      <c r="G2426" s="25"/>
      <c r="H2426" s="71"/>
      <c r="I2426" s="83"/>
      <c r="J2426" s="50" t="str">
        <f t="shared" si="76"/>
        <v/>
      </c>
      <c r="K2426" s="23" t="s">
        <v>7120</v>
      </c>
      <c r="L2426" s="49" t="e">
        <f>VLOOKUP(E2426&amp;F2426,団体コード!$A$1:$C$1743,3,FALSE)</f>
        <v>#N/A</v>
      </c>
      <c r="M2426" s="49" t="e">
        <f>VLOOKUP(E2426&amp;F2426,団体コード!$A$1:$C$1743,2,FALSE)</f>
        <v>#N/A</v>
      </c>
      <c r="N2426" s="51" t="e">
        <f>VLOOKUP(E2426,団体コード!$E$1:$F$48,2,FALSE)</f>
        <v>#N/A</v>
      </c>
      <c r="O2426" s="51" t="e">
        <f t="shared" si="77"/>
        <v>#N/A</v>
      </c>
      <c r="P2426" s="51">
        <v>1</v>
      </c>
      <c r="Q2426" s="51" t="s">
        <v>5341</v>
      </c>
      <c r="R2426" s="54" t="b">
        <v>1</v>
      </c>
      <c r="S2426" s="52" t="s">
        <v>7126</v>
      </c>
      <c r="T2426" s="67" t="s">
        <v>7127</v>
      </c>
      <c r="U2426" s="75" t="s">
        <v>5331</v>
      </c>
      <c r="V2426" s="47" t="s">
        <v>5331</v>
      </c>
      <c r="W2426" s="47" t="s">
        <v>5331</v>
      </c>
      <c r="X2426" s="47" t="s">
        <v>5331</v>
      </c>
      <c r="Y2426" s="47" t="s">
        <v>5331</v>
      </c>
      <c r="Z2426" s="28"/>
      <c r="AA2426" s="27"/>
      <c r="AB2426" s="27"/>
      <c r="AC2426" s="27"/>
      <c r="AD2426" s="30"/>
      <c r="AE2426" s="1"/>
      <c r="AF2426" s="23" t="s">
        <v>5331</v>
      </c>
      <c r="AG2426" s="26"/>
      <c r="AH2426" s="53"/>
    </row>
    <row r="2427" spans="1:34" ht="51.6" customHeight="1" x14ac:dyDescent="0.45">
      <c r="A2427" s="23">
        <v>2421</v>
      </c>
      <c r="B2427" s="25"/>
      <c r="C2427" s="25"/>
      <c r="D2427" s="29"/>
      <c r="E2427" s="1"/>
      <c r="F2427" s="1"/>
      <c r="G2427" s="25"/>
      <c r="H2427" s="71"/>
      <c r="I2427" s="83"/>
      <c r="J2427" s="50" t="str">
        <f t="shared" si="76"/>
        <v/>
      </c>
      <c r="K2427" s="23" t="s">
        <v>7120</v>
      </c>
      <c r="L2427" s="49" t="e">
        <f>VLOOKUP(E2427&amp;F2427,団体コード!$A$1:$C$1743,3,FALSE)</f>
        <v>#N/A</v>
      </c>
      <c r="M2427" s="49" t="e">
        <f>VLOOKUP(E2427&amp;F2427,団体コード!$A$1:$C$1743,2,FALSE)</f>
        <v>#N/A</v>
      </c>
      <c r="N2427" s="51" t="e">
        <f>VLOOKUP(E2427,団体コード!$E$1:$F$48,2,FALSE)</f>
        <v>#N/A</v>
      </c>
      <c r="O2427" s="51" t="e">
        <f t="shared" si="77"/>
        <v>#N/A</v>
      </c>
      <c r="P2427" s="51">
        <v>1</v>
      </c>
      <c r="Q2427" s="51" t="s">
        <v>5341</v>
      </c>
      <c r="R2427" s="54" t="b">
        <v>1</v>
      </c>
      <c r="S2427" s="52" t="s">
        <v>7126</v>
      </c>
      <c r="T2427" s="67" t="s">
        <v>7127</v>
      </c>
      <c r="U2427" s="75" t="s">
        <v>5331</v>
      </c>
      <c r="V2427" s="47" t="s">
        <v>5331</v>
      </c>
      <c r="W2427" s="47" t="s">
        <v>5331</v>
      </c>
      <c r="X2427" s="47" t="s">
        <v>5331</v>
      </c>
      <c r="Y2427" s="47" t="s">
        <v>5331</v>
      </c>
      <c r="Z2427" s="28"/>
      <c r="AA2427" s="27"/>
      <c r="AB2427" s="27"/>
      <c r="AC2427" s="27"/>
      <c r="AD2427" s="30"/>
      <c r="AE2427" s="1"/>
      <c r="AF2427" s="23" t="s">
        <v>5331</v>
      </c>
      <c r="AG2427" s="26"/>
      <c r="AH2427" s="53"/>
    </row>
    <row r="2428" spans="1:34" ht="51.6" customHeight="1" x14ac:dyDescent="0.45">
      <c r="A2428" s="23">
        <v>2422</v>
      </c>
      <c r="B2428" s="25"/>
      <c r="C2428" s="25"/>
      <c r="D2428" s="29"/>
      <c r="E2428" s="1"/>
      <c r="F2428" s="1"/>
      <c r="G2428" s="25"/>
      <c r="H2428" s="71"/>
      <c r="I2428" s="83"/>
      <c r="J2428" s="50" t="str">
        <f t="shared" si="76"/>
        <v/>
      </c>
      <c r="K2428" s="23" t="s">
        <v>7120</v>
      </c>
      <c r="L2428" s="49" t="e">
        <f>VLOOKUP(E2428&amp;F2428,団体コード!$A$1:$C$1743,3,FALSE)</f>
        <v>#N/A</v>
      </c>
      <c r="M2428" s="49" t="e">
        <f>VLOOKUP(E2428&amp;F2428,団体コード!$A$1:$C$1743,2,FALSE)</f>
        <v>#N/A</v>
      </c>
      <c r="N2428" s="51" t="e">
        <f>VLOOKUP(E2428,団体コード!$E$1:$F$48,2,FALSE)</f>
        <v>#N/A</v>
      </c>
      <c r="O2428" s="51" t="e">
        <f t="shared" si="77"/>
        <v>#N/A</v>
      </c>
      <c r="P2428" s="51">
        <v>1</v>
      </c>
      <c r="Q2428" s="51" t="s">
        <v>5341</v>
      </c>
      <c r="R2428" s="54" t="b">
        <v>1</v>
      </c>
      <c r="S2428" s="52" t="s">
        <v>7126</v>
      </c>
      <c r="T2428" s="67" t="s">
        <v>7127</v>
      </c>
      <c r="U2428" s="75" t="s">
        <v>5331</v>
      </c>
      <c r="V2428" s="47" t="s">
        <v>5331</v>
      </c>
      <c r="W2428" s="47" t="s">
        <v>5331</v>
      </c>
      <c r="X2428" s="47" t="s">
        <v>5331</v>
      </c>
      <c r="Y2428" s="47" t="s">
        <v>5331</v>
      </c>
      <c r="Z2428" s="28"/>
      <c r="AA2428" s="27"/>
      <c r="AB2428" s="27"/>
      <c r="AC2428" s="27"/>
      <c r="AD2428" s="30"/>
      <c r="AE2428" s="1"/>
      <c r="AF2428" s="23" t="s">
        <v>5331</v>
      </c>
      <c r="AG2428" s="26"/>
      <c r="AH2428" s="53"/>
    </row>
    <row r="2429" spans="1:34" ht="51.6" customHeight="1" x14ac:dyDescent="0.45">
      <c r="A2429" s="23">
        <v>2423</v>
      </c>
      <c r="B2429" s="25"/>
      <c r="C2429" s="25"/>
      <c r="D2429" s="29"/>
      <c r="E2429" s="1"/>
      <c r="F2429" s="1"/>
      <c r="G2429" s="25"/>
      <c r="H2429" s="71"/>
      <c r="I2429" s="83"/>
      <c r="J2429" s="50" t="str">
        <f t="shared" si="76"/>
        <v/>
      </c>
      <c r="K2429" s="23" t="s">
        <v>7120</v>
      </c>
      <c r="L2429" s="49" t="e">
        <f>VLOOKUP(E2429&amp;F2429,団体コード!$A$1:$C$1743,3,FALSE)</f>
        <v>#N/A</v>
      </c>
      <c r="M2429" s="49" t="e">
        <f>VLOOKUP(E2429&amp;F2429,団体コード!$A$1:$C$1743,2,FALSE)</f>
        <v>#N/A</v>
      </c>
      <c r="N2429" s="51" t="e">
        <f>VLOOKUP(E2429,団体コード!$E$1:$F$48,2,FALSE)</f>
        <v>#N/A</v>
      </c>
      <c r="O2429" s="51" t="e">
        <f t="shared" si="77"/>
        <v>#N/A</v>
      </c>
      <c r="P2429" s="51">
        <v>1</v>
      </c>
      <c r="Q2429" s="51" t="s">
        <v>5341</v>
      </c>
      <c r="R2429" s="54" t="b">
        <v>1</v>
      </c>
      <c r="S2429" s="52" t="s">
        <v>7126</v>
      </c>
      <c r="T2429" s="67" t="s">
        <v>7127</v>
      </c>
      <c r="U2429" s="75" t="s">
        <v>5331</v>
      </c>
      <c r="V2429" s="47" t="s">
        <v>5331</v>
      </c>
      <c r="W2429" s="47" t="s">
        <v>5331</v>
      </c>
      <c r="X2429" s="47" t="s">
        <v>5331</v>
      </c>
      <c r="Y2429" s="47" t="s">
        <v>5331</v>
      </c>
      <c r="Z2429" s="28"/>
      <c r="AA2429" s="27"/>
      <c r="AB2429" s="27"/>
      <c r="AC2429" s="27"/>
      <c r="AD2429" s="30"/>
      <c r="AE2429" s="1"/>
      <c r="AF2429" s="23" t="s">
        <v>5331</v>
      </c>
      <c r="AG2429" s="26"/>
      <c r="AH2429" s="53"/>
    </row>
    <row r="2430" spans="1:34" ht="51.6" customHeight="1" x14ac:dyDescent="0.45">
      <c r="A2430" s="23">
        <v>2424</v>
      </c>
      <c r="B2430" s="25"/>
      <c r="C2430" s="25"/>
      <c r="D2430" s="29"/>
      <c r="E2430" s="1"/>
      <c r="F2430" s="1"/>
      <c r="G2430" s="25"/>
      <c r="H2430" s="71"/>
      <c r="I2430" s="83"/>
      <c r="J2430" s="50" t="str">
        <f t="shared" si="76"/>
        <v/>
      </c>
      <c r="K2430" s="23" t="s">
        <v>7120</v>
      </c>
      <c r="L2430" s="49" t="e">
        <f>VLOOKUP(E2430&amp;F2430,団体コード!$A$1:$C$1743,3,FALSE)</f>
        <v>#N/A</v>
      </c>
      <c r="M2430" s="49" t="e">
        <f>VLOOKUP(E2430&amp;F2430,団体コード!$A$1:$C$1743,2,FALSE)</f>
        <v>#N/A</v>
      </c>
      <c r="N2430" s="51" t="e">
        <f>VLOOKUP(E2430,団体コード!$E$1:$F$48,2,FALSE)</f>
        <v>#N/A</v>
      </c>
      <c r="O2430" s="51" t="e">
        <f t="shared" si="77"/>
        <v>#N/A</v>
      </c>
      <c r="P2430" s="51">
        <v>1</v>
      </c>
      <c r="Q2430" s="51" t="s">
        <v>5341</v>
      </c>
      <c r="R2430" s="54" t="b">
        <v>1</v>
      </c>
      <c r="S2430" s="52" t="s">
        <v>7126</v>
      </c>
      <c r="T2430" s="67" t="s">
        <v>7127</v>
      </c>
      <c r="U2430" s="75" t="s">
        <v>5331</v>
      </c>
      <c r="V2430" s="47" t="s">
        <v>5331</v>
      </c>
      <c r="W2430" s="47" t="s">
        <v>5331</v>
      </c>
      <c r="X2430" s="47" t="s">
        <v>5331</v>
      </c>
      <c r="Y2430" s="47" t="s">
        <v>5331</v>
      </c>
      <c r="Z2430" s="28"/>
      <c r="AA2430" s="27"/>
      <c r="AB2430" s="27"/>
      <c r="AC2430" s="27"/>
      <c r="AD2430" s="30"/>
      <c r="AE2430" s="1"/>
      <c r="AF2430" s="23" t="s">
        <v>5331</v>
      </c>
      <c r="AG2430" s="26"/>
      <c r="AH2430" s="53"/>
    </row>
    <row r="2431" spans="1:34" ht="51.6" customHeight="1" x14ac:dyDescent="0.45">
      <c r="A2431" s="23">
        <v>2425</v>
      </c>
      <c r="B2431" s="25"/>
      <c r="C2431" s="25"/>
      <c r="D2431" s="29"/>
      <c r="E2431" s="1"/>
      <c r="F2431" s="1"/>
      <c r="G2431" s="25"/>
      <c r="H2431" s="71"/>
      <c r="I2431" s="83"/>
      <c r="J2431" s="50" t="str">
        <f t="shared" si="76"/>
        <v/>
      </c>
      <c r="K2431" s="23" t="s">
        <v>7120</v>
      </c>
      <c r="L2431" s="49" t="e">
        <f>VLOOKUP(E2431&amp;F2431,団体コード!$A$1:$C$1743,3,FALSE)</f>
        <v>#N/A</v>
      </c>
      <c r="M2431" s="49" t="e">
        <f>VLOOKUP(E2431&amp;F2431,団体コード!$A$1:$C$1743,2,FALSE)</f>
        <v>#N/A</v>
      </c>
      <c r="N2431" s="51" t="e">
        <f>VLOOKUP(E2431,団体コード!$E$1:$F$48,2,FALSE)</f>
        <v>#N/A</v>
      </c>
      <c r="O2431" s="51" t="e">
        <f t="shared" si="77"/>
        <v>#N/A</v>
      </c>
      <c r="P2431" s="51">
        <v>1</v>
      </c>
      <c r="Q2431" s="51" t="s">
        <v>5341</v>
      </c>
      <c r="R2431" s="54" t="b">
        <v>1</v>
      </c>
      <c r="S2431" s="52" t="s">
        <v>7126</v>
      </c>
      <c r="T2431" s="67" t="s">
        <v>7127</v>
      </c>
      <c r="U2431" s="75" t="s">
        <v>5331</v>
      </c>
      <c r="V2431" s="47" t="s">
        <v>5331</v>
      </c>
      <c r="W2431" s="47" t="s">
        <v>5331</v>
      </c>
      <c r="X2431" s="47" t="s">
        <v>5331</v>
      </c>
      <c r="Y2431" s="47" t="s">
        <v>5331</v>
      </c>
      <c r="Z2431" s="28"/>
      <c r="AA2431" s="27"/>
      <c r="AB2431" s="27"/>
      <c r="AC2431" s="27"/>
      <c r="AD2431" s="30"/>
      <c r="AE2431" s="1"/>
      <c r="AF2431" s="23" t="s">
        <v>5331</v>
      </c>
      <c r="AG2431" s="26"/>
      <c r="AH2431" s="53"/>
    </row>
    <row r="2432" spans="1:34" ht="51.6" customHeight="1" x14ac:dyDescent="0.45">
      <c r="A2432" s="23">
        <v>2426</v>
      </c>
      <c r="B2432" s="25"/>
      <c r="C2432" s="25"/>
      <c r="D2432" s="29"/>
      <c r="E2432" s="1"/>
      <c r="F2432" s="1"/>
      <c r="G2432" s="25"/>
      <c r="H2432" s="71"/>
      <c r="I2432" s="83"/>
      <c r="J2432" s="50" t="str">
        <f t="shared" si="76"/>
        <v/>
      </c>
      <c r="K2432" s="23" t="s">
        <v>7120</v>
      </c>
      <c r="L2432" s="49" t="e">
        <f>VLOOKUP(E2432&amp;F2432,団体コード!$A$1:$C$1743,3,FALSE)</f>
        <v>#N/A</v>
      </c>
      <c r="M2432" s="49" t="e">
        <f>VLOOKUP(E2432&amp;F2432,団体コード!$A$1:$C$1743,2,FALSE)</f>
        <v>#N/A</v>
      </c>
      <c r="N2432" s="51" t="e">
        <f>VLOOKUP(E2432,団体コード!$E$1:$F$48,2,FALSE)</f>
        <v>#N/A</v>
      </c>
      <c r="O2432" s="51" t="e">
        <f t="shared" si="77"/>
        <v>#N/A</v>
      </c>
      <c r="P2432" s="51">
        <v>1</v>
      </c>
      <c r="Q2432" s="51" t="s">
        <v>5341</v>
      </c>
      <c r="R2432" s="54" t="b">
        <v>1</v>
      </c>
      <c r="S2432" s="52" t="s">
        <v>7126</v>
      </c>
      <c r="T2432" s="67" t="s">
        <v>7127</v>
      </c>
      <c r="U2432" s="75" t="s">
        <v>5331</v>
      </c>
      <c r="V2432" s="47" t="s">
        <v>5331</v>
      </c>
      <c r="W2432" s="47" t="s">
        <v>5331</v>
      </c>
      <c r="X2432" s="47" t="s">
        <v>5331</v>
      </c>
      <c r="Y2432" s="47" t="s">
        <v>5331</v>
      </c>
      <c r="Z2432" s="28"/>
      <c r="AA2432" s="27"/>
      <c r="AB2432" s="27"/>
      <c r="AC2432" s="27"/>
      <c r="AD2432" s="30"/>
      <c r="AE2432" s="1"/>
      <c r="AF2432" s="23" t="s">
        <v>5331</v>
      </c>
      <c r="AG2432" s="26"/>
      <c r="AH2432" s="53"/>
    </row>
    <row r="2433" spans="1:34" ht="51.6" customHeight="1" x14ac:dyDescent="0.45">
      <c r="A2433" s="23">
        <v>2427</v>
      </c>
      <c r="B2433" s="25"/>
      <c r="C2433" s="25"/>
      <c r="D2433" s="29"/>
      <c r="E2433" s="1"/>
      <c r="F2433" s="1"/>
      <c r="G2433" s="25"/>
      <c r="H2433" s="71"/>
      <c r="I2433" s="83"/>
      <c r="J2433" s="50" t="str">
        <f t="shared" si="76"/>
        <v/>
      </c>
      <c r="K2433" s="23" t="s">
        <v>7120</v>
      </c>
      <c r="L2433" s="49" t="e">
        <f>VLOOKUP(E2433&amp;F2433,団体コード!$A$1:$C$1743,3,FALSE)</f>
        <v>#N/A</v>
      </c>
      <c r="M2433" s="49" t="e">
        <f>VLOOKUP(E2433&amp;F2433,団体コード!$A$1:$C$1743,2,FALSE)</f>
        <v>#N/A</v>
      </c>
      <c r="N2433" s="51" t="e">
        <f>VLOOKUP(E2433,団体コード!$E$1:$F$48,2,FALSE)</f>
        <v>#N/A</v>
      </c>
      <c r="O2433" s="51" t="e">
        <f t="shared" si="77"/>
        <v>#N/A</v>
      </c>
      <c r="P2433" s="51">
        <v>1</v>
      </c>
      <c r="Q2433" s="51" t="s">
        <v>5341</v>
      </c>
      <c r="R2433" s="54" t="b">
        <v>1</v>
      </c>
      <c r="S2433" s="52" t="s">
        <v>7126</v>
      </c>
      <c r="T2433" s="67" t="s">
        <v>7127</v>
      </c>
      <c r="U2433" s="75" t="s">
        <v>5331</v>
      </c>
      <c r="V2433" s="47" t="s">
        <v>5331</v>
      </c>
      <c r="W2433" s="47" t="s">
        <v>5331</v>
      </c>
      <c r="X2433" s="47" t="s">
        <v>5331</v>
      </c>
      <c r="Y2433" s="47" t="s">
        <v>5331</v>
      </c>
      <c r="Z2433" s="28"/>
      <c r="AA2433" s="27"/>
      <c r="AB2433" s="27"/>
      <c r="AC2433" s="27"/>
      <c r="AD2433" s="30"/>
      <c r="AE2433" s="1"/>
      <c r="AF2433" s="23" t="s">
        <v>5331</v>
      </c>
      <c r="AG2433" s="26"/>
      <c r="AH2433" s="53"/>
    </row>
    <row r="2434" spans="1:34" ht="51.6" customHeight="1" x14ac:dyDescent="0.45">
      <c r="A2434" s="23">
        <v>2428</v>
      </c>
      <c r="B2434" s="25"/>
      <c r="C2434" s="25"/>
      <c r="D2434" s="29"/>
      <c r="E2434" s="1"/>
      <c r="F2434" s="1"/>
      <c r="G2434" s="25"/>
      <c r="H2434" s="71"/>
      <c r="I2434" s="83"/>
      <c r="J2434" s="50" t="str">
        <f t="shared" si="76"/>
        <v/>
      </c>
      <c r="K2434" s="23" t="s">
        <v>7120</v>
      </c>
      <c r="L2434" s="49" t="e">
        <f>VLOOKUP(E2434&amp;F2434,団体コード!$A$1:$C$1743,3,FALSE)</f>
        <v>#N/A</v>
      </c>
      <c r="M2434" s="49" t="e">
        <f>VLOOKUP(E2434&amp;F2434,団体コード!$A$1:$C$1743,2,FALSE)</f>
        <v>#N/A</v>
      </c>
      <c r="N2434" s="51" t="e">
        <f>VLOOKUP(E2434,団体コード!$E$1:$F$48,2,FALSE)</f>
        <v>#N/A</v>
      </c>
      <c r="O2434" s="51" t="e">
        <f t="shared" si="77"/>
        <v>#N/A</v>
      </c>
      <c r="P2434" s="51">
        <v>1</v>
      </c>
      <c r="Q2434" s="51" t="s">
        <v>5341</v>
      </c>
      <c r="R2434" s="54" t="b">
        <v>1</v>
      </c>
      <c r="S2434" s="52" t="s">
        <v>7126</v>
      </c>
      <c r="T2434" s="67" t="s">
        <v>7127</v>
      </c>
      <c r="U2434" s="75" t="s">
        <v>5331</v>
      </c>
      <c r="V2434" s="47" t="s">
        <v>5331</v>
      </c>
      <c r="W2434" s="47" t="s">
        <v>5331</v>
      </c>
      <c r="X2434" s="47" t="s">
        <v>5331</v>
      </c>
      <c r="Y2434" s="47" t="s">
        <v>5331</v>
      </c>
      <c r="Z2434" s="28"/>
      <c r="AA2434" s="27"/>
      <c r="AB2434" s="27"/>
      <c r="AC2434" s="27"/>
      <c r="AD2434" s="30"/>
      <c r="AE2434" s="1"/>
      <c r="AF2434" s="23" t="s">
        <v>5331</v>
      </c>
      <c r="AG2434" s="26"/>
      <c r="AH2434" s="53"/>
    </row>
    <row r="2435" spans="1:34" ht="51.6" customHeight="1" x14ac:dyDescent="0.45">
      <c r="A2435" s="23">
        <v>2429</v>
      </c>
      <c r="B2435" s="25"/>
      <c r="C2435" s="25"/>
      <c r="D2435" s="29"/>
      <c r="E2435" s="1"/>
      <c r="F2435" s="1"/>
      <c r="G2435" s="25"/>
      <c r="H2435" s="71"/>
      <c r="I2435" s="83"/>
      <c r="J2435" s="50" t="str">
        <f t="shared" si="76"/>
        <v/>
      </c>
      <c r="K2435" s="23" t="s">
        <v>7120</v>
      </c>
      <c r="L2435" s="49" t="e">
        <f>VLOOKUP(E2435&amp;F2435,団体コード!$A$1:$C$1743,3,FALSE)</f>
        <v>#N/A</v>
      </c>
      <c r="M2435" s="49" t="e">
        <f>VLOOKUP(E2435&amp;F2435,団体コード!$A$1:$C$1743,2,FALSE)</f>
        <v>#N/A</v>
      </c>
      <c r="N2435" s="51" t="e">
        <f>VLOOKUP(E2435,団体コード!$E$1:$F$48,2,FALSE)</f>
        <v>#N/A</v>
      </c>
      <c r="O2435" s="51" t="e">
        <f t="shared" si="77"/>
        <v>#N/A</v>
      </c>
      <c r="P2435" s="51">
        <v>1</v>
      </c>
      <c r="Q2435" s="51" t="s">
        <v>5341</v>
      </c>
      <c r="R2435" s="54" t="b">
        <v>1</v>
      </c>
      <c r="S2435" s="52" t="s">
        <v>7126</v>
      </c>
      <c r="T2435" s="67" t="s">
        <v>7127</v>
      </c>
      <c r="U2435" s="75" t="s">
        <v>5331</v>
      </c>
      <c r="V2435" s="47" t="s">
        <v>5331</v>
      </c>
      <c r="W2435" s="47" t="s">
        <v>5331</v>
      </c>
      <c r="X2435" s="47" t="s">
        <v>5331</v>
      </c>
      <c r="Y2435" s="47" t="s">
        <v>5331</v>
      </c>
      <c r="Z2435" s="28"/>
      <c r="AA2435" s="27"/>
      <c r="AB2435" s="27"/>
      <c r="AC2435" s="27"/>
      <c r="AD2435" s="30"/>
      <c r="AE2435" s="1"/>
      <c r="AF2435" s="23" t="s">
        <v>5331</v>
      </c>
      <c r="AG2435" s="26"/>
      <c r="AH2435" s="53"/>
    </row>
    <row r="2436" spans="1:34" ht="51.6" customHeight="1" x14ac:dyDescent="0.45">
      <c r="A2436" s="23">
        <v>2430</v>
      </c>
      <c r="B2436" s="25"/>
      <c r="C2436" s="25"/>
      <c r="D2436" s="29"/>
      <c r="E2436" s="1"/>
      <c r="F2436" s="1"/>
      <c r="G2436" s="25"/>
      <c r="H2436" s="71"/>
      <c r="I2436" s="83"/>
      <c r="J2436" s="50" t="str">
        <f t="shared" si="76"/>
        <v/>
      </c>
      <c r="K2436" s="23" t="s">
        <v>7120</v>
      </c>
      <c r="L2436" s="49" t="e">
        <f>VLOOKUP(E2436&amp;F2436,団体コード!$A$1:$C$1743,3,FALSE)</f>
        <v>#N/A</v>
      </c>
      <c r="M2436" s="49" t="e">
        <f>VLOOKUP(E2436&amp;F2436,団体コード!$A$1:$C$1743,2,FALSE)</f>
        <v>#N/A</v>
      </c>
      <c r="N2436" s="51" t="e">
        <f>VLOOKUP(E2436,団体コード!$E$1:$F$48,2,FALSE)</f>
        <v>#N/A</v>
      </c>
      <c r="O2436" s="51" t="e">
        <f t="shared" si="77"/>
        <v>#N/A</v>
      </c>
      <c r="P2436" s="51">
        <v>1</v>
      </c>
      <c r="Q2436" s="51" t="s">
        <v>5341</v>
      </c>
      <c r="R2436" s="54" t="b">
        <v>1</v>
      </c>
      <c r="S2436" s="52" t="s">
        <v>7126</v>
      </c>
      <c r="T2436" s="67" t="s">
        <v>7127</v>
      </c>
      <c r="U2436" s="75" t="s">
        <v>5331</v>
      </c>
      <c r="V2436" s="47" t="s">
        <v>5331</v>
      </c>
      <c r="W2436" s="47" t="s">
        <v>5331</v>
      </c>
      <c r="X2436" s="47" t="s">
        <v>5331</v>
      </c>
      <c r="Y2436" s="47" t="s">
        <v>5331</v>
      </c>
      <c r="Z2436" s="28"/>
      <c r="AA2436" s="27"/>
      <c r="AB2436" s="27"/>
      <c r="AC2436" s="27"/>
      <c r="AD2436" s="30"/>
      <c r="AE2436" s="1"/>
      <c r="AF2436" s="23" t="s">
        <v>5331</v>
      </c>
      <c r="AG2436" s="26"/>
      <c r="AH2436" s="53"/>
    </row>
    <row r="2437" spans="1:34" ht="51.6" customHeight="1" x14ac:dyDescent="0.45">
      <c r="A2437" s="23">
        <v>2431</v>
      </c>
      <c r="B2437" s="25"/>
      <c r="C2437" s="25"/>
      <c r="D2437" s="29"/>
      <c r="E2437" s="1"/>
      <c r="F2437" s="1"/>
      <c r="G2437" s="25"/>
      <c r="H2437" s="71"/>
      <c r="I2437" s="83"/>
      <c r="J2437" s="50" t="str">
        <f t="shared" si="76"/>
        <v/>
      </c>
      <c r="K2437" s="23" t="s">
        <v>7120</v>
      </c>
      <c r="L2437" s="49" t="e">
        <f>VLOOKUP(E2437&amp;F2437,団体コード!$A$1:$C$1743,3,FALSE)</f>
        <v>#N/A</v>
      </c>
      <c r="M2437" s="49" t="e">
        <f>VLOOKUP(E2437&amp;F2437,団体コード!$A$1:$C$1743,2,FALSE)</f>
        <v>#N/A</v>
      </c>
      <c r="N2437" s="51" t="e">
        <f>VLOOKUP(E2437,団体コード!$E$1:$F$48,2,FALSE)</f>
        <v>#N/A</v>
      </c>
      <c r="O2437" s="51" t="e">
        <f t="shared" si="77"/>
        <v>#N/A</v>
      </c>
      <c r="P2437" s="51">
        <v>1</v>
      </c>
      <c r="Q2437" s="51" t="s">
        <v>5341</v>
      </c>
      <c r="R2437" s="54" t="b">
        <v>1</v>
      </c>
      <c r="S2437" s="52" t="s">
        <v>7126</v>
      </c>
      <c r="T2437" s="67" t="s">
        <v>7127</v>
      </c>
      <c r="U2437" s="75" t="s">
        <v>5331</v>
      </c>
      <c r="V2437" s="47" t="s">
        <v>5331</v>
      </c>
      <c r="W2437" s="47" t="s">
        <v>5331</v>
      </c>
      <c r="X2437" s="47" t="s">
        <v>5331</v>
      </c>
      <c r="Y2437" s="47" t="s">
        <v>5331</v>
      </c>
      <c r="Z2437" s="28"/>
      <c r="AA2437" s="27"/>
      <c r="AB2437" s="27"/>
      <c r="AC2437" s="27"/>
      <c r="AD2437" s="30"/>
      <c r="AE2437" s="1"/>
      <c r="AF2437" s="23" t="s">
        <v>5331</v>
      </c>
      <c r="AG2437" s="26"/>
      <c r="AH2437" s="53"/>
    </row>
    <row r="2438" spans="1:34" ht="51.6" customHeight="1" x14ac:dyDescent="0.45">
      <c r="A2438" s="23">
        <v>2432</v>
      </c>
      <c r="B2438" s="25"/>
      <c r="C2438" s="25"/>
      <c r="D2438" s="29"/>
      <c r="E2438" s="1"/>
      <c r="F2438" s="1"/>
      <c r="G2438" s="25"/>
      <c r="H2438" s="71"/>
      <c r="I2438" s="83"/>
      <c r="J2438" s="50" t="str">
        <f t="shared" si="76"/>
        <v/>
      </c>
      <c r="K2438" s="23" t="s">
        <v>7120</v>
      </c>
      <c r="L2438" s="49" t="e">
        <f>VLOOKUP(E2438&amp;F2438,団体コード!$A$1:$C$1743,3,FALSE)</f>
        <v>#N/A</v>
      </c>
      <c r="M2438" s="49" t="e">
        <f>VLOOKUP(E2438&amp;F2438,団体コード!$A$1:$C$1743,2,FALSE)</f>
        <v>#N/A</v>
      </c>
      <c r="N2438" s="51" t="e">
        <f>VLOOKUP(E2438,団体コード!$E$1:$F$48,2,FALSE)</f>
        <v>#N/A</v>
      </c>
      <c r="O2438" s="51" t="e">
        <f t="shared" si="77"/>
        <v>#N/A</v>
      </c>
      <c r="P2438" s="51">
        <v>1</v>
      </c>
      <c r="Q2438" s="51" t="s">
        <v>5341</v>
      </c>
      <c r="R2438" s="54" t="b">
        <v>1</v>
      </c>
      <c r="S2438" s="52" t="s">
        <v>7126</v>
      </c>
      <c r="T2438" s="67" t="s">
        <v>7127</v>
      </c>
      <c r="U2438" s="75" t="s">
        <v>5331</v>
      </c>
      <c r="V2438" s="47" t="s">
        <v>5331</v>
      </c>
      <c r="W2438" s="47" t="s">
        <v>5331</v>
      </c>
      <c r="X2438" s="47" t="s">
        <v>5331</v>
      </c>
      <c r="Y2438" s="47" t="s">
        <v>5331</v>
      </c>
      <c r="Z2438" s="28"/>
      <c r="AA2438" s="27"/>
      <c r="AB2438" s="27"/>
      <c r="AC2438" s="27"/>
      <c r="AD2438" s="30"/>
      <c r="AE2438" s="1"/>
      <c r="AF2438" s="23" t="s">
        <v>5331</v>
      </c>
      <c r="AG2438" s="26"/>
      <c r="AH2438" s="53"/>
    </row>
    <row r="2439" spans="1:34" ht="51.6" customHeight="1" x14ac:dyDescent="0.45">
      <c r="A2439" s="23">
        <v>2433</v>
      </c>
      <c r="B2439" s="25"/>
      <c r="C2439" s="25"/>
      <c r="D2439" s="29"/>
      <c r="E2439" s="1"/>
      <c r="F2439" s="1"/>
      <c r="G2439" s="25"/>
      <c r="H2439" s="71"/>
      <c r="I2439" s="83"/>
      <c r="J2439" s="50" t="str">
        <f t="shared" si="76"/>
        <v/>
      </c>
      <c r="K2439" s="23" t="s">
        <v>7120</v>
      </c>
      <c r="L2439" s="49" t="e">
        <f>VLOOKUP(E2439&amp;F2439,団体コード!$A$1:$C$1743,3,FALSE)</f>
        <v>#N/A</v>
      </c>
      <c r="M2439" s="49" t="e">
        <f>VLOOKUP(E2439&amp;F2439,団体コード!$A$1:$C$1743,2,FALSE)</f>
        <v>#N/A</v>
      </c>
      <c r="N2439" s="51" t="e">
        <f>VLOOKUP(E2439,団体コード!$E$1:$F$48,2,FALSE)</f>
        <v>#N/A</v>
      </c>
      <c r="O2439" s="51" t="e">
        <f t="shared" si="77"/>
        <v>#N/A</v>
      </c>
      <c r="P2439" s="51">
        <v>1</v>
      </c>
      <c r="Q2439" s="51" t="s">
        <v>5341</v>
      </c>
      <c r="R2439" s="54" t="b">
        <v>1</v>
      </c>
      <c r="S2439" s="52" t="s">
        <v>7126</v>
      </c>
      <c r="T2439" s="67" t="s">
        <v>7127</v>
      </c>
      <c r="U2439" s="75" t="s">
        <v>5331</v>
      </c>
      <c r="V2439" s="47" t="s">
        <v>5331</v>
      </c>
      <c r="W2439" s="47" t="s">
        <v>5331</v>
      </c>
      <c r="X2439" s="47" t="s">
        <v>5331</v>
      </c>
      <c r="Y2439" s="47" t="s">
        <v>5331</v>
      </c>
      <c r="Z2439" s="28"/>
      <c r="AA2439" s="27"/>
      <c r="AB2439" s="27"/>
      <c r="AC2439" s="27"/>
      <c r="AD2439" s="30"/>
      <c r="AE2439" s="1"/>
      <c r="AF2439" s="23" t="s">
        <v>5331</v>
      </c>
      <c r="AG2439" s="26"/>
      <c r="AH2439" s="53"/>
    </row>
    <row r="2440" spans="1:34" ht="51.6" customHeight="1" x14ac:dyDescent="0.45">
      <c r="A2440" s="23">
        <v>2434</v>
      </c>
      <c r="B2440" s="25"/>
      <c r="C2440" s="25"/>
      <c r="D2440" s="29"/>
      <c r="E2440" s="1"/>
      <c r="F2440" s="1"/>
      <c r="G2440" s="25"/>
      <c r="H2440" s="71"/>
      <c r="I2440" s="83"/>
      <c r="J2440" s="50" t="str">
        <f t="shared" ref="J2440:J2503" si="78">E2440&amp;F2440&amp;G2440</f>
        <v/>
      </c>
      <c r="K2440" s="23" t="s">
        <v>7120</v>
      </c>
      <c r="L2440" s="49" t="e">
        <f>VLOOKUP(E2440&amp;F2440,団体コード!$A$1:$C$1743,3,FALSE)</f>
        <v>#N/A</v>
      </c>
      <c r="M2440" s="49" t="e">
        <f>VLOOKUP(E2440&amp;F2440,団体コード!$A$1:$C$1743,2,FALSE)</f>
        <v>#N/A</v>
      </c>
      <c r="N2440" s="51" t="e">
        <f>VLOOKUP(E2440,団体コード!$E$1:$F$48,2,FALSE)</f>
        <v>#N/A</v>
      </c>
      <c r="O2440" s="51" t="e">
        <f t="shared" ref="O2440:O2503" si="79">N2440</f>
        <v>#N/A</v>
      </c>
      <c r="P2440" s="51">
        <v>1</v>
      </c>
      <c r="Q2440" s="51" t="s">
        <v>5341</v>
      </c>
      <c r="R2440" s="54" t="b">
        <v>1</v>
      </c>
      <c r="S2440" s="52" t="s">
        <v>7126</v>
      </c>
      <c r="T2440" s="67" t="s">
        <v>7127</v>
      </c>
      <c r="U2440" s="75" t="s">
        <v>5331</v>
      </c>
      <c r="V2440" s="47" t="s">
        <v>5331</v>
      </c>
      <c r="W2440" s="47" t="s">
        <v>5331</v>
      </c>
      <c r="X2440" s="47" t="s">
        <v>5331</v>
      </c>
      <c r="Y2440" s="47" t="s">
        <v>5331</v>
      </c>
      <c r="Z2440" s="28"/>
      <c r="AA2440" s="27"/>
      <c r="AB2440" s="27"/>
      <c r="AC2440" s="27"/>
      <c r="AD2440" s="30"/>
      <c r="AE2440" s="1"/>
      <c r="AF2440" s="23" t="s">
        <v>5331</v>
      </c>
      <c r="AG2440" s="26"/>
      <c r="AH2440" s="53"/>
    </row>
    <row r="2441" spans="1:34" ht="51.6" customHeight="1" x14ac:dyDescent="0.45">
      <c r="A2441" s="23">
        <v>2435</v>
      </c>
      <c r="B2441" s="25"/>
      <c r="C2441" s="25"/>
      <c r="D2441" s="29"/>
      <c r="E2441" s="1"/>
      <c r="F2441" s="1"/>
      <c r="G2441" s="25"/>
      <c r="H2441" s="71"/>
      <c r="I2441" s="83"/>
      <c r="J2441" s="50" t="str">
        <f t="shared" si="78"/>
        <v/>
      </c>
      <c r="K2441" s="23" t="s">
        <v>7120</v>
      </c>
      <c r="L2441" s="49" t="e">
        <f>VLOOKUP(E2441&amp;F2441,団体コード!$A$1:$C$1743,3,FALSE)</f>
        <v>#N/A</v>
      </c>
      <c r="M2441" s="49" t="e">
        <f>VLOOKUP(E2441&amp;F2441,団体コード!$A$1:$C$1743,2,FALSE)</f>
        <v>#N/A</v>
      </c>
      <c r="N2441" s="51" t="e">
        <f>VLOOKUP(E2441,団体コード!$E$1:$F$48,2,FALSE)</f>
        <v>#N/A</v>
      </c>
      <c r="O2441" s="51" t="e">
        <f t="shared" si="79"/>
        <v>#N/A</v>
      </c>
      <c r="P2441" s="51">
        <v>1</v>
      </c>
      <c r="Q2441" s="51" t="s">
        <v>5341</v>
      </c>
      <c r="R2441" s="54" t="b">
        <v>1</v>
      </c>
      <c r="S2441" s="52" t="s">
        <v>7126</v>
      </c>
      <c r="T2441" s="67" t="s">
        <v>7127</v>
      </c>
      <c r="U2441" s="75" t="s">
        <v>5331</v>
      </c>
      <c r="V2441" s="47" t="s">
        <v>5331</v>
      </c>
      <c r="W2441" s="47" t="s">
        <v>5331</v>
      </c>
      <c r="X2441" s="47" t="s">
        <v>5331</v>
      </c>
      <c r="Y2441" s="47" t="s">
        <v>5331</v>
      </c>
      <c r="Z2441" s="28"/>
      <c r="AA2441" s="27"/>
      <c r="AB2441" s="27"/>
      <c r="AC2441" s="27"/>
      <c r="AD2441" s="30"/>
      <c r="AE2441" s="1"/>
      <c r="AF2441" s="23" t="s">
        <v>5331</v>
      </c>
      <c r="AG2441" s="26"/>
      <c r="AH2441" s="53"/>
    </row>
    <row r="2442" spans="1:34" ht="51.6" customHeight="1" x14ac:dyDescent="0.45">
      <c r="A2442" s="23">
        <v>2436</v>
      </c>
      <c r="B2442" s="25"/>
      <c r="C2442" s="25"/>
      <c r="D2442" s="29"/>
      <c r="E2442" s="1"/>
      <c r="F2442" s="1"/>
      <c r="G2442" s="25"/>
      <c r="H2442" s="71"/>
      <c r="I2442" s="83"/>
      <c r="J2442" s="50" t="str">
        <f t="shared" si="78"/>
        <v/>
      </c>
      <c r="K2442" s="23" t="s">
        <v>7120</v>
      </c>
      <c r="L2442" s="49" t="e">
        <f>VLOOKUP(E2442&amp;F2442,団体コード!$A$1:$C$1743,3,FALSE)</f>
        <v>#N/A</v>
      </c>
      <c r="M2442" s="49" t="e">
        <f>VLOOKUP(E2442&amp;F2442,団体コード!$A$1:$C$1743,2,FALSE)</f>
        <v>#N/A</v>
      </c>
      <c r="N2442" s="51" t="e">
        <f>VLOOKUP(E2442,団体コード!$E$1:$F$48,2,FALSE)</f>
        <v>#N/A</v>
      </c>
      <c r="O2442" s="51" t="e">
        <f t="shared" si="79"/>
        <v>#N/A</v>
      </c>
      <c r="P2442" s="51">
        <v>1</v>
      </c>
      <c r="Q2442" s="51" t="s">
        <v>5341</v>
      </c>
      <c r="R2442" s="54" t="b">
        <v>1</v>
      </c>
      <c r="S2442" s="52" t="s">
        <v>7126</v>
      </c>
      <c r="T2442" s="67" t="s">
        <v>7127</v>
      </c>
      <c r="U2442" s="75" t="s">
        <v>5331</v>
      </c>
      <c r="V2442" s="47" t="s">
        <v>5331</v>
      </c>
      <c r="W2442" s="47" t="s">
        <v>5331</v>
      </c>
      <c r="X2442" s="47" t="s">
        <v>5331</v>
      </c>
      <c r="Y2442" s="47" t="s">
        <v>5331</v>
      </c>
      <c r="Z2442" s="28"/>
      <c r="AA2442" s="27"/>
      <c r="AB2442" s="27"/>
      <c r="AC2442" s="27"/>
      <c r="AD2442" s="30"/>
      <c r="AE2442" s="1"/>
      <c r="AF2442" s="23" t="s">
        <v>5331</v>
      </c>
      <c r="AG2442" s="26"/>
      <c r="AH2442" s="53"/>
    </row>
    <row r="2443" spans="1:34" ht="51.6" customHeight="1" x14ac:dyDescent="0.45">
      <c r="A2443" s="23">
        <v>2437</v>
      </c>
      <c r="B2443" s="25"/>
      <c r="C2443" s="25"/>
      <c r="D2443" s="29"/>
      <c r="E2443" s="1"/>
      <c r="F2443" s="1"/>
      <c r="G2443" s="25"/>
      <c r="H2443" s="71"/>
      <c r="I2443" s="83"/>
      <c r="J2443" s="50" t="str">
        <f t="shared" si="78"/>
        <v/>
      </c>
      <c r="K2443" s="23" t="s">
        <v>7120</v>
      </c>
      <c r="L2443" s="49" t="e">
        <f>VLOOKUP(E2443&amp;F2443,団体コード!$A$1:$C$1743,3,FALSE)</f>
        <v>#N/A</v>
      </c>
      <c r="M2443" s="49" t="e">
        <f>VLOOKUP(E2443&amp;F2443,団体コード!$A$1:$C$1743,2,FALSE)</f>
        <v>#N/A</v>
      </c>
      <c r="N2443" s="51" t="e">
        <f>VLOOKUP(E2443,団体コード!$E$1:$F$48,2,FALSE)</f>
        <v>#N/A</v>
      </c>
      <c r="O2443" s="51" t="e">
        <f t="shared" si="79"/>
        <v>#N/A</v>
      </c>
      <c r="P2443" s="51">
        <v>1</v>
      </c>
      <c r="Q2443" s="51" t="s">
        <v>5341</v>
      </c>
      <c r="R2443" s="54" t="b">
        <v>1</v>
      </c>
      <c r="S2443" s="52" t="s">
        <v>7126</v>
      </c>
      <c r="T2443" s="67" t="s">
        <v>7127</v>
      </c>
      <c r="U2443" s="75" t="s">
        <v>5331</v>
      </c>
      <c r="V2443" s="47" t="s">
        <v>5331</v>
      </c>
      <c r="W2443" s="47" t="s">
        <v>5331</v>
      </c>
      <c r="X2443" s="47" t="s">
        <v>5331</v>
      </c>
      <c r="Y2443" s="47" t="s">
        <v>5331</v>
      </c>
      <c r="Z2443" s="28"/>
      <c r="AA2443" s="27"/>
      <c r="AB2443" s="27"/>
      <c r="AC2443" s="27"/>
      <c r="AD2443" s="30"/>
      <c r="AE2443" s="1"/>
      <c r="AF2443" s="23" t="s">
        <v>5331</v>
      </c>
      <c r="AG2443" s="26"/>
      <c r="AH2443" s="53"/>
    </row>
    <row r="2444" spans="1:34" ht="51.6" customHeight="1" x14ac:dyDescent="0.45">
      <c r="A2444" s="23">
        <v>2438</v>
      </c>
      <c r="B2444" s="25"/>
      <c r="C2444" s="25"/>
      <c r="D2444" s="29"/>
      <c r="E2444" s="1"/>
      <c r="F2444" s="1"/>
      <c r="G2444" s="25"/>
      <c r="H2444" s="71"/>
      <c r="I2444" s="83"/>
      <c r="J2444" s="50" t="str">
        <f t="shared" si="78"/>
        <v/>
      </c>
      <c r="K2444" s="23" t="s">
        <v>7120</v>
      </c>
      <c r="L2444" s="49" t="e">
        <f>VLOOKUP(E2444&amp;F2444,団体コード!$A$1:$C$1743,3,FALSE)</f>
        <v>#N/A</v>
      </c>
      <c r="M2444" s="49" t="e">
        <f>VLOOKUP(E2444&amp;F2444,団体コード!$A$1:$C$1743,2,FALSE)</f>
        <v>#N/A</v>
      </c>
      <c r="N2444" s="51" t="e">
        <f>VLOOKUP(E2444,団体コード!$E$1:$F$48,2,FALSE)</f>
        <v>#N/A</v>
      </c>
      <c r="O2444" s="51" t="e">
        <f t="shared" si="79"/>
        <v>#N/A</v>
      </c>
      <c r="P2444" s="51">
        <v>1</v>
      </c>
      <c r="Q2444" s="51" t="s">
        <v>5341</v>
      </c>
      <c r="R2444" s="54" t="b">
        <v>1</v>
      </c>
      <c r="S2444" s="52" t="s">
        <v>7126</v>
      </c>
      <c r="T2444" s="67" t="s">
        <v>7127</v>
      </c>
      <c r="U2444" s="75" t="s">
        <v>5331</v>
      </c>
      <c r="V2444" s="47" t="s">
        <v>5331</v>
      </c>
      <c r="W2444" s="47" t="s">
        <v>5331</v>
      </c>
      <c r="X2444" s="47" t="s">
        <v>5331</v>
      </c>
      <c r="Y2444" s="47" t="s">
        <v>5331</v>
      </c>
      <c r="Z2444" s="28"/>
      <c r="AA2444" s="27"/>
      <c r="AB2444" s="27"/>
      <c r="AC2444" s="27"/>
      <c r="AD2444" s="30"/>
      <c r="AE2444" s="1"/>
      <c r="AF2444" s="23" t="s">
        <v>5331</v>
      </c>
      <c r="AG2444" s="26"/>
      <c r="AH2444" s="53"/>
    </row>
    <row r="2445" spans="1:34" ht="51.6" customHeight="1" x14ac:dyDescent="0.45">
      <c r="A2445" s="23">
        <v>2439</v>
      </c>
      <c r="B2445" s="25"/>
      <c r="C2445" s="25"/>
      <c r="D2445" s="29"/>
      <c r="E2445" s="1"/>
      <c r="F2445" s="1"/>
      <c r="G2445" s="25"/>
      <c r="H2445" s="71"/>
      <c r="I2445" s="83"/>
      <c r="J2445" s="50" t="str">
        <f t="shared" si="78"/>
        <v/>
      </c>
      <c r="K2445" s="23" t="s">
        <v>7120</v>
      </c>
      <c r="L2445" s="49" t="e">
        <f>VLOOKUP(E2445&amp;F2445,団体コード!$A$1:$C$1743,3,FALSE)</f>
        <v>#N/A</v>
      </c>
      <c r="M2445" s="49" t="e">
        <f>VLOOKUP(E2445&amp;F2445,団体コード!$A$1:$C$1743,2,FALSE)</f>
        <v>#N/A</v>
      </c>
      <c r="N2445" s="51" t="e">
        <f>VLOOKUP(E2445,団体コード!$E$1:$F$48,2,FALSE)</f>
        <v>#N/A</v>
      </c>
      <c r="O2445" s="51" t="e">
        <f t="shared" si="79"/>
        <v>#N/A</v>
      </c>
      <c r="P2445" s="51">
        <v>1</v>
      </c>
      <c r="Q2445" s="51" t="s">
        <v>5341</v>
      </c>
      <c r="R2445" s="54" t="b">
        <v>1</v>
      </c>
      <c r="S2445" s="52" t="s">
        <v>7126</v>
      </c>
      <c r="T2445" s="67" t="s">
        <v>7127</v>
      </c>
      <c r="U2445" s="75" t="s">
        <v>5331</v>
      </c>
      <c r="V2445" s="47" t="s">
        <v>5331</v>
      </c>
      <c r="W2445" s="47" t="s">
        <v>5331</v>
      </c>
      <c r="X2445" s="47" t="s">
        <v>5331</v>
      </c>
      <c r="Y2445" s="47" t="s">
        <v>5331</v>
      </c>
      <c r="Z2445" s="28"/>
      <c r="AA2445" s="27"/>
      <c r="AB2445" s="27"/>
      <c r="AC2445" s="27"/>
      <c r="AD2445" s="30"/>
      <c r="AE2445" s="1"/>
      <c r="AF2445" s="23" t="s">
        <v>5331</v>
      </c>
      <c r="AG2445" s="26"/>
      <c r="AH2445" s="53"/>
    </row>
    <row r="2446" spans="1:34" ht="51.6" customHeight="1" x14ac:dyDescent="0.45">
      <c r="A2446" s="23">
        <v>2440</v>
      </c>
      <c r="B2446" s="25"/>
      <c r="C2446" s="25"/>
      <c r="D2446" s="29"/>
      <c r="E2446" s="1"/>
      <c r="F2446" s="1"/>
      <c r="G2446" s="25"/>
      <c r="H2446" s="71"/>
      <c r="I2446" s="83"/>
      <c r="J2446" s="50" t="str">
        <f t="shared" si="78"/>
        <v/>
      </c>
      <c r="K2446" s="23" t="s">
        <v>7120</v>
      </c>
      <c r="L2446" s="49" t="e">
        <f>VLOOKUP(E2446&amp;F2446,団体コード!$A$1:$C$1743,3,FALSE)</f>
        <v>#N/A</v>
      </c>
      <c r="M2446" s="49" t="e">
        <f>VLOOKUP(E2446&amp;F2446,団体コード!$A$1:$C$1743,2,FALSE)</f>
        <v>#N/A</v>
      </c>
      <c r="N2446" s="51" t="e">
        <f>VLOOKUP(E2446,団体コード!$E$1:$F$48,2,FALSE)</f>
        <v>#N/A</v>
      </c>
      <c r="O2446" s="51" t="e">
        <f t="shared" si="79"/>
        <v>#N/A</v>
      </c>
      <c r="P2446" s="51">
        <v>1</v>
      </c>
      <c r="Q2446" s="51" t="s">
        <v>5341</v>
      </c>
      <c r="R2446" s="54" t="b">
        <v>1</v>
      </c>
      <c r="S2446" s="52" t="s">
        <v>7126</v>
      </c>
      <c r="T2446" s="67" t="s">
        <v>7127</v>
      </c>
      <c r="U2446" s="75" t="s">
        <v>5331</v>
      </c>
      <c r="V2446" s="47" t="s">
        <v>5331</v>
      </c>
      <c r="W2446" s="47" t="s">
        <v>5331</v>
      </c>
      <c r="X2446" s="47" t="s">
        <v>5331</v>
      </c>
      <c r="Y2446" s="47" t="s">
        <v>5331</v>
      </c>
      <c r="Z2446" s="28"/>
      <c r="AA2446" s="27"/>
      <c r="AB2446" s="27"/>
      <c r="AC2446" s="27"/>
      <c r="AD2446" s="30"/>
      <c r="AE2446" s="1"/>
      <c r="AF2446" s="23" t="s">
        <v>5331</v>
      </c>
      <c r="AG2446" s="26"/>
      <c r="AH2446" s="53"/>
    </row>
    <row r="2447" spans="1:34" ht="51.6" customHeight="1" x14ac:dyDescent="0.45">
      <c r="A2447" s="23">
        <v>2441</v>
      </c>
      <c r="B2447" s="25"/>
      <c r="C2447" s="25"/>
      <c r="D2447" s="29"/>
      <c r="E2447" s="1"/>
      <c r="F2447" s="1"/>
      <c r="G2447" s="25"/>
      <c r="H2447" s="71"/>
      <c r="I2447" s="83"/>
      <c r="J2447" s="50" t="str">
        <f t="shared" si="78"/>
        <v/>
      </c>
      <c r="K2447" s="23" t="s">
        <v>7120</v>
      </c>
      <c r="L2447" s="49" t="e">
        <f>VLOOKUP(E2447&amp;F2447,団体コード!$A$1:$C$1743,3,FALSE)</f>
        <v>#N/A</v>
      </c>
      <c r="M2447" s="49" t="e">
        <f>VLOOKUP(E2447&amp;F2447,団体コード!$A$1:$C$1743,2,FALSE)</f>
        <v>#N/A</v>
      </c>
      <c r="N2447" s="51" t="e">
        <f>VLOOKUP(E2447,団体コード!$E$1:$F$48,2,FALSE)</f>
        <v>#N/A</v>
      </c>
      <c r="O2447" s="51" t="e">
        <f t="shared" si="79"/>
        <v>#N/A</v>
      </c>
      <c r="P2447" s="51">
        <v>1</v>
      </c>
      <c r="Q2447" s="51" t="s">
        <v>5341</v>
      </c>
      <c r="R2447" s="54" t="b">
        <v>1</v>
      </c>
      <c r="S2447" s="52" t="s">
        <v>7126</v>
      </c>
      <c r="T2447" s="67" t="s">
        <v>7127</v>
      </c>
      <c r="U2447" s="75" t="s">
        <v>5331</v>
      </c>
      <c r="V2447" s="47" t="s">
        <v>5331</v>
      </c>
      <c r="W2447" s="47" t="s">
        <v>5331</v>
      </c>
      <c r="X2447" s="47" t="s">
        <v>5331</v>
      </c>
      <c r="Y2447" s="47" t="s">
        <v>5331</v>
      </c>
      <c r="Z2447" s="28"/>
      <c r="AA2447" s="27"/>
      <c r="AB2447" s="27"/>
      <c r="AC2447" s="27"/>
      <c r="AD2447" s="30"/>
      <c r="AE2447" s="1"/>
      <c r="AF2447" s="23" t="s">
        <v>5331</v>
      </c>
      <c r="AG2447" s="26"/>
      <c r="AH2447" s="53"/>
    </row>
    <row r="2448" spans="1:34" ht="51.6" customHeight="1" x14ac:dyDescent="0.45">
      <c r="A2448" s="23">
        <v>2442</v>
      </c>
      <c r="B2448" s="25"/>
      <c r="C2448" s="25"/>
      <c r="D2448" s="29"/>
      <c r="E2448" s="1"/>
      <c r="F2448" s="1"/>
      <c r="G2448" s="25"/>
      <c r="H2448" s="71"/>
      <c r="I2448" s="83"/>
      <c r="J2448" s="50" t="str">
        <f t="shared" si="78"/>
        <v/>
      </c>
      <c r="K2448" s="23" t="s">
        <v>7120</v>
      </c>
      <c r="L2448" s="49" t="e">
        <f>VLOOKUP(E2448&amp;F2448,団体コード!$A$1:$C$1743,3,FALSE)</f>
        <v>#N/A</v>
      </c>
      <c r="M2448" s="49" t="e">
        <f>VLOOKUP(E2448&amp;F2448,団体コード!$A$1:$C$1743,2,FALSE)</f>
        <v>#N/A</v>
      </c>
      <c r="N2448" s="51" t="e">
        <f>VLOOKUP(E2448,団体コード!$E$1:$F$48,2,FALSE)</f>
        <v>#N/A</v>
      </c>
      <c r="O2448" s="51" t="e">
        <f t="shared" si="79"/>
        <v>#N/A</v>
      </c>
      <c r="P2448" s="51">
        <v>1</v>
      </c>
      <c r="Q2448" s="51" t="s">
        <v>5341</v>
      </c>
      <c r="R2448" s="54" t="b">
        <v>1</v>
      </c>
      <c r="S2448" s="52" t="s">
        <v>7126</v>
      </c>
      <c r="T2448" s="67" t="s">
        <v>7127</v>
      </c>
      <c r="U2448" s="75" t="s">
        <v>5331</v>
      </c>
      <c r="V2448" s="47" t="s">
        <v>5331</v>
      </c>
      <c r="W2448" s="47" t="s">
        <v>5331</v>
      </c>
      <c r="X2448" s="47" t="s">
        <v>5331</v>
      </c>
      <c r="Y2448" s="47" t="s">
        <v>5331</v>
      </c>
      <c r="Z2448" s="28"/>
      <c r="AA2448" s="27"/>
      <c r="AB2448" s="27"/>
      <c r="AC2448" s="27"/>
      <c r="AD2448" s="30"/>
      <c r="AE2448" s="1"/>
      <c r="AF2448" s="23" t="s">
        <v>5331</v>
      </c>
      <c r="AG2448" s="26"/>
      <c r="AH2448" s="53"/>
    </row>
    <row r="2449" spans="1:34" ht="51.6" customHeight="1" x14ac:dyDescent="0.45">
      <c r="A2449" s="23">
        <v>2443</v>
      </c>
      <c r="B2449" s="25"/>
      <c r="C2449" s="25"/>
      <c r="D2449" s="29"/>
      <c r="E2449" s="1"/>
      <c r="F2449" s="1"/>
      <c r="G2449" s="25"/>
      <c r="H2449" s="71"/>
      <c r="I2449" s="83"/>
      <c r="J2449" s="50" t="str">
        <f t="shared" si="78"/>
        <v/>
      </c>
      <c r="K2449" s="23" t="s">
        <v>7120</v>
      </c>
      <c r="L2449" s="49" t="e">
        <f>VLOOKUP(E2449&amp;F2449,団体コード!$A$1:$C$1743,3,FALSE)</f>
        <v>#N/A</v>
      </c>
      <c r="M2449" s="49" t="e">
        <f>VLOOKUP(E2449&amp;F2449,団体コード!$A$1:$C$1743,2,FALSE)</f>
        <v>#N/A</v>
      </c>
      <c r="N2449" s="51" t="e">
        <f>VLOOKUP(E2449,団体コード!$E$1:$F$48,2,FALSE)</f>
        <v>#N/A</v>
      </c>
      <c r="O2449" s="51" t="e">
        <f t="shared" si="79"/>
        <v>#N/A</v>
      </c>
      <c r="P2449" s="51">
        <v>1</v>
      </c>
      <c r="Q2449" s="51" t="s">
        <v>5341</v>
      </c>
      <c r="R2449" s="54" t="b">
        <v>1</v>
      </c>
      <c r="S2449" s="52" t="s">
        <v>7126</v>
      </c>
      <c r="T2449" s="67" t="s">
        <v>7127</v>
      </c>
      <c r="U2449" s="75" t="s">
        <v>5331</v>
      </c>
      <c r="V2449" s="47" t="s">
        <v>5331</v>
      </c>
      <c r="W2449" s="47" t="s">
        <v>5331</v>
      </c>
      <c r="X2449" s="47" t="s">
        <v>5331</v>
      </c>
      <c r="Y2449" s="47" t="s">
        <v>5331</v>
      </c>
      <c r="Z2449" s="28"/>
      <c r="AA2449" s="27"/>
      <c r="AB2449" s="27"/>
      <c r="AC2449" s="27"/>
      <c r="AD2449" s="30"/>
      <c r="AE2449" s="1"/>
      <c r="AF2449" s="23" t="s">
        <v>5331</v>
      </c>
      <c r="AG2449" s="26"/>
      <c r="AH2449" s="53"/>
    </row>
    <row r="2450" spans="1:34" ht="51.6" customHeight="1" x14ac:dyDescent="0.45">
      <c r="A2450" s="23">
        <v>2444</v>
      </c>
      <c r="B2450" s="25"/>
      <c r="C2450" s="25"/>
      <c r="D2450" s="29"/>
      <c r="E2450" s="1"/>
      <c r="F2450" s="1"/>
      <c r="G2450" s="25"/>
      <c r="H2450" s="71"/>
      <c r="I2450" s="83"/>
      <c r="J2450" s="50" t="str">
        <f t="shared" si="78"/>
        <v/>
      </c>
      <c r="K2450" s="23" t="s">
        <v>7120</v>
      </c>
      <c r="L2450" s="49" t="e">
        <f>VLOOKUP(E2450&amp;F2450,団体コード!$A$1:$C$1743,3,FALSE)</f>
        <v>#N/A</v>
      </c>
      <c r="M2450" s="49" t="e">
        <f>VLOOKUP(E2450&amp;F2450,団体コード!$A$1:$C$1743,2,FALSE)</f>
        <v>#N/A</v>
      </c>
      <c r="N2450" s="51" t="e">
        <f>VLOOKUP(E2450,団体コード!$E$1:$F$48,2,FALSE)</f>
        <v>#N/A</v>
      </c>
      <c r="O2450" s="51" t="e">
        <f t="shared" si="79"/>
        <v>#N/A</v>
      </c>
      <c r="P2450" s="51">
        <v>1</v>
      </c>
      <c r="Q2450" s="51" t="s">
        <v>5341</v>
      </c>
      <c r="R2450" s="54" t="b">
        <v>1</v>
      </c>
      <c r="S2450" s="52" t="s">
        <v>7126</v>
      </c>
      <c r="T2450" s="67" t="s">
        <v>7127</v>
      </c>
      <c r="U2450" s="75" t="s">
        <v>5331</v>
      </c>
      <c r="V2450" s="47" t="s">
        <v>5331</v>
      </c>
      <c r="W2450" s="47" t="s">
        <v>5331</v>
      </c>
      <c r="X2450" s="47" t="s">
        <v>5331</v>
      </c>
      <c r="Y2450" s="47" t="s">
        <v>5331</v>
      </c>
      <c r="Z2450" s="28"/>
      <c r="AA2450" s="27"/>
      <c r="AB2450" s="27"/>
      <c r="AC2450" s="27"/>
      <c r="AD2450" s="30"/>
      <c r="AE2450" s="1"/>
      <c r="AF2450" s="23" t="s">
        <v>5331</v>
      </c>
      <c r="AG2450" s="26"/>
      <c r="AH2450" s="53"/>
    </row>
    <row r="2451" spans="1:34" ht="51.6" customHeight="1" x14ac:dyDescent="0.45">
      <c r="A2451" s="23">
        <v>2445</v>
      </c>
      <c r="B2451" s="25"/>
      <c r="C2451" s="25"/>
      <c r="D2451" s="29"/>
      <c r="E2451" s="1"/>
      <c r="F2451" s="1"/>
      <c r="G2451" s="25"/>
      <c r="H2451" s="71"/>
      <c r="I2451" s="83"/>
      <c r="J2451" s="50" t="str">
        <f t="shared" si="78"/>
        <v/>
      </c>
      <c r="K2451" s="23" t="s">
        <v>7120</v>
      </c>
      <c r="L2451" s="49" t="e">
        <f>VLOOKUP(E2451&amp;F2451,団体コード!$A$1:$C$1743,3,FALSE)</f>
        <v>#N/A</v>
      </c>
      <c r="M2451" s="49" t="e">
        <f>VLOOKUP(E2451&amp;F2451,団体コード!$A$1:$C$1743,2,FALSE)</f>
        <v>#N/A</v>
      </c>
      <c r="N2451" s="51" t="e">
        <f>VLOOKUP(E2451,団体コード!$E$1:$F$48,2,FALSE)</f>
        <v>#N/A</v>
      </c>
      <c r="O2451" s="51" t="e">
        <f t="shared" si="79"/>
        <v>#N/A</v>
      </c>
      <c r="P2451" s="51">
        <v>1</v>
      </c>
      <c r="Q2451" s="51" t="s">
        <v>5341</v>
      </c>
      <c r="R2451" s="54" t="b">
        <v>1</v>
      </c>
      <c r="S2451" s="52" t="s">
        <v>7126</v>
      </c>
      <c r="T2451" s="67" t="s">
        <v>7127</v>
      </c>
      <c r="U2451" s="75" t="s">
        <v>5331</v>
      </c>
      <c r="V2451" s="47" t="s">
        <v>5331</v>
      </c>
      <c r="W2451" s="47" t="s">
        <v>5331</v>
      </c>
      <c r="X2451" s="47" t="s">
        <v>5331</v>
      </c>
      <c r="Y2451" s="47" t="s">
        <v>5331</v>
      </c>
      <c r="Z2451" s="28"/>
      <c r="AA2451" s="27"/>
      <c r="AB2451" s="27"/>
      <c r="AC2451" s="27"/>
      <c r="AD2451" s="30"/>
      <c r="AE2451" s="1"/>
      <c r="AF2451" s="23" t="s">
        <v>5331</v>
      </c>
      <c r="AG2451" s="26"/>
      <c r="AH2451" s="53"/>
    </row>
    <row r="2452" spans="1:34" ht="51.6" customHeight="1" x14ac:dyDescent="0.45">
      <c r="A2452" s="23">
        <v>2446</v>
      </c>
      <c r="B2452" s="25"/>
      <c r="C2452" s="25"/>
      <c r="D2452" s="29"/>
      <c r="E2452" s="1"/>
      <c r="F2452" s="1"/>
      <c r="G2452" s="25"/>
      <c r="H2452" s="71"/>
      <c r="I2452" s="83"/>
      <c r="J2452" s="50" t="str">
        <f t="shared" si="78"/>
        <v/>
      </c>
      <c r="K2452" s="23" t="s">
        <v>7120</v>
      </c>
      <c r="L2452" s="49" t="e">
        <f>VLOOKUP(E2452&amp;F2452,団体コード!$A$1:$C$1743,3,FALSE)</f>
        <v>#N/A</v>
      </c>
      <c r="M2452" s="49" t="e">
        <f>VLOOKUP(E2452&amp;F2452,団体コード!$A$1:$C$1743,2,FALSE)</f>
        <v>#N/A</v>
      </c>
      <c r="N2452" s="51" t="e">
        <f>VLOOKUP(E2452,団体コード!$E$1:$F$48,2,FALSE)</f>
        <v>#N/A</v>
      </c>
      <c r="O2452" s="51" t="e">
        <f t="shared" si="79"/>
        <v>#N/A</v>
      </c>
      <c r="P2452" s="51">
        <v>1</v>
      </c>
      <c r="Q2452" s="51" t="s">
        <v>5341</v>
      </c>
      <c r="R2452" s="54" t="b">
        <v>1</v>
      </c>
      <c r="S2452" s="52" t="s">
        <v>7126</v>
      </c>
      <c r="T2452" s="67" t="s">
        <v>7127</v>
      </c>
      <c r="U2452" s="75" t="s">
        <v>5331</v>
      </c>
      <c r="V2452" s="47" t="s">
        <v>5331</v>
      </c>
      <c r="W2452" s="47" t="s">
        <v>5331</v>
      </c>
      <c r="X2452" s="47" t="s">
        <v>5331</v>
      </c>
      <c r="Y2452" s="47" t="s">
        <v>5331</v>
      </c>
      <c r="Z2452" s="28"/>
      <c r="AA2452" s="27"/>
      <c r="AB2452" s="27"/>
      <c r="AC2452" s="27"/>
      <c r="AD2452" s="30"/>
      <c r="AE2452" s="1"/>
      <c r="AF2452" s="23" t="s">
        <v>5331</v>
      </c>
      <c r="AG2452" s="26"/>
      <c r="AH2452" s="53"/>
    </row>
    <row r="2453" spans="1:34" ht="51.6" customHeight="1" x14ac:dyDescent="0.45">
      <c r="A2453" s="23">
        <v>2447</v>
      </c>
      <c r="B2453" s="25"/>
      <c r="C2453" s="25"/>
      <c r="D2453" s="29"/>
      <c r="E2453" s="1"/>
      <c r="F2453" s="1"/>
      <c r="G2453" s="25"/>
      <c r="H2453" s="71"/>
      <c r="I2453" s="83"/>
      <c r="J2453" s="50" t="str">
        <f t="shared" si="78"/>
        <v/>
      </c>
      <c r="K2453" s="23" t="s">
        <v>7120</v>
      </c>
      <c r="L2453" s="49" t="e">
        <f>VLOOKUP(E2453&amp;F2453,団体コード!$A$1:$C$1743,3,FALSE)</f>
        <v>#N/A</v>
      </c>
      <c r="M2453" s="49" t="e">
        <f>VLOOKUP(E2453&amp;F2453,団体コード!$A$1:$C$1743,2,FALSE)</f>
        <v>#N/A</v>
      </c>
      <c r="N2453" s="51" t="e">
        <f>VLOOKUP(E2453,団体コード!$E$1:$F$48,2,FALSE)</f>
        <v>#N/A</v>
      </c>
      <c r="O2453" s="51" t="e">
        <f t="shared" si="79"/>
        <v>#N/A</v>
      </c>
      <c r="P2453" s="51">
        <v>1</v>
      </c>
      <c r="Q2453" s="51" t="s">
        <v>5341</v>
      </c>
      <c r="R2453" s="54" t="b">
        <v>1</v>
      </c>
      <c r="S2453" s="52" t="s">
        <v>7126</v>
      </c>
      <c r="T2453" s="67" t="s">
        <v>7127</v>
      </c>
      <c r="U2453" s="75" t="s">
        <v>5331</v>
      </c>
      <c r="V2453" s="47" t="s">
        <v>5331</v>
      </c>
      <c r="W2453" s="47" t="s">
        <v>5331</v>
      </c>
      <c r="X2453" s="47" t="s">
        <v>5331</v>
      </c>
      <c r="Y2453" s="47" t="s">
        <v>5331</v>
      </c>
      <c r="Z2453" s="28"/>
      <c r="AA2453" s="27"/>
      <c r="AB2453" s="27"/>
      <c r="AC2453" s="27"/>
      <c r="AD2453" s="30"/>
      <c r="AE2453" s="1"/>
      <c r="AF2453" s="23" t="s">
        <v>5331</v>
      </c>
      <c r="AG2453" s="26"/>
      <c r="AH2453" s="53"/>
    </row>
    <row r="2454" spans="1:34" ht="51.6" customHeight="1" x14ac:dyDescent="0.45">
      <c r="A2454" s="23">
        <v>2448</v>
      </c>
      <c r="B2454" s="25"/>
      <c r="C2454" s="25"/>
      <c r="D2454" s="29"/>
      <c r="E2454" s="1"/>
      <c r="F2454" s="1"/>
      <c r="G2454" s="25"/>
      <c r="H2454" s="71"/>
      <c r="I2454" s="83"/>
      <c r="J2454" s="50" t="str">
        <f t="shared" si="78"/>
        <v/>
      </c>
      <c r="K2454" s="23" t="s">
        <v>7120</v>
      </c>
      <c r="L2454" s="49" t="e">
        <f>VLOOKUP(E2454&amp;F2454,団体コード!$A$1:$C$1743,3,FALSE)</f>
        <v>#N/A</v>
      </c>
      <c r="M2454" s="49" t="e">
        <f>VLOOKUP(E2454&amp;F2454,団体コード!$A$1:$C$1743,2,FALSE)</f>
        <v>#N/A</v>
      </c>
      <c r="N2454" s="51" t="e">
        <f>VLOOKUP(E2454,団体コード!$E$1:$F$48,2,FALSE)</f>
        <v>#N/A</v>
      </c>
      <c r="O2454" s="51" t="e">
        <f t="shared" si="79"/>
        <v>#N/A</v>
      </c>
      <c r="P2454" s="51">
        <v>1</v>
      </c>
      <c r="Q2454" s="51" t="s">
        <v>5341</v>
      </c>
      <c r="R2454" s="54" t="b">
        <v>1</v>
      </c>
      <c r="S2454" s="52" t="s">
        <v>7126</v>
      </c>
      <c r="T2454" s="67" t="s">
        <v>7127</v>
      </c>
      <c r="U2454" s="75" t="s">
        <v>5331</v>
      </c>
      <c r="V2454" s="47" t="s">
        <v>5331</v>
      </c>
      <c r="W2454" s="47" t="s">
        <v>5331</v>
      </c>
      <c r="X2454" s="47" t="s">
        <v>5331</v>
      </c>
      <c r="Y2454" s="47" t="s">
        <v>5331</v>
      </c>
      <c r="Z2454" s="28"/>
      <c r="AA2454" s="27"/>
      <c r="AB2454" s="27"/>
      <c r="AC2454" s="27"/>
      <c r="AD2454" s="30"/>
      <c r="AE2454" s="1"/>
      <c r="AF2454" s="23" t="s">
        <v>5331</v>
      </c>
      <c r="AG2454" s="26"/>
      <c r="AH2454" s="53"/>
    </row>
    <row r="2455" spans="1:34" ht="51.6" customHeight="1" x14ac:dyDescent="0.45">
      <c r="A2455" s="23">
        <v>2449</v>
      </c>
      <c r="B2455" s="25"/>
      <c r="C2455" s="25"/>
      <c r="D2455" s="29"/>
      <c r="E2455" s="1"/>
      <c r="F2455" s="1"/>
      <c r="G2455" s="25"/>
      <c r="H2455" s="71"/>
      <c r="I2455" s="83"/>
      <c r="J2455" s="50" t="str">
        <f t="shared" si="78"/>
        <v/>
      </c>
      <c r="K2455" s="23" t="s">
        <v>7120</v>
      </c>
      <c r="L2455" s="49" t="e">
        <f>VLOOKUP(E2455&amp;F2455,団体コード!$A$1:$C$1743,3,FALSE)</f>
        <v>#N/A</v>
      </c>
      <c r="M2455" s="49" t="e">
        <f>VLOOKUP(E2455&amp;F2455,団体コード!$A$1:$C$1743,2,FALSE)</f>
        <v>#N/A</v>
      </c>
      <c r="N2455" s="51" t="e">
        <f>VLOOKUP(E2455,団体コード!$E$1:$F$48,2,FALSE)</f>
        <v>#N/A</v>
      </c>
      <c r="O2455" s="51" t="e">
        <f t="shared" si="79"/>
        <v>#N/A</v>
      </c>
      <c r="P2455" s="51">
        <v>1</v>
      </c>
      <c r="Q2455" s="51" t="s">
        <v>5341</v>
      </c>
      <c r="R2455" s="54" t="b">
        <v>1</v>
      </c>
      <c r="S2455" s="52" t="s">
        <v>7126</v>
      </c>
      <c r="T2455" s="67" t="s">
        <v>7127</v>
      </c>
      <c r="U2455" s="75" t="s">
        <v>5331</v>
      </c>
      <c r="V2455" s="47" t="s">
        <v>5331</v>
      </c>
      <c r="W2455" s="47" t="s">
        <v>5331</v>
      </c>
      <c r="X2455" s="47" t="s">
        <v>5331</v>
      </c>
      <c r="Y2455" s="47" t="s">
        <v>5331</v>
      </c>
      <c r="Z2455" s="28"/>
      <c r="AA2455" s="27"/>
      <c r="AB2455" s="27"/>
      <c r="AC2455" s="27"/>
      <c r="AD2455" s="30"/>
      <c r="AE2455" s="1"/>
      <c r="AF2455" s="23" t="s">
        <v>5331</v>
      </c>
      <c r="AG2455" s="26"/>
      <c r="AH2455" s="53"/>
    </row>
    <row r="2456" spans="1:34" ht="51.6" customHeight="1" x14ac:dyDescent="0.45">
      <c r="A2456" s="23">
        <v>2450</v>
      </c>
      <c r="B2456" s="25"/>
      <c r="C2456" s="25"/>
      <c r="D2456" s="29"/>
      <c r="E2456" s="1"/>
      <c r="F2456" s="1"/>
      <c r="G2456" s="25"/>
      <c r="H2456" s="71"/>
      <c r="I2456" s="83"/>
      <c r="J2456" s="50" t="str">
        <f t="shared" si="78"/>
        <v/>
      </c>
      <c r="K2456" s="23" t="s">
        <v>7120</v>
      </c>
      <c r="L2456" s="49" t="e">
        <f>VLOOKUP(E2456&amp;F2456,団体コード!$A$1:$C$1743,3,FALSE)</f>
        <v>#N/A</v>
      </c>
      <c r="M2456" s="49" t="e">
        <f>VLOOKUP(E2456&amp;F2456,団体コード!$A$1:$C$1743,2,FALSE)</f>
        <v>#N/A</v>
      </c>
      <c r="N2456" s="51" t="e">
        <f>VLOOKUP(E2456,団体コード!$E$1:$F$48,2,FALSE)</f>
        <v>#N/A</v>
      </c>
      <c r="O2456" s="51" t="e">
        <f t="shared" si="79"/>
        <v>#N/A</v>
      </c>
      <c r="P2456" s="51">
        <v>1</v>
      </c>
      <c r="Q2456" s="51" t="s">
        <v>5341</v>
      </c>
      <c r="R2456" s="54" t="b">
        <v>1</v>
      </c>
      <c r="S2456" s="52" t="s">
        <v>7126</v>
      </c>
      <c r="T2456" s="67" t="s">
        <v>7127</v>
      </c>
      <c r="U2456" s="75" t="s">
        <v>5331</v>
      </c>
      <c r="V2456" s="47" t="s">
        <v>5331</v>
      </c>
      <c r="W2456" s="47" t="s">
        <v>5331</v>
      </c>
      <c r="X2456" s="47" t="s">
        <v>5331</v>
      </c>
      <c r="Y2456" s="47" t="s">
        <v>5331</v>
      </c>
      <c r="Z2456" s="28"/>
      <c r="AA2456" s="27"/>
      <c r="AB2456" s="27"/>
      <c r="AC2456" s="27"/>
      <c r="AD2456" s="30"/>
      <c r="AE2456" s="1"/>
      <c r="AF2456" s="23" t="s">
        <v>5331</v>
      </c>
      <c r="AG2456" s="26"/>
      <c r="AH2456" s="53"/>
    </row>
    <row r="2457" spans="1:34" ht="51.6" customHeight="1" x14ac:dyDescent="0.45">
      <c r="A2457" s="23">
        <v>2451</v>
      </c>
      <c r="B2457" s="25"/>
      <c r="C2457" s="25"/>
      <c r="D2457" s="29"/>
      <c r="E2457" s="1"/>
      <c r="F2457" s="1"/>
      <c r="G2457" s="25"/>
      <c r="H2457" s="71"/>
      <c r="I2457" s="83"/>
      <c r="J2457" s="50" t="str">
        <f t="shared" si="78"/>
        <v/>
      </c>
      <c r="K2457" s="23" t="s">
        <v>7120</v>
      </c>
      <c r="L2457" s="49" t="e">
        <f>VLOOKUP(E2457&amp;F2457,団体コード!$A$1:$C$1743,3,FALSE)</f>
        <v>#N/A</v>
      </c>
      <c r="M2457" s="49" t="e">
        <f>VLOOKUP(E2457&amp;F2457,団体コード!$A$1:$C$1743,2,FALSE)</f>
        <v>#N/A</v>
      </c>
      <c r="N2457" s="51" t="e">
        <f>VLOOKUP(E2457,団体コード!$E$1:$F$48,2,FALSE)</f>
        <v>#N/A</v>
      </c>
      <c r="O2457" s="51" t="e">
        <f t="shared" si="79"/>
        <v>#N/A</v>
      </c>
      <c r="P2457" s="51">
        <v>1</v>
      </c>
      <c r="Q2457" s="51" t="s">
        <v>5341</v>
      </c>
      <c r="R2457" s="54" t="b">
        <v>1</v>
      </c>
      <c r="S2457" s="52" t="s">
        <v>7126</v>
      </c>
      <c r="T2457" s="67" t="s">
        <v>7127</v>
      </c>
      <c r="U2457" s="75" t="s">
        <v>5331</v>
      </c>
      <c r="V2457" s="47" t="s">
        <v>5331</v>
      </c>
      <c r="W2457" s="47" t="s">
        <v>5331</v>
      </c>
      <c r="X2457" s="47" t="s">
        <v>5331</v>
      </c>
      <c r="Y2457" s="47" t="s">
        <v>5331</v>
      </c>
      <c r="Z2457" s="28"/>
      <c r="AA2457" s="27"/>
      <c r="AB2457" s="27"/>
      <c r="AC2457" s="27"/>
      <c r="AD2457" s="30"/>
      <c r="AE2457" s="1"/>
      <c r="AF2457" s="23" t="s">
        <v>5331</v>
      </c>
      <c r="AG2457" s="26"/>
      <c r="AH2457" s="53"/>
    </row>
    <row r="2458" spans="1:34" ht="51.6" customHeight="1" x14ac:dyDescent="0.45">
      <c r="A2458" s="23">
        <v>2452</v>
      </c>
      <c r="B2458" s="25"/>
      <c r="C2458" s="25"/>
      <c r="D2458" s="29"/>
      <c r="E2458" s="1"/>
      <c r="F2458" s="1"/>
      <c r="G2458" s="25"/>
      <c r="H2458" s="71"/>
      <c r="I2458" s="83"/>
      <c r="J2458" s="50" t="str">
        <f t="shared" si="78"/>
        <v/>
      </c>
      <c r="K2458" s="23" t="s">
        <v>7120</v>
      </c>
      <c r="L2458" s="49" t="e">
        <f>VLOOKUP(E2458&amp;F2458,団体コード!$A$1:$C$1743,3,FALSE)</f>
        <v>#N/A</v>
      </c>
      <c r="M2458" s="49" t="e">
        <f>VLOOKUP(E2458&amp;F2458,団体コード!$A$1:$C$1743,2,FALSE)</f>
        <v>#N/A</v>
      </c>
      <c r="N2458" s="51" t="e">
        <f>VLOOKUP(E2458,団体コード!$E$1:$F$48,2,FALSE)</f>
        <v>#N/A</v>
      </c>
      <c r="O2458" s="51" t="e">
        <f t="shared" si="79"/>
        <v>#N/A</v>
      </c>
      <c r="P2458" s="51">
        <v>1</v>
      </c>
      <c r="Q2458" s="51" t="s">
        <v>5341</v>
      </c>
      <c r="R2458" s="54" t="b">
        <v>1</v>
      </c>
      <c r="S2458" s="52" t="s">
        <v>7126</v>
      </c>
      <c r="T2458" s="67" t="s">
        <v>7127</v>
      </c>
      <c r="U2458" s="75" t="s">
        <v>5331</v>
      </c>
      <c r="V2458" s="47" t="s">
        <v>5331</v>
      </c>
      <c r="W2458" s="47" t="s">
        <v>5331</v>
      </c>
      <c r="X2458" s="47" t="s">
        <v>5331</v>
      </c>
      <c r="Y2458" s="47" t="s">
        <v>5331</v>
      </c>
      <c r="Z2458" s="28"/>
      <c r="AA2458" s="27"/>
      <c r="AB2458" s="27"/>
      <c r="AC2458" s="27"/>
      <c r="AD2458" s="30"/>
      <c r="AE2458" s="1"/>
      <c r="AF2458" s="23" t="s">
        <v>5331</v>
      </c>
      <c r="AG2458" s="26"/>
      <c r="AH2458" s="53"/>
    </row>
    <row r="2459" spans="1:34" ht="51.6" customHeight="1" x14ac:dyDescent="0.45">
      <c r="A2459" s="23">
        <v>2453</v>
      </c>
      <c r="B2459" s="25"/>
      <c r="C2459" s="25"/>
      <c r="D2459" s="29"/>
      <c r="E2459" s="1"/>
      <c r="F2459" s="1"/>
      <c r="G2459" s="25"/>
      <c r="H2459" s="71"/>
      <c r="I2459" s="83"/>
      <c r="J2459" s="50" t="str">
        <f t="shared" si="78"/>
        <v/>
      </c>
      <c r="K2459" s="23" t="s">
        <v>7120</v>
      </c>
      <c r="L2459" s="49" t="e">
        <f>VLOOKUP(E2459&amp;F2459,団体コード!$A$1:$C$1743,3,FALSE)</f>
        <v>#N/A</v>
      </c>
      <c r="M2459" s="49" t="e">
        <f>VLOOKUP(E2459&amp;F2459,団体コード!$A$1:$C$1743,2,FALSE)</f>
        <v>#N/A</v>
      </c>
      <c r="N2459" s="51" t="e">
        <f>VLOOKUP(E2459,団体コード!$E$1:$F$48,2,FALSE)</f>
        <v>#N/A</v>
      </c>
      <c r="O2459" s="51" t="e">
        <f t="shared" si="79"/>
        <v>#N/A</v>
      </c>
      <c r="P2459" s="51">
        <v>1</v>
      </c>
      <c r="Q2459" s="51" t="s">
        <v>5341</v>
      </c>
      <c r="R2459" s="54" t="b">
        <v>1</v>
      </c>
      <c r="S2459" s="52" t="s">
        <v>7126</v>
      </c>
      <c r="T2459" s="67" t="s">
        <v>7127</v>
      </c>
      <c r="U2459" s="75" t="s">
        <v>5331</v>
      </c>
      <c r="V2459" s="47" t="s">
        <v>5331</v>
      </c>
      <c r="W2459" s="47" t="s">
        <v>5331</v>
      </c>
      <c r="X2459" s="47" t="s">
        <v>5331</v>
      </c>
      <c r="Y2459" s="47" t="s">
        <v>5331</v>
      </c>
      <c r="Z2459" s="28"/>
      <c r="AA2459" s="27"/>
      <c r="AB2459" s="27"/>
      <c r="AC2459" s="27"/>
      <c r="AD2459" s="30"/>
      <c r="AE2459" s="1"/>
      <c r="AF2459" s="23" t="s">
        <v>5331</v>
      </c>
      <c r="AG2459" s="26"/>
      <c r="AH2459" s="53"/>
    </row>
    <row r="2460" spans="1:34" ht="51.6" customHeight="1" x14ac:dyDescent="0.45">
      <c r="A2460" s="23">
        <v>2454</v>
      </c>
      <c r="B2460" s="25"/>
      <c r="C2460" s="25"/>
      <c r="D2460" s="29"/>
      <c r="E2460" s="1"/>
      <c r="F2460" s="1"/>
      <c r="G2460" s="25"/>
      <c r="H2460" s="71"/>
      <c r="I2460" s="83"/>
      <c r="J2460" s="50" t="str">
        <f t="shared" si="78"/>
        <v/>
      </c>
      <c r="K2460" s="23" t="s">
        <v>7120</v>
      </c>
      <c r="L2460" s="49" t="e">
        <f>VLOOKUP(E2460&amp;F2460,団体コード!$A$1:$C$1743,3,FALSE)</f>
        <v>#N/A</v>
      </c>
      <c r="M2460" s="49" t="e">
        <f>VLOOKUP(E2460&amp;F2460,団体コード!$A$1:$C$1743,2,FALSE)</f>
        <v>#N/A</v>
      </c>
      <c r="N2460" s="51" t="e">
        <f>VLOOKUP(E2460,団体コード!$E$1:$F$48,2,FALSE)</f>
        <v>#N/A</v>
      </c>
      <c r="O2460" s="51" t="e">
        <f t="shared" si="79"/>
        <v>#N/A</v>
      </c>
      <c r="P2460" s="51">
        <v>1</v>
      </c>
      <c r="Q2460" s="51" t="s">
        <v>5341</v>
      </c>
      <c r="R2460" s="54" t="b">
        <v>1</v>
      </c>
      <c r="S2460" s="52" t="s">
        <v>7126</v>
      </c>
      <c r="T2460" s="67" t="s">
        <v>7127</v>
      </c>
      <c r="U2460" s="75" t="s">
        <v>5331</v>
      </c>
      <c r="V2460" s="47" t="s">
        <v>5331</v>
      </c>
      <c r="W2460" s="47" t="s">
        <v>5331</v>
      </c>
      <c r="X2460" s="47" t="s">
        <v>5331</v>
      </c>
      <c r="Y2460" s="47" t="s">
        <v>5331</v>
      </c>
      <c r="Z2460" s="28"/>
      <c r="AA2460" s="27"/>
      <c r="AB2460" s="27"/>
      <c r="AC2460" s="27"/>
      <c r="AD2460" s="30"/>
      <c r="AE2460" s="1"/>
      <c r="AF2460" s="23" t="s">
        <v>5331</v>
      </c>
      <c r="AG2460" s="26"/>
      <c r="AH2460" s="53"/>
    </row>
    <row r="2461" spans="1:34" ht="51.6" customHeight="1" x14ac:dyDescent="0.45">
      <c r="A2461" s="23">
        <v>2455</v>
      </c>
      <c r="B2461" s="25"/>
      <c r="C2461" s="25"/>
      <c r="D2461" s="29"/>
      <c r="E2461" s="1"/>
      <c r="F2461" s="1"/>
      <c r="G2461" s="25"/>
      <c r="H2461" s="71"/>
      <c r="I2461" s="83"/>
      <c r="J2461" s="50" t="str">
        <f t="shared" si="78"/>
        <v/>
      </c>
      <c r="K2461" s="23" t="s">
        <v>7120</v>
      </c>
      <c r="L2461" s="49" t="e">
        <f>VLOOKUP(E2461&amp;F2461,団体コード!$A$1:$C$1743,3,FALSE)</f>
        <v>#N/A</v>
      </c>
      <c r="M2461" s="49" t="e">
        <f>VLOOKUP(E2461&amp;F2461,団体コード!$A$1:$C$1743,2,FALSE)</f>
        <v>#N/A</v>
      </c>
      <c r="N2461" s="51" t="e">
        <f>VLOOKUP(E2461,団体コード!$E$1:$F$48,2,FALSE)</f>
        <v>#N/A</v>
      </c>
      <c r="O2461" s="51" t="e">
        <f t="shared" si="79"/>
        <v>#N/A</v>
      </c>
      <c r="P2461" s="51">
        <v>1</v>
      </c>
      <c r="Q2461" s="51" t="s">
        <v>5341</v>
      </c>
      <c r="R2461" s="54" t="b">
        <v>1</v>
      </c>
      <c r="S2461" s="52" t="s">
        <v>7126</v>
      </c>
      <c r="T2461" s="67" t="s">
        <v>7127</v>
      </c>
      <c r="U2461" s="75" t="s">
        <v>5331</v>
      </c>
      <c r="V2461" s="47" t="s">
        <v>5331</v>
      </c>
      <c r="W2461" s="47" t="s">
        <v>5331</v>
      </c>
      <c r="X2461" s="47" t="s">
        <v>5331</v>
      </c>
      <c r="Y2461" s="47" t="s">
        <v>5331</v>
      </c>
      <c r="Z2461" s="28"/>
      <c r="AA2461" s="27"/>
      <c r="AB2461" s="27"/>
      <c r="AC2461" s="27"/>
      <c r="AD2461" s="30"/>
      <c r="AE2461" s="1"/>
      <c r="AF2461" s="23" t="s">
        <v>5331</v>
      </c>
      <c r="AG2461" s="26"/>
      <c r="AH2461" s="53"/>
    </row>
    <row r="2462" spans="1:34" ht="51.6" customHeight="1" x14ac:dyDescent="0.45">
      <c r="A2462" s="23">
        <v>2456</v>
      </c>
      <c r="B2462" s="25"/>
      <c r="C2462" s="25"/>
      <c r="D2462" s="29"/>
      <c r="E2462" s="1"/>
      <c r="F2462" s="1"/>
      <c r="G2462" s="25"/>
      <c r="H2462" s="71"/>
      <c r="I2462" s="83"/>
      <c r="J2462" s="50" t="str">
        <f t="shared" si="78"/>
        <v/>
      </c>
      <c r="K2462" s="23" t="s">
        <v>7120</v>
      </c>
      <c r="L2462" s="49" t="e">
        <f>VLOOKUP(E2462&amp;F2462,団体コード!$A$1:$C$1743,3,FALSE)</f>
        <v>#N/A</v>
      </c>
      <c r="M2462" s="49" t="e">
        <f>VLOOKUP(E2462&amp;F2462,団体コード!$A$1:$C$1743,2,FALSE)</f>
        <v>#N/A</v>
      </c>
      <c r="N2462" s="51" t="e">
        <f>VLOOKUP(E2462,団体コード!$E$1:$F$48,2,FALSE)</f>
        <v>#N/A</v>
      </c>
      <c r="O2462" s="51" t="e">
        <f t="shared" si="79"/>
        <v>#N/A</v>
      </c>
      <c r="P2462" s="51">
        <v>1</v>
      </c>
      <c r="Q2462" s="51" t="s">
        <v>5341</v>
      </c>
      <c r="R2462" s="54" t="b">
        <v>1</v>
      </c>
      <c r="S2462" s="52" t="s">
        <v>7126</v>
      </c>
      <c r="T2462" s="67" t="s">
        <v>7127</v>
      </c>
      <c r="U2462" s="75" t="s">
        <v>5331</v>
      </c>
      <c r="V2462" s="47" t="s">
        <v>5331</v>
      </c>
      <c r="W2462" s="47" t="s">
        <v>5331</v>
      </c>
      <c r="X2462" s="47" t="s">
        <v>5331</v>
      </c>
      <c r="Y2462" s="47" t="s">
        <v>5331</v>
      </c>
      <c r="Z2462" s="28"/>
      <c r="AA2462" s="27"/>
      <c r="AB2462" s="27"/>
      <c r="AC2462" s="27"/>
      <c r="AD2462" s="30"/>
      <c r="AE2462" s="1"/>
      <c r="AF2462" s="23" t="s">
        <v>5331</v>
      </c>
      <c r="AG2462" s="26"/>
      <c r="AH2462" s="53"/>
    </row>
    <row r="2463" spans="1:34" ht="51.6" customHeight="1" x14ac:dyDescent="0.45">
      <c r="A2463" s="23">
        <v>2457</v>
      </c>
      <c r="B2463" s="25"/>
      <c r="C2463" s="25"/>
      <c r="D2463" s="29"/>
      <c r="E2463" s="1"/>
      <c r="F2463" s="1"/>
      <c r="G2463" s="25"/>
      <c r="H2463" s="71"/>
      <c r="I2463" s="83"/>
      <c r="J2463" s="50" t="str">
        <f t="shared" si="78"/>
        <v/>
      </c>
      <c r="K2463" s="23" t="s">
        <v>7120</v>
      </c>
      <c r="L2463" s="49" t="e">
        <f>VLOOKUP(E2463&amp;F2463,団体コード!$A$1:$C$1743,3,FALSE)</f>
        <v>#N/A</v>
      </c>
      <c r="M2463" s="49" t="e">
        <f>VLOOKUP(E2463&amp;F2463,団体コード!$A$1:$C$1743,2,FALSE)</f>
        <v>#N/A</v>
      </c>
      <c r="N2463" s="51" t="e">
        <f>VLOOKUP(E2463,団体コード!$E$1:$F$48,2,FALSE)</f>
        <v>#N/A</v>
      </c>
      <c r="O2463" s="51" t="e">
        <f t="shared" si="79"/>
        <v>#N/A</v>
      </c>
      <c r="P2463" s="51">
        <v>1</v>
      </c>
      <c r="Q2463" s="51" t="s">
        <v>5341</v>
      </c>
      <c r="R2463" s="54" t="b">
        <v>1</v>
      </c>
      <c r="S2463" s="52" t="s">
        <v>7126</v>
      </c>
      <c r="T2463" s="67" t="s">
        <v>7127</v>
      </c>
      <c r="U2463" s="75" t="s">
        <v>5331</v>
      </c>
      <c r="V2463" s="47" t="s">
        <v>5331</v>
      </c>
      <c r="W2463" s="47" t="s">
        <v>5331</v>
      </c>
      <c r="X2463" s="47" t="s">
        <v>5331</v>
      </c>
      <c r="Y2463" s="47" t="s">
        <v>5331</v>
      </c>
      <c r="Z2463" s="28"/>
      <c r="AA2463" s="27"/>
      <c r="AB2463" s="27"/>
      <c r="AC2463" s="27"/>
      <c r="AD2463" s="30"/>
      <c r="AE2463" s="1"/>
      <c r="AF2463" s="23" t="s">
        <v>5331</v>
      </c>
      <c r="AG2463" s="26"/>
      <c r="AH2463" s="53"/>
    </row>
    <row r="2464" spans="1:34" ht="51.6" customHeight="1" x14ac:dyDescent="0.45">
      <c r="A2464" s="23">
        <v>2458</v>
      </c>
      <c r="B2464" s="25"/>
      <c r="C2464" s="25"/>
      <c r="D2464" s="29"/>
      <c r="E2464" s="1"/>
      <c r="F2464" s="1"/>
      <c r="G2464" s="25"/>
      <c r="H2464" s="71"/>
      <c r="I2464" s="83"/>
      <c r="J2464" s="50" t="str">
        <f t="shared" si="78"/>
        <v/>
      </c>
      <c r="K2464" s="23" t="s">
        <v>7120</v>
      </c>
      <c r="L2464" s="49" t="e">
        <f>VLOOKUP(E2464&amp;F2464,団体コード!$A$1:$C$1743,3,FALSE)</f>
        <v>#N/A</v>
      </c>
      <c r="M2464" s="49" t="e">
        <f>VLOOKUP(E2464&amp;F2464,団体コード!$A$1:$C$1743,2,FALSE)</f>
        <v>#N/A</v>
      </c>
      <c r="N2464" s="51" t="e">
        <f>VLOOKUP(E2464,団体コード!$E$1:$F$48,2,FALSE)</f>
        <v>#N/A</v>
      </c>
      <c r="O2464" s="51" t="e">
        <f t="shared" si="79"/>
        <v>#N/A</v>
      </c>
      <c r="P2464" s="51">
        <v>1</v>
      </c>
      <c r="Q2464" s="51" t="s">
        <v>5341</v>
      </c>
      <c r="R2464" s="54" t="b">
        <v>1</v>
      </c>
      <c r="S2464" s="52" t="s">
        <v>7126</v>
      </c>
      <c r="T2464" s="67" t="s">
        <v>7127</v>
      </c>
      <c r="U2464" s="75" t="s">
        <v>5331</v>
      </c>
      <c r="V2464" s="47" t="s">
        <v>5331</v>
      </c>
      <c r="W2464" s="47" t="s">
        <v>5331</v>
      </c>
      <c r="X2464" s="47" t="s">
        <v>5331</v>
      </c>
      <c r="Y2464" s="47" t="s">
        <v>5331</v>
      </c>
      <c r="Z2464" s="28"/>
      <c r="AA2464" s="27"/>
      <c r="AB2464" s="27"/>
      <c r="AC2464" s="27"/>
      <c r="AD2464" s="30"/>
      <c r="AE2464" s="1"/>
      <c r="AF2464" s="23" t="s">
        <v>5331</v>
      </c>
      <c r="AG2464" s="26"/>
      <c r="AH2464" s="53"/>
    </row>
    <row r="2465" spans="1:34" ht="51.6" customHeight="1" x14ac:dyDescent="0.45">
      <c r="A2465" s="23">
        <v>2459</v>
      </c>
      <c r="B2465" s="25"/>
      <c r="C2465" s="25"/>
      <c r="D2465" s="29"/>
      <c r="E2465" s="1"/>
      <c r="F2465" s="1"/>
      <c r="G2465" s="25"/>
      <c r="H2465" s="71"/>
      <c r="I2465" s="83"/>
      <c r="J2465" s="50" t="str">
        <f t="shared" si="78"/>
        <v/>
      </c>
      <c r="K2465" s="23" t="s">
        <v>7120</v>
      </c>
      <c r="L2465" s="49" t="e">
        <f>VLOOKUP(E2465&amp;F2465,団体コード!$A$1:$C$1743,3,FALSE)</f>
        <v>#N/A</v>
      </c>
      <c r="M2465" s="49" t="e">
        <f>VLOOKUP(E2465&amp;F2465,団体コード!$A$1:$C$1743,2,FALSE)</f>
        <v>#N/A</v>
      </c>
      <c r="N2465" s="51" t="e">
        <f>VLOOKUP(E2465,団体コード!$E$1:$F$48,2,FALSE)</f>
        <v>#N/A</v>
      </c>
      <c r="O2465" s="51" t="e">
        <f t="shared" si="79"/>
        <v>#N/A</v>
      </c>
      <c r="P2465" s="51">
        <v>1</v>
      </c>
      <c r="Q2465" s="51" t="s">
        <v>5341</v>
      </c>
      <c r="R2465" s="54" t="b">
        <v>1</v>
      </c>
      <c r="S2465" s="52" t="s">
        <v>7126</v>
      </c>
      <c r="T2465" s="67" t="s">
        <v>7127</v>
      </c>
      <c r="U2465" s="75" t="s">
        <v>5331</v>
      </c>
      <c r="V2465" s="47" t="s">
        <v>5331</v>
      </c>
      <c r="W2465" s="47" t="s">
        <v>5331</v>
      </c>
      <c r="X2465" s="47" t="s">
        <v>5331</v>
      </c>
      <c r="Y2465" s="47" t="s">
        <v>5331</v>
      </c>
      <c r="Z2465" s="28"/>
      <c r="AA2465" s="27"/>
      <c r="AB2465" s="27"/>
      <c r="AC2465" s="27"/>
      <c r="AD2465" s="30"/>
      <c r="AE2465" s="1"/>
      <c r="AF2465" s="23" t="s">
        <v>5331</v>
      </c>
      <c r="AG2465" s="26"/>
      <c r="AH2465" s="53"/>
    </row>
    <row r="2466" spans="1:34" ht="51.6" customHeight="1" x14ac:dyDescent="0.45">
      <c r="A2466" s="23">
        <v>2460</v>
      </c>
      <c r="B2466" s="25"/>
      <c r="C2466" s="25"/>
      <c r="D2466" s="29"/>
      <c r="E2466" s="1"/>
      <c r="F2466" s="1"/>
      <c r="G2466" s="25"/>
      <c r="H2466" s="71"/>
      <c r="I2466" s="83"/>
      <c r="J2466" s="50" t="str">
        <f t="shared" si="78"/>
        <v/>
      </c>
      <c r="K2466" s="23" t="s">
        <v>7120</v>
      </c>
      <c r="L2466" s="49" t="e">
        <f>VLOOKUP(E2466&amp;F2466,団体コード!$A$1:$C$1743,3,FALSE)</f>
        <v>#N/A</v>
      </c>
      <c r="M2466" s="49" t="e">
        <f>VLOOKUP(E2466&amp;F2466,団体コード!$A$1:$C$1743,2,FALSE)</f>
        <v>#N/A</v>
      </c>
      <c r="N2466" s="51" t="e">
        <f>VLOOKUP(E2466,団体コード!$E$1:$F$48,2,FALSE)</f>
        <v>#N/A</v>
      </c>
      <c r="O2466" s="51" t="e">
        <f t="shared" si="79"/>
        <v>#N/A</v>
      </c>
      <c r="P2466" s="51">
        <v>1</v>
      </c>
      <c r="Q2466" s="51" t="s">
        <v>5341</v>
      </c>
      <c r="R2466" s="54" t="b">
        <v>1</v>
      </c>
      <c r="S2466" s="52" t="s">
        <v>7126</v>
      </c>
      <c r="T2466" s="67" t="s">
        <v>7127</v>
      </c>
      <c r="U2466" s="75" t="s">
        <v>5331</v>
      </c>
      <c r="V2466" s="47" t="s">
        <v>5331</v>
      </c>
      <c r="W2466" s="47" t="s">
        <v>5331</v>
      </c>
      <c r="X2466" s="47" t="s">
        <v>5331</v>
      </c>
      <c r="Y2466" s="47" t="s">
        <v>5331</v>
      </c>
      <c r="Z2466" s="28"/>
      <c r="AA2466" s="27"/>
      <c r="AB2466" s="27"/>
      <c r="AC2466" s="27"/>
      <c r="AD2466" s="30"/>
      <c r="AE2466" s="1"/>
      <c r="AF2466" s="23" t="s">
        <v>5331</v>
      </c>
      <c r="AG2466" s="26"/>
      <c r="AH2466" s="53"/>
    </row>
    <row r="2467" spans="1:34" ht="51.6" customHeight="1" x14ac:dyDescent="0.45">
      <c r="A2467" s="23">
        <v>2461</v>
      </c>
      <c r="B2467" s="25"/>
      <c r="C2467" s="25"/>
      <c r="D2467" s="29"/>
      <c r="E2467" s="1"/>
      <c r="F2467" s="1"/>
      <c r="G2467" s="25"/>
      <c r="H2467" s="71"/>
      <c r="I2467" s="83"/>
      <c r="J2467" s="50" t="str">
        <f t="shared" si="78"/>
        <v/>
      </c>
      <c r="K2467" s="23" t="s">
        <v>7120</v>
      </c>
      <c r="L2467" s="49" t="e">
        <f>VLOOKUP(E2467&amp;F2467,団体コード!$A$1:$C$1743,3,FALSE)</f>
        <v>#N/A</v>
      </c>
      <c r="M2467" s="49" t="e">
        <f>VLOOKUP(E2467&amp;F2467,団体コード!$A$1:$C$1743,2,FALSE)</f>
        <v>#N/A</v>
      </c>
      <c r="N2467" s="51" t="e">
        <f>VLOOKUP(E2467,団体コード!$E$1:$F$48,2,FALSE)</f>
        <v>#N/A</v>
      </c>
      <c r="O2467" s="51" t="e">
        <f t="shared" si="79"/>
        <v>#N/A</v>
      </c>
      <c r="P2467" s="51">
        <v>1</v>
      </c>
      <c r="Q2467" s="51" t="s">
        <v>5341</v>
      </c>
      <c r="R2467" s="54" t="b">
        <v>1</v>
      </c>
      <c r="S2467" s="52" t="s">
        <v>7126</v>
      </c>
      <c r="T2467" s="67" t="s">
        <v>7127</v>
      </c>
      <c r="U2467" s="75" t="s">
        <v>5331</v>
      </c>
      <c r="V2467" s="47" t="s">
        <v>5331</v>
      </c>
      <c r="W2467" s="47" t="s">
        <v>5331</v>
      </c>
      <c r="X2467" s="47" t="s">
        <v>5331</v>
      </c>
      <c r="Y2467" s="47" t="s">
        <v>5331</v>
      </c>
      <c r="Z2467" s="28"/>
      <c r="AA2467" s="27"/>
      <c r="AB2467" s="27"/>
      <c r="AC2467" s="27"/>
      <c r="AD2467" s="30"/>
      <c r="AE2467" s="1"/>
      <c r="AF2467" s="23" t="s">
        <v>5331</v>
      </c>
      <c r="AG2467" s="26"/>
      <c r="AH2467" s="53"/>
    </row>
    <row r="2468" spans="1:34" ht="51.6" customHeight="1" x14ac:dyDescent="0.45">
      <c r="A2468" s="23">
        <v>2462</v>
      </c>
      <c r="B2468" s="25"/>
      <c r="C2468" s="25"/>
      <c r="D2468" s="29"/>
      <c r="E2468" s="1"/>
      <c r="F2468" s="1"/>
      <c r="G2468" s="25"/>
      <c r="H2468" s="71"/>
      <c r="I2468" s="83"/>
      <c r="J2468" s="50" t="str">
        <f t="shared" si="78"/>
        <v/>
      </c>
      <c r="K2468" s="23" t="s">
        <v>7120</v>
      </c>
      <c r="L2468" s="49" t="e">
        <f>VLOOKUP(E2468&amp;F2468,団体コード!$A$1:$C$1743,3,FALSE)</f>
        <v>#N/A</v>
      </c>
      <c r="M2468" s="49" t="e">
        <f>VLOOKUP(E2468&amp;F2468,団体コード!$A$1:$C$1743,2,FALSE)</f>
        <v>#N/A</v>
      </c>
      <c r="N2468" s="51" t="e">
        <f>VLOOKUP(E2468,団体コード!$E$1:$F$48,2,FALSE)</f>
        <v>#N/A</v>
      </c>
      <c r="O2468" s="51" t="e">
        <f t="shared" si="79"/>
        <v>#N/A</v>
      </c>
      <c r="P2468" s="51">
        <v>1</v>
      </c>
      <c r="Q2468" s="51" t="s">
        <v>5341</v>
      </c>
      <c r="R2468" s="54" t="b">
        <v>1</v>
      </c>
      <c r="S2468" s="52" t="s">
        <v>7126</v>
      </c>
      <c r="T2468" s="67" t="s">
        <v>7127</v>
      </c>
      <c r="U2468" s="75" t="s">
        <v>5331</v>
      </c>
      <c r="V2468" s="47" t="s">
        <v>5331</v>
      </c>
      <c r="W2468" s="47" t="s">
        <v>5331</v>
      </c>
      <c r="X2468" s="47" t="s">
        <v>5331</v>
      </c>
      <c r="Y2468" s="47" t="s">
        <v>5331</v>
      </c>
      <c r="Z2468" s="28"/>
      <c r="AA2468" s="27"/>
      <c r="AB2468" s="27"/>
      <c r="AC2468" s="27"/>
      <c r="AD2468" s="30"/>
      <c r="AE2468" s="1"/>
      <c r="AF2468" s="23" t="s">
        <v>5331</v>
      </c>
      <c r="AG2468" s="26"/>
      <c r="AH2468" s="53"/>
    </row>
    <row r="2469" spans="1:34" ht="51.6" customHeight="1" x14ac:dyDescent="0.45">
      <c r="A2469" s="23">
        <v>2463</v>
      </c>
      <c r="B2469" s="25"/>
      <c r="C2469" s="25"/>
      <c r="D2469" s="29"/>
      <c r="E2469" s="1"/>
      <c r="F2469" s="1"/>
      <c r="G2469" s="25"/>
      <c r="H2469" s="71"/>
      <c r="I2469" s="83"/>
      <c r="J2469" s="50" t="str">
        <f t="shared" si="78"/>
        <v/>
      </c>
      <c r="K2469" s="23" t="s">
        <v>7120</v>
      </c>
      <c r="L2469" s="49" t="e">
        <f>VLOOKUP(E2469&amp;F2469,団体コード!$A$1:$C$1743,3,FALSE)</f>
        <v>#N/A</v>
      </c>
      <c r="M2469" s="49" t="e">
        <f>VLOOKUP(E2469&amp;F2469,団体コード!$A$1:$C$1743,2,FALSE)</f>
        <v>#N/A</v>
      </c>
      <c r="N2469" s="51" t="e">
        <f>VLOOKUP(E2469,団体コード!$E$1:$F$48,2,FALSE)</f>
        <v>#N/A</v>
      </c>
      <c r="O2469" s="51" t="e">
        <f t="shared" si="79"/>
        <v>#N/A</v>
      </c>
      <c r="P2469" s="51">
        <v>1</v>
      </c>
      <c r="Q2469" s="51" t="s">
        <v>5341</v>
      </c>
      <c r="R2469" s="54" t="b">
        <v>1</v>
      </c>
      <c r="S2469" s="52" t="s">
        <v>7126</v>
      </c>
      <c r="T2469" s="67" t="s">
        <v>7127</v>
      </c>
      <c r="U2469" s="75" t="s">
        <v>5331</v>
      </c>
      <c r="V2469" s="47" t="s">
        <v>5331</v>
      </c>
      <c r="W2469" s="47" t="s">
        <v>5331</v>
      </c>
      <c r="X2469" s="47" t="s">
        <v>5331</v>
      </c>
      <c r="Y2469" s="47" t="s">
        <v>5331</v>
      </c>
      <c r="Z2469" s="28"/>
      <c r="AA2469" s="27"/>
      <c r="AB2469" s="27"/>
      <c r="AC2469" s="27"/>
      <c r="AD2469" s="30"/>
      <c r="AE2469" s="1"/>
      <c r="AF2469" s="23" t="s">
        <v>5331</v>
      </c>
      <c r="AG2469" s="26"/>
      <c r="AH2469" s="53"/>
    </row>
    <row r="2470" spans="1:34" ht="51.6" customHeight="1" x14ac:dyDescent="0.45">
      <c r="A2470" s="23">
        <v>2464</v>
      </c>
      <c r="B2470" s="25"/>
      <c r="C2470" s="25"/>
      <c r="D2470" s="29"/>
      <c r="E2470" s="1"/>
      <c r="F2470" s="1"/>
      <c r="G2470" s="25"/>
      <c r="H2470" s="71"/>
      <c r="I2470" s="83"/>
      <c r="J2470" s="50" t="str">
        <f t="shared" si="78"/>
        <v/>
      </c>
      <c r="K2470" s="23" t="s">
        <v>7120</v>
      </c>
      <c r="L2470" s="49" t="e">
        <f>VLOOKUP(E2470&amp;F2470,団体コード!$A$1:$C$1743,3,FALSE)</f>
        <v>#N/A</v>
      </c>
      <c r="M2470" s="49" t="e">
        <f>VLOOKUP(E2470&amp;F2470,団体コード!$A$1:$C$1743,2,FALSE)</f>
        <v>#N/A</v>
      </c>
      <c r="N2470" s="51" t="e">
        <f>VLOOKUP(E2470,団体コード!$E$1:$F$48,2,FALSE)</f>
        <v>#N/A</v>
      </c>
      <c r="O2470" s="51" t="e">
        <f t="shared" si="79"/>
        <v>#N/A</v>
      </c>
      <c r="P2470" s="51">
        <v>1</v>
      </c>
      <c r="Q2470" s="51" t="s">
        <v>5341</v>
      </c>
      <c r="R2470" s="54" t="b">
        <v>1</v>
      </c>
      <c r="S2470" s="52" t="s">
        <v>7126</v>
      </c>
      <c r="T2470" s="67" t="s">
        <v>7127</v>
      </c>
      <c r="U2470" s="75" t="s">
        <v>5331</v>
      </c>
      <c r="V2470" s="47" t="s">
        <v>5331</v>
      </c>
      <c r="W2470" s="47" t="s">
        <v>5331</v>
      </c>
      <c r="X2470" s="47" t="s">
        <v>5331</v>
      </c>
      <c r="Y2470" s="47" t="s">
        <v>5331</v>
      </c>
      <c r="Z2470" s="28"/>
      <c r="AA2470" s="27"/>
      <c r="AB2470" s="27"/>
      <c r="AC2470" s="27"/>
      <c r="AD2470" s="30"/>
      <c r="AE2470" s="1"/>
      <c r="AF2470" s="23" t="s">
        <v>5331</v>
      </c>
      <c r="AG2470" s="26"/>
      <c r="AH2470" s="53"/>
    </row>
    <row r="2471" spans="1:34" ht="51.6" customHeight="1" x14ac:dyDescent="0.45">
      <c r="A2471" s="23">
        <v>2465</v>
      </c>
      <c r="B2471" s="25"/>
      <c r="C2471" s="25"/>
      <c r="D2471" s="29"/>
      <c r="E2471" s="1"/>
      <c r="F2471" s="1"/>
      <c r="G2471" s="25"/>
      <c r="H2471" s="71"/>
      <c r="I2471" s="83"/>
      <c r="J2471" s="50" t="str">
        <f t="shared" si="78"/>
        <v/>
      </c>
      <c r="K2471" s="23" t="s">
        <v>7120</v>
      </c>
      <c r="L2471" s="49" t="e">
        <f>VLOOKUP(E2471&amp;F2471,団体コード!$A$1:$C$1743,3,FALSE)</f>
        <v>#N/A</v>
      </c>
      <c r="M2471" s="49" t="e">
        <f>VLOOKUP(E2471&amp;F2471,団体コード!$A$1:$C$1743,2,FALSE)</f>
        <v>#N/A</v>
      </c>
      <c r="N2471" s="51" t="e">
        <f>VLOOKUP(E2471,団体コード!$E$1:$F$48,2,FALSE)</f>
        <v>#N/A</v>
      </c>
      <c r="O2471" s="51" t="e">
        <f t="shared" si="79"/>
        <v>#N/A</v>
      </c>
      <c r="P2471" s="51">
        <v>1</v>
      </c>
      <c r="Q2471" s="51" t="s">
        <v>5341</v>
      </c>
      <c r="R2471" s="54" t="b">
        <v>1</v>
      </c>
      <c r="S2471" s="52" t="s">
        <v>7126</v>
      </c>
      <c r="T2471" s="67" t="s">
        <v>7127</v>
      </c>
      <c r="U2471" s="75" t="s">
        <v>5331</v>
      </c>
      <c r="V2471" s="47" t="s">
        <v>5331</v>
      </c>
      <c r="W2471" s="47" t="s">
        <v>5331</v>
      </c>
      <c r="X2471" s="47" t="s">
        <v>5331</v>
      </c>
      <c r="Y2471" s="47" t="s">
        <v>5331</v>
      </c>
      <c r="Z2471" s="28"/>
      <c r="AA2471" s="27"/>
      <c r="AB2471" s="27"/>
      <c r="AC2471" s="27"/>
      <c r="AD2471" s="30"/>
      <c r="AE2471" s="1"/>
      <c r="AF2471" s="23" t="s">
        <v>5331</v>
      </c>
      <c r="AG2471" s="26"/>
      <c r="AH2471" s="53"/>
    </row>
    <row r="2472" spans="1:34" ht="51.6" customHeight="1" x14ac:dyDescent="0.45">
      <c r="A2472" s="23">
        <v>2466</v>
      </c>
      <c r="B2472" s="25"/>
      <c r="C2472" s="25"/>
      <c r="D2472" s="29"/>
      <c r="E2472" s="1"/>
      <c r="F2472" s="1"/>
      <c r="G2472" s="25"/>
      <c r="H2472" s="71"/>
      <c r="I2472" s="83"/>
      <c r="J2472" s="50" t="str">
        <f t="shared" si="78"/>
        <v/>
      </c>
      <c r="K2472" s="23" t="s">
        <v>7120</v>
      </c>
      <c r="L2472" s="49" t="e">
        <f>VLOOKUP(E2472&amp;F2472,団体コード!$A$1:$C$1743,3,FALSE)</f>
        <v>#N/A</v>
      </c>
      <c r="M2472" s="49" t="e">
        <f>VLOOKUP(E2472&amp;F2472,団体コード!$A$1:$C$1743,2,FALSE)</f>
        <v>#N/A</v>
      </c>
      <c r="N2472" s="51" t="e">
        <f>VLOOKUP(E2472,団体コード!$E$1:$F$48,2,FALSE)</f>
        <v>#N/A</v>
      </c>
      <c r="O2472" s="51" t="e">
        <f t="shared" si="79"/>
        <v>#N/A</v>
      </c>
      <c r="P2472" s="51">
        <v>1</v>
      </c>
      <c r="Q2472" s="51" t="s">
        <v>5341</v>
      </c>
      <c r="R2472" s="54" t="b">
        <v>1</v>
      </c>
      <c r="S2472" s="52" t="s">
        <v>7126</v>
      </c>
      <c r="T2472" s="67" t="s">
        <v>7127</v>
      </c>
      <c r="U2472" s="75" t="s">
        <v>5331</v>
      </c>
      <c r="V2472" s="47" t="s">
        <v>5331</v>
      </c>
      <c r="W2472" s="47" t="s">
        <v>5331</v>
      </c>
      <c r="X2472" s="47" t="s">
        <v>5331</v>
      </c>
      <c r="Y2472" s="47" t="s">
        <v>5331</v>
      </c>
      <c r="Z2472" s="28"/>
      <c r="AA2472" s="27"/>
      <c r="AB2472" s="27"/>
      <c r="AC2472" s="27"/>
      <c r="AD2472" s="30"/>
      <c r="AE2472" s="1"/>
      <c r="AF2472" s="23" t="s">
        <v>5331</v>
      </c>
      <c r="AG2472" s="26"/>
      <c r="AH2472" s="53"/>
    </row>
    <row r="2473" spans="1:34" ht="51.6" customHeight="1" x14ac:dyDescent="0.45">
      <c r="A2473" s="23">
        <v>2467</v>
      </c>
      <c r="B2473" s="25"/>
      <c r="C2473" s="25"/>
      <c r="D2473" s="29"/>
      <c r="E2473" s="1"/>
      <c r="F2473" s="1"/>
      <c r="G2473" s="25"/>
      <c r="H2473" s="71"/>
      <c r="I2473" s="83"/>
      <c r="J2473" s="50" t="str">
        <f t="shared" si="78"/>
        <v/>
      </c>
      <c r="K2473" s="23" t="s">
        <v>7120</v>
      </c>
      <c r="L2473" s="49" t="e">
        <f>VLOOKUP(E2473&amp;F2473,団体コード!$A$1:$C$1743,3,FALSE)</f>
        <v>#N/A</v>
      </c>
      <c r="M2473" s="49" t="e">
        <f>VLOOKUP(E2473&amp;F2473,団体コード!$A$1:$C$1743,2,FALSE)</f>
        <v>#N/A</v>
      </c>
      <c r="N2473" s="51" t="e">
        <f>VLOOKUP(E2473,団体コード!$E$1:$F$48,2,FALSE)</f>
        <v>#N/A</v>
      </c>
      <c r="O2473" s="51" t="e">
        <f t="shared" si="79"/>
        <v>#N/A</v>
      </c>
      <c r="P2473" s="51">
        <v>1</v>
      </c>
      <c r="Q2473" s="51" t="s">
        <v>5341</v>
      </c>
      <c r="R2473" s="54" t="b">
        <v>1</v>
      </c>
      <c r="S2473" s="52" t="s">
        <v>7126</v>
      </c>
      <c r="T2473" s="67" t="s">
        <v>7127</v>
      </c>
      <c r="U2473" s="75" t="s">
        <v>5331</v>
      </c>
      <c r="V2473" s="47" t="s">
        <v>5331</v>
      </c>
      <c r="W2473" s="47" t="s">
        <v>5331</v>
      </c>
      <c r="X2473" s="47" t="s">
        <v>5331</v>
      </c>
      <c r="Y2473" s="47" t="s">
        <v>5331</v>
      </c>
      <c r="Z2473" s="28"/>
      <c r="AA2473" s="27"/>
      <c r="AB2473" s="27"/>
      <c r="AC2473" s="27"/>
      <c r="AD2473" s="30"/>
      <c r="AE2473" s="1"/>
      <c r="AF2473" s="23" t="s">
        <v>5331</v>
      </c>
      <c r="AG2473" s="26"/>
      <c r="AH2473" s="53"/>
    </row>
    <row r="2474" spans="1:34" ht="51.6" customHeight="1" x14ac:dyDescent="0.45">
      <c r="A2474" s="23">
        <v>2468</v>
      </c>
      <c r="B2474" s="25"/>
      <c r="C2474" s="25"/>
      <c r="D2474" s="29"/>
      <c r="E2474" s="1"/>
      <c r="F2474" s="1"/>
      <c r="G2474" s="25"/>
      <c r="H2474" s="71"/>
      <c r="I2474" s="83"/>
      <c r="J2474" s="50" t="str">
        <f t="shared" si="78"/>
        <v/>
      </c>
      <c r="K2474" s="23" t="s">
        <v>7120</v>
      </c>
      <c r="L2474" s="49" t="e">
        <f>VLOOKUP(E2474&amp;F2474,団体コード!$A$1:$C$1743,3,FALSE)</f>
        <v>#N/A</v>
      </c>
      <c r="M2474" s="49" t="e">
        <f>VLOOKUP(E2474&amp;F2474,団体コード!$A$1:$C$1743,2,FALSE)</f>
        <v>#N/A</v>
      </c>
      <c r="N2474" s="51" t="e">
        <f>VLOOKUP(E2474,団体コード!$E$1:$F$48,2,FALSE)</f>
        <v>#N/A</v>
      </c>
      <c r="O2474" s="51" t="e">
        <f t="shared" si="79"/>
        <v>#N/A</v>
      </c>
      <c r="P2474" s="51">
        <v>1</v>
      </c>
      <c r="Q2474" s="51" t="s">
        <v>5341</v>
      </c>
      <c r="R2474" s="54" t="b">
        <v>1</v>
      </c>
      <c r="S2474" s="52" t="s">
        <v>7126</v>
      </c>
      <c r="T2474" s="67" t="s">
        <v>7127</v>
      </c>
      <c r="U2474" s="75" t="s">
        <v>5331</v>
      </c>
      <c r="V2474" s="47" t="s">
        <v>5331</v>
      </c>
      <c r="W2474" s="47" t="s">
        <v>5331</v>
      </c>
      <c r="X2474" s="47" t="s">
        <v>5331</v>
      </c>
      <c r="Y2474" s="47" t="s">
        <v>5331</v>
      </c>
      <c r="Z2474" s="28"/>
      <c r="AA2474" s="27"/>
      <c r="AB2474" s="27"/>
      <c r="AC2474" s="27"/>
      <c r="AD2474" s="30"/>
      <c r="AE2474" s="1"/>
      <c r="AF2474" s="23" t="s">
        <v>5331</v>
      </c>
      <c r="AG2474" s="26"/>
      <c r="AH2474" s="53"/>
    </row>
    <row r="2475" spans="1:34" ht="51.6" customHeight="1" x14ac:dyDescent="0.45">
      <c r="A2475" s="23">
        <v>2469</v>
      </c>
      <c r="B2475" s="25"/>
      <c r="C2475" s="25"/>
      <c r="D2475" s="29"/>
      <c r="E2475" s="1"/>
      <c r="F2475" s="1"/>
      <c r="G2475" s="25"/>
      <c r="H2475" s="71"/>
      <c r="I2475" s="83"/>
      <c r="J2475" s="50" t="str">
        <f t="shared" si="78"/>
        <v/>
      </c>
      <c r="K2475" s="23" t="s">
        <v>7120</v>
      </c>
      <c r="L2475" s="49" t="e">
        <f>VLOOKUP(E2475&amp;F2475,団体コード!$A$1:$C$1743,3,FALSE)</f>
        <v>#N/A</v>
      </c>
      <c r="M2475" s="49" t="e">
        <f>VLOOKUP(E2475&amp;F2475,団体コード!$A$1:$C$1743,2,FALSE)</f>
        <v>#N/A</v>
      </c>
      <c r="N2475" s="51" t="e">
        <f>VLOOKUP(E2475,団体コード!$E$1:$F$48,2,FALSE)</f>
        <v>#N/A</v>
      </c>
      <c r="O2475" s="51" t="e">
        <f t="shared" si="79"/>
        <v>#N/A</v>
      </c>
      <c r="P2475" s="51">
        <v>1</v>
      </c>
      <c r="Q2475" s="51" t="s">
        <v>5341</v>
      </c>
      <c r="R2475" s="54" t="b">
        <v>1</v>
      </c>
      <c r="S2475" s="52" t="s">
        <v>7126</v>
      </c>
      <c r="T2475" s="67" t="s">
        <v>7127</v>
      </c>
      <c r="U2475" s="75" t="s">
        <v>5331</v>
      </c>
      <c r="V2475" s="47" t="s">
        <v>5331</v>
      </c>
      <c r="W2475" s="47" t="s">
        <v>5331</v>
      </c>
      <c r="X2475" s="47" t="s">
        <v>5331</v>
      </c>
      <c r="Y2475" s="47" t="s">
        <v>5331</v>
      </c>
      <c r="Z2475" s="28"/>
      <c r="AA2475" s="27"/>
      <c r="AB2475" s="27"/>
      <c r="AC2475" s="27"/>
      <c r="AD2475" s="30"/>
      <c r="AE2475" s="1"/>
      <c r="AF2475" s="23" t="s">
        <v>5331</v>
      </c>
      <c r="AG2475" s="26"/>
      <c r="AH2475" s="53"/>
    </row>
    <row r="2476" spans="1:34" ht="51.6" customHeight="1" x14ac:dyDescent="0.45">
      <c r="A2476" s="23">
        <v>2470</v>
      </c>
      <c r="B2476" s="25"/>
      <c r="C2476" s="25"/>
      <c r="D2476" s="29"/>
      <c r="E2476" s="1"/>
      <c r="F2476" s="1"/>
      <c r="G2476" s="25"/>
      <c r="H2476" s="71"/>
      <c r="I2476" s="83"/>
      <c r="J2476" s="50" t="str">
        <f t="shared" si="78"/>
        <v/>
      </c>
      <c r="K2476" s="23" t="s">
        <v>7120</v>
      </c>
      <c r="L2476" s="49" t="e">
        <f>VLOOKUP(E2476&amp;F2476,団体コード!$A$1:$C$1743,3,FALSE)</f>
        <v>#N/A</v>
      </c>
      <c r="M2476" s="49" t="e">
        <f>VLOOKUP(E2476&amp;F2476,団体コード!$A$1:$C$1743,2,FALSE)</f>
        <v>#N/A</v>
      </c>
      <c r="N2476" s="51" t="e">
        <f>VLOOKUP(E2476,団体コード!$E$1:$F$48,2,FALSE)</f>
        <v>#N/A</v>
      </c>
      <c r="O2476" s="51" t="e">
        <f t="shared" si="79"/>
        <v>#N/A</v>
      </c>
      <c r="P2476" s="51">
        <v>1</v>
      </c>
      <c r="Q2476" s="51" t="s">
        <v>5341</v>
      </c>
      <c r="R2476" s="54" t="b">
        <v>1</v>
      </c>
      <c r="S2476" s="52" t="s">
        <v>7126</v>
      </c>
      <c r="T2476" s="67" t="s">
        <v>7127</v>
      </c>
      <c r="U2476" s="75" t="s">
        <v>5331</v>
      </c>
      <c r="V2476" s="47" t="s">
        <v>5331</v>
      </c>
      <c r="W2476" s="47" t="s">
        <v>5331</v>
      </c>
      <c r="X2476" s="47" t="s">
        <v>5331</v>
      </c>
      <c r="Y2476" s="47" t="s">
        <v>5331</v>
      </c>
      <c r="Z2476" s="28"/>
      <c r="AA2476" s="27"/>
      <c r="AB2476" s="27"/>
      <c r="AC2476" s="27"/>
      <c r="AD2476" s="30"/>
      <c r="AE2476" s="1"/>
      <c r="AF2476" s="23" t="s">
        <v>5331</v>
      </c>
      <c r="AG2476" s="26"/>
      <c r="AH2476" s="53"/>
    </row>
    <row r="2477" spans="1:34" ht="51.6" customHeight="1" x14ac:dyDescent="0.45">
      <c r="A2477" s="23">
        <v>2471</v>
      </c>
      <c r="B2477" s="25"/>
      <c r="C2477" s="25"/>
      <c r="D2477" s="29"/>
      <c r="E2477" s="1"/>
      <c r="F2477" s="1"/>
      <c r="G2477" s="25"/>
      <c r="H2477" s="71"/>
      <c r="I2477" s="83"/>
      <c r="J2477" s="50" t="str">
        <f t="shared" si="78"/>
        <v/>
      </c>
      <c r="K2477" s="23" t="s">
        <v>7120</v>
      </c>
      <c r="L2477" s="49" t="e">
        <f>VLOOKUP(E2477&amp;F2477,団体コード!$A$1:$C$1743,3,FALSE)</f>
        <v>#N/A</v>
      </c>
      <c r="M2477" s="49" t="e">
        <f>VLOOKUP(E2477&amp;F2477,団体コード!$A$1:$C$1743,2,FALSE)</f>
        <v>#N/A</v>
      </c>
      <c r="N2477" s="51" t="e">
        <f>VLOOKUP(E2477,団体コード!$E$1:$F$48,2,FALSE)</f>
        <v>#N/A</v>
      </c>
      <c r="O2477" s="51" t="e">
        <f t="shared" si="79"/>
        <v>#N/A</v>
      </c>
      <c r="P2477" s="51">
        <v>1</v>
      </c>
      <c r="Q2477" s="51" t="s">
        <v>5341</v>
      </c>
      <c r="R2477" s="54" t="b">
        <v>1</v>
      </c>
      <c r="S2477" s="52" t="s">
        <v>7126</v>
      </c>
      <c r="T2477" s="67" t="s">
        <v>7127</v>
      </c>
      <c r="U2477" s="75" t="s">
        <v>5331</v>
      </c>
      <c r="V2477" s="47" t="s">
        <v>5331</v>
      </c>
      <c r="W2477" s="47" t="s">
        <v>5331</v>
      </c>
      <c r="X2477" s="47" t="s">
        <v>5331</v>
      </c>
      <c r="Y2477" s="47" t="s">
        <v>5331</v>
      </c>
      <c r="Z2477" s="28"/>
      <c r="AA2477" s="27"/>
      <c r="AB2477" s="27"/>
      <c r="AC2477" s="27"/>
      <c r="AD2477" s="30"/>
      <c r="AE2477" s="1"/>
      <c r="AF2477" s="23" t="s">
        <v>5331</v>
      </c>
      <c r="AG2477" s="26"/>
      <c r="AH2477" s="53"/>
    </row>
    <row r="2478" spans="1:34" ht="51.6" customHeight="1" x14ac:dyDescent="0.45">
      <c r="A2478" s="23">
        <v>2472</v>
      </c>
      <c r="B2478" s="25"/>
      <c r="C2478" s="25"/>
      <c r="D2478" s="29"/>
      <c r="E2478" s="1"/>
      <c r="F2478" s="1"/>
      <c r="G2478" s="25"/>
      <c r="H2478" s="71"/>
      <c r="I2478" s="83"/>
      <c r="J2478" s="50" t="str">
        <f t="shared" si="78"/>
        <v/>
      </c>
      <c r="K2478" s="23" t="s">
        <v>7120</v>
      </c>
      <c r="L2478" s="49" t="e">
        <f>VLOOKUP(E2478&amp;F2478,団体コード!$A$1:$C$1743,3,FALSE)</f>
        <v>#N/A</v>
      </c>
      <c r="M2478" s="49" t="e">
        <f>VLOOKUP(E2478&amp;F2478,団体コード!$A$1:$C$1743,2,FALSE)</f>
        <v>#N/A</v>
      </c>
      <c r="N2478" s="51" t="e">
        <f>VLOOKUP(E2478,団体コード!$E$1:$F$48,2,FALSE)</f>
        <v>#N/A</v>
      </c>
      <c r="O2478" s="51" t="e">
        <f t="shared" si="79"/>
        <v>#N/A</v>
      </c>
      <c r="P2478" s="51">
        <v>1</v>
      </c>
      <c r="Q2478" s="51" t="s">
        <v>5341</v>
      </c>
      <c r="R2478" s="54" t="b">
        <v>1</v>
      </c>
      <c r="S2478" s="52" t="s">
        <v>7126</v>
      </c>
      <c r="T2478" s="67" t="s">
        <v>7127</v>
      </c>
      <c r="U2478" s="75" t="s">
        <v>5331</v>
      </c>
      <c r="V2478" s="47" t="s">
        <v>5331</v>
      </c>
      <c r="W2478" s="47" t="s">
        <v>5331</v>
      </c>
      <c r="X2478" s="47" t="s">
        <v>5331</v>
      </c>
      <c r="Y2478" s="47" t="s">
        <v>5331</v>
      </c>
      <c r="Z2478" s="28"/>
      <c r="AA2478" s="27"/>
      <c r="AB2478" s="27"/>
      <c r="AC2478" s="27"/>
      <c r="AD2478" s="30"/>
      <c r="AE2478" s="1"/>
      <c r="AF2478" s="23" t="s">
        <v>5331</v>
      </c>
      <c r="AG2478" s="26"/>
      <c r="AH2478" s="53"/>
    </row>
    <row r="2479" spans="1:34" ht="51.6" customHeight="1" x14ac:dyDescent="0.45">
      <c r="A2479" s="23">
        <v>2473</v>
      </c>
      <c r="B2479" s="25"/>
      <c r="C2479" s="25"/>
      <c r="D2479" s="29"/>
      <c r="E2479" s="1"/>
      <c r="F2479" s="1"/>
      <c r="G2479" s="25"/>
      <c r="H2479" s="71"/>
      <c r="I2479" s="83"/>
      <c r="J2479" s="50" t="str">
        <f t="shared" si="78"/>
        <v/>
      </c>
      <c r="K2479" s="23" t="s">
        <v>7120</v>
      </c>
      <c r="L2479" s="49" t="e">
        <f>VLOOKUP(E2479&amp;F2479,団体コード!$A$1:$C$1743,3,FALSE)</f>
        <v>#N/A</v>
      </c>
      <c r="M2479" s="49" t="e">
        <f>VLOOKUP(E2479&amp;F2479,団体コード!$A$1:$C$1743,2,FALSE)</f>
        <v>#N/A</v>
      </c>
      <c r="N2479" s="51" t="e">
        <f>VLOOKUP(E2479,団体コード!$E$1:$F$48,2,FALSE)</f>
        <v>#N/A</v>
      </c>
      <c r="O2479" s="51" t="e">
        <f t="shared" si="79"/>
        <v>#N/A</v>
      </c>
      <c r="P2479" s="51">
        <v>1</v>
      </c>
      <c r="Q2479" s="51" t="s">
        <v>5341</v>
      </c>
      <c r="R2479" s="54" t="b">
        <v>1</v>
      </c>
      <c r="S2479" s="52" t="s">
        <v>7126</v>
      </c>
      <c r="T2479" s="67" t="s">
        <v>7127</v>
      </c>
      <c r="U2479" s="75" t="s">
        <v>5331</v>
      </c>
      <c r="V2479" s="47" t="s">
        <v>5331</v>
      </c>
      <c r="W2479" s="47" t="s">
        <v>5331</v>
      </c>
      <c r="X2479" s="47" t="s">
        <v>5331</v>
      </c>
      <c r="Y2479" s="47" t="s">
        <v>5331</v>
      </c>
      <c r="Z2479" s="28"/>
      <c r="AA2479" s="27"/>
      <c r="AB2479" s="27"/>
      <c r="AC2479" s="27"/>
      <c r="AD2479" s="30"/>
      <c r="AE2479" s="1"/>
      <c r="AF2479" s="23" t="s">
        <v>5331</v>
      </c>
      <c r="AG2479" s="26"/>
      <c r="AH2479" s="53"/>
    </row>
    <row r="2480" spans="1:34" ht="51.6" customHeight="1" x14ac:dyDescent="0.45">
      <c r="A2480" s="23">
        <v>2474</v>
      </c>
      <c r="B2480" s="25"/>
      <c r="C2480" s="25"/>
      <c r="D2480" s="29"/>
      <c r="E2480" s="1"/>
      <c r="F2480" s="1"/>
      <c r="G2480" s="25"/>
      <c r="H2480" s="71"/>
      <c r="I2480" s="83"/>
      <c r="J2480" s="50" t="str">
        <f t="shared" si="78"/>
        <v/>
      </c>
      <c r="K2480" s="23" t="s">
        <v>7120</v>
      </c>
      <c r="L2480" s="49" t="e">
        <f>VLOOKUP(E2480&amp;F2480,団体コード!$A$1:$C$1743,3,FALSE)</f>
        <v>#N/A</v>
      </c>
      <c r="M2480" s="49" t="e">
        <f>VLOOKUP(E2480&amp;F2480,団体コード!$A$1:$C$1743,2,FALSE)</f>
        <v>#N/A</v>
      </c>
      <c r="N2480" s="51" t="e">
        <f>VLOOKUP(E2480,団体コード!$E$1:$F$48,2,FALSE)</f>
        <v>#N/A</v>
      </c>
      <c r="O2480" s="51" t="e">
        <f t="shared" si="79"/>
        <v>#N/A</v>
      </c>
      <c r="P2480" s="51">
        <v>1</v>
      </c>
      <c r="Q2480" s="51" t="s">
        <v>5341</v>
      </c>
      <c r="R2480" s="54" t="b">
        <v>1</v>
      </c>
      <c r="S2480" s="52" t="s">
        <v>7126</v>
      </c>
      <c r="T2480" s="67" t="s">
        <v>7127</v>
      </c>
      <c r="U2480" s="75" t="s">
        <v>5331</v>
      </c>
      <c r="V2480" s="47" t="s">
        <v>5331</v>
      </c>
      <c r="W2480" s="47" t="s">
        <v>5331</v>
      </c>
      <c r="X2480" s="47" t="s">
        <v>5331</v>
      </c>
      <c r="Y2480" s="47" t="s">
        <v>5331</v>
      </c>
      <c r="Z2480" s="28"/>
      <c r="AA2480" s="27"/>
      <c r="AB2480" s="27"/>
      <c r="AC2480" s="27"/>
      <c r="AD2480" s="30"/>
      <c r="AE2480" s="1"/>
      <c r="AF2480" s="23" t="s">
        <v>5331</v>
      </c>
      <c r="AG2480" s="26"/>
      <c r="AH2480" s="53"/>
    </row>
    <row r="2481" spans="1:34" ht="51.6" customHeight="1" x14ac:dyDescent="0.45">
      <c r="A2481" s="23">
        <v>2475</v>
      </c>
      <c r="B2481" s="25"/>
      <c r="C2481" s="25"/>
      <c r="D2481" s="29"/>
      <c r="E2481" s="1"/>
      <c r="F2481" s="1"/>
      <c r="G2481" s="25"/>
      <c r="H2481" s="71"/>
      <c r="I2481" s="83"/>
      <c r="J2481" s="50" t="str">
        <f t="shared" si="78"/>
        <v/>
      </c>
      <c r="K2481" s="23" t="s">
        <v>7120</v>
      </c>
      <c r="L2481" s="49" t="e">
        <f>VLOOKUP(E2481&amp;F2481,団体コード!$A$1:$C$1743,3,FALSE)</f>
        <v>#N/A</v>
      </c>
      <c r="M2481" s="49" t="e">
        <f>VLOOKUP(E2481&amp;F2481,団体コード!$A$1:$C$1743,2,FALSE)</f>
        <v>#N/A</v>
      </c>
      <c r="N2481" s="51" t="e">
        <f>VLOOKUP(E2481,団体コード!$E$1:$F$48,2,FALSE)</f>
        <v>#N/A</v>
      </c>
      <c r="O2481" s="51" t="e">
        <f t="shared" si="79"/>
        <v>#N/A</v>
      </c>
      <c r="P2481" s="51">
        <v>1</v>
      </c>
      <c r="Q2481" s="51" t="s">
        <v>5341</v>
      </c>
      <c r="R2481" s="54" t="b">
        <v>1</v>
      </c>
      <c r="S2481" s="52" t="s">
        <v>7126</v>
      </c>
      <c r="T2481" s="67" t="s">
        <v>7127</v>
      </c>
      <c r="U2481" s="75" t="s">
        <v>5331</v>
      </c>
      <c r="V2481" s="47" t="s">
        <v>5331</v>
      </c>
      <c r="W2481" s="47" t="s">
        <v>5331</v>
      </c>
      <c r="X2481" s="47" t="s">
        <v>5331</v>
      </c>
      <c r="Y2481" s="47" t="s">
        <v>5331</v>
      </c>
      <c r="Z2481" s="28"/>
      <c r="AA2481" s="27"/>
      <c r="AB2481" s="27"/>
      <c r="AC2481" s="27"/>
      <c r="AD2481" s="30"/>
      <c r="AE2481" s="1"/>
      <c r="AF2481" s="23" t="s">
        <v>5331</v>
      </c>
      <c r="AG2481" s="26"/>
      <c r="AH2481" s="53"/>
    </row>
    <row r="2482" spans="1:34" ht="51.6" customHeight="1" x14ac:dyDescent="0.45">
      <c r="A2482" s="23">
        <v>2476</v>
      </c>
      <c r="B2482" s="25"/>
      <c r="C2482" s="25"/>
      <c r="D2482" s="29"/>
      <c r="E2482" s="1"/>
      <c r="F2482" s="1"/>
      <c r="G2482" s="25"/>
      <c r="H2482" s="71"/>
      <c r="I2482" s="83"/>
      <c r="J2482" s="50" t="str">
        <f t="shared" si="78"/>
        <v/>
      </c>
      <c r="K2482" s="23" t="s">
        <v>7120</v>
      </c>
      <c r="L2482" s="49" t="e">
        <f>VLOOKUP(E2482&amp;F2482,団体コード!$A$1:$C$1743,3,FALSE)</f>
        <v>#N/A</v>
      </c>
      <c r="M2482" s="49" t="e">
        <f>VLOOKUP(E2482&amp;F2482,団体コード!$A$1:$C$1743,2,FALSE)</f>
        <v>#N/A</v>
      </c>
      <c r="N2482" s="51" t="e">
        <f>VLOOKUP(E2482,団体コード!$E$1:$F$48,2,FALSE)</f>
        <v>#N/A</v>
      </c>
      <c r="O2482" s="51" t="e">
        <f t="shared" si="79"/>
        <v>#N/A</v>
      </c>
      <c r="P2482" s="51">
        <v>1</v>
      </c>
      <c r="Q2482" s="51" t="s">
        <v>5341</v>
      </c>
      <c r="R2482" s="54" t="b">
        <v>1</v>
      </c>
      <c r="S2482" s="52" t="s">
        <v>7126</v>
      </c>
      <c r="T2482" s="67" t="s">
        <v>7127</v>
      </c>
      <c r="U2482" s="75" t="s">
        <v>5331</v>
      </c>
      <c r="V2482" s="47" t="s">
        <v>5331</v>
      </c>
      <c r="W2482" s="47" t="s">
        <v>5331</v>
      </c>
      <c r="X2482" s="47" t="s">
        <v>5331</v>
      </c>
      <c r="Y2482" s="47" t="s">
        <v>5331</v>
      </c>
      <c r="Z2482" s="28"/>
      <c r="AA2482" s="27"/>
      <c r="AB2482" s="27"/>
      <c r="AC2482" s="27"/>
      <c r="AD2482" s="30"/>
      <c r="AE2482" s="1"/>
      <c r="AF2482" s="23" t="s">
        <v>5331</v>
      </c>
      <c r="AG2482" s="26"/>
      <c r="AH2482" s="53"/>
    </row>
    <row r="2483" spans="1:34" ht="51.6" customHeight="1" x14ac:dyDescent="0.45">
      <c r="A2483" s="23">
        <v>2477</v>
      </c>
      <c r="B2483" s="25"/>
      <c r="C2483" s="25"/>
      <c r="D2483" s="29"/>
      <c r="E2483" s="1"/>
      <c r="F2483" s="1"/>
      <c r="G2483" s="25"/>
      <c r="H2483" s="71"/>
      <c r="I2483" s="83"/>
      <c r="J2483" s="50" t="str">
        <f t="shared" si="78"/>
        <v/>
      </c>
      <c r="K2483" s="23" t="s">
        <v>7120</v>
      </c>
      <c r="L2483" s="49" t="e">
        <f>VLOOKUP(E2483&amp;F2483,団体コード!$A$1:$C$1743,3,FALSE)</f>
        <v>#N/A</v>
      </c>
      <c r="M2483" s="49" t="e">
        <f>VLOOKUP(E2483&amp;F2483,団体コード!$A$1:$C$1743,2,FALSE)</f>
        <v>#N/A</v>
      </c>
      <c r="N2483" s="51" t="e">
        <f>VLOOKUP(E2483,団体コード!$E$1:$F$48,2,FALSE)</f>
        <v>#N/A</v>
      </c>
      <c r="O2483" s="51" t="e">
        <f t="shared" si="79"/>
        <v>#N/A</v>
      </c>
      <c r="P2483" s="51">
        <v>1</v>
      </c>
      <c r="Q2483" s="51" t="s">
        <v>5341</v>
      </c>
      <c r="R2483" s="54" t="b">
        <v>1</v>
      </c>
      <c r="S2483" s="52" t="s">
        <v>7126</v>
      </c>
      <c r="T2483" s="67" t="s">
        <v>7127</v>
      </c>
      <c r="U2483" s="75" t="s">
        <v>5331</v>
      </c>
      <c r="V2483" s="47" t="s">
        <v>5331</v>
      </c>
      <c r="W2483" s="47" t="s">
        <v>5331</v>
      </c>
      <c r="X2483" s="47" t="s">
        <v>5331</v>
      </c>
      <c r="Y2483" s="47" t="s">
        <v>5331</v>
      </c>
      <c r="Z2483" s="28"/>
      <c r="AA2483" s="27"/>
      <c r="AB2483" s="27"/>
      <c r="AC2483" s="27"/>
      <c r="AD2483" s="30"/>
      <c r="AE2483" s="1"/>
      <c r="AF2483" s="23" t="s">
        <v>5331</v>
      </c>
      <c r="AG2483" s="26"/>
      <c r="AH2483" s="53"/>
    </row>
    <row r="2484" spans="1:34" ht="51.6" customHeight="1" x14ac:dyDescent="0.45">
      <c r="A2484" s="23">
        <v>2478</v>
      </c>
      <c r="B2484" s="25"/>
      <c r="C2484" s="25"/>
      <c r="D2484" s="29"/>
      <c r="E2484" s="1"/>
      <c r="F2484" s="1"/>
      <c r="G2484" s="25"/>
      <c r="H2484" s="71"/>
      <c r="I2484" s="83"/>
      <c r="J2484" s="50" t="str">
        <f t="shared" si="78"/>
        <v/>
      </c>
      <c r="K2484" s="23" t="s">
        <v>7120</v>
      </c>
      <c r="L2484" s="49" t="e">
        <f>VLOOKUP(E2484&amp;F2484,団体コード!$A$1:$C$1743,3,FALSE)</f>
        <v>#N/A</v>
      </c>
      <c r="M2484" s="49" t="e">
        <f>VLOOKUP(E2484&amp;F2484,団体コード!$A$1:$C$1743,2,FALSE)</f>
        <v>#N/A</v>
      </c>
      <c r="N2484" s="51" t="e">
        <f>VLOOKUP(E2484,団体コード!$E$1:$F$48,2,FALSE)</f>
        <v>#N/A</v>
      </c>
      <c r="O2484" s="51" t="e">
        <f t="shared" si="79"/>
        <v>#N/A</v>
      </c>
      <c r="P2484" s="51">
        <v>1</v>
      </c>
      <c r="Q2484" s="51" t="s">
        <v>5341</v>
      </c>
      <c r="R2484" s="54" t="b">
        <v>1</v>
      </c>
      <c r="S2484" s="52" t="s">
        <v>7126</v>
      </c>
      <c r="T2484" s="67" t="s">
        <v>7127</v>
      </c>
      <c r="U2484" s="75" t="s">
        <v>5331</v>
      </c>
      <c r="V2484" s="47" t="s">
        <v>5331</v>
      </c>
      <c r="W2484" s="47" t="s">
        <v>5331</v>
      </c>
      <c r="X2484" s="47" t="s">
        <v>5331</v>
      </c>
      <c r="Y2484" s="47" t="s">
        <v>5331</v>
      </c>
      <c r="Z2484" s="28"/>
      <c r="AA2484" s="27"/>
      <c r="AB2484" s="27"/>
      <c r="AC2484" s="27"/>
      <c r="AD2484" s="30"/>
      <c r="AE2484" s="1"/>
      <c r="AF2484" s="23" t="s">
        <v>5331</v>
      </c>
      <c r="AG2484" s="26"/>
      <c r="AH2484" s="53"/>
    </row>
    <row r="2485" spans="1:34" ht="51.6" customHeight="1" x14ac:dyDescent="0.45">
      <c r="A2485" s="23">
        <v>2479</v>
      </c>
      <c r="B2485" s="25"/>
      <c r="C2485" s="25"/>
      <c r="D2485" s="29"/>
      <c r="E2485" s="1"/>
      <c r="F2485" s="1"/>
      <c r="G2485" s="25"/>
      <c r="H2485" s="71"/>
      <c r="I2485" s="83"/>
      <c r="J2485" s="50" t="str">
        <f t="shared" si="78"/>
        <v/>
      </c>
      <c r="K2485" s="23" t="s">
        <v>7120</v>
      </c>
      <c r="L2485" s="49" t="e">
        <f>VLOOKUP(E2485&amp;F2485,団体コード!$A$1:$C$1743,3,FALSE)</f>
        <v>#N/A</v>
      </c>
      <c r="M2485" s="49" t="e">
        <f>VLOOKUP(E2485&amp;F2485,団体コード!$A$1:$C$1743,2,FALSE)</f>
        <v>#N/A</v>
      </c>
      <c r="N2485" s="51" t="e">
        <f>VLOOKUP(E2485,団体コード!$E$1:$F$48,2,FALSE)</f>
        <v>#N/A</v>
      </c>
      <c r="O2485" s="51" t="e">
        <f t="shared" si="79"/>
        <v>#N/A</v>
      </c>
      <c r="P2485" s="51">
        <v>1</v>
      </c>
      <c r="Q2485" s="51" t="s">
        <v>5341</v>
      </c>
      <c r="R2485" s="54" t="b">
        <v>1</v>
      </c>
      <c r="S2485" s="52" t="s">
        <v>7126</v>
      </c>
      <c r="T2485" s="67" t="s">
        <v>7127</v>
      </c>
      <c r="U2485" s="75" t="s">
        <v>5331</v>
      </c>
      <c r="V2485" s="47" t="s">
        <v>5331</v>
      </c>
      <c r="W2485" s="47" t="s">
        <v>5331</v>
      </c>
      <c r="X2485" s="47" t="s">
        <v>5331</v>
      </c>
      <c r="Y2485" s="47" t="s">
        <v>5331</v>
      </c>
      <c r="Z2485" s="28"/>
      <c r="AA2485" s="27"/>
      <c r="AB2485" s="27"/>
      <c r="AC2485" s="27"/>
      <c r="AD2485" s="30"/>
      <c r="AE2485" s="1"/>
      <c r="AF2485" s="23" t="s">
        <v>5331</v>
      </c>
      <c r="AG2485" s="26"/>
      <c r="AH2485" s="53"/>
    </row>
    <row r="2486" spans="1:34" ht="51.6" customHeight="1" x14ac:dyDescent="0.45">
      <c r="A2486" s="23">
        <v>2480</v>
      </c>
      <c r="B2486" s="25"/>
      <c r="C2486" s="25"/>
      <c r="D2486" s="29"/>
      <c r="E2486" s="1"/>
      <c r="F2486" s="1"/>
      <c r="G2486" s="25"/>
      <c r="H2486" s="71"/>
      <c r="I2486" s="83"/>
      <c r="J2486" s="50" t="str">
        <f t="shared" si="78"/>
        <v/>
      </c>
      <c r="K2486" s="23" t="s">
        <v>7120</v>
      </c>
      <c r="L2486" s="49" t="e">
        <f>VLOOKUP(E2486&amp;F2486,団体コード!$A$1:$C$1743,3,FALSE)</f>
        <v>#N/A</v>
      </c>
      <c r="M2486" s="49" t="e">
        <f>VLOOKUP(E2486&amp;F2486,団体コード!$A$1:$C$1743,2,FALSE)</f>
        <v>#N/A</v>
      </c>
      <c r="N2486" s="51" t="e">
        <f>VLOOKUP(E2486,団体コード!$E$1:$F$48,2,FALSE)</f>
        <v>#N/A</v>
      </c>
      <c r="O2486" s="51" t="e">
        <f t="shared" si="79"/>
        <v>#N/A</v>
      </c>
      <c r="P2486" s="51">
        <v>1</v>
      </c>
      <c r="Q2486" s="51" t="s">
        <v>5341</v>
      </c>
      <c r="R2486" s="54" t="b">
        <v>1</v>
      </c>
      <c r="S2486" s="52" t="s">
        <v>7126</v>
      </c>
      <c r="T2486" s="67" t="s">
        <v>7127</v>
      </c>
      <c r="U2486" s="75" t="s">
        <v>5331</v>
      </c>
      <c r="V2486" s="47" t="s">
        <v>5331</v>
      </c>
      <c r="W2486" s="47" t="s">
        <v>5331</v>
      </c>
      <c r="X2486" s="47" t="s">
        <v>5331</v>
      </c>
      <c r="Y2486" s="47" t="s">
        <v>5331</v>
      </c>
      <c r="Z2486" s="28"/>
      <c r="AA2486" s="27"/>
      <c r="AB2486" s="27"/>
      <c r="AC2486" s="27"/>
      <c r="AD2486" s="30"/>
      <c r="AE2486" s="1"/>
      <c r="AF2486" s="23" t="s">
        <v>5331</v>
      </c>
      <c r="AG2486" s="26"/>
      <c r="AH2486" s="53"/>
    </row>
    <row r="2487" spans="1:34" ht="51.6" customHeight="1" x14ac:dyDescent="0.45">
      <c r="A2487" s="23">
        <v>2481</v>
      </c>
      <c r="B2487" s="25"/>
      <c r="C2487" s="25"/>
      <c r="D2487" s="29"/>
      <c r="E2487" s="1"/>
      <c r="F2487" s="1"/>
      <c r="G2487" s="25"/>
      <c r="H2487" s="71"/>
      <c r="I2487" s="83"/>
      <c r="J2487" s="50" t="str">
        <f t="shared" si="78"/>
        <v/>
      </c>
      <c r="K2487" s="23" t="s">
        <v>7120</v>
      </c>
      <c r="L2487" s="49" t="e">
        <f>VLOOKUP(E2487&amp;F2487,団体コード!$A$1:$C$1743,3,FALSE)</f>
        <v>#N/A</v>
      </c>
      <c r="M2487" s="49" t="e">
        <f>VLOOKUP(E2487&amp;F2487,団体コード!$A$1:$C$1743,2,FALSE)</f>
        <v>#N/A</v>
      </c>
      <c r="N2487" s="51" t="e">
        <f>VLOOKUP(E2487,団体コード!$E$1:$F$48,2,FALSE)</f>
        <v>#N/A</v>
      </c>
      <c r="O2487" s="51" t="e">
        <f t="shared" si="79"/>
        <v>#N/A</v>
      </c>
      <c r="P2487" s="51">
        <v>1</v>
      </c>
      <c r="Q2487" s="51" t="s">
        <v>5341</v>
      </c>
      <c r="R2487" s="54" t="b">
        <v>1</v>
      </c>
      <c r="S2487" s="52" t="s">
        <v>7126</v>
      </c>
      <c r="T2487" s="67" t="s">
        <v>7127</v>
      </c>
      <c r="U2487" s="75" t="s">
        <v>5331</v>
      </c>
      <c r="V2487" s="47" t="s">
        <v>5331</v>
      </c>
      <c r="W2487" s="47" t="s">
        <v>5331</v>
      </c>
      <c r="X2487" s="47" t="s">
        <v>5331</v>
      </c>
      <c r="Y2487" s="47" t="s">
        <v>5331</v>
      </c>
      <c r="Z2487" s="28"/>
      <c r="AA2487" s="27"/>
      <c r="AB2487" s="27"/>
      <c r="AC2487" s="27"/>
      <c r="AD2487" s="30"/>
      <c r="AE2487" s="1"/>
      <c r="AF2487" s="23" t="s">
        <v>5331</v>
      </c>
      <c r="AG2487" s="26"/>
      <c r="AH2487" s="53"/>
    </row>
    <row r="2488" spans="1:34" ht="51.6" customHeight="1" x14ac:dyDescent="0.45">
      <c r="A2488" s="23">
        <v>2482</v>
      </c>
      <c r="B2488" s="25"/>
      <c r="C2488" s="25"/>
      <c r="D2488" s="29"/>
      <c r="E2488" s="1"/>
      <c r="F2488" s="1"/>
      <c r="G2488" s="25"/>
      <c r="H2488" s="71"/>
      <c r="I2488" s="83"/>
      <c r="J2488" s="50" t="str">
        <f t="shared" si="78"/>
        <v/>
      </c>
      <c r="K2488" s="23" t="s">
        <v>7120</v>
      </c>
      <c r="L2488" s="49" t="e">
        <f>VLOOKUP(E2488&amp;F2488,団体コード!$A$1:$C$1743,3,FALSE)</f>
        <v>#N/A</v>
      </c>
      <c r="M2488" s="49" t="e">
        <f>VLOOKUP(E2488&amp;F2488,団体コード!$A$1:$C$1743,2,FALSE)</f>
        <v>#N/A</v>
      </c>
      <c r="N2488" s="51" t="e">
        <f>VLOOKUP(E2488,団体コード!$E$1:$F$48,2,FALSE)</f>
        <v>#N/A</v>
      </c>
      <c r="O2488" s="51" t="e">
        <f t="shared" si="79"/>
        <v>#N/A</v>
      </c>
      <c r="P2488" s="51">
        <v>1</v>
      </c>
      <c r="Q2488" s="51" t="s">
        <v>5341</v>
      </c>
      <c r="R2488" s="54" t="b">
        <v>1</v>
      </c>
      <c r="S2488" s="52" t="s">
        <v>7126</v>
      </c>
      <c r="T2488" s="67" t="s">
        <v>7127</v>
      </c>
      <c r="U2488" s="75" t="s">
        <v>5331</v>
      </c>
      <c r="V2488" s="47" t="s">
        <v>5331</v>
      </c>
      <c r="W2488" s="47" t="s">
        <v>5331</v>
      </c>
      <c r="X2488" s="47" t="s">
        <v>5331</v>
      </c>
      <c r="Y2488" s="47" t="s">
        <v>5331</v>
      </c>
      <c r="Z2488" s="28"/>
      <c r="AA2488" s="27"/>
      <c r="AB2488" s="27"/>
      <c r="AC2488" s="27"/>
      <c r="AD2488" s="30"/>
      <c r="AE2488" s="1"/>
      <c r="AF2488" s="23" t="s">
        <v>5331</v>
      </c>
      <c r="AG2488" s="26"/>
      <c r="AH2488" s="53"/>
    </row>
    <row r="2489" spans="1:34" ht="51.6" customHeight="1" x14ac:dyDescent="0.45">
      <c r="A2489" s="23">
        <v>2483</v>
      </c>
      <c r="B2489" s="25"/>
      <c r="C2489" s="25"/>
      <c r="D2489" s="29"/>
      <c r="E2489" s="1"/>
      <c r="F2489" s="1"/>
      <c r="G2489" s="25"/>
      <c r="H2489" s="71"/>
      <c r="I2489" s="83"/>
      <c r="J2489" s="50" t="str">
        <f t="shared" si="78"/>
        <v/>
      </c>
      <c r="K2489" s="23" t="s">
        <v>7120</v>
      </c>
      <c r="L2489" s="49" t="e">
        <f>VLOOKUP(E2489&amp;F2489,団体コード!$A$1:$C$1743,3,FALSE)</f>
        <v>#N/A</v>
      </c>
      <c r="M2489" s="49" t="e">
        <f>VLOOKUP(E2489&amp;F2489,団体コード!$A$1:$C$1743,2,FALSE)</f>
        <v>#N/A</v>
      </c>
      <c r="N2489" s="51" t="e">
        <f>VLOOKUP(E2489,団体コード!$E$1:$F$48,2,FALSE)</f>
        <v>#N/A</v>
      </c>
      <c r="O2489" s="51" t="e">
        <f t="shared" si="79"/>
        <v>#N/A</v>
      </c>
      <c r="P2489" s="51">
        <v>1</v>
      </c>
      <c r="Q2489" s="51" t="s">
        <v>5341</v>
      </c>
      <c r="R2489" s="54" t="b">
        <v>1</v>
      </c>
      <c r="S2489" s="52" t="s">
        <v>7126</v>
      </c>
      <c r="T2489" s="67" t="s">
        <v>7127</v>
      </c>
      <c r="U2489" s="75" t="s">
        <v>5331</v>
      </c>
      <c r="V2489" s="47" t="s">
        <v>5331</v>
      </c>
      <c r="W2489" s="47" t="s">
        <v>5331</v>
      </c>
      <c r="X2489" s="47" t="s">
        <v>5331</v>
      </c>
      <c r="Y2489" s="47" t="s">
        <v>5331</v>
      </c>
      <c r="Z2489" s="28"/>
      <c r="AA2489" s="27"/>
      <c r="AB2489" s="27"/>
      <c r="AC2489" s="27"/>
      <c r="AD2489" s="30"/>
      <c r="AE2489" s="1"/>
      <c r="AF2489" s="23" t="s">
        <v>5331</v>
      </c>
      <c r="AG2489" s="26"/>
      <c r="AH2489" s="53"/>
    </row>
    <row r="2490" spans="1:34" ht="51.6" customHeight="1" x14ac:dyDescent="0.45">
      <c r="A2490" s="23">
        <v>2484</v>
      </c>
      <c r="B2490" s="25"/>
      <c r="C2490" s="25"/>
      <c r="D2490" s="29"/>
      <c r="E2490" s="1"/>
      <c r="F2490" s="1"/>
      <c r="G2490" s="25"/>
      <c r="H2490" s="71"/>
      <c r="I2490" s="83"/>
      <c r="J2490" s="50" t="str">
        <f t="shared" si="78"/>
        <v/>
      </c>
      <c r="K2490" s="23" t="s">
        <v>7120</v>
      </c>
      <c r="L2490" s="49" t="e">
        <f>VLOOKUP(E2490&amp;F2490,団体コード!$A$1:$C$1743,3,FALSE)</f>
        <v>#N/A</v>
      </c>
      <c r="M2490" s="49" t="e">
        <f>VLOOKUP(E2490&amp;F2490,団体コード!$A$1:$C$1743,2,FALSE)</f>
        <v>#N/A</v>
      </c>
      <c r="N2490" s="51" t="e">
        <f>VLOOKUP(E2490,団体コード!$E$1:$F$48,2,FALSE)</f>
        <v>#N/A</v>
      </c>
      <c r="O2490" s="51" t="e">
        <f t="shared" si="79"/>
        <v>#N/A</v>
      </c>
      <c r="P2490" s="51">
        <v>1</v>
      </c>
      <c r="Q2490" s="51" t="s">
        <v>5341</v>
      </c>
      <c r="R2490" s="54" t="b">
        <v>1</v>
      </c>
      <c r="S2490" s="52" t="s">
        <v>7126</v>
      </c>
      <c r="T2490" s="67" t="s">
        <v>7127</v>
      </c>
      <c r="U2490" s="75" t="s">
        <v>5331</v>
      </c>
      <c r="V2490" s="47" t="s">
        <v>5331</v>
      </c>
      <c r="W2490" s="47" t="s">
        <v>5331</v>
      </c>
      <c r="X2490" s="47" t="s">
        <v>5331</v>
      </c>
      <c r="Y2490" s="47" t="s">
        <v>5331</v>
      </c>
      <c r="Z2490" s="28"/>
      <c r="AA2490" s="27"/>
      <c r="AB2490" s="27"/>
      <c r="AC2490" s="27"/>
      <c r="AD2490" s="30"/>
      <c r="AE2490" s="1"/>
      <c r="AF2490" s="23" t="s">
        <v>5331</v>
      </c>
      <c r="AG2490" s="26"/>
      <c r="AH2490" s="53"/>
    </row>
    <row r="2491" spans="1:34" ht="51.6" customHeight="1" x14ac:dyDescent="0.45">
      <c r="A2491" s="23">
        <v>2485</v>
      </c>
      <c r="B2491" s="25"/>
      <c r="C2491" s="25"/>
      <c r="D2491" s="29"/>
      <c r="E2491" s="1"/>
      <c r="F2491" s="1"/>
      <c r="G2491" s="25"/>
      <c r="H2491" s="71"/>
      <c r="I2491" s="83"/>
      <c r="J2491" s="50" t="str">
        <f t="shared" si="78"/>
        <v/>
      </c>
      <c r="K2491" s="23" t="s">
        <v>7120</v>
      </c>
      <c r="L2491" s="49" t="e">
        <f>VLOOKUP(E2491&amp;F2491,団体コード!$A$1:$C$1743,3,FALSE)</f>
        <v>#N/A</v>
      </c>
      <c r="M2491" s="49" t="e">
        <f>VLOOKUP(E2491&amp;F2491,団体コード!$A$1:$C$1743,2,FALSE)</f>
        <v>#N/A</v>
      </c>
      <c r="N2491" s="51" t="e">
        <f>VLOOKUP(E2491,団体コード!$E$1:$F$48,2,FALSE)</f>
        <v>#N/A</v>
      </c>
      <c r="O2491" s="51" t="e">
        <f t="shared" si="79"/>
        <v>#N/A</v>
      </c>
      <c r="P2491" s="51">
        <v>1</v>
      </c>
      <c r="Q2491" s="51" t="s">
        <v>5341</v>
      </c>
      <c r="R2491" s="54" t="b">
        <v>1</v>
      </c>
      <c r="S2491" s="52" t="s">
        <v>7126</v>
      </c>
      <c r="T2491" s="67" t="s">
        <v>7127</v>
      </c>
      <c r="U2491" s="75" t="s">
        <v>5331</v>
      </c>
      <c r="V2491" s="47" t="s">
        <v>5331</v>
      </c>
      <c r="W2491" s="47" t="s">
        <v>5331</v>
      </c>
      <c r="X2491" s="47" t="s">
        <v>5331</v>
      </c>
      <c r="Y2491" s="47" t="s">
        <v>5331</v>
      </c>
      <c r="Z2491" s="28"/>
      <c r="AA2491" s="27"/>
      <c r="AB2491" s="27"/>
      <c r="AC2491" s="27"/>
      <c r="AD2491" s="30"/>
      <c r="AE2491" s="1"/>
      <c r="AF2491" s="23" t="s">
        <v>5331</v>
      </c>
      <c r="AG2491" s="26"/>
      <c r="AH2491" s="53"/>
    </row>
    <row r="2492" spans="1:34" ht="51.6" customHeight="1" x14ac:dyDescent="0.45">
      <c r="A2492" s="23">
        <v>2486</v>
      </c>
      <c r="B2492" s="25"/>
      <c r="C2492" s="25"/>
      <c r="D2492" s="29"/>
      <c r="E2492" s="1"/>
      <c r="F2492" s="1"/>
      <c r="G2492" s="25"/>
      <c r="H2492" s="71"/>
      <c r="I2492" s="83"/>
      <c r="J2492" s="50" t="str">
        <f t="shared" si="78"/>
        <v/>
      </c>
      <c r="K2492" s="23" t="s">
        <v>7120</v>
      </c>
      <c r="L2492" s="49" t="e">
        <f>VLOOKUP(E2492&amp;F2492,団体コード!$A$1:$C$1743,3,FALSE)</f>
        <v>#N/A</v>
      </c>
      <c r="M2492" s="49" t="e">
        <f>VLOOKUP(E2492&amp;F2492,団体コード!$A$1:$C$1743,2,FALSE)</f>
        <v>#N/A</v>
      </c>
      <c r="N2492" s="51" t="e">
        <f>VLOOKUP(E2492,団体コード!$E$1:$F$48,2,FALSE)</f>
        <v>#N/A</v>
      </c>
      <c r="O2492" s="51" t="e">
        <f t="shared" si="79"/>
        <v>#N/A</v>
      </c>
      <c r="P2492" s="51">
        <v>1</v>
      </c>
      <c r="Q2492" s="51" t="s">
        <v>5341</v>
      </c>
      <c r="R2492" s="54" t="b">
        <v>1</v>
      </c>
      <c r="S2492" s="52" t="s">
        <v>7126</v>
      </c>
      <c r="T2492" s="67" t="s">
        <v>7127</v>
      </c>
      <c r="U2492" s="75" t="s">
        <v>5331</v>
      </c>
      <c r="V2492" s="47" t="s">
        <v>5331</v>
      </c>
      <c r="W2492" s="47" t="s">
        <v>5331</v>
      </c>
      <c r="X2492" s="47" t="s">
        <v>5331</v>
      </c>
      <c r="Y2492" s="47" t="s">
        <v>5331</v>
      </c>
      <c r="Z2492" s="28"/>
      <c r="AA2492" s="27"/>
      <c r="AB2492" s="27"/>
      <c r="AC2492" s="27"/>
      <c r="AD2492" s="30"/>
      <c r="AE2492" s="1"/>
      <c r="AF2492" s="23" t="s">
        <v>5331</v>
      </c>
      <c r="AG2492" s="26"/>
      <c r="AH2492" s="53"/>
    </row>
    <row r="2493" spans="1:34" ht="51.6" customHeight="1" x14ac:dyDescent="0.45">
      <c r="A2493" s="23">
        <v>2487</v>
      </c>
      <c r="B2493" s="25"/>
      <c r="C2493" s="25"/>
      <c r="D2493" s="29"/>
      <c r="E2493" s="1"/>
      <c r="F2493" s="1"/>
      <c r="G2493" s="25"/>
      <c r="H2493" s="71"/>
      <c r="I2493" s="83"/>
      <c r="J2493" s="50" t="str">
        <f t="shared" si="78"/>
        <v/>
      </c>
      <c r="K2493" s="23" t="s">
        <v>7120</v>
      </c>
      <c r="L2493" s="49" t="e">
        <f>VLOOKUP(E2493&amp;F2493,団体コード!$A$1:$C$1743,3,FALSE)</f>
        <v>#N/A</v>
      </c>
      <c r="M2493" s="49" t="e">
        <f>VLOOKUP(E2493&amp;F2493,団体コード!$A$1:$C$1743,2,FALSE)</f>
        <v>#N/A</v>
      </c>
      <c r="N2493" s="51" t="e">
        <f>VLOOKUP(E2493,団体コード!$E$1:$F$48,2,FALSE)</f>
        <v>#N/A</v>
      </c>
      <c r="O2493" s="51" t="e">
        <f t="shared" si="79"/>
        <v>#N/A</v>
      </c>
      <c r="P2493" s="51">
        <v>1</v>
      </c>
      <c r="Q2493" s="51" t="s">
        <v>5341</v>
      </c>
      <c r="R2493" s="54" t="b">
        <v>1</v>
      </c>
      <c r="S2493" s="52" t="s">
        <v>7126</v>
      </c>
      <c r="T2493" s="67" t="s">
        <v>7127</v>
      </c>
      <c r="U2493" s="75" t="s">
        <v>5331</v>
      </c>
      <c r="V2493" s="47" t="s">
        <v>5331</v>
      </c>
      <c r="W2493" s="47" t="s">
        <v>5331</v>
      </c>
      <c r="X2493" s="47" t="s">
        <v>5331</v>
      </c>
      <c r="Y2493" s="47" t="s">
        <v>5331</v>
      </c>
      <c r="Z2493" s="28"/>
      <c r="AA2493" s="27"/>
      <c r="AB2493" s="27"/>
      <c r="AC2493" s="27"/>
      <c r="AD2493" s="30"/>
      <c r="AE2493" s="1"/>
      <c r="AF2493" s="23" t="s">
        <v>5331</v>
      </c>
      <c r="AG2493" s="26"/>
      <c r="AH2493" s="53"/>
    </row>
    <row r="2494" spans="1:34" ht="51.6" customHeight="1" x14ac:dyDescent="0.45">
      <c r="A2494" s="23">
        <v>2488</v>
      </c>
      <c r="B2494" s="25"/>
      <c r="C2494" s="25"/>
      <c r="D2494" s="29"/>
      <c r="E2494" s="1"/>
      <c r="F2494" s="1"/>
      <c r="G2494" s="25"/>
      <c r="H2494" s="71"/>
      <c r="I2494" s="83"/>
      <c r="J2494" s="50" t="str">
        <f t="shared" si="78"/>
        <v/>
      </c>
      <c r="K2494" s="23" t="s">
        <v>7120</v>
      </c>
      <c r="L2494" s="49" t="e">
        <f>VLOOKUP(E2494&amp;F2494,団体コード!$A$1:$C$1743,3,FALSE)</f>
        <v>#N/A</v>
      </c>
      <c r="M2494" s="49" t="e">
        <f>VLOOKUP(E2494&amp;F2494,団体コード!$A$1:$C$1743,2,FALSE)</f>
        <v>#N/A</v>
      </c>
      <c r="N2494" s="51" t="e">
        <f>VLOOKUP(E2494,団体コード!$E$1:$F$48,2,FALSE)</f>
        <v>#N/A</v>
      </c>
      <c r="O2494" s="51" t="e">
        <f t="shared" si="79"/>
        <v>#N/A</v>
      </c>
      <c r="P2494" s="51">
        <v>1</v>
      </c>
      <c r="Q2494" s="51" t="s">
        <v>5341</v>
      </c>
      <c r="R2494" s="54" t="b">
        <v>1</v>
      </c>
      <c r="S2494" s="52" t="s">
        <v>7126</v>
      </c>
      <c r="T2494" s="67" t="s">
        <v>7127</v>
      </c>
      <c r="U2494" s="75" t="s">
        <v>5331</v>
      </c>
      <c r="V2494" s="47" t="s">
        <v>5331</v>
      </c>
      <c r="W2494" s="47" t="s">
        <v>5331</v>
      </c>
      <c r="X2494" s="47" t="s">
        <v>5331</v>
      </c>
      <c r="Y2494" s="47" t="s">
        <v>5331</v>
      </c>
      <c r="Z2494" s="28"/>
      <c r="AA2494" s="27"/>
      <c r="AB2494" s="27"/>
      <c r="AC2494" s="27"/>
      <c r="AD2494" s="30"/>
      <c r="AE2494" s="1"/>
      <c r="AF2494" s="23" t="s">
        <v>5331</v>
      </c>
      <c r="AG2494" s="26"/>
      <c r="AH2494" s="53"/>
    </row>
    <row r="2495" spans="1:34" ht="51.6" customHeight="1" x14ac:dyDescent="0.45">
      <c r="A2495" s="23">
        <v>2489</v>
      </c>
      <c r="B2495" s="25"/>
      <c r="C2495" s="25"/>
      <c r="D2495" s="29"/>
      <c r="E2495" s="1"/>
      <c r="F2495" s="1"/>
      <c r="G2495" s="25"/>
      <c r="H2495" s="71"/>
      <c r="I2495" s="83"/>
      <c r="J2495" s="50" t="str">
        <f t="shared" si="78"/>
        <v/>
      </c>
      <c r="K2495" s="23" t="s">
        <v>7120</v>
      </c>
      <c r="L2495" s="49" t="e">
        <f>VLOOKUP(E2495&amp;F2495,団体コード!$A$1:$C$1743,3,FALSE)</f>
        <v>#N/A</v>
      </c>
      <c r="M2495" s="49" t="e">
        <f>VLOOKUP(E2495&amp;F2495,団体コード!$A$1:$C$1743,2,FALSE)</f>
        <v>#N/A</v>
      </c>
      <c r="N2495" s="51" t="e">
        <f>VLOOKUP(E2495,団体コード!$E$1:$F$48,2,FALSE)</f>
        <v>#N/A</v>
      </c>
      <c r="O2495" s="51" t="e">
        <f t="shared" si="79"/>
        <v>#N/A</v>
      </c>
      <c r="P2495" s="51">
        <v>1</v>
      </c>
      <c r="Q2495" s="51" t="s">
        <v>5341</v>
      </c>
      <c r="R2495" s="54" t="b">
        <v>1</v>
      </c>
      <c r="S2495" s="52" t="s">
        <v>7126</v>
      </c>
      <c r="T2495" s="67" t="s">
        <v>7127</v>
      </c>
      <c r="U2495" s="75" t="s">
        <v>5331</v>
      </c>
      <c r="V2495" s="47" t="s">
        <v>5331</v>
      </c>
      <c r="W2495" s="47" t="s">
        <v>5331</v>
      </c>
      <c r="X2495" s="47" t="s">
        <v>5331</v>
      </c>
      <c r="Y2495" s="47" t="s">
        <v>5331</v>
      </c>
      <c r="Z2495" s="28"/>
      <c r="AA2495" s="27"/>
      <c r="AB2495" s="27"/>
      <c r="AC2495" s="27"/>
      <c r="AD2495" s="30"/>
      <c r="AE2495" s="1"/>
      <c r="AF2495" s="23" t="s">
        <v>5331</v>
      </c>
      <c r="AG2495" s="26"/>
      <c r="AH2495" s="53"/>
    </row>
    <row r="2496" spans="1:34" ht="51.6" customHeight="1" x14ac:dyDescent="0.45">
      <c r="A2496" s="23">
        <v>2490</v>
      </c>
      <c r="B2496" s="25"/>
      <c r="C2496" s="25"/>
      <c r="D2496" s="29"/>
      <c r="E2496" s="1"/>
      <c r="F2496" s="1"/>
      <c r="G2496" s="25"/>
      <c r="H2496" s="71"/>
      <c r="I2496" s="83"/>
      <c r="J2496" s="50" t="str">
        <f t="shared" si="78"/>
        <v/>
      </c>
      <c r="K2496" s="23" t="s">
        <v>7120</v>
      </c>
      <c r="L2496" s="49" t="e">
        <f>VLOOKUP(E2496&amp;F2496,団体コード!$A$1:$C$1743,3,FALSE)</f>
        <v>#N/A</v>
      </c>
      <c r="M2496" s="49" t="e">
        <f>VLOOKUP(E2496&amp;F2496,団体コード!$A$1:$C$1743,2,FALSE)</f>
        <v>#N/A</v>
      </c>
      <c r="N2496" s="51" t="e">
        <f>VLOOKUP(E2496,団体コード!$E$1:$F$48,2,FALSE)</f>
        <v>#N/A</v>
      </c>
      <c r="O2496" s="51" t="e">
        <f t="shared" si="79"/>
        <v>#N/A</v>
      </c>
      <c r="P2496" s="51">
        <v>1</v>
      </c>
      <c r="Q2496" s="51" t="s">
        <v>5341</v>
      </c>
      <c r="R2496" s="54" t="b">
        <v>1</v>
      </c>
      <c r="S2496" s="52" t="s">
        <v>7126</v>
      </c>
      <c r="T2496" s="67" t="s">
        <v>7127</v>
      </c>
      <c r="U2496" s="75" t="s">
        <v>5331</v>
      </c>
      <c r="V2496" s="47" t="s">
        <v>5331</v>
      </c>
      <c r="W2496" s="47" t="s">
        <v>5331</v>
      </c>
      <c r="X2496" s="47" t="s">
        <v>5331</v>
      </c>
      <c r="Y2496" s="47" t="s">
        <v>5331</v>
      </c>
      <c r="Z2496" s="28"/>
      <c r="AA2496" s="27"/>
      <c r="AB2496" s="27"/>
      <c r="AC2496" s="27"/>
      <c r="AD2496" s="30"/>
      <c r="AE2496" s="1"/>
      <c r="AF2496" s="23" t="s">
        <v>5331</v>
      </c>
      <c r="AG2496" s="26"/>
      <c r="AH2496" s="53"/>
    </row>
    <row r="2497" spans="1:34" ht="51.6" customHeight="1" x14ac:dyDescent="0.45">
      <c r="A2497" s="23">
        <v>2491</v>
      </c>
      <c r="B2497" s="25"/>
      <c r="C2497" s="25"/>
      <c r="D2497" s="29"/>
      <c r="E2497" s="1"/>
      <c r="F2497" s="1"/>
      <c r="G2497" s="25"/>
      <c r="H2497" s="71"/>
      <c r="I2497" s="83"/>
      <c r="J2497" s="50" t="str">
        <f t="shared" si="78"/>
        <v/>
      </c>
      <c r="K2497" s="23" t="s">
        <v>7120</v>
      </c>
      <c r="L2497" s="49" t="e">
        <f>VLOOKUP(E2497&amp;F2497,団体コード!$A$1:$C$1743,3,FALSE)</f>
        <v>#N/A</v>
      </c>
      <c r="M2497" s="49" t="e">
        <f>VLOOKUP(E2497&amp;F2497,団体コード!$A$1:$C$1743,2,FALSE)</f>
        <v>#N/A</v>
      </c>
      <c r="N2497" s="51" t="e">
        <f>VLOOKUP(E2497,団体コード!$E$1:$F$48,2,FALSE)</f>
        <v>#N/A</v>
      </c>
      <c r="O2497" s="51" t="e">
        <f t="shared" si="79"/>
        <v>#N/A</v>
      </c>
      <c r="P2497" s="51">
        <v>1</v>
      </c>
      <c r="Q2497" s="51" t="s">
        <v>5341</v>
      </c>
      <c r="R2497" s="54" t="b">
        <v>1</v>
      </c>
      <c r="S2497" s="52" t="s">
        <v>7126</v>
      </c>
      <c r="T2497" s="67" t="s">
        <v>7127</v>
      </c>
      <c r="U2497" s="75" t="s">
        <v>5331</v>
      </c>
      <c r="V2497" s="47" t="s">
        <v>5331</v>
      </c>
      <c r="W2497" s="47" t="s">
        <v>5331</v>
      </c>
      <c r="X2497" s="47" t="s">
        <v>5331</v>
      </c>
      <c r="Y2497" s="47" t="s">
        <v>5331</v>
      </c>
      <c r="Z2497" s="28"/>
      <c r="AA2497" s="27"/>
      <c r="AB2497" s="27"/>
      <c r="AC2497" s="27"/>
      <c r="AD2497" s="30"/>
      <c r="AE2497" s="1"/>
      <c r="AF2497" s="23" t="s">
        <v>5331</v>
      </c>
      <c r="AG2497" s="26"/>
      <c r="AH2497" s="53"/>
    </row>
    <row r="2498" spans="1:34" ht="51.6" customHeight="1" x14ac:dyDescent="0.45">
      <c r="A2498" s="23">
        <v>2492</v>
      </c>
      <c r="B2498" s="25"/>
      <c r="C2498" s="25"/>
      <c r="D2498" s="29"/>
      <c r="E2498" s="1"/>
      <c r="F2498" s="1"/>
      <c r="G2498" s="25"/>
      <c r="H2498" s="71"/>
      <c r="I2498" s="83"/>
      <c r="J2498" s="50" t="str">
        <f t="shared" si="78"/>
        <v/>
      </c>
      <c r="K2498" s="23" t="s">
        <v>7120</v>
      </c>
      <c r="L2498" s="49" t="e">
        <f>VLOOKUP(E2498&amp;F2498,団体コード!$A$1:$C$1743,3,FALSE)</f>
        <v>#N/A</v>
      </c>
      <c r="M2498" s="49" t="e">
        <f>VLOOKUP(E2498&amp;F2498,団体コード!$A$1:$C$1743,2,FALSE)</f>
        <v>#N/A</v>
      </c>
      <c r="N2498" s="51" t="e">
        <f>VLOOKUP(E2498,団体コード!$E$1:$F$48,2,FALSE)</f>
        <v>#N/A</v>
      </c>
      <c r="O2498" s="51" t="e">
        <f t="shared" si="79"/>
        <v>#N/A</v>
      </c>
      <c r="P2498" s="51">
        <v>1</v>
      </c>
      <c r="Q2498" s="51" t="s">
        <v>5341</v>
      </c>
      <c r="R2498" s="54" t="b">
        <v>1</v>
      </c>
      <c r="S2498" s="52" t="s">
        <v>7126</v>
      </c>
      <c r="T2498" s="67" t="s">
        <v>7127</v>
      </c>
      <c r="U2498" s="75" t="s">
        <v>5331</v>
      </c>
      <c r="V2498" s="47" t="s">
        <v>5331</v>
      </c>
      <c r="W2498" s="47" t="s">
        <v>5331</v>
      </c>
      <c r="X2498" s="47" t="s">
        <v>5331</v>
      </c>
      <c r="Y2498" s="47" t="s">
        <v>5331</v>
      </c>
      <c r="Z2498" s="28"/>
      <c r="AA2498" s="27"/>
      <c r="AB2498" s="27"/>
      <c r="AC2498" s="27"/>
      <c r="AD2498" s="30"/>
      <c r="AE2498" s="1"/>
      <c r="AF2498" s="23" t="s">
        <v>5331</v>
      </c>
      <c r="AG2498" s="26"/>
      <c r="AH2498" s="53"/>
    </row>
    <row r="2499" spans="1:34" ht="51.6" customHeight="1" x14ac:dyDescent="0.45">
      <c r="A2499" s="23">
        <v>2493</v>
      </c>
      <c r="B2499" s="25"/>
      <c r="C2499" s="25"/>
      <c r="D2499" s="29"/>
      <c r="E2499" s="1"/>
      <c r="F2499" s="1"/>
      <c r="G2499" s="25"/>
      <c r="H2499" s="71"/>
      <c r="I2499" s="83"/>
      <c r="J2499" s="50" t="str">
        <f t="shared" si="78"/>
        <v/>
      </c>
      <c r="K2499" s="23" t="s">
        <v>7120</v>
      </c>
      <c r="L2499" s="49" t="e">
        <f>VLOOKUP(E2499&amp;F2499,団体コード!$A$1:$C$1743,3,FALSE)</f>
        <v>#N/A</v>
      </c>
      <c r="M2499" s="49" t="e">
        <f>VLOOKUP(E2499&amp;F2499,団体コード!$A$1:$C$1743,2,FALSE)</f>
        <v>#N/A</v>
      </c>
      <c r="N2499" s="51" t="e">
        <f>VLOOKUP(E2499,団体コード!$E$1:$F$48,2,FALSE)</f>
        <v>#N/A</v>
      </c>
      <c r="O2499" s="51" t="e">
        <f t="shared" si="79"/>
        <v>#N/A</v>
      </c>
      <c r="P2499" s="51">
        <v>1</v>
      </c>
      <c r="Q2499" s="51" t="s">
        <v>5341</v>
      </c>
      <c r="R2499" s="54" t="b">
        <v>1</v>
      </c>
      <c r="S2499" s="52" t="s">
        <v>7126</v>
      </c>
      <c r="T2499" s="67" t="s">
        <v>7127</v>
      </c>
      <c r="U2499" s="75" t="s">
        <v>5331</v>
      </c>
      <c r="V2499" s="47" t="s">
        <v>5331</v>
      </c>
      <c r="W2499" s="47" t="s">
        <v>5331</v>
      </c>
      <c r="X2499" s="47" t="s">
        <v>5331</v>
      </c>
      <c r="Y2499" s="47" t="s">
        <v>5331</v>
      </c>
      <c r="Z2499" s="28"/>
      <c r="AA2499" s="27"/>
      <c r="AB2499" s="27"/>
      <c r="AC2499" s="27"/>
      <c r="AD2499" s="30"/>
      <c r="AE2499" s="1"/>
      <c r="AF2499" s="23" t="s">
        <v>5331</v>
      </c>
      <c r="AG2499" s="26"/>
      <c r="AH2499" s="53"/>
    </row>
    <row r="2500" spans="1:34" ht="51.6" customHeight="1" x14ac:dyDescent="0.45">
      <c r="A2500" s="23">
        <v>2494</v>
      </c>
      <c r="B2500" s="25"/>
      <c r="C2500" s="25"/>
      <c r="D2500" s="29"/>
      <c r="E2500" s="1"/>
      <c r="F2500" s="1"/>
      <c r="G2500" s="25"/>
      <c r="H2500" s="71"/>
      <c r="I2500" s="83"/>
      <c r="J2500" s="50" t="str">
        <f t="shared" si="78"/>
        <v/>
      </c>
      <c r="K2500" s="23" t="s">
        <v>7120</v>
      </c>
      <c r="L2500" s="49" t="e">
        <f>VLOOKUP(E2500&amp;F2500,団体コード!$A$1:$C$1743,3,FALSE)</f>
        <v>#N/A</v>
      </c>
      <c r="M2500" s="49" t="e">
        <f>VLOOKUP(E2500&amp;F2500,団体コード!$A$1:$C$1743,2,FALSE)</f>
        <v>#N/A</v>
      </c>
      <c r="N2500" s="51" t="e">
        <f>VLOOKUP(E2500,団体コード!$E$1:$F$48,2,FALSE)</f>
        <v>#N/A</v>
      </c>
      <c r="O2500" s="51" t="e">
        <f t="shared" si="79"/>
        <v>#N/A</v>
      </c>
      <c r="P2500" s="51">
        <v>1</v>
      </c>
      <c r="Q2500" s="51" t="s">
        <v>5341</v>
      </c>
      <c r="R2500" s="54" t="b">
        <v>1</v>
      </c>
      <c r="S2500" s="52" t="s">
        <v>7126</v>
      </c>
      <c r="T2500" s="67" t="s">
        <v>7127</v>
      </c>
      <c r="U2500" s="75" t="s">
        <v>5331</v>
      </c>
      <c r="V2500" s="47" t="s">
        <v>5331</v>
      </c>
      <c r="W2500" s="47" t="s">
        <v>5331</v>
      </c>
      <c r="X2500" s="47" t="s">
        <v>5331</v>
      </c>
      <c r="Y2500" s="47" t="s">
        <v>5331</v>
      </c>
      <c r="Z2500" s="28"/>
      <c r="AA2500" s="27"/>
      <c r="AB2500" s="27"/>
      <c r="AC2500" s="27"/>
      <c r="AD2500" s="30"/>
      <c r="AE2500" s="1"/>
      <c r="AF2500" s="23" t="s">
        <v>5331</v>
      </c>
      <c r="AG2500" s="26"/>
      <c r="AH2500" s="53"/>
    </row>
    <row r="2501" spans="1:34" ht="51.6" customHeight="1" x14ac:dyDescent="0.45">
      <c r="A2501" s="23">
        <v>2495</v>
      </c>
      <c r="B2501" s="25"/>
      <c r="C2501" s="25"/>
      <c r="D2501" s="29"/>
      <c r="E2501" s="1"/>
      <c r="F2501" s="1"/>
      <c r="G2501" s="25"/>
      <c r="H2501" s="71"/>
      <c r="I2501" s="83"/>
      <c r="J2501" s="50" t="str">
        <f t="shared" si="78"/>
        <v/>
      </c>
      <c r="K2501" s="23" t="s">
        <v>7120</v>
      </c>
      <c r="L2501" s="49" t="e">
        <f>VLOOKUP(E2501&amp;F2501,団体コード!$A$1:$C$1743,3,FALSE)</f>
        <v>#N/A</v>
      </c>
      <c r="M2501" s="49" t="e">
        <f>VLOOKUP(E2501&amp;F2501,団体コード!$A$1:$C$1743,2,FALSE)</f>
        <v>#N/A</v>
      </c>
      <c r="N2501" s="51" t="e">
        <f>VLOOKUP(E2501,団体コード!$E$1:$F$48,2,FALSE)</f>
        <v>#N/A</v>
      </c>
      <c r="O2501" s="51" t="e">
        <f t="shared" si="79"/>
        <v>#N/A</v>
      </c>
      <c r="P2501" s="51">
        <v>1</v>
      </c>
      <c r="Q2501" s="51" t="s">
        <v>5341</v>
      </c>
      <c r="R2501" s="54" t="b">
        <v>1</v>
      </c>
      <c r="S2501" s="52" t="s">
        <v>7126</v>
      </c>
      <c r="T2501" s="67" t="s">
        <v>7127</v>
      </c>
      <c r="U2501" s="75" t="s">
        <v>5331</v>
      </c>
      <c r="V2501" s="47" t="s">
        <v>5331</v>
      </c>
      <c r="W2501" s="47" t="s">
        <v>5331</v>
      </c>
      <c r="X2501" s="47" t="s">
        <v>5331</v>
      </c>
      <c r="Y2501" s="47" t="s">
        <v>5331</v>
      </c>
      <c r="Z2501" s="28"/>
      <c r="AA2501" s="27"/>
      <c r="AB2501" s="27"/>
      <c r="AC2501" s="27"/>
      <c r="AD2501" s="30"/>
      <c r="AE2501" s="1"/>
      <c r="AF2501" s="23" t="s">
        <v>5331</v>
      </c>
      <c r="AG2501" s="26"/>
      <c r="AH2501" s="53"/>
    </row>
    <row r="2502" spans="1:34" ht="51.6" customHeight="1" x14ac:dyDescent="0.45">
      <c r="A2502" s="23">
        <v>2496</v>
      </c>
      <c r="B2502" s="25"/>
      <c r="C2502" s="25"/>
      <c r="D2502" s="29"/>
      <c r="E2502" s="1"/>
      <c r="F2502" s="1"/>
      <c r="G2502" s="25"/>
      <c r="H2502" s="71"/>
      <c r="I2502" s="83"/>
      <c r="J2502" s="50" t="str">
        <f t="shared" si="78"/>
        <v/>
      </c>
      <c r="K2502" s="23" t="s">
        <v>7120</v>
      </c>
      <c r="L2502" s="49" t="e">
        <f>VLOOKUP(E2502&amp;F2502,団体コード!$A$1:$C$1743,3,FALSE)</f>
        <v>#N/A</v>
      </c>
      <c r="M2502" s="49" t="e">
        <f>VLOOKUP(E2502&amp;F2502,団体コード!$A$1:$C$1743,2,FALSE)</f>
        <v>#N/A</v>
      </c>
      <c r="N2502" s="51" t="e">
        <f>VLOOKUP(E2502,団体コード!$E$1:$F$48,2,FALSE)</f>
        <v>#N/A</v>
      </c>
      <c r="O2502" s="51" t="e">
        <f t="shared" si="79"/>
        <v>#N/A</v>
      </c>
      <c r="P2502" s="51">
        <v>1</v>
      </c>
      <c r="Q2502" s="51" t="s">
        <v>5341</v>
      </c>
      <c r="R2502" s="54" t="b">
        <v>1</v>
      </c>
      <c r="S2502" s="52" t="s">
        <v>7126</v>
      </c>
      <c r="T2502" s="67" t="s">
        <v>7127</v>
      </c>
      <c r="U2502" s="75" t="s">
        <v>5331</v>
      </c>
      <c r="V2502" s="47" t="s">
        <v>5331</v>
      </c>
      <c r="W2502" s="47" t="s">
        <v>5331</v>
      </c>
      <c r="X2502" s="47" t="s">
        <v>5331</v>
      </c>
      <c r="Y2502" s="47" t="s">
        <v>5331</v>
      </c>
      <c r="Z2502" s="28"/>
      <c r="AA2502" s="27"/>
      <c r="AB2502" s="27"/>
      <c r="AC2502" s="27"/>
      <c r="AD2502" s="30"/>
      <c r="AE2502" s="1"/>
      <c r="AF2502" s="23" t="s">
        <v>5331</v>
      </c>
      <c r="AG2502" s="26"/>
      <c r="AH2502" s="53"/>
    </row>
    <row r="2503" spans="1:34" ht="51.6" customHeight="1" x14ac:dyDescent="0.45">
      <c r="A2503" s="23">
        <v>2497</v>
      </c>
      <c r="B2503" s="25"/>
      <c r="C2503" s="25"/>
      <c r="D2503" s="29"/>
      <c r="E2503" s="1"/>
      <c r="F2503" s="1"/>
      <c r="G2503" s="25"/>
      <c r="H2503" s="71"/>
      <c r="I2503" s="83"/>
      <c r="J2503" s="50" t="str">
        <f t="shared" si="78"/>
        <v/>
      </c>
      <c r="K2503" s="23" t="s">
        <v>7120</v>
      </c>
      <c r="L2503" s="49" t="e">
        <f>VLOOKUP(E2503&amp;F2503,団体コード!$A$1:$C$1743,3,FALSE)</f>
        <v>#N/A</v>
      </c>
      <c r="M2503" s="49" t="e">
        <f>VLOOKUP(E2503&amp;F2503,団体コード!$A$1:$C$1743,2,FALSE)</f>
        <v>#N/A</v>
      </c>
      <c r="N2503" s="51" t="e">
        <f>VLOOKUP(E2503,団体コード!$E$1:$F$48,2,FALSE)</f>
        <v>#N/A</v>
      </c>
      <c r="O2503" s="51" t="e">
        <f t="shared" si="79"/>
        <v>#N/A</v>
      </c>
      <c r="P2503" s="51">
        <v>1</v>
      </c>
      <c r="Q2503" s="51" t="s">
        <v>5341</v>
      </c>
      <c r="R2503" s="54" t="b">
        <v>1</v>
      </c>
      <c r="S2503" s="52" t="s">
        <v>7126</v>
      </c>
      <c r="T2503" s="67" t="s">
        <v>7127</v>
      </c>
      <c r="U2503" s="75" t="s">
        <v>5331</v>
      </c>
      <c r="V2503" s="47" t="s">
        <v>5331</v>
      </c>
      <c r="W2503" s="47" t="s">
        <v>5331</v>
      </c>
      <c r="X2503" s="47" t="s">
        <v>5331</v>
      </c>
      <c r="Y2503" s="47" t="s">
        <v>5331</v>
      </c>
      <c r="Z2503" s="28"/>
      <c r="AA2503" s="27"/>
      <c r="AB2503" s="27"/>
      <c r="AC2503" s="27"/>
      <c r="AD2503" s="30"/>
      <c r="AE2503" s="1"/>
      <c r="AF2503" s="23" t="s">
        <v>5331</v>
      </c>
      <c r="AG2503" s="26"/>
      <c r="AH2503" s="53"/>
    </row>
    <row r="2504" spans="1:34" ht="51.6" customHeight="1" x14ac:dyDescent="0.45">
      <c r="A2504" s="23">
        <v>2498</v>
      </c>
      <c r="B2504" s="25"/>
      <c r="C2504" s="25"/>
      <c r="D2504" s="29"/>
      <c r="E2504" s="1"/>
      <c r="F2504" s="1"/>
      <c r="G2504" s="25"/>
      <c r="H2504" s="71"/>
      <c r="I2504" s="83"/>
      <c r="J2504" s="50" t="str">
        <f t="shared" ref="J2504:J2567" si="80">E2504&amp;F2504&amp;G2504</f>
        <v/>
      </c>
      <c r="K2504" s="23" t="s">
        <v>7120</v>
      </c>
      <c r="L2504" s="49" t="e">
        <f>VLOOKUP(E2504&amp;F2504,団体コード!$A$1:$C$1743,3,FALSE)</f>
        <v>#N/A</v>
      </c>
      <c r="M2504" s="49" t="e">
        <f>VLOOKUP(E2504&amp;F2504,団体コード!$A$1:$C$1743,2,FALSE)</f>
        <v>#N/A</v>
      </c>
      <c r="N2504" s="51" t="e">
        <f>VLOOKUP(E2504,団体コード!$E$1:$F$48,2,FALSE)</f>
        <v>#N/A</v>
      </c>
      <c r="O2504" s="51" t="e">
        <f t="shared" ref="O2504:O2567" si="81">N2504</f>
        <v>#N/A</v>
      </c>
      <c r="P2504" s="51">
        <v>1</v>
      </c>
      <c r="Q2504" s="51" t="s">
        <v>5341</v>
      </c>
      <c r="R2504" s="54" t="b">
        <v>1</v>
      </c>
      <c r="S2504" s="52" t="s">
        <v>7126</v>
      </c>
      <c r="T2504" s="67" t="s">
        <v>7127</v>
      </c>
      <c r="U2504" s="75" t="s">
        <v>5331</v>
      </c>
      <c r="V2504" s="47" t="s">
        <v>5331</v>
      </c>
      <c r="W2504" s="47" t="s">
        <v>5331</v>
      </c>
      <c r="X2504" s="47" t="s">
        <v>5331</v>
      </c>
      <c r="Y2504" s="47" t="s">
        <v>5331</v>
      </c>
      <c r="Z2504" s="28"/>
      <c r="AA2504" s="27"/>
      <c r="AB2504" s="27"/>
      <c r="AC2504" s="27"/>
      <c r="AD2504" s="30"/>
      <c r="AE2504" s="1"/>
      <c r="AF2504" s="23" t="s">
        <v>5331</v>
      </c>
      <c r="AG2504" s="26"/>
      <c r="AH2504" s="53"/>
    </row>
    <row r="2505" spans="1:34" ht="51.6" customHeight="1" x14ac:dyDescent="0.45">
      <c r="A2505" s="23">
        <v>2499</v>
      </c>
      <c r="B2505" s="25"/>
      <c r="C2505" s="25"/>
      <c r="D2505" s="29"/>
      <c r="E2505" s="1"/>
      <c r="F2505" s="1"/>
      <c r="G2505" s="25"/>
      <c r="H2505" s="71"/>
      <c r="I2505" s="83"/>
      <c r="J2505" s="50" t="str">
        <f t="shared" si="80"/>
        <v/>
      </c>
      <c r="K2505" s="23" t="s">
        <v>7120</v>
      </c>
      <c r="L2505" s="49" t="e">
        <f>VLOOKUP(E2505&amp;F2505,団体コード!$A$1:$C$1743,3,FALSE)</f>
        <v>#N/A</v>
      </c>
      <c r="M2505" s="49" t="e">
        <f>VLOOKUP(E2505&amp;F2505,団体コード!$A$1:$C$1743,2,FALSE)</f>
        <v>#N/A</v>
      </c>
      <c r="N2505" s="51" t="e">
        <f>VLOOKUP(E2505,団体コード!$E$1:$F$48,2,FALSE)</f>
        <v>#N/A</v>
      </c>
      <c r="O2505" s="51" t="e">
        <f t="shared" si="81"/>
        <v>#N/A</v>
      </c>
      <c r="P2505" s="51">
        <v>1</v>
      </c>
      <c r="Q2505" s="51" t="s">
        <v>5341</v>
      </c>
      <c r="R2505" s="54" t="b">
        <v>1</v>
      </c>
      <c r="S2505" s="52" t="s">
        <v>7126</v>
      </c>
      <c r="T2505" s="67" t="s">
        <v>7127</v>
      </c>
      <c r="U2505" s="75" t="s">
        <v>5331</v>
      </c>
      <c r="V2505" s="47" t="s">
        <v>5331</v>
      </c>
      <c r="W2505" s="47" t="s">
        <v>5331</v>
      </c>
      <c r="X2505" s="47" t="s">
        <v>5331</v>
      </c>
      <c r="Y2505" s="47" t="s">
        <v>5331</v>
      </c>
      <c r="Z2505" s="28"/>
      <c r="AA2505" s="27"/>
      <c r="AB2505" s="27"/>
      <c r="AC2505" s="27"/>
      <c r="AD2505" s="30"/>
      <c r="AE2505" s="1"/>
      <c r="AF2505" s="23" t="s">
        <v>5331</v>
      </c>
      <c r="AG2505" s="26"/>
      <c r="AH2505" s="53"/>
    </row>
    <row r="2506" spans="1:34" ht="51.6" customHeight="1" x14ac:dyDescent="0.45">
      <c r="A2506" s="23">
        <v>2500</v>
      </c>
      <c r="B2506" s="25"/>
      <c r="C2506" s="25"/>
      <c r="D2506" s="29"/>
      <c r="E2506" s="1"/>
      <c r="F2506" s="1"/>
      <c r="G2506" s="25"/>
      <c r="H2506" s="71"/>
      <c r="I2506" s="83"/>
      <c r="J2506" s="50" t="str">
        <f t="shared" si="80"/>
        <v/>
      </c>
      <c r="K2506" s="23" t="s">
        <v>7120</v>
      </c>
      <c r="L2506" s="49" t="e">
        <f>VLOOKUP(E2506&amp;F2506,団体コード!$A$1:$C$1743,3,FALSE)</f>
        <v>#N/A</v>
      </c>
      <c r="M2506" s="49" t="e">
        <f>VLOOKUP(E2506&amp;F2506,団体コード!$A$1:$C$1743,2,FALSE)</f>
        <v>#N/A</v>
      </c>
      <c r="N2506" s="51" t="e">
        <f>VLOOKUP(E2506,団体コード!$E$1:$F$48,2,FALSE)</f>
        <v>#N/A</v>
      </c>
      <c r="O2506" s="51" t="e">
        <f t="shared" si="81"/>
        <v>#N/A</v>
      </c>
      <c r="P2506" s="51">
        <v>1</v>
      </c>
      <c r="Q2506" s="51" t="s">
        <v>5341</v>
      </c>
      <c r="R2506" s="54" t="b">
        <v>1</v>
      </c>
      <c r="S2506" s="52" t="s">
        <v>7126</v>
      </c>
      <c r="T2506" s="67" t="s">
        <v>7127</v>
      </c>
      <c r="U2506" s="75" t="s">
        <v>5331</v>
      </c>
      <c r="V2506" s="47" t="s">
        <v>5331</v>
      </c>
      <c r="W2506" s="47" t="s">
        <v>5331</v>
      </c>
      <c r="X2506" s="47" t="s">
        <v>5331</v>
      </c>
      <c r="Y2506" s="47" t="s">
        <v>5331</v>
      </c>
      <c r="Z2506" s="28"/>
      <c r="AA2506" s="27"/>
      <c r="AB2506" s="27"/>
      <c r="AC2506" s="27"/>
      <c r="AD2506" s="30"/>
      <c r="AE2506" s="1"/>
      <c r="AF2506" s="23" t="s">
        <v>5331</v>
      </c>
      <c r="AG2506" s="26"/>
      <c r="AH2506" s="53"/>
    </row>
    <row r="2507" spans="1:34" ht="51.6" customHeight="1" x14ac:dyDescent="0.45">
      <c r="A2507" s="23">
        <v>2501</v>
      </c>
      <c r="B2507" s="25"/>
      <c r="C2507" s="25"/>
      <c r="D2507" s="29"/>
      <c r="E2507" s="1"/>
      <c r="F2507" s="1"/>
      <c r="G2507" s="25"/>
      <c r="H2507" s="71"/>
      <c r="I2507" s="83"/>
      <c r="J2507" s="50" t="str">
        <f t="shared" si="80"/>
        <v/>
      </c>
      <c r="K2507" s="23" t="s">
        <v>7120</v>
      </c>
      <c r="L2507" s="49" t="e">
        <f>VLOOKUP(E2507&amp;F2507,団体コード!$A$1:$C$1743,3,FALSE)</f>
        <v>#N/A</v>
      </c>
      <c r="M2507" s="49" t="e">
        <f>VLOOKUP(E2507&amp;F2507,団体コード!$A$1:$C$1743,2,FALSE)</f>
        <v>#N/A</v>
      </c>
      <c r="N2507" s="51" t="e">
        <f>VLOOKUP(E2507,団体コード!$E$1:$F$48,2,FALSE)</f>
        <v>#N/A</v>
      </c>
      <c r="O2507" s="51" t="e">
        <f t="shared" si="81"/>
        <v>#N/A</v>
      </c>
      <c r="P2507" s="51">
        <v>1</v>
      </c>
      <c r="Q2507" s="51" t="s">
        <v>5341</v>
      </c>
      <c r="R2507" s="54" t="b">
        <v>1</v>
      </c>
      <c r="S2507" s="52" t="s">
        <v>7126</v>
      </c>
      <c r="T2507" s="67" t="s">
        <v>7127</v>
      </c>
      <c r="U2507" s="75" t="s">
        <v>5331</v>
      </c>
      <c r="V2507" s="47" t="s">
        <v>5331</v>
      </c>
      <c r="W2507" s="47" t="s">
        <v>5331</v>
      </c>
      <c r="X2507" s="47" t="s">
        <v>5331</v>
      </c>
      <c r="Y2507" s="47" t="s">
        <v>5331</v>
      </c>
      <c r="Z2507" s="28"/>
      <c r="AA2507" s="27"/>
      <c r="AB2507" s="27"/>
      <c r="AC2507" s="27"/>
      <c r="AD2507" s="30"/>
      <c r="AE2507" s="1"/>
      <c r="AF2507" s="23" t="s">
        <v>5331</v>
      </c>
      <c r="AG2507" s="26"/>
      <c r="AH2507" s="53"/>
    </row>
    <row r="2508" spans="1:34" ht="51.6" customHeight="1" x14ac:dyDescent="0.45">
      <c r="A2508" s="23">
        <v>2502</v>
      </c>
      <c r="B2508" s="25"/>
      <c r="C2508" s="25"/>
      <c r="D2508" s="29"/>
      <c r="E2508" s="1"/>
      <c r="F2508" s="1"/>
      <c r="G2508" s="25"/>
      <c r="H2508" s="71"/>
      <c r="I2508" s="83"/>
      <c r="J2508" s="50" t="str">
        <f t="shared" si="80"/>
        <v/>
      </c>
      <c r="K2508" s="23" t="s">
        <v>7120</v>
      </c>
      <c r="L2508" s="49" t="e">
        <f>VLOOKUP(E2508&amp;F2508,団体コード!$A$1:$C$1743,3,FALSE)</f>
        <v>#N/A</v>
      </c>
      <c r="M2508" s="49" t="e">
        <f>VLOOKUP(E2508&amp;F2508,団体コード!$A$1:$C$1743,2,FALSE)</f>
        <v>#N/A</v>
      </c>
      <c r="N2508" s="51" t="e">
        <f>VLOOKUP(E2508,団体コード!$E$1:$F$48,2,FALSE)</f>
        <v>#N/A</v>
      </c>
      <c r="O2508" s="51" t="e">
        <f t="shared" si="81"/>
        <v>#N/A</v>
      </c>
      <c r="P2508" s="51">
        <v>1</v>
      </c>
      <c r="Q2508" s="51" t="s">
        <v>5341</v>
      </c>
      <c r="R2508" s="54" t="b">
        <v>1</v>
      </c>
      <c r="S2508" s="52" t="s">
        <v>7126</v>
      </c>
      <c r="T2508" s="67" t="s">
        <v>7127</v>
      </c>
      <c r="U2508" s="75" t="s">
        <v>5331</v>
      </c>
      <c r="V2508" s="47" t="s">
        <v>5331</v>
      </c>
      <c r="W2508" s="47" t="s">
        <v>5331</v>
      </c>
      <c r="X2508" s="47" t="s">
        <v>5331</v>
      </c>
      <c r="Y2508" s="47" t="s">
        <v>5331</v>
      </c>
      <c r="Z2508" s="28"/>
      <c r="AA2508" s="27"/>
      <c r="AB2508" s="27"/>
      <c r="AC2508" s="27"/>
      <c r="AD2508" s="30"/>
      <c r="AE2508" s="1"/>
      <c r="AF2508" s="23" t="s">
        <v>5331</v>
      </c>
      <c r="AG2508" s="26"/>
      <c r="AH2508" s="53"/>
    </row>
    <row r="2509" spans="1:34" ht="51.6" customHeight="1" x14ac:dyDescent="0.45">
      <c r="A2509" s="23">
        <v>2503</v>
      </c>
      <c r="B2509" s="25"/>
      <c r="C2509" s="25"/>
      <c r="D2509" s="29"/>
      <c r="E2509" s="1"/>
      <c r="F2509" s="1"/>
      <c r="G2509" s="25"/>
      <c r="H2509" s="71"/>
      <c r="I2509" s="83"/>
      <c r="J2509" s="50" t="str">
        <f t="shared" si="80"/>
        <v/>
      </c>
      <c r="K2509" s="23" t="s">
        <v>7120</v>
      </c>
      <c r="L2509" s="49" t="e">
        <f>VLOOKUP(E2509&amp;F2509,団体コード!$A$1:$C$1743,3,FALSE)</f>
        <v>#N/A</v>
      </c>
      <c r="M2509" s="49" t="e">
        <f>VLOOKUP(E2509&amp;F2509,団体コード!$A$1:$C$1743,2,FALSE)</f>
        <v>#N/A</v>
      </c>
      <c r="N2509" s="51" t="e">
        <f>VLOOKUP(E2509,団体コード!$E$1:$F$48,2,FALSE)</f>
        <v>#N/A</v>
      </c>
      <c r="O2509" s="51" t="e">
        <f t="shared" si="81"/>
        <v>#N/A</v>
      </c>
      <c r="P2509" s="51">
        <v>1</v>
      </c>
      <c r="Q2509" s="51" t="s">
        <v>5341</v>
      </c>
      <c r="R2509" s="54" t="b">
        <v>1</v>
      </c>
      <c r="S2509" s="52" t="s">
        <v>7126</v>
      </c>
      <c r="T2509" s="67" t="s">
        <v>7127</v>
      </c>
      <c r="U2509" s="75" t="s">
        <v>5331</v>
      </c>
      <c r="V2509" s="47" t="s">
        <v>5331</v>
      </c>
      <c r="W2509" s="47" t="s">
        <v>5331</v>
      </c>
      <c r="X2509" s="47" t="s">
        <v>5331</v>
      </c>
      <c r="Y2509" s="47" t="s">
        <v>5331</v>
      </c>
      <c r="Z2509" s="28"/>
      <c r="AA2509" s="27"/>
      <c r="AB2509" s="27"/>
      <c r="AC2509" s="27"/>
      <c r="AD2509" s="30"/>
      <c r="AE2509" s="1"/>
      <c r="AF2509" s="23" t="s">
        <v>5331</v>
      </c>
      <c r="AG2509" s="26"/>
      <c r="AH2509" s="53"/>
    </row>
    <row r="2510" spans="1:34" ht="51.6" customHeight="1" x14ac:dyDescent="0.45">
      <c r="A2510" s="23">
        <v>2504</v>
      </c>
      <c r="B2510" s="25"/>
      <c r="C2510" s="25"/>
      <c r="D2510" s="29"/>
      <c r="E2510" s="1"/>
      <c r="F2510" s="1"/>
      <c r="G2510" s="25"/>
      <c r="H2510" s="71"/>
      <c r="I2510" s="83"/>
      <c r="J2510" s="50" t="str">
        <f t="shared" si="80"/>
        <v/>
      </c>
      <c r="K2510" s="23" t="s">
        <v>7120</v>
      </c>
      <c r="L2510" s="49" t="e">
        <f>VLOOKUP(E2510&amp;F2510,団体コード!$A$1:$C$1743,3,FALSE)</f>
        <v>#N/A</v>
      </c>
      <c r="M2510" s="49" t="e">
        <f>VLOOKUP(E2510&amp;F2510,団体コード!$A$1:$C$1743,2,FALSE)</f>
        <v>#N/A</v>
      </c>
      <c r="N2510" s="51" t="e">
        <f>VLOOKUP(E2510,団体コード!$E$1:$F$48,2,FALSE)</f>
        <v>#N/A</v>
      </c>
      <c r="O2510" s="51" t="e">
        <f t="shared" si="81"/>
        <v>#N/A</v>
      </c>
      <c r="P2510" s="51">
        <v>1</v>
      </c>
      <c r="Q2510" s="51" t="s">
        <v>5341</v>
      </c>
      <c r="R2510" s="54" t="b">
        <v>1</v>
      </c>
      <c r="S2510" s="52" t="s">
        <v>7126</v>
      </c>
      <c r="T2510" s="67" t="s">
        <v>7127</v>
      </c>
      <c r="U2510" s="75" t="s">
        <v>5331</v>
      </c>
      <c r="V2510" s="47" t="s">
        <v>5331</v>
      </c>
      <c r="W2510" s="47" t="s">
        <v>5331</v>
      </c>
      <c r="X2510" s="47" t="s">
        <v>5331</v>
      </c>
      <c r="Y2510" s="47" t="s">
        <v>5331</v>
      </c>
      <c r="Z2510" s="28"/>
      <c r="AA2510" s="27"/>
      <c r="AB2510" s="27"/>
      <c r="AC2510" s="27"/>
      <c r="AD2510" s="30"/>
      <c r="AE2510" s="1"/>
      <c r="AF2510" s="23" t="s">
        <v>5331</v>
      </c>
      <c r="AG2510" s="26"/>
      <c r="AH2510" s="53"/>
    </row>
    <row r="2511" spans="1:34" ht="51.6" customHeight="1" x14ac:dyDescent="0.45">
      <c r="A2511" s="23">
        <v>2505</v>
      </c>
      <c r="B2511" s="25"/>
      <c r="C2511" s="25"/>
      <c r="D2511" s="29"/>
      <c r="E2511" s="1"/>
      <c r="F2511" s="1"/>
      <c r="G2511" s="25"/>
      <c r="H2511" s="71"/>
      <c r="I2511" s="83"/>
      <c r="J2511" s="50" t="str">
        <f t="shared" si="80"/>
        <v/>
      </c>
      <c r="K2511" s="23" t="s">
        <v>7120</v>
      </c>
      <c r="L2511" s="49" t="e">
        <f>VLOOKUP(E2511&amp;F2511,団体コード!$A$1:$C$1743,3,FALSE)</f>
        <v>#N/A</v>
      </c>
      <c r="M2511" s="49" t="e">
        <f>VLOOKUP(E2511&amp;F2511,団体コード!$A$1:$C$1743,2,FALSE)</f>
        <v>#N/A</v>
      </c>
      <c r="N2511" s="51" t="e">
        <f>VLOOKUP(E2511,団体コード!$E$1:$F$48,2,FALSE)</f>
        <v>#N/A</v>
      </c>
      <c r="O2511" s="51" t="e">
        <f t="shared" si="81"/>
        <v>#N/A</v>
      </c>
      <c r="P2511" s="51">
        <v>1</v>
      </c>
      <c r="Q2511" s="51" t="s">
        <v>5341</v>
      </c>
      <c r="R2511" s="54" t="b">
        <v>1</v>
      </c>
      <c r="S2511" s="52" t="s">
        <v>7126</v>
      </c>
      <c r="T2511" s="67" t="s">
        <v>7127</v>
      </c>
      <c r="U2511" s="75" t="s">
        <v>5331</v>
      </c>
      <c r="V2511" s="47" t="s">
        <v>5331</v>
      </c>
      <c r="W2511" s="47" t="s">
        <v>5331</v>
      </c>
      <c r="X2511" s="47" t="s">
        <v>5331</v>
      </c>
      <c r="Y2511" s="47" t="s">
        <v>5331</v>
      </c>
      <c r="Z2511" s="28"/>
      <c r="AA2511" s="27"/>
      <c r="AB2511" s="27"/>
      <c r="AC2511" s="27"/>
      <c r="AD2511" s="30"/>
      <c r="AE2511" s="1"/>
      <c r="AF2511" s="23" t="s">
        <v>5331</v>
      </c>
      <c r="AG2511" s="26"/>
      <c r="AH2511" s="53"/>
    </row>
    <row r="2512" spans="1:34" ht="51.6" customHeight="1" x14ac:dyDescent="0.45">
      <c r="A2512" s="23">
        <v>2506</v>
      </c>
      <c r="B2512" s="25"/>
      <c r="C2512" s="25"/>
      <c r="D2512" s="29"/>
      <c r="E2512" s="1"/>
      <c r="F2512" s="1"/>
      <c r="G2512" s="25"/>
      <c r="H2512" s="71"/>
      <c r="I2512" s="83"/>
      <c r="J2512" s="50" t="str">
        <f t="shared" si="80"/>
        <v/>
      </c>
      <c r="K2512" s="23" t="s">
        <v>7120</v>
      </c>
      <c r="L2512" s="49" t="e">
        <f>VLOOKUP(E2512&amp;F2512,団体コード!$A$1:$C$1743,3,FALSE)</f>
        <v>#N/A</v>
      </c>
      <c r="M2512" s="49" t="e">
        <f>VLOOKUP(E2512&amp;F2512,団体コード!$A$1:$C$1743,2,FALSE)</f>
        <v>#N/A</v>
      </c>
      <c r="N2512" s="51" t="e">
        <f>VLOOKUP(E2512,団体コード!$E$1:$F$48,2,FALSE)</f>
        <v>#N/A</v>
      </c>
      <c r="O2512" s="51" t="e">
        <f t="shared" si="81"/>
        <v>#N/A</v>
      </c>
      <c r="P2512" s="51">
        <v>1</v>
      </c>
      <c r="Q2512" s="51" t="s">
        <v>5341</v>
      </c>
      <c r="R2512" s="54" t="b">
        <v>1</v>
      </c>
      <c r="S2512" s="52" t="s">
        <v>7126</v>
      </c>
      <c r="T2512" s="67" t="s">
        <v>7127</v>
      </c>
      <c r="U2512" s="75" t="s">
        <v>5331</v>
      </c>
      <c r="V2512" s="47" t="s">
        <v>5331</v>
      </c>
      <c r="W2512" s="47" t="s">
        <v>5331</v>
      </c>
      <c r="X2512" s="47" t="s">
        <v>5331</v>
      </c>
      <c r="Y2512" s="47" t="s">
        <v>5331</v>
      </c>
      <c r="Z2512" s="28"/>
      <c r="AA2512" s="27"/>
      <c r="AB2512" s="27"/>
      <c r="AC2512" s="27"/>
      <c r="AD2512" s="30"/>
      <c r="AE2512" s="1"/>
      <c r="AF2512" s="23" t="s">
        <v>5331</v>
      </c>
      <c r="AG2512" s="26"/>
      <c r="AH2512" s="53"/>
    </row>
    <row r="2513" spans="1:34" ht="51.6" customHeight="1" x14ac:dyDescent="0.45">
      <c r="A2513" s="23">
        <v>2507</v>
      </c>
      <c r="B2513" s="25"/>
      <c r="C2513" s="25"/>
      <c r="D2513" s="29"/>
      <c r="E2513" s="1"/>
      <c r="F2513" s="1"/>
      <c r="G2513" s="25"/>
      <c r="H2513" s="71"/>
      <c r="I2513" s="83"/>
      <c r="J2513" s="50" t="str">
        <f t="shared" si="80"/>
        <v/>
      </c>
      <c r="K2513" s="23" t="s">
        <v>7120</v>
      </c>
      <c r="L2513" s="49" t="e">
        <f>VLOOKUP(E2513&amp;F2513,団体コード!$A$1:$C$1743,3,FALSE)</f>
        <v>#N/A</v>
      </c>
      <c r="M2513" s="49" t="e">
        <f>VLOOKUP(E2513&amp;F2513,団体コード!$A$1:$C$1743,2,FALSE)</f>
        <v>#N/A</v>
      </c>
      <c r="N2513" s="51" t="e">
        <f>VLOOKUP(E2513,団体コード!$E$1:$F$48,2,FALSE)</f>
        <v>#N/A</v>
      </c>
      <c r="O2513" s="51" t="e">
        <f t="shared" si="81"/>
        <v>#N/A</v>
      </c>
      <c r="P2513" s="51">
        <v>1</v>
      </c>
      <c r="Q2513" s="51" t="s">
        <v>5341</v>
      </c>
      <c r="R2513" s="54" t="b">
        <v>1</v>
      </c>
      <c r="S2513" s="52" t="s">
        <v>7126</v>
      </c>
      <c r="T2513" s="67" t="s">
        <v>7127</v>
      </c>
      <c r="U2513" s="75" t="s">
        <v>5331</v>
      </c>
      <c r="V2513" s="47" t="s">
        <v>5331</v>
      </c>
      <c r="W2513" s="47" t="s">
        <v>5331</v>
      </c>
      <c r="X2513" s="47" t="s">
        <v>5331</v>
      </c>
      <c r="Y2513" s="47" t="s">
        <v>5331</v>
      </c>
      <c r="Z2513" s="28"/>
      <c r="AA2513" s="27"/>
      <c r="AB2513" s="27"/>
      <c r="AC2513" s="27"/>
      <c r="AD2513" s="30"/>
      <c r="AE2513" s="1"/>
      <c r="AF2513" s="23" t="s">
        <v>5331</v>
      </c>
      <c r="AG2513" s="26"/>
      <c r="AH2513" s="53"/>
    </row>
    <row r="2514" spans="1:34" ht="51.6" customHeight="1" x14ac:dyDescent="0.45">
      <c r="A2514" s="23">
        <v>2508</v>
      </c>
      <c r="B2514" s="25"/>
      <c r="C2514" s="25"/>
      <c r="D2514" s="29"/>
      <c r="E2514" s="1"/>
      <c r="F2514" s="1"/>
      <c r="G2514" s="25"/>
      <c r="H2514" s="71"/>
      <c r="I2514" s="83"/>
      <c r="J2514" s="50" t="str">
        <f t="shared" si="80"/>
        <v/>
      </c>
      <c r="K2514" s="23" t="s">
        <v>7120</v>
      </c>
      <c r="L2514" s="49" t="e">
        <f>VLOOKUP(E2514&amp;F2514,団体コード!$A$1:$C$1743,3,FALSE)</f>
        <v>#N/A</v>
      </c>
      <c r="M2514" s="49" t="e">
        <f>VLOOKUP(E2514&amp;F2514,団体コード!$A$1:$C$1743,2,FALSE)</f>
        <v>#N/A</v>
      </c>
      <c r="N2514" s="51" t="e">
        <f>VLOOKUP(E2514,団体コード!$E$1:$F$48,2,FALSE)</f>
        <v>#N/A</v>
      </c>
      <c r="O2514" s="51" t="e">
        <f t="shared" si="81"/>
        <v>#N/A</v>
      </c>
      <c r="P2514" s="51">
        <v>1</v>
      </c>
      <c r="Q2514" s="51" t="s">
        <v>5341</v>
      </c>
      <c r="R2514" s="54" t="b">
        <v>1</v>
      </c>
      <c r="S2514" s="52" t="s">
        <v>7126</v>
      </c>
      <c r="T2514" s="67" t="s">
        <v>7127</v>
      </c>
      <c r="U2514" s="75" t="s">
        <v>5331</v>
      </c>
      <c r="V2514" s="47" t="s">
        <v>5331</v>
      </c>
      <c r="W2514" s="47" t="s">
        <v>5331</v>
      </c>
      <c r="X2514" s="47" t="s">
        <v>5331</v>
      </c>
      <c r="Y2514" s="47" t="s">
        <v>5331</v>
      </c>
      <c r="Z2514" s="28"/>
      <c r="AA2514" s="27"/>
      <c r="AB2514" s="27"/>
      <c r="AC2514" s="27"/>
      <c r="AD2514" s="30"/>
      <c r="AE2514" s="1"/>
      <c r="AF2514" s="23" t="s">
        <v>5331</v>
      </c>
      <c r="AG2514" s="26"/>
      <c r="AH2514" s="53"/>
    </row>
    <row r="2515" spans="1:34" ht="51.6" customHeight="1" x14ac:dyDescent="0.45">
      <c r="A2515" s="23">
        <v>2509</v>
      </c>
      <c r="B2515" s="25"/>
      <c r="C2515" s="25"/>
      <c r="D2515" s="29"/>
      <c r="E2515" s="1"/>
      <c r="F2515" s="1"/>
      <c r="G2515" s="25"/>
      <c r="H2515" s="71"/>
      <c r="I2515" s="83"/>
      <c r="J2515" s="50" t="str">
        <f t="shared" si="80"/>
        <v/>
      </c>
      <c r="K2515" s="23" t="s">
        <v>7120</v>
      </c>
      <c r="L2515" s="49" t="e">
        <f>VLOOKUP(E2515&amp;F2515,団体コード!$A$1:$C$1743,3,FALSE)</f>
        <v>#N/A</v>
      </c>
      <c r="M2515" s="49" t="e">
        <f>VLOOKUP(E2515&amp;F2515,団体コード!$A$1:$C$1743,2,FALSE)</f>
        <v>#N/A</v>
      </c>
      <c r="N2515" s="51" t="e">
        <f>VLOOKUP(E2515,団体コード!$E$1:$F$48,2,FALSE)</f>
        <v>#N/A</v>
      </c>
      <c r="O2515" s="51" t="e">
        <f t="shared" si="81"/>
        <v>#N/A</v>
      </c>
      <c r="P2515" s="51">
        <v>1</v>
      </c>
      <c r="Q2515" s="51" t="s">
        <v>5341</v>
      </c>
      <c r="R2515" s="54" t="b">
        <v>1</v>
      </c>
      <c r="S2515" s="52" t="s">
        <v>7126</v>
      </c>
      <c r="T2515" s="67" t="s">
        <v>7127</v>
      </c>
      <c r="U2515" s="75" t="s">
        <v>5331</v>
      </c>
      <c r="V2515" s="47" t="s">
        <v>5331</v>
      </c>
      <c r="W2515" s="47" t="s">
        <v>5331</v>
      </c>
      <c r="X2515" s="47" t="s">
        <v>5331</v>
      </c>
      <c r="Y2515" s="47" t="s">
        <v>5331</v>
      </c>
      <c r="Z2515" s="28"/>
      <c r="AA2515" s="27"/>
      <c r="AB2515" s="27"/>
      <c r="AC2515" s="27"/>
      <c r="AD2515" s="30"/>
      <c r="AE2515" s="1"/>
      <c r="AF2515" s="23" t="s">
        <v>5331</v>
      </c>
      <c r="AG2515" s="26"/>
      <c r="AH2515" s="53"/>
    </row>
    <row r="2516" spans="1:34" ht="51.6" customHeight="1" x14ac:dyDescent="0.45">
      <c r="A2516" s="23">
        <v>2510</v>
      </c>
      <c r="B2516" s="25"/>
      <c r="C2516" s="25"/>
      <c r="D2516" s="29"/>
      <c r="E2516" s="1"/>
      <c r="F2516" s="1"/>
      <c r="G2516" s="25"/>
      <c r="H2516" s="71"/>
      <c r="I2516" s="83"/>
      <c r="J2516" s="50" t="str">
        <f t="shared" si="80"/>
        <v/>
      </c>
      <c r="K2516" s="23" t="s">
        <v>7120</v>
      </c>
      <c r="L2516" s="49" t="e">
        <f>VLOOKUP(E2516&amp;F2516,団体コード!$A$1:$C$1743,3,FALSE)</f>
        <v>#N/A</v>
      </c>
      <c r="M2516" s="49" t="e">
        <f>VLOOKUP(E2516&amp;F2516,団体コード!$A$1:$C$1743,2,FALSE)</f>
        <v>#N/A</v>
      </c>
      <c r="N2516" s="51" t="e">
        <f>VLOOKUP(E2516,団体コード!$E$1:$F$48,2,FALSE)</f>
        <v>#N/A</v>
      </c>
      <c r="O2516" s="51" t="e">
        <f t="shared" si="81"/>
        <v>#N/A</v>
      </c>
      <c r="P2516" s="51">
        <v>1</v>
      </c>
      <c r="Q2516" s="51" t="s">
        <v>5341</v>
      </c>
      <c r="R2516" s="54" t="b">
        <v>1</v>
      </c>
      <c r="S2516" s="52" t="s">
        <v>7126</v>
      </c>
      <c r="T2516" s="67" t="s">
        <v>7127</v>
      </c>
      <c r="U2516" s="75" t="s">
        <v>5331</v>
      </c>
      <c r="V2516" s="47" t="s">
        <v>5331</v>
      </c>
      <c r="W2516" s="47" t="s">
        <v>5331</v>
      </c>
      <c r="X2516" s="47" t="s">
        <v>5331</v>
      </c>
      <c r="Y2516" s="47" t="s">
        <v>5331</v>
      </c>
      <c r="Z2516" s="28"/>
      <c r="AA2516" s="27"/>
      <c r="AB2516" s="27"/>
      <c r="AC2516" s="27"/>
      <c r="AD2516" s="30"/>
      <c r="AE2516" s="1"/>
      <c r="AF2516" s="23" t="s">
        <v>5331</v>
      </c>
      <c r="AG2516" s="26"/>
      <c r="AH2516" s="53"/>
    </row>
    <row r="2517" spans="1:34" ht="51.6" customHeight="1" x14ac:dyDescent="0.45">
      <c r="A2517" s="23">
        <v>2511</v>
      </c>
      <c r="B2517" s="25"/>
      <c r="C2517" s="25"/>
      <c r="D2517" s="29"/>
      <c r="E2517" s="1"/>
      <c r="F2517" s="1"/>
      <c r="G2517" s="25"/>
      <c r="H2517" s="71"/>
      <c r="I2517" s="83"/>
      <c r="J2517" s="50" t="str">
        <f t="shared" si="80"/>
        <v/>
      </c>
      <c r="K2517" s="23" t="s">
        <v>7120</v>
      </c>
      <c r="L2517" s="49" t="e">
        <f>VLOOKUP(E2517&amp;F2517,団体コード!$A$1:$C$1743,3,FALSE)</f>
        <v>#N/A</v>
      </c>
      <c r="M2517" s="49" t="e">
        <f>VLOOKUP(E2517&amp;F2517,団体コード!$A$1:$C$1743,2,FALSE)</f>
        <v>#N/A</v>
      </c>
      <c r="N2517" s="51" t="e">
        <f>VLOOKUP(E2517,団体コード!$E$1:$F$48,2,FALSE)</f>
        <v>#N/A</v>
      </c>
      <c r="O2517" s="51" t="e">
        <f t="shared" si="81"/>
        <v>#N/A</v>
      </c>
      <c r="P2517" s="51">
        <v>1</v>
      </c>
      <c r="Q2517" s="51" t="s">
        <v>5341</v>
      </c>
      <c r="R2517" s="54" t="b">
        <v>1</v>
      </c>
      <c r="S2517" s="52" t="s">
        <v>7126</v>
      </c>
      <c r="T2517" s="67" t="s">
        <v>7127</v>
      </c>
      <c r="U2517" s="75" t="s">
        <v>5331</v>
      </c>
      <c r="V2517" s="47" t="s">
        <v>5331</v>
      </c>
      <c r="W2517" s="47" t="s">
        <v>5331</v>
      </c>
      <c r="X2517" s="47" t="s">
        <v>5331</v>
      </c>
      <c r="Y2517" s="47" t="s">
        <v>5331</v>
      </c>
      <c r="Z2517" s="28"/>
      <c r="AA2517" s="27"/>
      <c r="AB2517" s="27"/>
      <c r="AC2517" s="27"/>
      <c r="AD2517" s="30"/>
      <c r="AE2517" s="1"/>
      <c r="AF2517" s="23" t="s">
        <v>5331</v>
      </c>
      <c r="AG2517" s="26"/>
      <c r="AH2517" s="53"/>
    </row>
    <row r="2518" spans="1:34" ht="51.6" customHeight="1" x14ac:dyDescent="0.45">
      <c r="A2518" s="23">
        <v>2512</v>
      </c>
      <c r="B2518" s="25"/>
      <c r="C2518" s="25"/>
      <c r="D2518" s="29"/>
      <c r="E2518" s="1"/>
      <c r="F2518" s="1"/>
      <c r="G2518" s="25"/>
      <c r="H2518" s="71"/>
      <c r="I2518" s="83"/>
      <c r="J2518" s="50" t="str">
        <f t="shared" si="80"/>
        <v/>
      </c>
      <c r="K2518" s="23" t="s">
        <v>7120</v>
      </c>
      <c r="L2518" s="49" t="e">
        <f>VLOOKUP(E2518&amp;F2518,団体コード!$A$1:$C$1743,3,FALSE)</f>
        <v>#N/A</v>
      </c>
      <c r="M2518" s="49" t="e">
        <f>VLOOKUP(E2518&amp;F2518,団体コード!$A$1:$C$1743,2,FALSE)</f>
        <v>#N/A</v>
      </c>
      <c r="N2518" s="51" t="e">
        <f>VLOOKUP(E2518,団体コード!$E$1:$F$48,2,FALSE)</f>
        <v>#N/A</v>
      </c>
      <c r="O2518" s="51" t="e">
        <f t="shared" si="81"/>
        <v>#N/A</v>
      </c>
      <c r="P2518" s="51">
        <v>1</v>
      </c>
      <c r="Q2518" s="51" t="s">
        <v>5341</v>
      </c>
      <c r="R2518" s="54" t="b">
        <v>1</v>
      </c>
      <c r="S2518" s="52" t="s">
        <v>7126</v>
      </c>
      <c r="T2518" s="67" t="s">
        <v>7127</v>
      </c>
      <c r="U2518" s="75" t="s">
        <v>5331</v>
      </c>
      <c r="V2518" s="47" t="s">
        <v>5331</v>
      </c>
      <c r="W2518" s="47" t="s">
        <v>5331</v>
      </c>
      <c r="X2518" s="47" t="s">
        <v>5331</v>
      </c>
      <c r="Y2518" s="47" t="s">
        <v>5331</v>
      </c>
      <c r="Z2518" s="28"/>
      <c r="AA2518" s="27"/>
      <c r="AB2518" s="27"/>
      <c r="AC2518" s="27"/>
      <c r="AD2518" s="30"/>
      <c r="AE2518" s="1"/>
      <c r="AF2518" s="23" t="s">
        <v>5331</v>
      </c>
      <c r="AG2518" s="26"/>
      <c r="AH2518" s="53"/>
    </row>
    <row r="2519" spans="1:34" ht="51.6" customHeight="1" x14ac:dyDescent="0.45">
      <c r="A2519" s="23">
        <v>2513</v>
      </c>
      <c r="B2519" s="25"/>
      <c r="C2519" s="25"/>
      <c r="D2519" s="29"/>
      <c r="E2519" s="1"/>
      <c r="F2519" s="1"/>
      <c r="G2519" s="25"/>
      <c r="H2519" s="71"/>
      <c r="I2519" s="83"/>
      <c r="J2519" s="50" t="str">
        <f t="shared" si="80"/>
        <v/>
      </c>
      <c r="K2519" s="23" t="s">
        <v>7120</v>
      </c>
      <c r="L2519" s="49" t="e">
        <f>VLOOKUP(E2519&amp;F2519,団体コード!$A$1:$C$1743,3,FALSE)</f>
        <v>#N/A</v>
      </c>
      <c r="M2519" s="49" t="e">
        <f>VLOOKUP(E2519&amp;F2519,団体コード!$A$1:$C$1743,2,FALSE)</f>
        <v>#N/A</v>
      </c>
      <c r="N2519" s="51" t="e">
        <f>VLOOKUP(E2519,団体コード!$E$1:$F$48,2,FALSE)</f>
        <v>#N/A</v>
      </c>
      <c r="O2519" s="51" t="e">
        <f t="shared" si="81"/>
        <v>#N/A</v>
      </c>
      <c r="P2519" s="51">
        <v>1</v>
      </c>
      <c r="Q2519" s="51" t="s">
        <v>5341</v>
      </c>
      <c r="R2519" s="54" t="b">
        <v>1</v>
      </c>
      <c r="S2519" s="52" t="s">
        <v>7126</v>
      </c>
      <c r="T2519" s="67" t="s">
        <v>7127</v>
      </c>
      <c r="U2519" s="75" t="s">
        <v>5331</v>
      </c>
      <c r="V2519" s="47" t="s">
        <v>5331</v>
      </c>
      <c r="W2519" s="47" t="s">
        <v>5331</v>
      </c>
      <c r="X2519" s="47" t="s">
        <v>5331</v>
      </c>
      <c r="Y2519" s="47" t="s">
        <v>5331</v>
      </c>
      <c r="Z2519" s="28"/>
      <c r="AA2519" s="27"/>
      <c r="AB2519" s="27"/>
      <c r="AC2519" s="27"/>
      <c r="AD2519" s="30"/>
      <c r="AE2519" s="1"/>
      <c r="AF2519" s="23" t="s">
        <v>5331</v>
      </c>
      <c r="AG2519" s="26"/>
      <c r="AH2519" s="53"/>
    </row>
    <row r="2520" spans="1:34" ht="51.6" customHeight="1" x14ac:dyDescent="0.45">
      <c r="A2520" s="23">
        <v>2514</v>
      </c>
      <c r="B2520" s="25"/>
      <c r="C2520" s="25"/>
      <c r="D2520" s="29"/>
      <c r="E2520" s="1"/>
      <c r="F2520" s="1"/>
      <c r="G2520" s="25"/>
      <c r="H2520" s="71"/>
      <c r="I2520" s="83"/>
      <c r="J2520" s="50" t="str">
        <f t="shared" si="80"/>
        <v/>
      </c>
      <c r="K2520" s="23" t="s">
        <v>7120</v>
      </c>
      <c r="L2520" s="49" t="e">
        <f>VLOOKUP(E2520&amp;F2520,団体コード!$A$1:$C$1743,3,FALSE)</f>
        <v>#N/A</v>
      </c>
      <c r="M2520" s="49" t="e">
        <f>VLOOKUP(E2520&amp;F2520,団体コード!$A$1:$C$1743,2,FALSE)</f>
        <v>#N/A</v>
      </c>
      <c r="N2520" s="51" t="e">
        <f>VLOOKUP(E2520,団体コード!$E$1:$F$48,2,FALSE)</f>
        <v>#N/A</v>
      </c>
      <c r="O2520" s="51" t="e">
        <f t="shared" si="81"/>
        <v>#N/A</v>
      </c>
      <c r="P2520" s="51">
        <v>1</v>
      </c>
      <c r="Q2520" s="51" t="s">
        <v>5341</v>
      </c>
      <c r="R2520" s="54" t="b">
        <v>1</v>
      </c>
      <c r="S2520" s="52" t="s">
        <v>7126</v>
      </c>
      <c r="T2520" s="67" t="s">
        <v>7127</v>
      </c>
      <c r="U2520" s="75" t="s">
        <v>5331</v>
      </c>
      <c r="V2520" s="47" t="s">
        <v>5331</v>
      </c>
      <c r="W2520" s="47" t="s">
        <v>5331</v>
      </c>
      <c r="X2520" s="47" t="s">
        <v>5331</v>
      </c>
      <c r="Y2520" s="47" t="s">
        <v>5331</v>
      </c>
      <c r="Z2520" s="28"/>
      <c r="AA2520" s="27"/>
      <c r="AB2520" s="27"/>
      <c r="AC2520" s="27"/>
      <c r="AD2520" s="30"/>
      <c r="AE2520" s="1"/>
      <c r="AF2520" s="23" t="s">
        <v>5331</v>
      </c>
      <c r="AG2520" s="26"/>
      <c r="AH2520" s="53"/>
    </row>
    <row r="2521" spans="1:34" ht="51.6" customHeight="1" x14ac:dyDescent="0.45">
      <c r="A2521" s="23">
        <v>2515</v>
      </c>
      <c r="B2521" s="25"/>
      <c r="C2521" s="25"/>
      <c r="D2521" s="29"/>
      <c r="E2521" s="1"/>
      <c r="F2521" s="1"/>
      <c r="G2521" s="25"/>
      <c r="H2521" s="71"/>
      <c r="I2521" s="83"/>
      <c r="J2521" s="50" t="str">
        <f t="shared" si="80"/>
        <v/>
      </c>
      <c r="K2521" s="23" t="s">
        <v>7120</v>
      </c>
      <c r="L2521" s="49" t="e">
        <f>VLOOKUP(E2521&amp;F2521,団体コード!$A$1:$C$1743,3,FALSE)</f>
        <v>#N/A</v>
      </c>
      <c r="M2521" s="49" t="e">
        <f>VLOOKUP(E2521&amp;F2521,団体コード!$A$1:$C$1743,2,FALSE)</f>
        <v>#N/A</v>
      </c>
      <c r="N2521" s="51" t="e">
        <f>VLOOKUP(E2521,団体コード!$E$1:$F$48,2,FALSE)</f>
        <v>#N/A</v>
      </c>
      <c r="O2521" s="51" t="e">
        <f t="shared" si="81"/>
        <v>#N/A</v>
      </c>
      <c r="P2521" s="51">
        <v>1</v>
      </c>
      <c r="Q2521" s="51" t="s">
        <v>5341</v>
      </c>
      <c r="R2521" s="54" t="b">
        <v>1</v>
      </c>
      <c r="S2521" s="52" t="s">
        <v>7126</v>
      </c>
      <c r="T2521" s="67" t="s">
        <v>7127</v>
      </c>
      <c r="U2521" s="75" t="s">
        <v>5331</v>
      </c>
      <c r="V2521" s="47" t="s">
        <v>5331</v>
      </c>
      <c r="W2521" s="47" t="s">
        <v>5331</v>
      </c>
      <c r="X2521" s="47" t="s">
        <v>5331</v>
      </c>
      <c r="Y2521" s="47" t="s">
        <v>5331</v>
      </c>
      <c r="Z2521" s="28"/>
      <c r="AA2521" s="27"/>
      <c r="AB2521" s="27"/>
      <c r="AC2521" s="27"/>
      <c r="AD2521" s="30"/>
      <c r="AE2521" s="1"/>
      <c r="AF2521" s="23" t="s">
        <v>5331</v>
      </c>
      <c r="AG2521" s="26"/>
      <c r="AH2521" s="53"/>
    </row>
    <row r="2522" spans="1:34" ht="51.6" customHeight="1" x14ac:dyDescent="0.45">
      <c r="A2522" s="23">
        <v>2516</v>
      </c>
      <c r="B2522" s="25"/>
      <c r="C2522" s="25"/>
      <c r="D2522" s="29"/>
      <c r="E2522" s="1"/>
      <c r="F2522" s="1"/>
      <c r="G2522" s="25"/>
      <c r="H2522" s="71"/>
      <c r="I2522" s="83"/>
      <c r="J2522" s="50" t="str">
        <f t="shared" si="80"/>
        <v/>
      </c>
      <c r="K2522" s="23" t="s">
        <v>7120</v>
      </c>
      <c r="L2522" s="49" t="e">
        <f>VLOOKUP(E2522&amp;F2522,団体コード!$A$1:$C$1743,3,FALSE)</f>
        <v>#N/A</v>
      </c>
      <c r="M2522" s="49" t="e">
        <f>VLOOKUP(E2522&amp;F2522,団体コード!$A$1:$C$1743,2,FALSE)</f>
        <v>#N/A</v>
      </c>
      <c r="N2522" s="51" t="e">
        <f>VLOOKUP(E2522,団体コード!$E$1:$F$48,2,FALSE)</f>
        <v>#N/A</v>
      </c>
      <c r="O2522" s="51" t="e">
        <f t="shared" si="81"/>
        <v>#N/A</v>
      </c>
      <c r="P2522" s="51">
        <v>1</v>
      </c>
      <c r="Q2522" s="51" t="s">
        <v>5341</v>
      </c>
      <c r="R2522" s="54" t="b">
        <v>1</v>
      </c>
      <c r="S2522" s="52" t="s">
        <v>7126</v>
      </c>
      <c r="T2522" s="67" t="s">
        <v>7127</v>
      </c>
      <c r="U2522" s="75" t="s">
        <v>5331</v>
      </c>
      <c r="V2522" s="47" t="s">
        <v>5331</v>
      </c>
      <c r="W2522" s="47" t="s">
        <v>5331</v>
      </c>
      <c r="X2522" s="47" t="s">
        <v>5331</v>
      </c>
      <c r="Y2522" s="47" t="s">
        <v>5331</v>
      </c>
      <c r="Z2522" s="28"/>
      <c r="AA2522" s="27"/>
      <c r="AB2522" s="27"/>
      <c r="AC2522" s="27"/>
      <c r="AD2522" s="30"/>
      <c r="AE2522" s="1"/>
      <c r="AF2522" s="23" t="s">
        <v>5331</v>
      </c>
      <c r="AG2522" s="26"/>
      <c r="AH2522" s="53"/>
    </row>
    <row r="2523" spans="1:34" ht="51.6" customHeight="1" x14ac:dyDescent="0.45">
      <c r="A2523" s="23">
        <v>2517</v>
      </c>
      <c r="B2523" s="25"/>
      <c r="C2523" s="25"/>
      <c r="D2523" s="29"/>
      <c r="E2523" s="1"/>
      <c r="F2523" s="1"/>
      <c r="G2523" s="25"/>
      <c r="H2523" s="71"/>
      <c r="I2523" s="83"/>
      <c r="J2523" s="50" t="str">
        <f t="shared" si="80"/>
        <v/>
      </c>
      <c r="K2523" s="23" t="s">
        <v>7120</v>
      </c>
      <c r="L2523" s="49" t="e">
        <f>VLOOKUP(E2523&amp;F2523,団体コード!$A$1:$C$1743,3,FALSE)</f>
        <v>#N/A</v>
      </c>
      <c r="M2523" s="49" t="e">
        <f>VLOOKUP(E2523&amp;F2523,団体コード!$A$1:$C$1743,2,FALSE)</f>
        <v>#N/A</v>
      </c>
      <c r="N2523" s="51" t="e">
        <f>VLOOKUP(E2523,団体コード!$E$1:$F$48,2,FALSE)</f>
        <v>#N/A</v>
      </c>
      <c r="O2523" s="51" t="e">
        <f t="shared" si="81"/>
        <v>#N/A</v>
      </c>
      <c r="P2523" s="51">
        <v>1</v>
      </c>
      <c r="Q2523" s="51" t="s">
        <v>5341</v>
      </c>
      <c r="R2523" s="54" t="b">
        <v>1</v>
      </c>
      <c r="S2523" s="52" t="s">
        <v>7126</v>
      </c>
      <c r="T2523" s="67" t="s">
        <v>7127</v>
      </c>
      <c r="U2523" s="75" t="s">
        <v>5331</v>
      </c>
      <c r="V2523" s="47" t="s">
        <v>5331</v>
      </c>
      <c r="W2523" s="47" t="s">
        <v>5331</v>
      </c>
      <c r="X2523" s="47" t="s">
        <v>5331</v>
      </c>
      <c r="Y2523" s="47" t="s">
        <v>5331</v>
      </c>
      <c r="Z2523" s="28"/>
      <c r="AA2523" s="27"/>
      <c r="AB2523" s="27"/>
      <c r="AC2523" s="27"/>
      <c r="AD2523" s="30"/>
      <c r="AE2523" s="1"/>
      <c r="AF2523" s="23" t="s">
        <v>5331</v>
      </c>
      <c r="AG2523" s="26"/>
      <c r="AH2523" s="53"/>
    </row>
    <row r="2524" spans="1:34" ht="51.6" customHeight="1" x14ac:dyDescent="0.45">
      <c r="A2524" s="23">
        <v>2518</v>
      </c>
      <c r="B2524" s="25"/>
      <c r="C2524" s="25"/>
      <c r="D2524" s="29"/>
      <c r="E2524" s="1"/>
      <c r="F2524" s="1"/>
      <c r="G2524" s="25"/>
      <c r="H2524" s="71"/>
      <c r="I2524" s="83"/>
      <c r="J2524" s="50" t="str">
        <f t="shared" si="80"/>
        <v/>
      </c>
      <c r="K2524" s="23" t="s">
        <v>7120</v>
      </c>
      <c r="L2524" s="49" t="e">
        <f>VLOOKUP(E2524&amp;F2524,団体コード!$A$1:$C$1743,3,FALSE)</f>
        <v>#N/A</v>
      </c>
      <c r="M2524" s="49" t="e">
        <f>VLOOKUP(E2524&amp;F2524,団体コード!$A$1:$C$1743,2,FALSE)</f>
        <v>#N/A</v>
      </c>
      <c r="N2524" s="51" t="e">
        <f>VLOOKUP(E2524,団体コード!$E$1:$F$48,2,FALSE)</f>
        <v>#N/A</v>
      </c>
      <c r="O2524" s="51" t="e">
        <f t="shared" si="81"/>
        <v>#N/A</v>
      </c>
      <c r="P2524" s="51">
        <v>1</v>
      </c>
      <c r="Q2524" s="51" t="s">
        <v>5341</v>
      </c>
      <c r="R2524" s="54" t="b">
        <v>1</v>
      </c>
      <c r="S2524" s="52" t="s">
        <v>7126</v>
      </c>
      <c r="T2524" s="67" t="s">
        <v>7127</v>
      </c>
      <c r="U2524" s="75" t="s">
        <v>5331</v>
      </c>
      <c r="V2524" s="47" t="s">
        <v>5331</v>
      </c>
      <c r="W2524" s="47" t="s">
        <v>5331</v>
      </c>
      <c r="X2524" s="47" t="s">
        <v>5331</v>
      </c>
      <c r="Y2524" s="47" t="s">
        <v>5331</v>
      </c>
      <c r="Z2524" s="28"/>
      <c r="AA2524" s="27"/>
      <c r="AB2524" s="27"/>
      <c r="AC2524" s="27"/>
      <c r="AD2524" s="30"/>
      <c r="AE2524" s="1"/>
      <c r="AF2524" s="23" t="s">
        <v>5331</v>
      </c>
      <c r="AG2524" s="26"/>
      <c r="AH2524" s="53"/>
    </row>
    <row r="2525" spans="1:34" ht="51.6" customHeight="1" x14ac:dyDescent="0.45">
      <c r="A2525" s="23">
        <v>2519</v>
      </c>
      <c r="B2525" s="25"/>
      <c r="C2525" s="25"/>
      <c r="D2525" s="29"/>
      <c r="E2525" s="1"/>
      <c r="F2525" s="1"/>
      <c r="G2525" s="25"/>
      <c r="H2525" s="71"/>
      <c r="I2525" s="83"/>
      <c r="J2525" s="50" t="str">
        <f t="shared" si="80"/>
        <v/>
      </c>
      <c r="K2525" s="23" t="s">
        <v>7120</v>
      </c>
      <c r="L2525" s="49" t="e">
        <f>VLOOKUP(E2525&amp;F2525,団体コード!$A$1:$C$1743,3,FALSE)</f>
        <v>#N/A</v>
      </c>
      <c r="M2525" s="49" t="e">
        <f>VLOOKUP(E2525&amp;F2525,団体コード!$A$1:$C$1743,2,FALSE)</f>
        <v>#N/A</v>
      </c>
      <c r="N2525" s="51" t="e">
        <f>VLOOKUP(E2525,団体コード!$E$1:$F$48,2,FALSE)</f>
        <v>#N/A</v>
      </c>
      <c r="O2525" s="51" t="e">
        <f t="shared" si="81"/>
        <v>#N/A</v>
      </c>
      <c r="P2525" s="51">
        <v>1</v>
      </c>
      <c r="Q2525" s="51" t="s">
        <v>5341</v>
      </c>
      <c r="R2525" s="54" t="b">
        <v>1</v>
      </c>
      <c r="S2525" s="52" t="s">
        <v>7126</v>
      </c>
      <c r="T2525" s="67" t="s">
        <v>7127</v>
      </c>
      <c r="U2525" s="75" t="s">
        <v>5331</v>
      </c>
      <c r="V2525" s="47" t="s">
        <v>5331</v>
      </c>
      <c r="W2525" s="47" t="s">
        <v>5331</v>
      </c>
      <c r="X2525" s="47" t="s">
        <v>5331</v>
      </c>
      <c r="Y2525" s="47" t="s">
        <v>5331</v>
      </c>
      <c r="Z2525" s="28"/>
      <c r="AA2525" s="27"/>
      <c r="AB2525" s="27"/>
      <c r="AC2525" s="27"/>
      <c r="AD2525" s="30"/>
      <c r="AE2525" s="1"/>
      <c r="AF2525" s="23" t="s">
        <v>5331</v>
      </c>
      <c r="AG2525" s="26"/>
      <c r="AH2525" s="53"/>
    </row>
    <row r="2526" spans="1:34" ht="51.6" customHeight="1" x14ac:dyDescent="0.45">
      <c r="A2526" s="23">
        <v>2520</v>
      </c>
      <c r="B2526" s="25"/>
      <c r="C2526" s="25"/>
      <c r="D2526" s="29"/>
      <c r="E2526" s="1"/>
      <c r="F2526" s="1"/>
      <c r="G2526" s="25"/>
      <c r="H2526" s="71"/>
      <c r="I2526" s="83"/>
      <c r="J2526" s="50" t="str">
        <f t="shared" si="80"/>
        <v/>
      </c>
      <c r="K2526" s="23" t="s">
        <v>7120</v>
      </c>
      <c r="L2526" s="49" t="e">
        <f>VLOOKUP(E2526&amp;F2526,団体コード!$A$1:$C$1743,3,FALSE)</f>
        <v>#N/A</v>
      </c>
      <c r="M2526" s="49" t="e">
        <f>VLOOKUP(E2526&amp;F2526,団体コード!$A$1:$C$1743,2,FALSE)</f>
        <v>#N/A</v>
      </c>
      <c r="N2526" s="51" t="e">
        <f>VLOOKUP(E2526,団体コード!$E$1:$F$48,2,FALSE)</f>
        <v>#N/A</v>
      </c>
      <c r="O2526" s="51" t="e">
        <f t="shared" si="81"/>
        <v>#N/A</v>
      </c>
      <c r="P2526" s="51">
        <v>1</v>
      </c>
      <c r="Q2526" s="51" t="s">
        <v>5341</v>
      </c>
      <c r="R2526" s="54" t="b">
        <v>1</v>
      </c>
      <c r="S2526" s="52" t="s">
        <v>7126</v>
      </c>
      <c r="T2526" s="67" t="s">
        <v>7127</v>
      </c>
      <c r="U2526" s="75" t="s">
        <v>5331</v>
      </c>
      <c r="V2526" s="47" t="s">
        <v>5331</v>
      </c>
      <c r="W2526" s="47" t="s">
        <v>5331</v>
      </c>
      <c r="X2526" s="47" t="s">
        <v>5331</v>
      </c>
      <c r="Y2526" s="47" t="s">
        <v>5331</v>
      </c>
      <c r="Z2526" s="28"/>
      <c r="AA2526" s="27"/>
      <c r="AB2526" s="27"/>
      <c r="AC2526" s="27"/>
      <c r="AD2526" s="30"/>
      <c r="AE2526" s="1"/>
      <c r="AF2526" s="23" t="s">
        <v>5331</v>
      </c>
      <c r="AG2526" s="26"/>
      <c r="AH2526" s="53"/>
    </row>
    <row r="2527" spans="1:34" ht="51.6" customHeight="1" x14ac:dyDescent="0.45">
      <c r="A2527" s="23">
        <v>2521</v>
      </c>
      <c r="B2527" s="25"/>
      <c r="C2527" s="25"/>
      <c r="D2527" s="29"/>
      <c r="E2527" s="1"/>
      <c r="F2527" s="1"/>
      <c r="G2527" s="25"/>
      <c r="H2527" s="71"/>
      <c r="I2527" s="83"/>
      <c r="J2527" s="50" t="str">
        <f t="shared" si="80"/>
        <v/>
      </c>
      <c r="K2527" s="23" t="s">
        <v>7120</v>
      </c>
      <c r="L2527" s="49" t="e">
        <f>VLOOKUP(E2527&amp;F2527,団体コード!$A$1:$C$1743,3,FALSE)</f>
        <v>#N/A</v>
      </c>
      <c r="M2527" s="49" t="e">
        <f>VLOOKUP(E2527&amp;F2527,団体コード!$A$1:$C$1743,2,FALSE)</f>
        <v>#N/A</v>
      </c>
      <c r="N2527" s="51" t="e">
        <f>VLOOKUP(E2527,団体コード!$E$1:$F$48,2,FALSE)</f>
        <v>#N/A</v>
      </c>
      <c r="O2527" s="51" t="e">
        <f t="shared" si="81"/>
        <v>#N/A</v>
      </c>
      <c r="P2527" s="51">
        <v>1</v>
      </c>
      <c r="Q2527" s="51" t="s">
        <v>5341</v>
      </c>
      <c r="R2527" s="54" t="b">
        <v>1</v>
      </c>
      <c r="S2527" s="52" t="s">
        <v>7126</v>
      </c>
      <c r="T2527" s="67" t="s">
        <v>7127</v>
      </c>
      <c r="U2527" s="75" t="s">
        <v>5331</v>
      </c>
      <c r="V2527" s="47" t="s">
        <v>5331</v>
      </c>
      <c r="W2527" s="47" t="s">
        <v>5331</v>
      </c>
      <c r="X2527" s="47" t="s">
        <v>5331</v>
      </c>
      <c r="Y2527" s="47" t="s">
        <v>5331</v>
      </c>
      <c r="Z2527" s="28"/>
      <c r="AA2527" s="27"/>
      <c r="AB2527" s="27"/>
      <c r="AC2527" s="27"/>
      <c r="AD2527" s="30"/>
      <c r="AE2527" s="1"/>
      <c r="AF2527" s="23" t="s">
        <v>5331</v>
      </c>
      <c r="AG2527" s="26"/>
      <c r="AH2527" s="53"/>
    </row>
    <row r="2528" spans="1:34" ht="51.6" customHeight="1" x14ac:dyDescent="0.45">
      <c r="A2528" s="23">
        <v>2522</v>
      </c>
      <c r="B2528" s="25"/>
      <c r="C2528" s="25"/>
      <c r="D2528" s="29"/>
      <c r="E2528" s="1"/>
      <c r="F2528" s="1"/>
      <c r="G2528" s="25"/>
      <c r="H2528" s="71"/>
      <c r="I2528" s="83"/>
      <c r="J2528" s="50" t="str">
        <f t="shared" si="80"/>
        <v/>
      </c>
      <c r="K2528" s="23" t="s">
        <v>7120</v>
      </c>
      <c r="L2528" s="49" t="e">
        <f>VLOOKUP(E2528&amp;F2528,団体コード!$A$1:$C$1743,3,FALSE)</f>
        <v>#N/A</v>
      </c>
      <c r="M2528" s="49" t="e">
        <f>VLOOKUP(E2528&amp;F2528,団体コード!$A$1:$C$1743,2,FALSE)</f>
        <v>#N/A</v>
      </c>
      <c r="N2528" s="51" t="e">
        <f>VLOOKUP(E2528,団体コード!$E$1:$F$48,2,FALSE)</f>
        <v>#N/A</v>
      </c>
      <c r="O2528" s="51" t="e">
        <f t="shared" si="81"/>
        <v>#N/A</v>
      </c>
      <c r="P2528" s="51">
        <v>1</v>
      </c>
      <c r="Q2528" s="51" t="s">
        <v>5341</v>
      </c>
      <c r="R2528" s="54" t="b">
        <v>1</v>
      </c>
      <c r="S2528" s="52" t="s">
        <v>7126</v>
      </c>
      <c r="T2528" s="67" t="s">
        <v>7127</v>
      </c>
      <c r="U2528" s="75" t="s">
        <v>5331</v>
      </c>
      <c r="V2528" s="47" t="s">
        <v>5331</v>
      </c>
      <c r="W2528" s="47" t="s">
        <v>5331</v>
      </c>
      <c r="X2528" s="47" t="s">
        <v>5331</v>
      </c>
      <c r="Y2528" s="47" t="s">
        <v>5331</v>
      </c>
      <c r="Z2528" s="28"/>
      <c r="AA2528" s="27"/>
      <c r="AB2528" s="27"/>
      <c r="AC2528" s="27"/>
      <c r="AD2528" s="30"/>
      <c r="AE2528" s="1"/>
      <c r="AF2528" s="23" t="s">
        <v>5331</v>
      </c>
      <c r="AG2528" s="26"/>
      <c r="AH2528" s="53"/>
    </row>
    <row r="2529" spans="1:34" ht="51.6" customHeight="1" x14ac:dyDescent="0.45">
      <c r="A2529" s="23">
        <v>2523</v>
      </c>
      <c r="B2529" s="25"/>
      <c r="C2529" s="25"/>
      <c r="D2529" s="29"/>
      <c r="E2529" s="1"/>
      <c r="F2529" s="1"/>
      <c r="G2529" s="25"/>
      <c r="H2529" s="71"/>
      <c r="I2529" s="83"/>
      <c r="J2529" s="50" t="str">
        <f t="shared" si="80"/>
        <v/>
      </c>
      <c r="K2529" s="23" t="s">
        <v>7120</v>
      </c>
      <c r="L2529" s="49" t="e">
        <f>VLOOKUP(E2529&amp;F2529,団体コード!$A$1:$C$1743,3,FALSE)</f>
        <v>#N/A</v>
      </c>
      <c r="M2529" s="49" t="e">
        <f>VLOOKUP(E2529&amp;F2529,団体コード!$A$1:$C$1743,2,FALSE)</f>
        <v>#N/A</v>
      </c>
      <c r="N2529" s="51" t="e">
        <f>VLOOKUP(E2529,団体コード!$E$1:$F$48,2,FALSE)</f>
        <v>#N/A</v>
      </c>
      <c r="O2529" s="51" t="e">
        <f t="shared" si="81"/>
        <v>#N/A</v>
      </c>
      <c r="P2529" s="51">
        <v>1</v>
      </c>
      <c r="Q2529" s="51" t="s">
        <v>5341</v>
      </c>
      <c r="R2529" s="54" t="b">
        <v>1</v>
      </c>
      <c r="S2529" s="52" t="s">
        <v>7126</v>
      </c>
      <c r="T2529" s="67" t="s">
        <v>7127</v>
      </c>
      <c r="U2529" s="75" t="s">
        <v>5331</v>
      </c>
      <c r="V2529" s="47" t="s">
        <v>5331</v>
      </c>
      <c r="W2529" s="47" t="s">
        <v>5331</v>
      </c>
      <c r="X2529" s="47" t="s">
        <v>5331</v>
      </c>
      <c r="Y2529" s="47" t="s">
        <v>5331</v>
      </c>
      <c r="Z2529" s="28"/>
      <c r="AA2529" s="27"/>
      <c r="AB2529" s="27"/>
      <c r="AC2529" s="27"/>
      <c r="AD2529" s="30"/>
      <c r="AE2529" s="1"/>
      <c r="AF2529" s="23" t="s">
        <v>5331</v>
      </c>
      <c r="AG2529" s="26"/>
      <c r="AH2529" s="53"/>
    </row>
    <row r="2530" spans="1:34" ht="51.6" customHeight="1" x14ac:dyDescent="0.45">
      <c r="A2530" s="23">
        <v>2524</v>
      </c>
      <c r="B2530" s="25"/>
      <c r="C2530" s="25"/>
      <c r="D2530" s="29"/>
      <c r="E2530" s="1"/>
      <c r="F2530" s="1"/>
      <c r="G2530" s="25"/>
      <c r="H2530" s="71"/>
      <c r="I2530" s="83"/>
      <c r="J2530" s="50" t="str">
        <f t="shared" si="80"/>
        <v/>
      </c>
      <c r="K2530" s="23" t="s">
        <v>7120</v>
      </c>
      <c r="L2530" s="49" t="e">
        <f>VLOOKUP(E2530&amp;F2530,団体コード!$A$1:$C$1743,3,FALSE)</f>
        <v>#N/A</v>
      </c>
      <c r="M2530" s="49" t="e">
        <f>VLOOKUP(E2530&amp;F2530,団体コード!$A$1:$C$1743,2,FALSE)</f>
        <v>#N/A</v>
      </c>
      <c r="N2530" s="51" t="e">
        <f>VLOOKUP(E2530,団体コード!$E$1:$F$48,2,FALSE)</f>
        <v>#N/A</v>
      </c>
      <c r="O2530" s="51" t="e">
        <f t="shared" si="81"/>
        <v>#N/A</v>
      </c>
      <c r="P2530" s="51">
        <v>1</v>
      </c>
      <c r="Q2530" s="51" t="s">
        <v>5341</v>
      </c>
      <c r="R2530" s="54" t="b">
        <v>1</v>
      </c>
      <c r="S2530" s="52" t="s">
        <v>7126</v>
      </c>
      <c r="T2530" s="67" t="s">
        <v>7127</v>
      </c>
      <c r="U2530" s="75" t="s">
        <v>5331</v>
      </c>
      <c r="V2530" s="47" t="s">
        <v>5331</v>
      </c>
      <c r="W2530" s="47" t="s">
        <v>5331</v>
      </c>
      <c r="X2530" s="47" t="s">
        <v>5331</v>
      </c>
      <c r="Y2530" s="47" t="s">
        <v>5331</v>
      </c>
      <c r="Z2530" s="28"/>
      <c r="AA2530" s="27"/>
      <c r="AB2530" s="27"/>
      <c r="AC2530" s="27"/>
      <c r="AD2530" s="30"/>
      <c r="AE2530" s="1"/>
      <c r="AF2530" s="23" t="s">
        <v>5331</v>
      </c>
      <c r="AG2530" s="26"/>
      <c r="AH2530" s="53"/>
    </row>
    <row r="2531" spans="1:34" ht="51.6" customHeight="1" x14ac:dyDescent="0.45">
      <c r="A2531" s="23">
        <v>2525</v>
      </c>
      <c r="B2531" s="25"/>
      <c r="C2531" s="25"/>
      <c r="D2531" s="29"/>
      <c r="E2531" s="1"/>
      <c r="F2531" s="1"/>
      <c r="G2531" s="25"/>
      <c r="H2531" s="71"/>
      <c r="I2531" s="83"/>
      <c r="J2531" s="50" t="str">
        <f t="shared" si="80"/>
        <v/>
      </c>
      <c r="K2531" s="23" t="s">
        <v>7120</v>
      </c>
      <c r="L2531" s="49" t="e">
        <f>VLOOKUP(E2531&amp;F2531,団体コード!$A$1:$C$1743,3,FALSE)</f>
        <v>#N/A</v>
      </c>
      <c r="M2531" s="49" t="e">
        <f>VLOOKUP(E2531&amp;F2531,団体コード!$A$1:$C$1743,2,FALSE)</f>
        <v>#N/A</v>
      </c>
      <c r="N2531" s="51" t="e">
        <f>VLOOKUP(E2531,団体コード!$E$1:$F$48,2,FALSE)</f>
        <v>#N/A</v>
      </c>
      <c r="O2531" s="51" t="e">
        <f t="shared" si="81"/>
        <v>#N/A</v>
      </c>
      <c r="P2531" s="51">
        <v>1</v>
      </c>
      <c r="Q2531" s="51" t="s">
        <v>5341</v>
      </c>
      <c r="R2531" s="54" t="b">
        <v>1</v>
      </c>
      <c r="S2531" s="52" t="s">
        <v>7126</v>
      </c>
      <c r="T2531" s="67" t="s">
        <v>7127</v>
      </c>
      <c r="U2531" s="75" t="s">
        <v>5331</v>
      </c>
      <c r="V2531" s="47" t="s">
        <v>5331</v>
      </c>
      <c r="W2531" s="47" t="s">
        <v>5331</v>
      </c>
      <c r="X2531" s="47" t="s">
        <v>5331</v>
      </c>
      <c r="Y2531" s="47" t="s">
        <v>5331</v>
      </c>
      <c r="Z2531" s="28"/>
      <c r="AA2531" s="27"/>
      <c r="AB2531" s="27"/>
      <c r="AC2531" s="27"/>
      <c r="AD2531" s="30"/>
      <c r="AE2531" s="1"/>
      <c r="AF2531" s="23" t="s">
        <v>5331</v>
      </c>
      <c r="AG2531" s="26"/>
      <c r="AH2531" s="53"/>
    </row>
    <row r="2532" spans="1:34" ht="51.6" customHeight="1" x14ac:dyDescent="0.45">
      <c r="A2532" s="23">
        <v>2526</v>
      </c>
      <c r="B2532" s="25"/>
      <c r="C2532" s="25"/>
      <c r="D2532" s="29"/>
      <c r="E2532" s="1"/>
      <c r="F2532" s="1"/>
      <c r="G2532" s="25"/>
      <c r="H2532" s="71"/>
      <c r="I2532" s="83"/>
      <c r="J2532" s="50" t="str">
        <f t="shared" si="80"/>
        <v/>
      </c>
      <c r="K2532" s="23" t="s">
        <v>7120</v>
      </c>
      <c r="L2532" s="49" t="e">
        <f>VLOOKUP(E2532&amp;F2532,団体コード!$A$1:$C$1743,3,FALSE)</f>
        <v>#N/A</v>
      </c>
      <c r="M2532" s="49" t="e">
        <f>VLOOKUP(E2532&amp;F2532,団体コード!$A$1:$C$1743,2,FALSE)</f>
        <v>#N/A</v>
      </c>
      <c r="N2532" s="51" t="e">
        <f>VLOOKUP(E2532,団体コード!$E$1:$F$48,2,FALSE)</f>
        <v>#N/A</v>
      </c>
      <c r="O2532" s="51" t="e">
        <f t="shared" si="81"/>
        <v>#N/A</v>
      </c>
      <c r="P2532" s="51">
        <v>1</v>
      </c>
      <c r="Q2532" s="51" t="s">
        <v>5341</v>
      </c>
      <c r="R2532" s="54" t="b">
        <v>1</v>
      </c>
      <c r="S2532" s="52" t="s">
        <v>7126</v>
      </c>
      <c r="T2532" s="67" t="s">
        <v>7127</v>
      </c>
      <c r="U2532" s="75" t="s">
        <v>5331</v>
      </c>
      <c r="V2532" s="47" t="s">
        <v>5331</v>
      </c>
      <c r="W2532" s="47" t="s">
        <v>5331</v>
      </c>
      <c r="X2532" s="47" t="s">
        <v>5331</v>
      </c>
      <c r="Y2532" s="47" t="s">
        <v>5331</v>
      </c>
      <c r="Z2532" s="28"/>
      <c r="AA2532" s="27"/>
      <c r="AB2532" s="27"/>
      <c r="AC2532" s="27"/>
      <c r="AD2532" s="30"/>
      <c r="AE2532" s="1"/>
      <c r="AF2532" s="23" t="s">
        <v>5331</v>
      </c>
      <c r="AG2532" s="26"/>
      <c r="AH2532" s="53"/>
    </row>
    <row r="2533" spans="1:34" ht="51.6" customHeight="1" x14ac:dyDescent="0.45">
      <c r="A2533" s="23">
        <v>2527</v>
      </c>
      <c r="B2533" s="25"/>
      <c r="C2533" s="25"/>
      <c r="D2533" s="29"/>
      <c r="E2533" s="1"/>
      <c r="F2533" s="1"/>
      <c r="G2533" s="25"/>
      <c r="H2533" s="71"/>
      <c r="I2533" s="83"/>
      <c r="J2533" s="50" t="str">
        <f t="shared" si="80"/>
        <v/>
      </c>
      <c r="K2533" s="23" t="s">
        <v>7120</v>
      </c>
      <c r="L2533" s="49" t="e">
        <f>VLOOKUP(E2533&amp;F2533,団体コード!$A$1:$C$1743,3,FALSE)</f>
        <v>#N/A</v>
      </c>
      <c r="M2533" s="49" t="e">
        <f>VLOOKUP(E2533&amp;F2533,団体コード!$A$1:$C$1743,2,FALSE)</f>
        <v>#N/A</v>
      </c>
      <c r="N2533" s="51" t="e">
        <f>VLOOKUP(E2533,団体コード!$E$1:$F$48,2,FALSE)</f>
        <v>#N/A</v>
      </c>
      <c r="O2533" s="51" t="e">
        <f t="shared" si="81"/>
        <v>#N/A</v>
      </c>
      <c r="P2533" s="51">
        <v>1</v>
      </c>
      <c r="Q2533" s="51" t="s">
        <v>5341</v>
      </c>
      <c r="R2533" s="54" t="b">
        <v>1</v>
      </c>
      <c r="S2533" s="52" t="s">
        <v>7126</v>
      </c>
      <c r="T2533" s="67" t="s">
        <v>7127</v>
      </c>
      <c r="U2533" s="75" t="s">
        <v>5331</v>
      </c>
      <c r="V2533" s="47" t="s">
        <v>5331</v>
      </c>
      <c r="W2533" s="47" t="s">
        <v>5331</v>
      </c>
      <c r="X2533" s="47" t="s">
        <v>5331</v>
      </c>
      <c r="Y2533" s="47" t="s">
        <v>5331</v>
      </c>
      <c r="Z2533" s="28"/>
      <c r="AA2533" s="27"/>
      <c r="AB2533" s="27"/>
      <c r="AC2533" s="27"/>
      <c r="AD2533" s="30"/>
      <c r="AE2533" s="1"/>
      <c r="AF2533" s="23" t="s">
        <v>5331</v>
      </c>
      <c r="AG2533" s="26"/>
      <c r="AH2533" s="53"/>
    </row>
    <row r="2534" spans="1:34" ht="51.6" customHeight="1" x14ac:dyDescent="0.45">
      <c r="A2534" s="23">
        <v>2528</v>
      </c>
      <c r="B2534" s="25"/>
      <c r="C2534" s="25"/>
      <c r="D2534" s="29"/>
      <c r="E2534" s="1"/>
      <c r="F2534" s="1"/>
      <c r="G2534" s="25"/>
      <c r="H2534" s="71"/>
      <c r="I2534" s="83"/>
      <c r="J2534" s="50" t="str">
        <f t="shared" si="80"/>
        <v/>
      </c>
      <c r="K2534" s="23" t="s">
        <v>7120</v>
      </c>
      <c r="L2534" s="49" t="e">
        <f>VLOOKUP(E2534&amp;F2534,団体コード!$A$1:$C$1743,3,FALSE)</f>
        <v>#N/A</v>
      </c>
      <c r="M2534" s="49" t="e">
        <f>VLOOKUP(E2534&amp;F2534,団体コード!$A$1:$C$1743,2,FALSE)</f>
        <v>#N/A</v>
      </c>
      <c r="N2534" s="51" t="e">
        <f>VLOOKUP(E2534,団体コード!$E$1:$F$48,2,FALSE)</f>
        <v>#N/A</v>
      </c>
      <c r="O2534" s="51" t="e">
        <f t="shared" si="81"/>
        <v>#N/A</v>
      </c>
      <c r="P2534" s="51">
        <v>1</v>
      </c>
      <c r="Q2534" s="51" t="s">
        <v>5341</v>
      </c>
      <c r="R2534" s="54" t="b">
        <v>1</v>
      </c>
      <c r="S2534" s="52" t="s">
        <v>7126</v>
      </c>
      <c r="T2534" s="67" t="s">
        <v>7127</v>
      </c>
      <c r="U2534" s="75" t="s">
        <v>5331</v>
      </c>
      <c r="V2534" s="47" t="s">
        <v>5331</v>
      </c>
      <c r="W2534" s="47" t="s">
        <v>5331</v>
      </c>
      <c r="X2534" s="47" t="s">
        <v>5331</v>
      </c>
      <c r="Y2534" s="47" t="s">
        <v>5331</v>
      </c>
      <c r="Z2534" s="28"/>
      <c r="AA2534" s="27"/>
      <c r="AB2534" s="27"/>
      <c r="AC2534" s="27"/>
      <c r="AD2534" s="30"/>
      <c r="AE2534" s="1"/>
      <c r="AF2534" s="23" t="s">
        <v>5331</v>
      </c>
      <c r="AG2534" s="26"/>
      <c r="AH2534" s="53"/>
    </row>
    <row r="2535" spans="1:34" ht="51.6" customHeight="1" x14ac:dyDescent="0.45">
      <c r="A2535" s="23">
        <v>2529</v>
      </c>
      <c r="B2535" s="25"/>
      <c r="C2535" s="25"/>
      <c r="D2535" s="29"/>
      <c r="E2535" s="1"/>
      <c r="F2535" s="1"/>
      <c r="G2535" s="25"/>
      <c r="H2535" s="71"/>
      <c r="I2535" s="83"/>
      <c r="J2535" s="50" t="str">
        <f t="shared" si="80"/>
        <v/>
      </c>
      <c r="K2535" s="23" t="s">
        <v>7120</v>
      </c>
      <c r="L2535" s="49" t="e">
        <f>VLOOKUP(E2535&amp;F2535,団体コード!$A$1:$C$1743,3,FALSE)</f>
        <v>#N/A</v>
      </c>
      <c r="M2535" s="49" t="e">
        <f>VLOOKUP(E2535&amp;F2535,団体コード!$A$1:$C$1743,2,FALSE)</f>
        <v>#N/A</v>
      </c>
      <c r="N2535" s="51" t="e">
        <f>VLOOKUP(E2535,団体コード!$E$1:$F$48,2,FALSE)</f>
        <v>#N/A</v>
      </c>
      <c r="O2535" s="51" t="e">
        <f t="shared" si="81"/>
        <v>#N/A</v>
      </c>
      <c r="P2535" s="51">
        <v>1</v>
      </c>
      <c r="Q2535" s="51" t="s">
        <v>5341</v>
      </c>
      <c r="R2535" s="54" t="b">
        <v>1</v>
      </c>
      <c r="S2535" s="52" t="s">
        <v>7126</v>
      </c>
      <c r="T2535" s="67" t="s">
        <v>7127</v>
      </c>
      <c r="U2535" s="75" t="s">
        <v>5331</v>
      </c>
      <c r="V2535" s="47" t="s">
        <v>5331</v>
      </c>
      <c r="W2535" s="47" t="s">
        <v>5331</v>
      </c>
      <c r="X2535" s="47" t="s">
        <v>5331</v>
      </c>
      <c r="Y2535" s="47" t="s">
        <v>5331</v>
      </c>
      <c r="Z2535" s="28"/>
      <c r="AA2535" s="27"/>
      <c r="AB2535" s="27"/>
      <c r="AC2535" s="27"/>
      <c r="AD2535" s="30"/>
      <c r="AE2535" s="1"/>
      <c r="AF2535" s="23" t="s">
        <v>5331</v>
      </c>
      <c r="AG2535" s="26"/>
      <c r="AH2535" s="53"/>
    </row>
    <row r="2536" spans="1:34" ht="51.6" customHeight="1" x14ac:dyDescent="0.45">
      <c r="A2536" s="23">
        <v>2530</v>
      </c>
      <c r="B2536" s="25"/>
      <c r="C2536" s="25"/>
      <c r="D2536" s="29"/>
      <c r="E2536" s="1"/>
      <c r="F2536" s="1"/>
      <c r="G2536" s="25"/>
      <c r="H2536" s="71"/>
      <c r="I2536" s="83"/>
      <c r="J2536" s="50" t="str">
        <f t="shared" si="80"/>
        <v/>
      </c>
      <c r="K2536" s="23" t="s">
        <v>7120</v>
      </c>
      <c r="L2536" s="49" t="e">
        <f>VLOOKUP(E2536&amp;F2536,団体コード!$A$1:$C$1743,3,FALSE)</f>
        <v>#N/A</v>
      </c>
      <c r="M2536" s="49" t="e">
        <f>VLOOKUP(E2536&amp;F2536,団体コード!$A$1:$C$1743,2,FALSE)</f>
        <v>#N/A</v>
      </c>
      <c r="N2536" s="51" t="e">
        <f>VLOOKUP(E2536,団体コード!$E$1:$F$48,2,FALSE)</f>
        <v>#N/A</v>
      </c>
      <c r="O2536" s="51" t="e">
        <f t="shared" si="81"/>
        <v>#N/A</v>
      </c>
      <c r="P2536" s="51">
        <v>1</v>
      </c>
      <c r="Q2536" s="51" t="s">
        <v>5341</v>
      </c>
      <c r="R2536" s="54" t="b">
        <v>1</v>
      </c>
      <c r="S2536" s="52" t="s">
        <v>7126</v>
      </c>
      <c r="T2536" s="67" t="s">
        <v>7127</v>
      </c>
      <c r="U2536" s="75" t="s">
        <v>5331</v>
      </c>
      <c r="V2536" s="47" t="s">
        <v>5331</v>
      </c>
      <c r="W2536" s="47" t="s">
        <v>5331</v>
      </c>
      <c r="X2536" s="47" t="s">
        <v>5331</v>
      </c>
      <c r="Y2536" s="47" t="s">
        <v>5331</v>
      </c>
      <c r="Z2536" s="28"/>
      <c r="AA2536" s="27"/>
      <c r="AB2536" s="27"/>
      <c r="AC2536" s="27"/>
      <c r="AD2536" s="30"/>
      <c r="AE2536" s="1"/>
      <c r="AF2536" s="23" t="s">
        <v>5331</v>
      </c>
      <c r="AG2536" s="26"/>
      <c r="AH2536" s="53"/>
    </row>
    <row r="2537" spans="1:34" ht="51.6" customHeight="1" x14ac:dyDescent="0.45">
      <c r="A2537" s="23">
        <v>2531</v>
      </c>
      <c r="B2537" s="25"/>
      <c r="C2537" s="25"/>
      <c r="D2537" s="29"/>
      <c r="E2537" s="1"/>
      <c r="F2537" s="1"/>
      <c r="G2537" s="25"/>
      <c r="H2537" s="71"/>
      <c r="I2537" s="83"/>
      <c r="J2537" s="50" t="str">
        <f t="shared" si="80"/>
        <v/>
      </c>
      <c r="K2537" s="23" t="s">
        <v>7120</v>
      </c>
      <c r="L2537" s="49" t="e">
        <f>VLOOKUP(E2537&amp;F2537,団体コード!$A$1:$C$1743,3,FALSE)</f>
        <v>#N/A</v>
      </c>
      <c r="M2537" s="49" t="e">
        <f>VLOOKUP(E2537&amp;F2537,団体コード!$A$1:$C$1743,2,FALSE)</f>
        <v>#N/A</v>
      </c>
      <c r="N2537" s="51" t="e">
        <f>VLOOKUP(E2537,団体コード!$E$1:$F$48,2,FALSE)</f>
        <v>#N/A</v>
      </c>
      <c r="O2537" s="51" t="e">
        <f t="shared" si="81"/>
        <v>#N/A</v>
      </c>
      <c r="P2537" s="51">
        <v>1</v>
      </c>
      <c r="Q2537" s="51" t="s">
        <v>5341</v>
      </c>
      <c r="R2537" s="54" t="b">
        <v>1</v>
      </c>
      <c r="S2537" s="52" t="s">
        <v>7126</v>
      </c>
      <c r="T2537" s="67" t="s">
        <v>7127</v>
      </c>
      <c r="U2537" s="75" t="s">
        <v>5331</v>
      </c>
      <c r="V2537" s="47" t="s">
        <v>5331</v>
      </c>
      <c r="W2537" s="47" t="s">
        <v>5331</v>
      </c>
      <c r="X2537" s="47" t="s">
        <v>5331</v>
      </c>
      <c r="Y2537" s="47" t="s">
        <v>5331</v>
      </c>
      <c r="Z2537" s="28"/>
      <c r="AA2537" s="27"/>
      <c r="AB2537" s="27"/>
      <c r="AC2537" s="27"/>
      <c r="AD2537" s="30"/>
      <c r="AE2537" s="1"/>
      <c r="AF2537" s="23" t="s">
        <v>5331</v>
      </c>
      <c r="AG2537" s="26"/>
      <c r="AH2537" s="53"/>
    </row>
    <row r="2538" spans="1:34" ht="51.6" customHeight="1" x14ac:dyDescent="0.45">
      <c r="A2538" s="23">
        <v>2532</v>
      </c>
      <c r="B2538" s="25"/>
      <c r="C2538" s="25"/>
      <c r="D2538" s="29"/>
      <c r="E2538" s="1"/>
      <c r="F2538" s="1"/>
      <c r="G2538" s="25"/>
      <c r="H2538" s="71"/>
      <c r="I2538" s="83"/>
      <c r="J2538" s="50" t="str">
        <f t="shared" si="80"/>
        <v/>
      </c>
      <c r="K2538" s="23" t="s">
        <v>7120</v>
      </c>
      <c r="L2538" s="49" t="e">
        <f>VLOOKUP(E2538&amp;F2538,団体コード!$A$1:$C$1743,3,FALSE)</f>
        <v>#N/A</v>
      </c>
      <c r="M2538" s="49" t="e">
        <f>VLOOKUP(E2538&amp;F2538,団体コード!$A$1:$C$1743,2,FALSE)</f>
        <v>#N/A</v>
      </c>
      <c r="N2538" s="51" t="e">
        <f>VLOOKUP(E2538,団体コード!$E$1:$F$48,2,FALSE)</f>
        <v>#N/A</v>
      </c>
      <c r="O2538" s="51" t="e">
        <f t="shared" si="81"/>
        <v>#N/A</v>
      </c>
      <c r="P2538" s="51">
        <v>1</v>
      </c>
      <c r="Q2538" s="51" t="s">
        <v>5341</v>
      </c>
      <c r="R2538" s="54" t="b">
        <v>1</v>
      </c>
      <c r="S2538" s="52" t="s">
        <v>7126</v>
      </c>
      <c r="T2538" s="67" t="s">
        <v>7127</v>
      </c>
      <c r="U2538" s="75" t="s">
        <v>5331</v>
      </c>
      <c r="V2538" s="47" t="s">
        <v>5331</v>
      </c>
      <c r="W2538" s="47" t="s">
        <v>5331</v>
      </c>
      <c r="X2538" s="47" t="s">
        <v>5331</v>
      </c>
      <c r="Y2538" s="47" t="s">
        <v>5331</v>
      </c>
      <c r="Z2538" s="28"/>
      <c r="AA2538" s="27"/>
      <c r="AB2538" s="27"/>
      <c r="AC2538" s="27"/>
      <c r="AD2538" s="30"/>
      <c r="AE2538" s="1"/>
      <c r="AF2538" s="23" t="s">
        <v>5331</v>
      </c>
      <c r="AG2538" s="26"/>
      <c r="AH2538" s="53"/>
    </row>
    <row r="2539" spans="1:34" ht="51.6" customHeight="1" x14ac:dyDescent="0.45">
      <c r="A2539" s="23">
        <v>2533</v>
      </c>
      <c r="B2539" s="25"/>
      <c r="C2539" s="25"/>
      <c r="D2539" s="29"/>
      <c r="E2539" s="1"/>
      <c r="F2539" s="1"/>
      <c r="G2539" s="25"/>
      <c r="H2539" s="71"/>
      <c r="I2539" s="83"/>
      <c r="J2539" s="50" t="str">
        <f t="shared" si="80"/>
        <v/>
      </c>
      <c r="K2539" s="23" t="s">
        <v>7120</v>
      </c>
      <c r="L2539" s="49" t="e">
        <f>VLOOKUP(E2539&amp;F2539,団体コード!$A$1:$C$1743,3,FALSE)</f>
        <v>#N/A</v>
      </c>
      <c r="M2539" s="49" t="e">
        <f>VLOOKUP(E2539&amp;F2539,団体コード!$A$1:$C$1743,2,FALSE)</f>
        <v>#N/A</v>
      </c>
      <c r="N2539" s="51" t="e">
        <f>VLOOKUP(E2539,団体コード!$E$1:$F$48,2,FALSE)</f>
        <v>#N/A</v>
      </c>
      <c r="O2539" s="51" t="e">
        <f t="shared" si="81"/>
        <v>#N/A</v>
      </c>
      <c r="P2539" s="51">
        <v>1</v>
      </c>
      <c r="Q2539" s="51" t="s">
        <v>5341</v>
      </c>
      <c r="R2539" s="54" t="b">
        <v>1</v>
      </c>
      <c r="S2539" s="52" t="s">
        <v>7126</v>
      </c>
      <c r="T2539" s="67" t="s">
        <v>7127</v>
      </c>
      <c r="U2539" s="75" t="s">
        <v>5331</v>
      </c>
      <c r="V2539" s="47" t="s">
        <v>5331</v>
      </c>
      <c r="W2539" s="47" t="s">
        <v>5331</v>
      </c>
      <c r="X2539" s="47" t="s">
        <v>5331</v>
      </c>
      <c r="Y2539" s="47" t="s">
        <v>5331</v>
      </c>
      <c r="Z2539" s="28"/>
      <c r="AA2539" s="27"/>
      <c r="AB2539" s="27"/>
      <c r="AC2539" s="27"/>
      <c r="AD2539" s="30"/>
      <c r="AE2539" s="1"/>
      <c r="AF2539" s="23" t="s">
        <v>5331</v>
      </c>
      <c r="AG2539" s="26"/>
      <c r="AH2539" s="53"/>
    </row>
    <row r="2540" spans="1:34" ht="51.6" customHeight="1" x14ac:dyDescent="0.45">
      <c r="A2540" s="23">
        <v>2534</v>
      </c>
      <c r="B2540" s="25"/>
      <c r="C2540" s="25"/>
      <c r="D2540" s="29"/>
      <c r="E2540" s="1"/>
      <c r="F2540" s="1"/>
      <c r="G2540" s="25"/>
      <c r="H2540" s="71"/>
      <c r="I2540" s="83"/>
      <c r="J2540" s="50" t="str">
        <f t="shared" si="80"/>
        <v/>
      </c>
      <c r="K2540" s="23" t="s">
        <v>7120</v>
      </c>
      <c r="L2540" s="49" t="e">
        <f>VLOOKUP(E2540&amp;F2540,団体コード!$A$1:$C$1743,3,FALSE)</f>
        <v>#N/A</v>
      </c>
      <c r="M2540" s="49" t="e">
        <f>VLOOKUP(E2540&amp;F2540,団体コード!$A$1:$C$1743,2,FALSE)</f>
        <v>#N/A</v>
      </c>
      <c r="N2540" s="51" t="e">
        <f>VLOOKUP(E2540,団体コード!$E$1:$F$48,2,FALSE)</f>
        <v>#N/A</v>
      </c>
      <c r="O2540" s="51" t="e">
        <f t="shared" si="81"/>
        <v>#N/A</v>
      </c>
      <c r="P2540" s="51">
        <v>1</v>
      </c>
      <c r="Q2540" s="51" t="s">
        <v>5341</v>
      </c>
      <c r="R2540" s="54" t="b">
        <v>1</v>
      </c>
      <c r="S2540" s="52" t="s">
        <v>7126</v>
      </c>
      <c r="T2540" s="67" t="s">
        <v>7127</v>
      </c>
      <c r="U2540" s="75" t="s">
        <v>5331</v>
      </c>
      <c r="V2540" s="47" t="s">
        <v>5331</v>
      </c>
      <c r="W2540" s="47" t="s">
        <v>5331</v>
      </c>
      <c r="X2540" s="47" t="s">
        <v>5331</v>
      </c>
      <c r="Y2540" s="47" t="s">
        <v>5331</v>
      </c>
      <c r="Z2540" s="28"/>
      <c r="AA2540" s="27"/>
      <c r="AB2540" s="27"/>
      <c r="AC2540" s="27"/>
      <c r="AD2540" s="30"/>
      <c r="AE2540" s="1"/>
      <c r="AF2540" s="23" t="s">
        <v>5331</v>
      </c>
      <c r="AG2540" s="26"/>
      <c r="AH2540" s="53"/>
    </row>
    <row r="2541" spans="1:34" ht="51.6" customHeight="1" x14ac:dyDescent="0.45">
      <c r="A2541" s="23">
        <v>2535</v>
      </c>
      <c r="B2541" s="25"/>
      <c r="C2541" s="25"/>
      <c r="D2541" s="29"/>
      <c r="E2541" s="1"/>
      <c r="F2541" s="1"/>
      <c r="G2541" s="25"/>
      <c r="H2541" s="71"/>
      <c r="I2541" s="83"/>
      <c r="J2541" s="50" t="str">
        <f t="shared" si="80"/>
        <v/>
      </c>
      <c r="K2541" s="23" t="s">
        <v>7120</v>
      </c>
      <c r="L2541" s="49" t="e">
        <f>VLOOKUP(E2541&amp;F2541,団体コード!$A$1:$C$1743,3,FALSE)</f>
        <v>#N/A</v>
      </c>
      <c r="M2541" s="49" t="e">
        <f>VLOOKUP(E2541&amp;F2541,団体コード!$A$1:$C$1743,2,FALSE)</f>
        <v>#N/A</v>
      </c>
      <c r="N2541" s="51" t="e">
        <f>VLOOKUP(E2541,団体コード!$E$1:$F$48,2,FALSE)</f>
        <v>#N/A</v>
      </c>
      <c r="O2541" s="51" t="e">
        <f t="shared" si="81"/>
        <v>#N/A</v>
      </c>
      <c r="P2541" s="51">
        <v>1</v>
      </c>
      <c r="Q2541" s="51" t="s">
        <v>5341</v>
      </c>
      <c r="R2541" s="54" t="b">
        <v>1</v>
      </c>
      <c r="S2541" s="52" t="s">
        <v>7126</v>
      </c>
      <c r="T2541" s="67" t="s">
        <v>7127</v>
      </c>
      <c r="U2541" s="75" t="s">
        <v>5331</v>
      </c>
      <c r="V2541" s="47" t="s">
        <v>5331</v>
      </c>
      <c r="W2541" s="47" t="s">
        <v>5331</v>
      </c>
      <c r="X2541" s="47" t="s">
        <v>5331</v>
      </c>
      <c r="Y2541" s="47" t="s">
        <v>5331</v>
      </c>
      <c r="Z2541" s="28"/>
      <c r="AA2541" s="27"/>
      <c r="AB2541" s="27"/>
      <c r="AC2541" s="27"/>
      <c r="AD2541" s="30"/>
      <c r="AE2541" s="1"/>
      <c r="AF2541" s="23" t="s">
        <v>5331</v>
      </c>
      <c r="AG2541" s="26"/>
      <c r="AH2541" s="53"/>
    </row>
    <row r="2542" spans="1:34" ht="51.6" customHeight="1" x14ac:dyDescent="0.45">
      <c r="A2542" s="23">
        <v>2536</v>
      </c>
      <c r="B2542" s="25"/>
      <c r="C2542" s="25"/>
      <c r="D2542" s="29"/>
      <c r="E2542" s="1"/>
      <c r="F2542" s="1"/>
      <c r="G2542" s="25"/>
      <c r="H2542" s="71"/>
      <c r="I2542" s="83"/>
      <c r="J2542" s="50" t="str">
        <f t="shared" si="80"/>
        <v/>
      </c>
      <c r="K2542" s="23" t="s">
        <v>7120</v>
      </c>
      <c r="L2542" s="49" t="e">
        <f>VLOOKUP(E2542&amp;F2542,団体コード!$A$1:$C$1743,3,FALSE)</f>
        <v>#N/A</v>
      </c>
      <c r="M2542" s="49" t="e">
        <f>VLOOKUP(E2542&amp;F2542,団体コード!$A$1:$C$1743,2,FALSE)</f>
        <v>#N/A</v>
      </c>
      <c r="N2542" s="51" t="e">
        <f>VLOOKUP(E2542,団体コード!$E$1:$F$48,2,FALSE)</f>
        <v>#N/A</v>
      </c>
      <c r="O2542" s="51" t="e">
        <f t="shared" si="81"/>
        <v>#N/A</v>
      </c>
      <c r="P2542" s="51">
        <v>1</v>
      </c>
      <c r="Q2542" s="51" t="s">
        <v>5341</v>
      </c>
      <c r="R2542" s="54" t="b">
        <v>1</v>
      </c>
      <c r="S2542" s="52" t="s">
        <v>7126</v>
      </c>
      <c r="T2542" s="67" t="s">
        <v>7127</v>
      </c>
      <c r="U2542" s="75" t="s">
        <v>5331</v>
      </c>
      <c r="V2542" s="47" t="s">
        <v>5331</v>
      </c>
      <c r="W2542" s="47" t="s">
        <v>5331</v>
      </c>
      <c r="X2542" s="47" t="s">
        <v>5331</v>
      </c>
      <c r="Y2542" s="47" t="s">
        <v>5331</v>
      </c>
      <c r="Z2542" s="28"/>
      <c r="AA2542" s="27"/>
      <c r="AB2542" s="27"/>
      <c r="AC2542" s="27"/>
      <c r="AD2542" s="30"/>
      <c r="AE2542" s="1"/>
      <c r="AF2542" s="23" t="s">
        <v>5331</v>
      </c>
      <c r="AG2542" s="26"/>
      <c r="AH2542" s="53"/>
    </row>
    <row r="2543" spans="1:34" ht="51.6" customHeight="1" x14ac:dyDescent="0.45">
      <c r="A2543" s="23">
        <v>2537</v>
      </c>
      <c r="B2543" s="25"/>
      <c r="C2543" s="25"/>
      <c r="D2543" s="29"/>
      <c r="E2543" s="1"/>
      <c r="F2543" s="1"/>
      <c r="G2543" s="25"/>
      <c r="H2543" s="71"/>
      <c r="I2543" s="83"/>
      <c r="J2543" s="50" t="str">
        <f t="shared" si="80"/>
        <v/>
      </c>
      <c r="K2543" s="23" t="s">
        <v>7120</v>
      </c>
      <c r="L2543" s="49" t="e">
        <f>VLOOKUP(E2543&amp;F2543,団体コード!$A$1:$C$1743,3,FALSE)</f>
        <v>#N/A</v>
      </c>
      <c r="M2543" s="49" t="e">
        <f>VLOOKUP(E2543&amp;F2543,団体コード!$A$1:$C$1743,2,FALSE)</f>
        <v>#N/A</v>
      </c>
      <c r="N2543" s="51" t="e">
        <f>VLOOKUP(E2543,団体コード!$E$1:$F$48,2,FALSE)</f>
        <v>#N/A</v>
      </c>
      <c r="O2543" s="51" t="e">
        <f t="shared" si="81"/>
        <v>#N/A</v>
      </c>
      <c r="P2543" s="51">
        <v>1</v>
      </c>
      <c r="Q2543" s="51" t="s">
        <v>5341</v>
      </c>
      <c r="R2543" s="54" t="b">
        <v>1</v>
      </c>
      <c r="S2543" s="52" t="s">
        <v>7126</v>
      </c>
      <c r="T2543" s="67" t="s">
        <v>7127</v>
      </c>
      <c r="U2543" s="75" t="s">
        <v>5331</v>
      </c>
      <c r="V2543" s="47" t="s">
        <v>5331</v>
      </c>
      <c r="W2543" s="47" t="s">
        <v>5331</v>
      </c>
      <c r="X2543" s="47" t="s">
        <v>5331</v>
      </c>
      <c r="Y2543" s="47" t="s">
        <v>5331</v>
      </c>
      <c r="Z2543" s="28"/>
      <c r="AA2543" s="27"/>
      <c r="AB2543" s="27"/>
      <c r="AC2543" s="27"/>
      <c r="AD2543" s="30"/>
      <c r="AE2543" s="1"/>
      <c r="AF2543" s="23" t="s">
        <v>5331</v>
      </c>
      <c r="AG2543" s="26"/>
      <c r="AH2543" s="53"/>
    </row>
    <row r="2544" spans="1:34" ht="51.6" customHeight="1" x14ac:dyDescent="0.45">
      <c r="A2544" s="23">
        <v>2538</v>
      </c>
      <c r="B2544" s="25"/>
      <c r="C2544" s="25"/>
      <c r="D2544" s="29"/>
      <c r="E2544" s="1"/>
      <c r="F2544" s="1"/>
      <c r="G2544" s="25"/>
      <c r="H2544" s="71"/>
      <c r="I2544" s="83"/>
      <c r="J2544" s="50" t="str">
        <f t="shared" si="80"/>
        <v/>
      </c>
      <c r="K2544" s="23" t="s">
        <v>7120</v>
      </c>
      <c r="L2544" s="49" t="e">
        <f>VLOOKUP(E2544&amp;F2544,団体コード!$A$1:$C$1743,3,FALSE)</f>
        <v>#N/A</v>
      </c>
      <c r="M2544" s="49" t="e">
        <f>VLOOKUP(E2544&amp;F2544,団体コード!$A$1:$C$1743,2,FALSE)</f>
        <v>#N/A</v>
      </c>
      <c r="N2544" s="51" t="e">
        <f>VLOOKUP(E2544,団体コード!$E$1:$F$48,2,FALSE)</f>
        <v>#N/A</v>
      </c>
      <c r="O2544" s="51" t="e">
        <f t="shared" si="81"/>
        <v>#N/A</v>
      </c>
      <c r="P2544" s="51">
        <v>1</v>
      </c>
      <c r="Q2544" s="51" t="s">
        <v>5341</v>
      </c>
      <c r="R2544" s="54" t="b">
        <v>1</v>
      </c>
      <c r="S2544" s="52" t="s">
        <v>7126</v>
      </c>
      <c r="T2544" s="67" t="s">
        <v>7127</v>
      </c>
      <c r="U2544" s="75" t="s">
        <v>5331</v>
      </c>
      <c r="V2544" s="47" t="s">
        <v>5331</v>
      </c>
      <c r="W2544" s="47" t="s">
        <v>5331</v>
      </c>
      <c r="X2544" s="47" t="s">
        <v>5331</v>
      </c>
      <c r="Y2544" s="47" t="s">
        <v>5331</v>
      </c>
      <c r="Z2544" s="28"/>
      <c r="AA2544" s="27"/>
      <c r="AB2544" s="27"/>
      <c r="AC2544" s="27"/>
      <c r="AD2544" s="30"/>
      <c r="AE2544" s="1"/>
      <c r="AF2544" s="23" t="s">
        <v>5331</v>
      </c>
      <c r="AG2544" s="26"/>
      <c r="AH2544" s="53"/>
    </row>
    <row r="2545" spans="1:34" ht="51.6" customHeight="1" x14ac:dyDescent="0.45">
      <c r="A2545" s="23">
        <v>2539</v>
      </c>
      <c r="B2545" s="25"/>
      <c r="C2545" s="25"/>
      <c r="D2545" s="29"/>
      <c r="E2545" s="1"/>
      <c r="F2545" s="1"/>
      <c r="G2545" s="25"/>
      <c r="H2545" s="71"/>
      <c r="I2545" s="83"/>
      <c r="J2545" s="50" t="str">
        <f t="shared" si="80"/>
        <v/>
      </c>
      <c r="K2545" s="23" t="s">
        <v>7120</v>
      </c>
      <c r="L2545" s="49" t="e">
        <f>VLOOKUP(E2545&amp;F2545,団体コード!$A$1:$C$1743,3,FALSE)</f>
        <v>#N/A</v>
      </c>
      <c r="M2545" s="49" t="e">
        <f>VLOOKUP(E2545&amp;F2545,団体コード!$A$1:$C$1743,2,FALSE)</f>
        <v>#N/A</v>
      </c>
      <c r="N2545" s="51" t="e">
        <f>VLOOKUP(E2545,団体コード!$E$1:$F$48,2,FALSE)</f>
        <v>#N/A</v>
      </c>
      <c r="O2545" s="51" t="e">
        <f t="shared" si="81"/>
        <v>#N/A</v>
      </c>
      <c r="P2545" s="51">
        <v>1</v>
      </c>
      <c r="Q2545" s="51" t="s">
        <v>5341</v>
      </c>
      <c r="R2545" s="54" t="b">
        <v>1</v>
      </c>
      <c r="S2545" s="52" t="s">
        <v>7126</v>
      </c>
      <c r="T2545" s="67" t="s">
        <v>7127</v>
      </c>
      <c r="U2545" s="75" t="s">
        <v>5331</v>
      </c>
      <c r="V2545" s="47" t="s">
        <v>5331</v>
      </c>
      <c r="W2545" s="47" t="s">
        <v>5331</v>
      </c>
      <c r="X2545" s="47" t="s">
        <v>5331</v>
      </c>
      <c r="Y2545" s="47" t="s">
        <v>5331</v>
      </c>
      <c r="Z2545" s="28"/>
      <c r="AA2545" s="27"/>
      <c r="AB2545" s="27"/>
      <c r="AC2545" s="27"/>
      <c r="AD2545" s="30"/>
      <c r="AE2545" s="1"/>
      <c r="AF2545" s="23" t="s">
        <v>5331</v>
      </c>
      <c r="AG2545" s="26"/>
      <c r="AH2545" s="53"/>
    </row>
    <row r="2546" spans="1:34" ht="51.6" customHeight="1" x14ac:dyDescent="0.45">
      <c r="A2546" s="23">
        <v>2540</v>
      </c>
      <c r="B2546" s="25"/>
      <c r="C2546" s="25"/>
      <c r="D2546" s="29"/>
      <c r="E2546" s="1"/>
      <c r="F2546" s="1"/>
      <c r="G2546" s="25"/>
      <c r="H2546" s="71"/>
      <c r="I2546" s="83"/>
      <c r="J2546" s="50" t="str">
        <f t="shared" si="80"/>
        <v/>
      </c>
      <c r="K2546" s="23" t="s">
        <v>7120</v>
      </c>
      <c r="L2546" s="49" t="e">
        <f>VLOOKUP(E2546&amp;F2546,団体コード!$A$1:$C$1743,3,FALSE)</f>
        <v>#N/A</v>
      </c>
      <c r="M2546" s="49" t="e">
        <f>VLOOKUP(E2546&amp;F2546,団体コード!$A$1:$C$1743,2,FALSE)</f>
        <v>#N/A</v>
      </c>
      <c r="N2546" s="51" t="e">
        <f>VLOOKUP(E2546,団体コード!$E$1:$F$48,2,FALSE)</f>
        <v>#N/A</v>
      </c>
      <c r="O2546" s="51" t="e">
        <f t="shared" si="81"/>
        <v>#N/A</v>
      </c>
      <c r="P2546" s="51">
        <v>1</v>
      </c>
      <c r="Q2546" s="51" t="s">
        <v>5341</v>
      </c>
      <c r="R2546" s="54" t="b">
        <v>1</v>
      </c>
      <c r="S2546" s="52" t="s">
        <v>7126</v>
      </c>
      <c r="T2546" s="67" t="s">
        <v>7127</v>
      </c>
      <c r="U2546" s="75" t="s">
        <v>5331</v>
      </c>
      <c r="V2546" s="47" t="s">
        <v>5331</v>
      </c>
      <c r="W2546" s="47" t="s">
        <v>5331</v>
      </c>
      <c r="X2546" s="47" t="s">
        <v>5331</v>
      </c>
      <c r="Y2546" s="47" t="s">
        <v>5331</v>
      </c>
      <c r="Z2546" s="28"/>
      <c r="AA2546" s="27"/>
      <c r="AB2546" s="27"/>
      <c r="AC2546" s="27"/>
      <c r="AD2546" s="30"/>
      <c r="AE2546" s="1"/>
      <c r="AF2546" s="23" t="s">
        <v>5331</v>
      </c>
      <c r="AG2546" s="26"/>
      <c r="AH2546" s="53"/>
    </row>
    <row r="2547" spans="1:34" ht="51.6" customHeight="1" x14ac:dyDescent="0.45">
      <c r="A2547" s="23">
        <v>2541</v>
      </c>
      <c r="B2547" s="25"/>
      <c r="C2547" s="25"/>
      <c r="D2547" s="29"/>
      <c r="E2547" s="1"/>
      <c r="F2547" s="1"/>
      <c r="G2547" s="25"/>
      <c r="H2547" s="71"/>
      <c r="I2547" s="83"/>
      <c r="J2547" s="50" t="str">
        <f t="shared" si="80"/>
        <v/>
      </c>
      <c r="K2547" s="23" t="s">
        <v>7120</v>
      </c>
      <c r="L2547" s="49" t="e">
        <f>VLOOKUP(E2547&amp;F2547,団体コード!$A$1:$C$1743,3,FALSE)</f>
        <v>#N/A</v>
      </c>
      <c r="M2547" s="49" t="e">
        <f>VLOOKUP(E2547&amp;F2547,団体コード!$A$1:$C$1743,2,FALSE)</f>
        <v>#N/A</v>
      </c>
      <c r="N2547" s="51" t="e">
        <f>VLOOKUP(E2547,団体コード!$E$1:$F$48,2,FALSE)</f>
        <v>#N/A</v>
      </c>
      <c r="O2547" s="51" t="e">
        <f t="shared" si="81"/>
        <v>#N/A</v>
      </c>
      <c r="P2547" s="51">
        <v>1</v>
      </c>
      <c r="Q2547" s="51" t="s">
        <v>5341</v>
      </c>
      <c r="R2547" s="54" t="b">
        <v>1</v>
      </c>
      <c r="S2547" s="52" t="s">
        <v>7126</v>
      </c>
      <c r="T2547" s="67" t="s">
        <v>7127</v>
      </c>
      <c r="U2547" s="75" t="s">
        <v>5331</v>
      </c>
      <c r="V2547" s="47" t="s">
        <v>5331</v>
      </c>
      <c r="W2547" s="47" t="s">
        <v>5331</v>
      </c>
      <c r="X2547" s="47" t="s">
        <v>5331</v>
      </c>
      <c r="Y2547" s="47" t="s">
        <v>5331</v>
      </c>
      <c r="Z2547" s="28"/>
      <c r="AA2547" s="27"/>
      <c r="AB2547" s="27"/>
      <c r="AC2547" s="27"/>
      <c r="AD2547" s="30"/>
      <c r="AE2547" s="1"/>
      <c r="AF2547" s="23" t="s">
        <v>5331</v>
      </c>
      <c r="AG2547" s="26"/>
      <c r="AH2547" s="53"/>
    </row>
    <row r="2548" spans="1:34" ht="51.6" customHeight="1" x14ac:dyDescent="0.45">
      <c r="A2548" s="23">
        <v>2542</v>
      </c>
      <c r="B2548" s="25"/>
      <c r="C2548" s="25"/>
      <c r="D2548" s="29"/>
      <c r="E2548" s="1"/>
      <c r="F2548" s="1"/>
      <c r="G2548" s="25"/>
      <c r="H2548" s="71"/>
      <c r="I2548" s="83"/>
      <c r="J2548" s="50" t="str">
        <f t="shared" si="80"/>
        <v/>
      </c>
      <c r="K2548" s="23" t="s">
        <v>7120</v>
      </c>
      <c r="L2548" s="49" t="e">
        <f>VLOOKUP(E2548&amp;F2548,団体コード!$A$1:$C$1743,3,FALSE)</f>
        <v>#N/A</v>
      </c>
      <c r="M2548" s="49" t="e">
        <f>VLOOKUP(E2548&amp;F2548,団体コード!$A$1:$C$1743,2,FALSE)</f>
        <v>#N/A</v>
      </c>
      <c r="N2548" s="51" t="e">
        <f>VLOOKUP(E2548,団体コード!$E$1:$F$48,2,FALSE)</f>
        <v>#N/A</v>
      </c>
      <c r="O2548" s="51" t="e">
        <f t="shared" si="81"/>
        <v>#N/A</v>
      </c>
      <c r="P2548" s="51">
        <v>1</v>
      </c>
      <c r="Q2548" s="51" t="s">
        <v>5341</v>
      </c>
      <c r="R2548" s="54" t="b">
        <v>1</v>
      </c>
      <c r="S2548" s="52" t="s">
        <v>7126</v>
      </c>
      <c r="T2548" s="67" t="s">
        <v>7127</v>
      </c>
      <c r="U2548" s="75" t="s">
        <v>5331</v>
      </c>
      <c r="V2548" s="47" t="s">
        <v>5331</v>
      </c>
      <c r="W2548" s="47" t="s">
        <v>5331</v>
      </c>
      <c r="X2548" s="47" t="s">
        <v>5331</v>
      </c>
      <c r="Y2548" s="47" t="s">
        <v>5331</v>
      </c>
      <c r="Z2548" s="28"/>
      <c r="AA2548" s="27"/>
      <c r="AB2548" s="27"/>
      <c r="AC2548" s="27"/>
      <c r="AD2548" s="30"/>
      <c r="AE2548" s="1"/>
      <c r="AF2548" s="23" t="s">
        <v>5331</v>
      </c>
      <c r="AG2548" s="26"/>
      <c r="AH2548" s="53"/>
    </row>
    <row r="2549" spans="1:34" ht="51.6" customHeight="1" x14ac:dyDescent="0.45">
      <c r="A2549" s="23">
        <v>2543</v>
      </c>
      <c r="B2549" s="25"/>
      <c r="C2549" s="25"/>
      <c r="D2549" s="29"/>
      <c r="E2549" s="1"/>
      <c r="F2549" s="1"/>
      <c r="G2549" s="25"/>
      <c r="H2549" s="71"/>
      <c r="I2549" s="83"/>
      <c r="J2549" s="50" t="str">
        <f t="shared" si="80"/>
        <v/>
      </c>
      <c r="K2549" s="23" t="s">
        <v>7120</v>
      </c>
      <c r="L2549" s="49" t="e">
        <f>VLOOKUP(E2549&amp;F2549,団体コード!$A$1:$C$1743,3,FALSE)</f>
        <v>#N/A</v>
      </c>
      <c r="M2549" s="49" t="e">
        <f>VLOOKUP(E2549&amp;F2549,団体コード!$A$1:$C$1743,2,FALSE)</f>
        <v>#N/A</v>
      </c>
      <c r="N2549" s="51" t="e">
        <f>VLOOKUP(E2549,団体コード!$E$1:$F$48,2,FALSE)</f>
        <v>#N/A</v>
      </c>
      <c r="O2549" s="51" t="e">
        <f t="shared" si="81"/>
        <v>#N/A</v>
      </c>
      <c r="P2549" s="51">
        <v>1</v>
      </c>
      <c r="Q2549" s="51" t="s">
        <v>5341</v>
      </c>
      <c r="R2549" s="54" t="b">
        <v>1</v>
      </c>
      <c r="S2549" s="52" t="s">
        <v>7126</v>
      </c>
      <c r="T2549" s="67" t="s">
        <v>7127</v>
      </c>
      <c r="U2549" s="75" t="s">
        <v>5331</v>
      </c>
      <c r="V2549" s="47" t="s">
        <v>5331</v>
      </c>
      <c r="W2549" s="47" t="s">
        <v>5331</v>
      </c>
      <c r="X2549" s="47" t="s">
        <v>5331</v>
      </c>
      <c r="Y2549" s="47" t="s">
        <v>5331</v>
      </c>
      <c r="Z2549" s="28"/>
      <c r="AA2549" s="27"/>
      <c r="AB2549" s="27"/>
      <c r="AC2549" s="27"/>
      <c r="AD2549" s="30"/>
      <c r="AE2549" s="1"/>
      <c r="AF2549" s="23" t="s">
        <v>5331</v>
      </c>
      <c r="AG2549" s="26"/>
      <c r="AH2549" s="53"/>
    </row>
    <row r="2550" spans="1:34" ht="51.6" customHeight="1" x14ac:dyDescent="0.45">
      <c r="A2550" s="23">
        <v>2544</v>
      </c>
      <c r="B2550" s="25"/>
      <c r="C2550" s="25"/>
      <c r="D2550" s="29"/>
      <c r="E2550" s="1"/>
      <c r="F2550" s="1"/>
      <c r="G2550" s="25"/>
      <c r="H2550" s="71"/>
      <c r="I2550" s="83"/>
      <c r="J2550" s="50" t="str">
        <f t="shared" si="80"/>
        <v/>
      </c>
      <c r="K2550" s="23" t="s">
        <v>7120</v>
      </c>
      <c r="L2550" s="49" t="e">
        <f>VLOOKUP(E2550&amp;F2550,団体コード!$A$1:$C$1743,3,FALSE)</f>
        <v>#N/A</v>
      </c>
      <c r="M2550" s="49" t="e">
        <f>VLOOKUP(E2550&amp;F2550,団体コード!$A$1:$C$1743,2,FALSE)</f>
        <v>#N/A</v>
      </c>
      <c r="N2550" s="51" t="e">
        <f>VLOOKUP(E2550,団体コード!$E$1:$F$48,2,FALSE)</f>
        <v>#N/A</v>
      </c>
      <c r="O2550" s="51" t="e">
        <f t="shared" si="81"/>
        <v>#N/A</v>
      </c>
      <c r="P2550" s="51">
        <v>1</v>
      </c>
      <c r="Q2550" s="51" t="s">
        <v>5341</v>
      </c>
      <c r="R2550" s="54" t="b">
        <v>1</v>
      </c>
      <c r="S2550" s="52" t="s">
        <v>7126</v>
      </c>
      <c r="T2550" s="67" t="s">
        <v>7127</v>
      </c>
      <c r="U2550" s="75" t="s">
        <v>5331</v>
      </c>
      <c r="V2550" s="47" t="s">
        <v>5331</v>
      </c>
      <c r="W2550" s="47" t="s">
        <v>5331</v>
      </c>
      <c r="X2550" s="47" t="s">
        <v>5331</v>
      </c>
      <c r="Y2550" s="47" t="s">
        <v>5331</v>
      </c>
      <c r="Z2550" s="28"/>
      <c r="AA2550" s="27"/>
      <c r="AB2550" s="27"/>
      <c r="AC2550" s="27"/>
      <c r="AD2550" s="30"/>
      <c r="AE2550" s="1"/>
      <c r="AF2550" s="23" t="s">
        <v>5331</v>
      </c>
      <c r="AG2550" s="26"/>
      <c r="AH2550" s="53"/>
    </row>
    <row r="2551" spans="1:34" ht="51.6" customHeight="1" x14ac:dyDescent="0.45">
      <c r="A2551" s="23">
        <v>2545</v>
      </c>
      <c r="B2551" s="25"/>
      <c r="C2551" s="25"/>
      <c r="D2551" s="29"/>
      <c r="E2551" s="1"/>
      <c r="F2551" s="1"/>
      <c r="G2551" s="25"/>
      <c r="H2551" s="71"/>
      <c r="I2551" s="83"/>
      <c r="J2551" s="50" t="str">
        <f t="shared" si="80"/>
        <v/>
      </c>
      <c r="K2551" s="23" t="s">
        <v>7120</v>
      </c>
      <c r="L2551" s="49" t="e">
        <f>VLOOKUP(E2551&amp;F2551,団体コード!$A$1:$C$1743,3,FALSE)</f>
        <v>#N/A</v>
      </c>
      <c r="M2551" s="49" t="e">
        <f>VLOOKUP(E2551&amp;F2551,団体コード!$A$1:$C$1743,2,FALSE)</f>
        <v>#N/A</v>
      </c>
      <c r="N2551" s="51" t="e">
        <f>VLOOKUP(E2551,団体コード!$E$1:$F$48,2,FALSE)</f>
        <v>#N/A</v>
      </c>
      <c r="O2551" s="51" t="e">
        <f t="shared" si="81"/>
        <v>#N/A</v>
      </c>
      <c r="P2551" s="51">
        <v>1</v>
      </c>
      <c r="Q2551" s="51" t="s">
        <v>5341</v>
      </c>
      <c r="R2551" s="54" t="b">
        <v>1</v>
      </c>
      <c r="S2551" s="52" t="s">
        <v>7126</v>
      </c>
      <c r="T2551" s="67" t="s">
        <v>7127</v>
      </c>
      <c r="U2551" s="75" t="s">
        <v>5331</v>
      </c>
      <c r="V2551" s="47" t="s">
        <v>5331</v>
      </c>
      <c r="W2551" s="47" t="s">
        <v>5331</v>
      </c>
      <c r="X2551" s="47" t="s">
        <v>5331</v>
      </c>
      <c r="Y2551" s="47" t="s">
        <v>5331</v>
      </c>
      <c r="Z2551" s="28"/>
      <c r="AA2551" s="27"/>
      <c r="AB2551" s="27"/>
      <c r="AC2551" s="27"/>
      <c r="AD2551" s="30"/>
      <c r="AE2551" s="1"/>
      <c r="AF2551" s="23" t="s">
        <v>5331</v>
      </c>
      <c r="AG2551" s="26"/>
      <c r="AH2551" s="53"/>
    </row>
    <row r="2552" spans="1:34" ht="51.6" customHeight="1" x14ac:dyDescent="0.45">
      <c r="A2552" s="23">
        <v>2546</v>
      </c>
      <c r="B2552" s="25"/>
      <c r="C2552" s="25"/>
      <c r="D2552" s="29"/>
      <c r="E2552" s="1"/>
      <c r="F2552" s="1"/>
      <c r="G2552" s="25"/>
      <c r="H2552" s="71"/>
      <c r="I2552" s="83"/>
      <c r="J2552" s="50" t="str">
        <f t="shared" si="80"/>
        <v/>
      </c>
      <c r="K2552" s="23" t="s">
        <v>7120</v>
      </c>
      <c r="L2552" s="49" t="e">
        <f>VLOOKUP(E2552&amp;F2552,団体コード!$A$1:$C$1743,3,FALSE)</f>
        <v>#N/A</v>
      </c>
      <c r="M2552" s="49" t="e">
        <f>VLOOKUP(E2552&amp;F2552,団体コード!$A$1:$C$1743,2,FALSE)</f>
        <v>#N/A</v>
      </c>
      <c r="N2552" s="51" t="e">
        <f>VLOOKUP(E2552,団体コード!$E$1:$F$48,2,FALSE)</f>
        <v>#N/A</v>
      </c>
      <c r="O2552" s="51" t="e">
        <f t="shared" si="81"/>
        <v>#N/A</v>
      </c>
      <c r="P2552" s="51">
        <v>1</v>
      </c>
      <c r="Q2552" s="51" t="s">
        <v>5341</v>
      </c>
      <c r="R2552" s="54" t="b">
        <v>1</v>
      </c>
      <c r="S2552" s="52" t="s">
        <v>7126</v>
      </c>
      <c r="T2552" s="67" t="s">
        <v>7127</v>
      </c>
      <c r="U2552" s="75" t="s">
        <v>5331</v>
      </c>
      <c r="V2552" s="47" t="s">
        <v>5331</v>
      </c>
      <c r="W2552" s="47" t="s">
        <v>5331</v>
      </c>
      <c r="X2552" s="47" t="s">
        <v>5331</v>
      </c>
      <c r="Y2552" s="47" t="s">
        <v>5331</v>
      </c>
      <c r="Z2552" s="28"/>
      <c r="AA2552" s="27"/>
      <c r="AB2552" s="27"/>
      <c r="AC2552" s="27"/>
      <c r="AD2552" s="30"/>
      <c r="AE2552" s="1"/>
      <c r="AF2552" s="23" t="s">
        <v>5331</v>
      </c>
      <c r="AG2552" s="26"/>
      <c r="AH2552" s="53"/>
    </row>
    <row r="2553" spans="1:34" ht="51.6" customHeight="1" x14ac:dyDescent="0.45">
      <c r="A2553" s="23">
        <v>2547</v>
      </c>
      <c r="B2553" s="25"/>
      <c r="C2553" s="25"/>
      <c r="D2553" s="29"/>
      <c r="E2553" s="1"/>
      <c r="F2553" s="1"/>
      <c r="G2553" s="25"/>
      <c r="H2553" s="71"/>
      <c r="I2553" s="83"/>
      <c r="J2553" s="50" t="str">
        <f t="shared" si="80"/>
        <v/>
      </c>
      <c r="K2553" s="23" t="s">
        <v>7120</v>
      </c>
      <c r="L2553" s="49" t="e">
        <f>VLOOKUP(E2553&amp;F2553,団体コード!$A$1:$C$1743,3,FALSE)</f>
        <v>#N/A</v>
      </c>
      <c r="M2553" s="49" t="e">
        <f>VLOOKUP(E2553&amp;F2553,団体コード!$A$1:$C$1743,2,FALSE)</f>
        <v>#N/A</v>
      </c>
      <c r="N2553" s="51" t="e">
        <f>VLOOKUP(E2553,団体コード!$E$1:$F$48,2,FALSE)</f>
        <v>#N/A</v>
      </c>
      <c r="O2553" s="51" t="e">
        <f t="shared" si="81"/>
        <v>#N/A</v>
      </c>
      <c r="P2553" s="51">
        <v>1</v>
      </c>
      <c r="Q2553" s="51" t="s">
        <v>5341</v>
      </c>
      <c r="R2553" s="54" t="b">
        <v>1</v>
      </c>
      <c r="S2553" s="52" t="s">
        <v>7126</v>
      </c>
      <c r="T2553" s="67" t="s">
        <v>7127</v>
      </c>
      <c r="U2553" s="75" t="s">
        <v>5331</v>
      </c>
      <c r="V2553" s="47" t="s">
        <v>5331</v>
      </c>
      <c r="W2553" s="47" t="s">
        <v>5331</v>
      </c>
      <c r="X2553" s="47" t="s">
        <v>5331</v>
      </c>
      <c r="Y2553" s="47" t="s">
        <v>5331</v>
      </c>
      <c r="Z2553" s="28"/>
      <c r="AA2553" s="27"/>
      <c r="AB2553" s="27"/>
      <c r="AC2553" s="27"/>
      <c r="AD2553" s="30"/>
      <c r="AE2553" s="1"/>
      <c r="AF2553" s="23" t="s">
        <v>5331</v>
      </c>
      <c r="AG2553" s="26"/>
      <c r="AH2553" s="53"/>
    </row>
    <row r="2554" spans="1:34" ht="51.6" customHeight="1" x14ac:dyDescent="0.45">
      <c r="A2554" s="23">
        <v>2548</v>
      </c>
      <c r="B2554" s="25"/>
      <c r="C2554" s="25"/>
      <c r="D2554" s="29"/>
      <c r="E2554" s="1"/>
      <c r="F2554" s="1"/>
      <c r="G2554" s="25"/>
      <c r="H2554" s="71"/>
      <c r="I2554" s="83"/>
      <c r="J2554" s="50" t="str">
        <f t="shared" si="80"/>
        <v/>
      </c>
      <c r="K2554" s="23" t="s">
        <v>7120</v>
      </c>
      <c r="L2554" s="49" t="e">
        <f>VLOOKUP(E2554&amp;F2554,団体コード!$A$1:$C$1743,3,FALSE)</f>
        <v>#N/A</v>
      </c>
      <c r="M2554" s="49" t="e">
        <f>VLOOKUP(E2554&amp;F2554,団体コード!$A$1:$C$1743,2,FALSE)</f>
        <v>#N/A</v>
      </c>
      <c r="N2554" s="51" t="e">
        <f>VLOOKUP(E2554,団体コード!$E$1:$F$48,2,FALSE)</f>
        <v>#N/A</v>
      </c>
      <c r="O2554" s="51" t="e">
        <f t="shared" si="81"/>
        <v>#N/A</v>
      </c>
      <c r="P2554" s="51">
        <v>1</v>
      </c>
      <c r="Q2554" s="51" t="s">
        <v>5341</v>
      </c>
      <c r="R2554" s="54" t="b">
        <v>1</v>
      </c>
      <c r="S2554" s="52" t="s">
        <v>7126</v>
      </c>
      <c r="T2554" s="67" t="s">
        <v>7127</v>
      </c>
      <c r="U2554" s="75" t="s">
        <v>5331</v>
      </c>
      <c r="V2554" s="47" t="s">
        <v>5331</v>
      </c>
      <c r="W2554" s="47" t="s">
        <v>5331</v>
      </c>
      <c r="X2554" s="47" t="s">
        <v>5331</v>
      </c>
      <c r="Y2554" s="47" t="s">
        <v>5331</v>
      </c>
      <c r="Z2554" s="28"/>
      <c r="AA2554" s="27"/>
      <c r="AB2554" s="27"/>
      <c r="AC2554" s="27"/>
      <c r="AD2554" s="30"/>
      <c r="AE2554" s="1"/>
      <c r="AF2554" s="23" t="s">
        <v>5331</v>
      </c>
      <c r="AG2554" s="26"/>
      <c r="AH2554" s="53"/>
    </row>
    <row r="2555" spans="1:34" ht="51.6" customHeight="1" x14ac:dyDescent="0.45">
      <c r="A2555" s="23">
        <v>2549</v>
      </c>
      <c r="B2555" s="25"/>
      <c r="C2555" s="25"/>
      <c r="D2555" s="29"/>
      <c r="E2555" s="1"/>
      <c r="F2555" s="1"/>
      <c r="G2555" s="25"/>
      <c r="H2555" s="71"/>
      <c r="I2555" s="83"/>
      <c r="J2555" s="50" t="str">
        <f t="shared" si="80"/>
        <v/>
      </c>
      <c r="K2555" s="23" t="s">
        <v>7120</v>
      </c>
      <c r="L2555" s="49" t="e">
        <f>VLOOKUP(E2555&amp;F2555,団体コード!$A$1:$C$1743,3,FALSE)</f>
        <v>#N/A</v>
      </c>
      <c r="M2555" s="49" t="e">
        <f>VLOOKUP(E2555&amp;F2555,団体コード!$A$1:$C$1743,2,FALSE)</f>
        <v>#N/A</v>
      </c>
      <c r="N2555" s="51" t="e">
        <f>VLOOKUP(E2555,団体コード!$E$1:$F$48,2,FALSE)</f>
        <v>#N/A</v>
      </c>
      <c r="O2555" s="51" t="e">
        <f t="shared" si="81"/>
        <v>#N/A</v>
      </c>
      <c r="P2555" s="51">
        <v>1</v>
      </c>
      <c r="Q2555" s="51" t="s">
        <v>5341</v>
      </c>
      <c r="R2555" s="54" t="b">
        <v>1</v>
      </c>
      <c r="S2555" s="52" t="s">
        <v>7126</v>
      </c>
      <c r="T2555" s="67" t="s">
        <v>7127</v>
      </c>
      <c r="U2555" s="75" t="s">
        <v>5331</v>
      </c>
      <c r="V2555" s="47" t="s">
        <v>5331</v>
      </c>
      <c r="W2555" s="47" t="s">
        <v>5331</v>
      </c>
      <c r="X2555" s="47" t="s">
        <v>5331</v>
      </c>
      <c r="Y2555" s="47" t="s">
        <v>5331</v>
      </c>
      <c r="Z2555" s="28"/>
      <c r="AA2555" s="27"/>
      <c r="AB2555" s="27"/>
      <c r="AC2555" s="27"/>
      <c r="AD2555" s="30"/>
      <c r="AE2555" s="1"/>
      <c r="AF2555" s="23" t="s">
        <v>5331</v>
      </c>
      <c r="AG2555" s="26"/>
      <c r="AH2555" s="53"/>
    </row>
    <row r="2556" spans="1:34" ht="51.6" customHeight="1" x14ac:dyDescent="0.45">
      <c r="A2556" s="23">
        <v>2550</v>
      </c>
      <c r="B2556" s="25"/>
      <c r="C2556" s="25"/>
      <c r="D2556" s="29"/>
      <c r="E2556" s="1"/>
      <c r="F2556" s="1"/>
      <c r="G2556" s="25"/>
      <c r="H2556" s="71"/>
      <c r="I2556" s="83"/>
      <c r="J2556" s="50" t="str">
        <f t="shared" si="80"/>
        <v/>
      </c>
      <c r="K2556" s="23" t="s">
        <v>7120</v>
      </c>
      <c r="L2556" s="49" t="e">
        <f>VLOOKUP(E2556&amp;F2556,団体コード!$A$1:$C$1743,3,FALSE)</f>
        <v>#N/A</v>
      </c>
      <c r="M2556" s="49" t="e">
        <f>VLOOKUP(E2556&amp;F2556,団体コード!$A$1:$C$1743,2,FALSE)</f>
        <v>#N/A</v>
      </c>
      <c r="N2556" s="51" t="e">
        <f>VLOOKUP(E2556,団体コード!$E$1:$F$48,2,FALSE)</f>
        <v>#N/A</v>
      </c>
      <c r="O2556" s="51" t="e">
        <f t="shared" si="81"/>
        <v>#N/A</v>
      </c>
      <c r="P2556" s="51">
        <v>1</v>
      </c>
      <c r="Q2556" s="51" t="s">
        <v>5341</v>
      </c>
      <c r="R2556" s="54" t="b">
        <v>1</v>
      </c>
      <c r="S2556" s="52" t="s">
        <v>7126</v>
      </c>
      <c r="T2556" s="67" t="s">
        <v>7127</v>
      </c>
      <c r="U2556" s="75" t="s">
        <v>5331</v>
      </c>
      <c r="V2556" s="47" t="s">
        <v>5331</v>
      </c>
      <c r="W2556" s="47" t="s">
        <v>5331</v>
      </c>
      <c r="X2556" s="47" t="s">
        <v>5331</v>
      </c>
      <c r="Y2556" s="47" t="s">
        <v>5331</v>
      </c>
      <c r="Z2556" s="28"/>
      <c r="AA2556" s="27"/>
      <c r="AB2556" s="27"/>
      <c r="AC2556" s="27"/>
      <c r="AD2556" s="30"/>
      <c r="AE2556" s="1"/>
      <c r="AF2556" s="23" t="s">
        <v>5331</v>
      </c>
      <c r="AG2556" s="26"/>
      <c r="AH2556" s="53"/>
    </row>
    <row r="2557" spans="1:34" ht="51.6" customHeight="1" x14ac:dyDescent="0.45">
      <c r="A2557" s="23">
        <v>2551</v>
      </c>
      <c r="B2557" s="25"/>
      <c r="C2557" s="25"/>
      <c r="D2557" s="29"/>
      <c r="E2557" s="1"/>
      <c r="F2557" s="1"/>
      <c r="G2557" s="25"/>
      <c r="H2557" s="71"/>
      <c r="I2557" s="83"/>
      <c r="J2557" s="50" t="str">
        <f t="shared" si="80"/>
        <v/>
      </c>
      <c r="K2557" s="23" t="s">
        <v>7120</v>
      </c>
      <c r="L2557" s="49" t="e">
        <f>VLOOKUP(E2557&amp;F2557,団体コード!$A$1:$C$1743,3,FALSE)</f>
        <v>#N/A</v>
      </c>
      <c r="M2557" s="49" t="e">
        <f>VLOOKUP(E2557&amp;F2557,団体コード!$A$1:$C$1743,2,FALSE)</f>
        <v>#N/A</v>
      </c>
      <c r="N2557" s="51" t="e">
        <f>VLOOKUP(E2557,団体コード!$E$1:$F$48,2,FALSE)</f>
        <v>#N/A</v>
      </c>
      <c r="O2557" s="51" t="e">
        <f t="shared" si="81"/>
        <v>#N/A</v>
      </c>
      <c r="P2557" s="51">
        <v>1</v>
      </c>
      <c r="Q2557" s="51" t="s">
        <v>5341</v>
      </c>
      <c r="R2557" s="54" t="b">
        <v>1</v>
      </c>
      <c r="S2557" s="52" t="s">
        <v>7126</v>
      </c>
      <c r="T2557" s="67" t="s">
        <v>7127</v>
      </c>
      <c r="U2557" s="75" t="s">
        <v>5331</v>
      </c>
      <c r="V2557" s="47" t="s">
        <v>5331</v>
      </c>
      <c r="W2557" s="47" t="s">
        <v>5331</v>
      </c>
      <c r="X2557" s="47" t="s">
        <v>5331</v>
      </c>
      <c r="Y2557" s="47" t="s">
        <v>5331</v>
      </c>
      <c r="Z2557" s="28"/>
      <c r="AA2557" s="27"/>
      <c r="AB2557" s="27"/>
      <c r="AC2557" s="27"/>
      <c r="AD2557" s="30"/>
      <c r="AE2557" s="1"/>
      <c r="AF2557" s="23" t="s">
        <v>5331</v>
      </c>
      <c r="AG2557" s="26"/>
      <c r="AH2557" s="53"/>
    </row>
    <row r="2558" spans="1:34" ht="51.6" customHeight="1" x14ac:dyDescent="0.45">
      <c r="A2558" s="23">
        <v>2552</v>
      </c>
      <c r="B2558" s="25"/>
      <c r="C2558" s="25"/>
      <c r="D2558" s="29"/>
      <c r="E2558" s="1"/>
      <c r="F2558" s="1"/>
      <c r="G2558" s="25"/>
      <c r="H2558" s="71"/>
      <c r="I2558" s="83"/>
      <c r="J2558" s="50" t="str">
        <f t="shared" si="80"/>
        <v/>
      </c>
      <c r="K2558" s="23" t="s">
        <v>7120</v>
      </c>
      <c r="L2558" s="49" t="e">
        <f>VLOOKUP(E2558&amp;F2558,団体コード!$A$1:$C$1743,3,FALSE)</f>
        <v>#N/A</v>
      </c>
      <c r="M2558" s="49" t="e">
        <f>VLOOKUP(E2558&amp;F2558,団体コード!$A$1:$C$1743,2,FALSE)</f>
        <v>#N/A</v>
      </c>
      <c r="N2558" s="51" t="e">
        <f>VLOOKUP(E2558,団体コード!$E$1:$F$48,2,FALSE)</f>
        <v>#N/A</v>
      </c>
      <c r="O2558" s="51" t="e">
        <f t="shared" si="81"/>
        <v>#N/A</v>
      </c>
      <c r="P2558" s="51">
        <v>1</v>
      </c>
      <c r="Q2558" s="51" t="s">
        <v>5341</v>
      </c>
      <c r="R2558" s="54" t="b">
        <v>1</v>
      </c>
      <c r="S2558" s="52" t="s">
        <v>7126</v>
      </c>
      <c r="T2558" s="67" t="s">
        <v>7127</v>
      </c>
      <c r="U2558" s="75" t="s">
        <v>5331</v>
      </c>
      <c r="V2558" s="47" t="s">
        <v>5331</v>
      </c>
      <c r="W2558" s="47" t="s">
        <v>5331</v>
      </c>
      <c r="X2558" s="47" t="s">
        <v>5331</v>
      </c>
      <c r="Y2558" s="47" t="s">
        <v>5331</v>
      </c>
      <c r="Z2558" s="28"/>
      <c r="AA2558" s="27"/>
      <c r="AB2558" s="27"/>
      <c r="AC2558" s="27"/>
      <c r="AD2558" s="30"/>
      <c r="AE2558" s="1"/>
      <c r="AF2558" s="23" t="s">
        <v>5331</v>
      </c>
      <c r="AG2558" s="26"/>
      <c r="AH2558" s="53"/>
    </row>
    <row r="2559" spans="1:34" ht="51.6" customHeight="1" x14ac:dyDescent="0.45">
      <c r="A2559" s="23">
        <v>2553</v>
      </c>
      <c r="B2559" s="25"/>
      <c r="C2559" s="25"/>
      <c r="D2559" s="29"/>
      <c r="E2559" s="1"/>
      <c r="F2559" s="1"/>
      <c r="G2559" s="25"/>
      <c r="H2559" s="71"/>
      <c r="I2559" s="83"/>
      <c r="J2559" s="50" t="str">
        <f t="shared" si="80"/>
        <v/>
      </c>
      <c r="K2559" s="23" t="s">
        <v>7120</v>
      </c>
      <c r="L2559" s="49" t="e">
        <f>VLOOKUP(E2559&amp;F2559,団体コード!$A$1:$C$1743,3,FALSE)</f>
        <v>#N/A</v>
      </c>
      <c r="M2559" s="49" t="e">
        <f>VLOOKUP(E2559&amp;F2559,団体コード!$A$1:$C$1743,2,FALSE)</f>
        <v>#N/A</v>
      </c>
      <c r="N2559" s="51" t="e">
        <f>VLOOKUP(E2559,団体コード!$E$1:$F$48,2,FALSE)</f>
        <v>#N/A</v>
      </c>
      <c r="O2559" s="51" t="e">
        <f t="shared" si="81"/>
        <v>#N/A</v>
      </c>
      <c r="P2559" s="51">
        <v>1</v>
      </c>
      <c r="Q2559" s="51" t="s">
        <v>5341</v>
      </c>
      <c r="R2559" s="54" t="b">
        <v>1</v>
      </c>
      <c r="S2559" s="52" t="s">
        <v>7126</v>
      </c>
      <c r="T2559" s="67" t="s">
        <v>7127</v>
      </c>
      <c r="U2559" s="75" t="s">
        <v>5331</v>
      </c>
      <c r="V2559" s="47" t="s">
        <v>5331</v>
      </c>
      <c r="W2559" s="47" t="s">
        <v>5331</v>
      </c>
      <c r="X2559" s="47" t="s">
        <v>5331</v>
      </c>
      <c r="Y2559" s="47" t="s">
        <v>5331</v>
      </c>
      <c r="Z2559" s="28"/>
      <c r="AA2559" s="27"/>
      <c r="AB2559" s="27"/>
      <c r="AC2559" s="27"/>
      <c r="AD2559" s="30"/>
      <c r="AE2559" s="1"/>
      <c r="AF2559" s="23" t="s">
        <v>5331</v>
      </c>
      <c r="AG2559" s="26"/>
      <c r="AH2559" s="53"/>
    </row>
    <row r="2560" spans="1:34" ht="51.6" customHeight="1" x14ac:dyDescent="0.45">
      <c r="A2560" s="23">
        <v>2554</v>
      </c>
      <c r="B2560" s="25"/>
      <c r="C2560" s="25"/>
      <c r="D2560" s="29"/>
      <c r="E2560" s="1"/>
      <c r="F2560" s="1"/>
      <c r="G2560" s="25"/>
      <c r="H2560" s="71"/>
      <c r="I2560" s="83"/>
      <c r="J2560" s="50" t="str">
        <f t="shared" si="80"/>
        <v/>
      </c>
      <c r="K2560" s="23" t="s">
        <v>7120</v>
      </c>
      <c r="L2560" s="49" t="e">
        <f>VLOOKUP(E2560&amp;F2560,団体コード!$A$1:$C$1743,3,FALSE)</f>
        <v>#N/A</v>
      </c>
      <c r="M2560" s="49" t="e">
        <f>VLOOKUP(E2560&amp;F2560,団体コード!$A$1:$C$1743,2,FALSE)</f>
        <v>#N/A</v>
      </c>
      <c r="N2560" s="51" t="e">
        <f>VLOOKUP(E2560,団体コード!$E$1:$F$48,2,FALSE)</f>
        <v>#N/A</v>
      </c>
      <c r="O2560" s="51" t="e">
        <f t="shared" si="81"/>
        <v>#N/A</v>
      </c>
      <c r="P2560" s="51">
        <v>1</v>
      </c>
      <c r="Q2560" s="51" t="s">
        <v>5341</v>
      </c>
      <c r="R2560" s="54" t="b">
        <v>1</v>
      </c>
      <c r="S2560" s="52" t="s">
        <v>7126</v>
      </c>
      <c r="T2560" s="67" t="s">
        <v>7127</v>
      </c>
      <c r="U2560" s="75" t="s">
        <v>5331</v>
      </c>
      <c r="V2560" s="47" t="s">
        <v>5331</v>
      </c>
      <c r="W2560" s="47" t="s">
        <v>5331</v>
      </c>
      <c r="X2560" s="47" t="s">
        <v>5331</v>
      </c>
      <c r="Y2560" s="47" t="s">
        <v>5331</v>
      </c>
      <c r="Z2560" s="28"/>
      <c r="AA2560" s="27"/>
      <c r="AB2560" s="27"/>
      <c r="AC2560" s="27"/>
      <c r="AD2560" s="30"/>
      <c r="AE2560" s="1"/>
      <c r="AF2560" s="23" t="s">
        <v>5331</v>
      </c>
      <c r="AG2560" s="26"/>
      <c r="AH2560" s="53"/>
    </row>
    <row r="2561" spans="1:34" ht="51.6" customHeight="1" x14ac:dyDescent="0.45">
      <c r="A2561" s="23">
        <v>2555</v>
      </c>
      <c r="B2561" s="25"/>
      <c r="C2561" s="25"/>
      <c r="D2561" s="29"/>
      <c r="E2561" s="1"/>
      <c r="F2561" s="1"/>
      <c r="G2561" s="25"/>
      <c r="H2561" s="71"/>
      <c r="I2561" s="83"/>
      <c r="J2561" s="50" t="str">
        <f t="shared" si="80"/>
        <v/>
      </c>
      <c r="K2561" s="23" t="s">
        <v>7120</v>
      </c>
      <c r="L2561" s="49" t="e">
        <f>VLOOKUP(E2561&amp;F2561,団体コード!$A$1:$C$1743,3,FALSE)</f>
        <v>#N/A</v>
      </c>
      <c r="M2561" s="49" t="e">
        <f>VLOOKUP(E2561&amp;F2561,団体コード!$A$1:$C$1743,2,FALSE)</f>
        <v>#N/A</v>
      </c>
      <c r="N2561" s="51" t="e">
        <f>VLOOKUP(E2561,団体コード!$E$1:$F$48,2,FALSE)</f>
        <v>#N/A</v>
      </c>
      <c r="O2561" s="51" t="e">
        <f t="shared" si="81"/>
        <v>#N/A</v>
      </c>
      <c r="P2561" s="51">
        <v>1</v>
      </c>
      <c r="Q2561" s="51" t="s">
        <v>5341</v>
      </c>
      <c r="R2561" s="54" t="b">
        <v>1</v>
      </c>
      <c r="S2561" s="52" t="s">
        <v>7126</v>
      </c>
      <c r="T2561" s="67" t="s">
        <v>7127</v>
      </c>
      <c r="U2561" s="75" t="s">
        <v>5331</v>
      </c>
      <c r="V2561" s="47" t="s">
        <v>5331</v>
      </c>
      <c r="W2561" s="47" t="s">
        <v>5331</v>
      </c>
      <c r="X2561" s="47" t="s">
        <v>5331</v>
      </c>
      <c r="Y2561" s="47" t="s">
        <v>5331</v>
      </c>
      <c r="Z2561" s="28"/>
      <c r="AA2561" s="27"/>
      <c r="AB2561" s="27"/>
      <c r="AC2561" s="27"/>
      <c r="AD2561" s="30"/>
      <c r="AE2561" s="1"/>
      <c r="AF2561" s="23" t="s">
        <v>5331</v>
      </c>
      <c r="AG2561" s="26"/>
      <c r="AH2561" s="53"/>
    </row>
    <row r="2562" spans="1:34" ht="51.6" customHeight="1" x14ac:dyDescent="0.45">
      <c r="A2562" s="23">
        <v>2556</v>
      </c>
      <c r="B2562" s="25"/>
      <c r="C2562" s="25"/>
      <c r="D2562" s="29"/>
      <c r="E2562" s="1"/>
      <c r="F2562" s="1"/>
      <c r="G2562" s="25"/>
      <c r="H2562" s="71"/>
      <c r="I2562" s="83"/>
      <c r="J2562" s="50" t="str">
        <f t="shared" si="80"/>
        <v/>
      </c>
      <c r="K2562" s="23" t="s">
        <v>7120</v>
      </c>
      <c r="L2562" s="49" t="e">
        <f>VLOOKUP(E2562&amp;F2562,団体コード!$A$1:$C$1743,3,FALSE)</f>
        <v>#N/A</v>
      </c>
      <c r="M2562" s="49" t="e">
        <f>VLOOKUP(E2562&amp;F2562,団体コード!$A$1:$C$1743,2,FALSE)</f>
        <v>#N/A</v>
      </c>
      <c r="N2562" s="51" t="e">
        <f>VLOOKUP(E2562,団体コード!$E$1:$F$48,2,FALSE)</f>
        <v>#N/A</v>
      </c>
      <c r="O2562" s="51" t="e">
        <f t="shared" si="81"/>
        <v>#N/A</v>
      </c>
      <c r="P2562" s="51">
        <v>1</v>
      </c>
      <c r="Q2562" s="51" t="s">
        <v>5341</v>
      </c>
      <c r="R2562" s="54" t="b">
        <v>1</v>
      </c>
      <c r="S2562" s="52" t="s">
        <v>7126</v>
      </c>
      <c r="T2562" s="67" t="s">
        <v>7127</v>
      </c>
      <c r="U2562" s="75" t="s">
        <v>5331</v>
      </c>
      <c r="V2562" s="47" t="s">
        <v>5331</v>
      </c>
      <c r="W2562" s="47" t="s">
        <v>5331</v>
      </c>
      <c r="X2562" s="47" t="s">
        <v>5331</v>
      </c>
      <c r="Y2562" s="47" t="s">
        <v>5331</v>
      </c>
      <c r="Z2562" s="28"/>
      <c r="AA2562" s="27"/>
      <c r="AB2562" s="27"/>
      <c r="AC2562" s="27"/>
      <c r="AD2562" s="30"/>
      <c r="AE2562" s="1"/>
      <c r="AF2562" s="23" t="s">
        <v>5331</v>
      </c>
      <c r="AG2562" s="26"/>
      <c r="AH2562" s="53"/>
    </row>
    <row r="2563" spans="1:34" ht="51.6" customHeight="1" x14ac:dyDescent="0.45">
      <c r="A2563" s="23">
        <v>2557</v>
      </c>
      <c r="B2563" s="25"/>
      <c r="C2563" s="25"/>
      <c r="D2563" s="29"/>
      <c r="E2563" s="1"/>
      <c r="F2563" s="1"/>
      <c r="G2563" s="25"/>
      <c r="H2563" s="71"/>
      <c r="I2563" s="83"/>
      <c r="J2563" s="50" t="str">
        <f t="shared" si="80"/>
        <v/>
      </c>
      <c r="K2563" s="23" t="s">
        <v>7120</v>
      </c>
      <c r="L2563" s="49" t="e">
        <f>VLOOKUP(E2563&amp;F2563,団体コード!$A$1:$C$1743,3,FALSE)</f>
        <v>#N/A</v>
      </c>
      <c r="M2563" s="49" t="e">
        <f>VLOOKUP(E2563&amp;F2563,団体コード!$A$1:$C$1743,2,FALSE)</f>
        <v>#N/A</v>
      </c>
      <c r="N2563" s="51" t="e">
        <f>VLOOKUP(E2563,団体コード!$E$1:$F$48,2,FALSE)</f>
        <v>#N/A</v>
      </c>
      <c r="O2563" s="51" t="e">
        <f t="shared" si="81"/>
        <v>#N/A</v>
      </c>
      <c r="P2563" s="51">
        <v>1</v>
      </c>
      <c r="Q2563" s="51" t="s">
        <v>5341</v>
      </c>
      <c r="R2563" s="54" t="b">
        <v>1</v>
      </c>
      <c r="S2563" s="52" t="s">
        <v>7126</v>
      </c>
      <c r="T2563" s="67" t="s">
        <v>7127</v>
      </c>
      <c r="U2563" s="75" t="s">
        <v>5331</v>
      </c>
      <c r="V2563" s="47" t="s">
        <v>5331</v>
      </c>
      <c r="W2563" s="47" t="s">
        <v>5331</v>
      </c>
      <c r="X2563" s="47" t="s">
        <v>5331</v>
      </c>
      <c r="Y2563" s="47" t="s">
        <v>5331</v>
      </c>
      <c r="Z2563" s="28"/>
      <c r="AA2563" s="27"/>
      <c r="AB2563" s="27"/>
      <c r="AC2563" s="27"/>
      <c r="AD2563" s="30"/>
      <c r="AE2563" s="1"/>
      <c r="AF2563" s="23" t="s">
        <v>5331</v>
      </c>
      <c r="AG2563" s="26"/>
      <c r="AH2563" s="53"/>
    </row>
    <row r="2564" spans="1:34" ht="51.6" customHeight="1" x14ac:dyDescent="0.45">
      <c r="A2564" s="23">
        <v>2558</v>
      </c>
      <c r="B2564" s="25"/>
      <c r="C2564" s="25"/>
      <c r="D2564" s="29"/>
      <c r="E2564" s="1"/>
      <c r="F2564" s="1"/>
      <c r="G2564" s="25"/>
      <c r="H2564" s="71"/>
      <c r="I2564" s="83"/>
      <c r="J2564" s="50" t="str">
        <f t="shared" si="80"/>
        <v/>
      </c>
      <c r="K2564" s="23" t="s">
        <v>7120</v>
      </c>
      <c r="L2564" s="49" t="e">
        <f>VLOOKUP(E2564&amp;F2564,団体コード!$A$1:$C$1743,3,FALSE)</f>
        <v>#N/A</v>
      </c>
      <c r="M2564" s="49" t="e">
        <f>VLOOKUP(E2564&amp;F2564,団体コード!$A$1:$C$1743,2,FALSE)</f>
        <v>#N/A</v>
      </c>
      <c r="N2564" s="51" t="e">
        <f>VLOOKUP(E2564,団体コード!$E$1:$F$48,2,FALSE)</f>
        <v>#N/A</v>
      </c>
      <c r="O2564" s="51" t="e">
        <f t="shared" si="81"/>
        <v>#N/A</v>
      </c>
      <c r="P2564" s="51">
        <v>1</v>
      </c>
      <c r="Q2564" s="51" t="s">
        <v>5341</v>
      </c>
      <c r="R2564" s="54" t="b">
        <v>1</v>
      </c>
      <c r="S2564" s="52" t="s">
        <v>7126</v>
      </c>
      <c r="T2564" s="67" t="s">
        <v>7127</v>
      </c>
      <c r="U2564" s="75" t="s">
        <v>5331</v>
      </c>
      <c r="V2564" s="47" t="s">
        <v>5331</v>
      </c>
      <c r="W2564" s="47" t="s">
        <v>5331</v>
      </c>
      <c r="X2564" s="47" t="s">
        <v>5331</v>
      </c>
      <c r="Y2564" s="47" t="s">
        <v>5331</v>
      </c>
      <c r="Z2564" s="28"/>
      <c r="AA2564" s="27"/>
      <c r="AB2564" s="27"/>
      <c r="AC2564" s="27"/>
      <c r="AD2564" s="30"/>
      <c r="AE2564" s="1"/>
      <c r="AF2564" s="23" t="s">
        <v>5331</v>
      </c>
      <c r="AG2564" s="26"/>
      <c r="AH2564" s="53"/>
    </row>
    <row r="2565" spans="1:34" ht="51.6" customHeight="1" x14ac:dyDescent="0.45">
      <c r="A2565" s="23">
        <v>2559</v>
      </c>
      <c r="B2565" s="25"/>
      <c r="C2565" s="25"/>
      <c r="D2565" s="29"/>
      <c r="E2565" s="1"/>
      <c r="F2565" s="1"/>
      <c r="G2565" s="25"/>
      <c r="H2565" s="71"/>
      <c r="I2565" s="83"/>
      <c r="J2565" s="50" t="str">
        <f t="shared" si="80"/>
        <v/>
      </c>
      <c r="K2565" s="23" t="s">
        <v>7120</v>
      </c>
      <c r="L2565" s="49" t="e">
        <f>VLOOKUP(E2565&amp;F2565,団体コード!$A$1:$C$1743,3,FALSE)</f>
        <v>#N/A</v>
      </c>
      <c r="M2565" s="49" t="e">
        <f>VLOOKUP(E2565&amp;F2565,団体コード!$A$1:$C$1743,2,FALSE)</f>
        <v>#N/A</v>
      </c>
      <c r="N2565" s="51" t="e">
        <f>VLOOKUP(E2565,団体コード!$E$1:$F$48,2,FALSE)</f>
        <v>#N/A</v>
      </c>
      <c r="O2565" s="51" t="e">
        <f t="shared" si="81"/>
        <v>#N/A</v>
      </c>
      <c r="P2565" s="51">
        <v>1</v>
      </c>
      <c r="Q2565" s="51" t="s">
        <v>5341</v>
      </c>
      <c r="R2565" s="54" t="b">
        <v>1</v>
      </c>
      <c r="S2565" s="52" t="s">
        <v>7126</v>
      </c>
      <c r="T2565" s="67" t="s">
        <v>7127</v>
      </c>
      <c r="U2565" s="75" t="s">
        <v>5331</v>
      </c>
      <c r="V2565" s="47" t="s">
        <v>5331</v>
      </c>
      <c r="W2565" s="47" t="s">
        <v>5331</v>
      </c>
      <c r="X2565" s="47" t="s">
        <v>5331</v>
      </c>
      <c r="Y2565" s="47" t="s">
        <v>5331</v>
      </c>
      <c r="Z2565" s="28"/>
      <c r="AA2565" s="27"/>
      <c r="AB2565" s="27"/>
      <c r="AC2565" s="27"/>
      <c r="AD2565" s="30"/>
      <c r="AE2565" s="1"/>
      <c r="AF2565" s="23" t="s">
        <v>5331</v>
      </c>
      <c r="AG2565" s="26"/>
      <c r="AH2565" s="53"/>
    </row>
    <row r="2566" spans="1:34" ht="51.6" customHeight="1" x14ac:dyDescent="0.45">
      <c r="A2566" s="23">
        <v>2560</v>
      </c>
      <c r="B2566" s="25"/>
      <c r="C2566" s="25"/>
      <c r="D2566" s="29"/>
      <c r="E2566" s="1"/>
      <c r="F2566" s="1"/>
      <c r="G2566" s="25"/>
      <c r="H2566" s="71"/>
      <c r="I2566" s="83"/>
      <c r="J2566" s="50" t="str">
        <f t="shared" si="80"/>
        <v/>
      </c>
      <c r="K2566" s="23" t="s">
        <v>7120</v>
      </c>
      <c r="L2566" s="49" t="e">
        <f>VLOOKUP(E2566&amp;F2566,団体コード!$A$1:$C$1743,3,FALSE)</f>
        <v>#N/A</v>
      </c>
      <c r="M2566" s="49" t="e">
        <f>VLOOKUP(E2566&amp;F2566,団体コード!$A$1:$C$1743,2,FALSE)</f>
        <v>#N/A</v>
      </c>
      <c r="N2566" s="51" t="e">
        <f>VLOOKUP(E2566,団体コード!$E$1:$F$48,2,FALSE)</f>
        <v>#N/A</v>
      </c>
      <c r="O2566" s="51" t="e">
        <f t="shared" si="81"/>
        <v>#N/A</v>
      </c>
      <c r="P2566" s="51">
        <v>1</v>
      </c>
      <c r="Q2566" s="51" t="s">
        <v>5341</v>
      </c>
      <c r="R2566" s="54" t="b">
        <v>1</v>
      </c>
      <c r="S2566" s="52" t="s">
        <v>7126</v>
      </c>
      <c r="T2566" s="67" t="s">
        <v>7127</v>
      </c>
      <c r="U2566" s="75" t="s">
        <v>5331</v>
      </c>
      <c r="V2566" s="47" t="s">
        <v>5331</v>
      </c>
      <c r="W2566" s="47" t="s">
        <v>5331</v>
      </c>
      <c r="X2566" s="47" t="s">
        <v>5331</v>
      </c>
      <c r="Y2566" s="47" t="s">
        <v>5331</v>
      </c>
      <c r="Z2566" s="28"/>
      <c r="AA2566" s="27"/>
      <c r="AB2566" s="27"/>
      <c r="AC2566" s="27"/>
      <c r="AD2566" s="30"/>
      <c r="AE2566" s="1"/>
      <c r="AF2566" s="23" t="s">
        <v>5331</v>
      </c>
      <c r="AG2566" s="26"/>
      <c r="AH2566" s="53"/>
    </row>
    <row r="2567" spans="1:34" ht="51.6" customHeight="1" x14ac:dyDescent="0.45">
      <c r="A2567" s="23">
        <v>2561</v>
      </c>
      <c r="B2567" s="25"/>
      <c r="C2567" s="25"/>
      <c r="D2567" s="29"/>
      <c r="E2567" s="1"/>
      <c r="F2567" s="1"/>
      <c r="G2567" s="25"/>
      <c r="H2567" s="71"/>
      <c r="I2567" s="83"/>
      <c r="J2567" s="50" t="str">
        <f t="shared" si="80"/>
        <v/>
      </c>
      <c r="K2567" s="23" t="s">
        <v>7120</v>
      </c>
      <c r="L2567" s="49" t="e">
        <f>VLOOKUP(E2567&amp;F2567,団体コード!$A$1:$C$1743,3,FALSE)</f>
        <v>#N/A</v>
      </c>
      <c r="M2567" s="49" t="e">
        <f>VLOOKUP(E2567&amp;F2567,団体コード!$A$1:$C$1743,2,FALSE)</f>
        <v>#N/A</v>
      </c>
      <c r="N2567" s="51" t="e">
        <f>VLOOKUP(E2567,団体コード!$E$1:$F$48,2,FALSE)</f>
        <v>#N/A</v>
      </c>
      <c r="O2567" s="51" t="e">
        <f t="shared" si="81"/>
        <v>#N/A</v>
      </c>
      <c r="P2567" s="51">
        <v>1</v>
      </c>
      <c r="Q2567" s="51" t="s">
        <v>5341</v>
      </c>
      <c r="R2567" s="54" t="b">
        <v>1</v>
      </c>
      <c r="S2567" s="52" t="s">
        <v>7126</v>
      </c>
      <c r="T2567" s="67" t="s">
        <v>7127</v>
      </c>
      <c r="U2567" s="75" t="s">
        <v>5331</v>
      </c>
      <c r="V2567" s="47" t="s">
        <v>5331</v>
      </c>
      <c r="W2567" s="47" t="s">
        <v>5331</v>
      </c>
      <c r="X2567" s="47" t="s">
        <v>5331</v>
      </c>
      <c r="Y2567" s="47" t="s">
        <v>5331</v>
      </c>
      <c r="Z2567" s="28"/>
      <c r="AA2567" s="27"/>
      <c r="AB2567" s="27"/>
      <c r="AC2567" s="27"/>
      <c r="AD2567" s="30"/>
      <c r="AE2567" s="1"/>
      <c r="AF2567" s="23" t="s">
        <v>5331</v>
      </c>
      <c r="AG2567" s="26"/>
      <c r="AH2567" s="53"/>
    </row>
    <row r="2568" spans="1:34" ht="51.6" customHeight="1" x14ac:dyDescent="0.45">
      <c r="A2568" s="23">
        <v>2562</v>
      </c>
      <c r="B2568" s="25"/>
      <c r="C2568" s="25"/>
      <c r="D2568" s="29"/>
      <c r="E2568" s="1"/>
      <c r="F2568" s="1"/>
      <c r="G2568" s="25"/>
      <c r="H2568" s="71"/>
      <c r="I2568" s="83"/>
      <c r="J2568" s="50" t="str">
        <f t="shared" ref="J2568:J2631" si="82">E2568&amp;F2568&amp;G2568</f>
        <v/>
      </c>
      <c r="K2568" s="23" t="s">
        <v>7120</v>
      </c>
      <c r="L2568" s="49" t="e">
        <f>VLOOKUP(E2568&amp;F2568,団体コード!$A$1:$C$1743,3,FALSE)</f>
        <v>#N/A</v>
      </c>
      <c r="M2568" s="49" t="e">
        <f>VLOOKUP(E2568&amp;F2568,団体コード!$A$1:$C$1743,2,FALSE)</f>
        <v>#N/A</v>
      </c>
      <c r="N2568" s="51" t="e">
        <f>VLOOKUP(E2568,団体コード!$E$1:$F$48,2,FALSE)</f>
        <v>#N/A</v>
      </c>
      <c r="O2568" s="51" t="e">
        <f t="shared" ref="O2568:O2631" si="83">N2568</f>
        <v>#N/A</v>
      </c>
      <c r="P2568" s="51">
        <v>1</v>
      </c>
      <c r="Q2568" s="51" t="s">
        <v>5341</v>
      </c>
      <c r="R2568" s="54" t="b">
        <v>1</v>
      </c>
      <c r="S2568" s="52" t="s">
        <v>7126</v>
      </c>
      <c r="T2568" s="67" t="s">
        <v>7127</v>
      </c>
      <c r="U2568" s="75" t="s">
        <v>5331</v>
      </c>
      <c r="V2568" s="47" t="s">
        <v>5331</v>
      </c>
      <c r="W2568" s="47" t="s">
        <v>5331</v>
      </c>
      <c r="X2568" s="47" t="s">
        <v>5331</v>
      </c>
      <c r="Y2568" s="47" t="s">
        <v>5331</v>
      </c>
      <c r="Z2568" s="28"/>
      <c r="AA2568" s="27"/>
      <c r="AB2568" s="27"/>
      <c r="AC2568" s="27"/>
      <c r="AD2568" s="30"/>
      <c r="AE2568" s="1"/>
      <c r="AF2568" s="23" t="s">
        <v>5331</v>
      </c>
      <c r="AG2568" s="26"/>
      <c r="AH2568" s="53"/>
    </row>
    <row r="2569" spans="1:34" ht="51.6" customHeight="1" x14ac:dyDescent="0.45">
      <c r="A2569" s="23">
        <v>2563</v>
      </c>
      <c r="B2569" s="25"/>
      <c r="C2569" s="25"/>
      <c r="D2569" s="29"/>
      <c r="E2569" s="1"/>
      <c r="F2569" s="1"/>
      <c r="G2569" s="25"/>
      <c r="H2569" s="71"/>
      <c r="I2569" s="83"/>
      <c r="J2569" s="50" t="str">
        <f t="shared" si="82"/>
        <v/>
      </c>
      <c r="K2569" s="23" t="s">
        <v>7120</v>
      </c>
      <c r="L2569" s="49" t="e">
        <f>VLOOKUP(E2569&amp;F2569,団体コード!$A$1:$C$1743,3,FALSE)</f>
        <v>#N/A</v>
      </c>
      <c r="M2569" s="49" t="e">
        <f>VLOOKUP(E2569&amp;F2569,団体コード!$A$1:$C$1743,2,FALSE)</f>
        <v>#N/A</v>
      </c>
      <c r="N2569" s="51" t="e">
        <f>VLOOKUP(E2569,団体コード!$E$1:$F$48,2,FALSE)</f>
        <v>#N/A</v>
      </c>
      <c r="O2569" s="51" t="e">
        <f t="shared" si="83"/>
        <v>#N/A</v>
      </c>
      <c r="P2569" s="51">
        <v>1</v>
      </c>
      <c r="Q2569" s="51" t="s">
        <v>5341</v>
      </c>
      <c r="R2569" s="54" t="b">
        <v>1</v>
      </c>
      <c r="S2569" s="52" t="s">
        <v>7126</v>
      </c>
      <c r="T2569" s="67" t="s">
        <v>7127</v>
      </c>
      <c r="U2569" s="75" t="s">
        <v>5331</v>
      </c>
      <c r="V2569" s="47" t="s">
        <v>5331</v>
      </c>
      <c r="W2569" s="47" t="s">
        <v>5331</v>
      </c>
      <c r="X2569" s="47" t="s">
        <v>5331</v>
      </c>
      <c r="Y2569" s="47" t="s">
        <v>5331</v>
      </c>
      <c r="Z2569" s="28"/>
      <c r="AA2569" s="27"/>
      <c r="AB2569" s="27"/>
      <c r="AC2569" s="27"/>
      <c r="AD2569" s="30"/>
      <c r="AE2569" s="1"/>
      <c r="AF2569" s="23" t="s">
        <v>5331</v>
      </c>
      <c r="AG2569" s="26"/>
      <c r="AH2569" s="53"/>
    </row>
    <row r="2570" spans="1:34" ht="51.6" customHeight="1" x14ac:dyDescent="0.45">
      <c r="A2570" s="23">
        <v>2564</v>
      </c>
      <c r="B2570" s="25"/>
      <c r="C2570" s="25"/>
      <c r="D2570" s="29"/>
      <c r="E2570" s="1"/>
      <c r="F2570" s="1"/>
      <c r="G2570" s="25"/>
      <c r="H2570" s="71"/>
      <c r="I2570" s="83"/>
      <c r="J2570" s="50" t="str">
        <f t="shared" si="82"/>
        <v/>
      </c>
      <c r="K2570" s="23" t="s">
        <v>7120</v>
      </c>
      <c r="L2570" s="49" t="e">
        <f>VLOOKUP(E2570&amp;F2570,団体コード!$A$1:$C$1743,3,FALSE)</f>
        <v>#N/A</v>
      </c>
      <c r="M2570" s="49" t="e">
        <f>VLOOKUP(E2570&amp;F2570,団体コード!$A$1:$C$1743,2,FALSE)</f>
        <v>#N/A</v>
      </c>
      <c r="N2570" s="51" t="e">
        <f>VLOOKUP(E2570,団体コード!$E$1:$F$48,2,FALSE)</f>
        <v>#N/A</v>
      </c>
      <c r="O2570" s="51" t="e">
        <f t="shared" si="83"/>
        <v>#N/A</v>
      </c>
      <c r="P2570" s="51">
        <v>1</v>
      </c>
      <c r="Q2570" s="51" t="s">
        <v>5341</v>
      </c>
      <c r="R2570" s="54" t="b">
        <v>1</v>
      </c>
      <c r="S2570" s="52" t="s">
        <v>7126</v>
      </c>
      <c r="T2570" s="67" t="s">
        <v>7127</v>
      </c>
      <c r="U2570" s="75" t="s">
        <v>5331</v>
      </c>
      <c r="V2570" s="47" t="s">
        <v>5331</v>
      </c>
      <c r="W2570" s="47" t="s">
        <v>5331</v>
      </c>
      <c r="X2570" s="47" t="s">
        <v>5331</v>
      </c>
      <c r="Y2570" s="47" t="s">
        <v>5331</v>
      </c>
      <c r="Z2570" s="28"/>
      <c r="AA2570" s="27"/>
      <c r="AB2570" s="27"/>
      <c r="AC2570" s="27"/>
      <c r="AD2570" s="30"/>
      <c r="AE2570" s="1"/>
      <c r="AF2570" s="23" t="s">
        <v>5331</v>
      </c>
      <c r="AG2570" s="26"/>
      <c r="AH2570" s="53"/>
    </row>
    <row r="2571" spans="1:34" ht="51.6" customHeight="1" x14ac:dyDescent="0.45">
      <c r="A2571" s="23">
        <v>2565</v>
      </c>
      <c r="B2571" s="25"/>
      <c r="C2571" s="25"/>
      <c r="D2571" s="29"/>
      <c r="E2571" s="1"/>
      <c r="F2571" s="1"/>
      <c r="G2571" s="25"/>
      <c r="H2571" s="71"/>
      <c r="I2571" s="83"/>
      <c r="J2571" s="50" t="str">
        <f t="shared" si="82"/>
        <v/>
      </c>
      <c r="K2571" s="23" t="s">
        <v>7120</v>
      </c>
      <c r="L2571" s="49" t="e">
        <f>VLOOKUP(E2571&amp;F2571,団体コード!$A$1:$C$1743,3,FALSE)</f>
        <v>#N/A</v>
      </c>
      <c r="M2571" s="49" t="e">
        <f>VLOOKUP(E2571&amp;F2571,団体コード!$A$1:$C$1743,2,FALSE)</f>
        <v>#N/A</v>
      </c>
      <c r="N2571" s="51" t="e">
        <f>VLOOKUP(E2571,団体コード!$E$1:$F$48,2,FALSE)</f>
        <v>#N/A</v>
      </c>
      <c r="O2571" s="51" t="e">
        <f t="shared" si="83"/>
        <v>#N/A</v>
      </c>
      <c r="P2571" s="51">
        <v>1</v>
      </c>
      <c r="Q2571" s="51" t="s">
        <v>5341</v>
      </c>
      <c r="R2571" s="54" t="b">
        <v>1</v>
      </c>
      <c r="S2571" s="52" t="s">
        <v>7126</v>
      </c>
      <c r="T2571" s="67" t="s">
        <v>7127</v>
      </c>
      <c r="U2571" s="75" t="s">
        <v>5331</v>
      </c>
      <c r="V2571" s="47" t="s">
        <v>5331</v>
      </c>
      <c r="W2571" s="47" t="s">
        <v>5331</v>
      </c>
      <c r="X2571" s="47" t="s">
        <v>5331</v>
      </c>
      <c r="Y2571" s="47" t="s">
        <v>5331</v>
      </c>
      <c r="Z2571" s="28"/>
      <c r="AA2571" s="27"/>
      <c r="AB2571" s="27"/>
      <c r="AC2571" s="27"/>
      <c r="AD2571" s="30"/>
      <c r="AE2571" s="1"/>
      <c r="AF2571" s="23" t="s">
        <v>5331</v>
      </c>
      <c r="AG2571" s="26"/>
      <c r="AH2571" s="53"/>
    </row>
    <row r="2572" spans="1:34" ht="51.6" customHeight="1" x14ac:dyDescent="0.45">
      <c r="A2572" s="23">
        <v>2566</v>
      </c>
      <c r="B2572" s="25"/>
      <c r="C2572" s="25"/>
      <c r="D2572" s="29"/>
      <c r="E2572" s="1"/>
      <c r="F2572" s="1"/>
      <c r="G2572" s="25"/>
      <c r="H2572" s="71"/>
      <c r="I2572" s="83"/>
      <c r="J2572" s="50" t="str">
        <f t="shared" si="82"/>
        <v/>
      </c>
      <c r="K2572" s="23" t="s">
        <v>7120</v>
      </c>
      <c r="L2572" s="49" t="e">
        <f>VLOOKUP(E2572&amp;F2572,団体コード!$A$1:$C$1743,3,FALSE)</f>
        <v>#N/A</v>
      </c>
      <c r="M2572" s="49" t="e">
        <f>VLOOKUP(E2572&amp;F2572,団体コード!$A$1:$C$1743,2,FALSE)</f>
        <v>#N/A</v>
      </c>
      <c r="N2572" s="51" t="e">
        <f>VLOOKUP(E2572,団体コード!$E$1:$F$48,2,FALSE)</f>
        <v>#N/A</v>
      </c>
      <c r="O2572" s="51" t="e">
        <f t="shared" si="83"/>
        <v>#N/A</v>
      </c>
      <c r="P2572" s="51">
        <v>1</v>
      </c>
      <c r="Q2572" s="51" t="s">
        <v>5341</v>
      </c>
      <c r="R2572" s="54" t="b">
        <v>1</v>
      </c>
      <c r="S2572" s="52" t="s">
        <v>7126</v>
      </c>
      <c r="T2572" s="67" t="s">
        <v>7127</v>
      </c>
      <c r="U2572" s="75" t="s">
        <v>5331</v>
      </c>
      <c r="V2572" s="47" t="s">
        <v>5331</v>
      </c>
      <c r="W2572" s="47" t="s">
        <v>5331</v>
      </c>
      <c r="X2572" s="47" t="s">
        <v>5331</v>
      </c>
      <c r="Y2572" s="47" t="s">
        <v>5331</v>
      </c>
      <c r="Z2572" s="28"/>
      <c r="AA2572" s="27"/>
      <c r="AB2572" s="27"/>
      <c r="AC2572" s="27"/>
      <c r="AD2572" s="30"/>
      <c r="AE2572" s="1"/>
      <c r="AF2572" s="23" t="s">
        <v>5331</v>
      </c>
      <c r="AG2572" s="26"/>
      <c r="AH2572" s="53"/>
    </row>
    <row r="2573" spans="1:34" ht="51.6" customHeight="1" x14ac:dyDescent="0.45">
      <c r="A2573" s="23">
        <v>2567</v>
      </c>
      <c r="B2573" s="25"/>
      <c r="C2573" s="25"/>
      <c r="D2573" s="29"/>
      <c r="E2573" s="1"/>
      <c r="F2573" s="1"/>
      <c r="G2573" s="25"/>
      <c r="H2573" s="71"/>
      <c r="I2573" s="83"/>
      <c r="J2573" s="50" t="str">
        <f t="shared" si="82"/>
        <v/>
      </c>
      <c r="K2573" s="23" t="s">
        <v>7120</v>
      </c>
      <c r="L2573" s="49" t="e">
        <f>VLOOKUP(E2573&amp;F2573,団体コード!$A$1:$C$1743,3,FALSE)</f>
        <v>#N/A</v>
      </c>
      <c r="M2573" s="49" t="e">
        <f>VLOOKUP(E2573&amp;F2573,団体コード!$A$1:$C$1743,2,FALSE)</f>
        <v>#N/A</v>
      </c>
      <c r="N2573" s="51" t="e">
        <f>VLOOKUP(E2573,団体コード!$E$1:$F$48,2,FALSE)</f>
        <v>#N/A</v>
      </c>
      <c r="O2573" s="51" t="e">
        <f t="shared" si="83"/>
        <v>#N/A</v>
      </c>
      <c r="P2573" s="51">
        <v>1</v>
      </c>
      <c r="Q2573" s="51" t="s">
        <v>5341</v>
      </c>
      <c r="R2573" s="54" t="b">
        <v>1</v>
      </c>
      <c r="S2573" s="52" t="s">
        <v>7126</v>
      </c>
      <c r="T2573" s="67" t="s">
        <v>7127</v>
      </c>
      <c r="U2573" s="75" t="s">
        <v>5331</v>
      </c>
      <c r="V2573" s="47" t="s">
        <v>5331</v>
      </c>
      <c r="W2573" s="47" t="s">
        <v>5331</v>
      </c>
      <c r="X2573" s="47" t="s">
        <v>5331</v>
      </c>
      <c r="Y2573" s="47" t="s">
        <v>5331</v>
      </c>
      <c r="Z2573" s="28"/>
      <c r="AA2573" s="27"/>
      <c r="AB2573" s="27"/>
      <c r="AC2573" s="27"/>
      <c r="AD2573" s="30"/>
      <c r="AE2573" s="1"/>
      <c r="AF2573" s="23" t="s">
        <v>5331</v>
      </c>
      <c r="AG2573" s="26"/>
      <c r="AH2573" s="53"/>
    </row>
    <row r="2574" spans="1:34" ht="51.6" customHeight="1" x14ac:dyDescent="0.45">
      <c r="A2574" s="23">
        <v>2568</v>
      </c>
      <c r="B2574" s="25"/>
      <c r="C2574" s="25"/>
      <c r="D2574" s="29"/>
      <c r="E2574" s="1"/>
      <c r="F2574" s="1"/>
      <c r="G2574" s="25"/>
      <c r="H2574" s="71"/>
      <c r="I2574" s="83"/>
      <c r="J2574" s="50" t="str">
        <f t="shared" si="82"/>
        <v/>
      </c>
      <c r="K2574" s="23" t="s">
        <v>7120</v>
      </c>
      <c r="L2574" s="49" t="e">
        <f>VLOOKUP(E2574&amp;F2574,団体コード!$A$1:$C$1743,3,FALSE)</f>
        <v>#N/A</v>
      </c>
      <c r="M2574" s="49" t="e">
        <f>VLOOKUP(E2574&amp;F2574,団体コード!$A$1:$C$1743,2,FALSE)</f>
        <v>#N/A</v>
      </c>
      <c r="N2574" s="51" t="e">
        <f>VLOOKUP(E2574,団体コード!$E$1:$F$48,2,FALSE)</f>
        <v>#N/A</v>
      </c>
      <c r="O2574" s="51" t="e">
        <f t="shared" si="83"/>
        <v>#N/A</v>
      </c>
      <c r="P2574" s="51">
        <v>1</v>
      </c>
      <c r="Q2574" s="51" t="s">
        <v>5341</v>
      </c>
      <c r="R2574" s="54" t="b">
        <v>1</v>
      </c>
      <c r="S2574" s="52" t="s">
        <v>7126</v>
      </c>
      <c r="T2574" s="67" t="s">
        <v>7127</v>
      </c>
      <c r="U2574" s="75" t="s">
        <v>5331</v>
      </c>
      <c r="V2574" s="47" t="s">
        <v>5331</v>
      </c>
      <c r="W2574" s="47" t="s">
        <v>5331</v>
      </c>
      <c r="X2574" s="47" t="s">
        <v>5331</v>
      </c>
      <c r="Y2574" s="47" t="s">
        <v>5331</v>
      </c>
      <c r="Z2574" s="28"/>
      <c r="AA2574" s="27"/>
      <c r="AB2574" s="27"/>
      <c r="AC2574" s="27"/>
      <c r="AD2574" s="30"/>
      <c r="AE2574" s="1"/>
      <c r="AF2574" s="23" t="s">
        <v>5331</v>
      </c>
      <c r="AG2574" s="26"/>
      <c r="AH2574" s="53"/>
    </row>
    <row r="2575" spans="1:34" ht="51.6" customHeight="1" x14ac:dyDescent="0.45">
      <c r="A2575" s="23">
        <v>2569</v>
      </c>
      <c r="B2575" s="25"/>
      <c r="C2575" s="25"/>
      <c r="D2575" s="29"/>
      <c r="E2575" s="1"/>
      <c r="F2575" s="1"/>
      <c r="G2575" s="25"/>
      <c r="H2575" s="71"/>
      <c r="I2575" s="83"/>
      <c r="J2575" s="50" t="str">
        <f t="shared" si="82"/>
        <v/>
      </c>
      <c r="K2575" s="23" t="s">
        <v>7120</v>
      </c>
      <c r="L2575" s="49" t="e">
        <f>VLOOKUP(E2575&amp;F2575,団体コード!$A$1:$C$1743,3,FALSE)</f>
        <v>#N/A</v>
      </c>
      <c r="M2575" s="49" t="e">
        <f>VLOOKUP(E2575&amp;F2575,団体コード!$A$1:$C$1743,2,FALSE)</f>
        <v>#N/A</v>
      </c>
      <c r="N2575" s="51" t="e">
        <f>VLOOKUP(E2575,団体コード!$E$1:$F$48,2,FALSE)</f>
        <v>#N/A</v>
      </c>
      <c r="O2575" s="51" t="e">
        <f t="shared" si="83"/>
        <v>#N/A</v>
      </c>
      <c r="P2575" s="51">
        <v>1</v>
      </c>
      <c r="Q2575" s="51" t="s">
        <v>5341</v>
      </c>
      <c r="R2575" s="54" t="b">
        <v>1</v>
      </c>
      <c r="S2575" s="52" t="s">
        <v>7126</v>
      </c>
      <c r="T2575" s="67" t="s">
        <v>7127</v>
      </c>
      <c r="U2575" s="75" t="s">
        <v>5331</v>
      </c>
      <c r="V2575" s="47" t="s">
        <v>5331</v>
      </c>
      <c r="W2575" s="47" t="s">
        <v>5331</v>
      </c>
      <c r="X2575" s="47" t="s">
        <v>5331</v>
      </c>
      <c r="Y2575" s="47" t="s">
        <v>5331</v>
      </c>
      <c r="Z2575" s="28"/>
      <c r="AA2575" s="27"/>
      <c r="AB2575" s="27"/>
      <c r="AC2575" s="27"/>
      <c r="AD2575" s="30"/>
      <c r="AE2575" s="1"/>
      <c r="AF2575" s="23" t="s">
        <v>5331</v>
      </c>
      <c r="AG2575" s="26"/>
      <c r="AH2575" s="53"/>
    </row>
    <row r="2576" spans="1:34" ht="51.6" customHeight="1" x14ac:dyDescent="0.45">
      <c r="A2576" s="23">
        <v>2570</v>
      </c>
      <c r="B2576" s="25"/>
      <c r="C2576" s="25"/>
      <c r="D2576" s="29"/>
      <c r="E2576" s="1"/>
      <c r="F2576" s="1"/>
      <c r="G2576" s="25"/>
      <c r="H2576" s="71"/>
      <c r="I2576" s="83"/>
      <c r="J2576" s="50" t="str">
        <f t="shared" si="82"/>
        <v/>
      </c>
      <c r="K2576" s="23" t="s">
        <v>7120</v>
      </c>
      <c r="L2576" s="49" t="e">
        <f>VLOOKUP(E2576&amp;F2576,団体コード!$A$1:$C$1743,3,FALSE)</f>
        <v>#N/A</v>
      </c>
      <c r="M2576" s="49" t="e">
        <f>VLOOKUP(E2576&amp;F2576,団体コード!$A$1:$C$1743,2,FALSE)</f>
        <v>#N/A</v>
      </c>
      <c r="N2576" s="51" t="e">
        <f>VLOOKUP(E2576,団体コード!$E$1:$F$48,2,FALSE)</f>
        <v>#N/A</v>
      </c>
      <c r="O2576" s="51" t="e">
        <f t="shared" si="83"/>
        <v>#N/A</v>
      </c>
      <c r="P2576" s="51">
        <v>1</v>
      </c>
      <c r="Q2576" s="51" t="s">
        <v>5341</v>
      </c>
      <c r="R2576" s="54" t="b">
        <v>1</v>
      </c>
      <c r="S2576" s="52" t="s">
        <v>7126</v>
      </c>
      <c r="T2576" s="67" t="s">
        <v>7127</v>
      </c>
      <c r="U2576" s="75" t="s">
        <v>5331</v>
      </c>
      <c r="V2576" s="47" t="s">
        <v>5331</v>
      </c>
      <c r="W2576" s="47" t="s">
        <v>5331</v>
      </c>
      <c r="X2576" s="47" t="s">
        <v>5331</v>
      </c>
      <c r="Y2576" s="47" t="s">
        <v>5331</v>
      </c>
      <c r="Z2576" s="28"/>
      <c r="AA2576" s="27"/>
      <c r="AB2576" s="27"/>
      <c r="AC2576" s="27"/>
      <c r="AD2576" s="30"/>
      <c r="AE2576" s="1"/>
      <c r="AF2576" s="23" t="s">
        <v>5331</v>
      </c>
      <c r="AG2576" s="26"/>
      <c r="AH2576" s="53"/>
    </row>
    <row r="2577" spans="1:34" ht="51.6" customHeight="1" x14ac:dyDescent="0.45">
      <c r="A2577" s="23">
        <v>2571</v>
      </c>
      <c r="B2577" s="25"/>
      <c r="C2577" s="25"/>
      <c r="D2577" s="29"/>
      <c r="E2577" s="1"/>
      <c r="F2577" s="1"/>
      <c r="G2577" s="25"/>
      <c r="H2577" s="71"/>
      <c r="I2577" s="83"/>
      <c r="J2577" s="50" t="str">
        <f t="shared" si="82"/>
        <v/>
      </c>
      <c r="K2577" s="23" t="s">
        <v>7120</v>
      </c>
      <c r="L2577" s="49" t="e">
        <f>VLOOKUP(E2577&amp;F2577,団体コード!$A$1:$C$1743,3,FALSE)</f>
        <v>#N/A</v>
      </c>
      <c r="M2577" s="49" t="e">
        <f>VLOOKUP(E2577&amp;F2577,団体コード!$A$1:$C$1743,2,FALSE)</f>
        <v>#N/A</v>
      </c>
      <c r="N2577" s="51" t="e">
        <f>VLOOKUP(E2577,団体コード!$E$1:$F$48,2,FALSE)</f>
        <v>#N/A</v>
      </c>
      <c r="O2577" s="51" t="e">
        <f t="shared" si="83"/>
        <v>#N/A</v>
      </c>
      <c r="P2577" s="51">
        <v>1</v>
      </c>
      <c r="Q2577" s="51" t="s">
        <v>5341</v>
      </c>
      <c r="R2577" s="54" t="b">
        <v>1</v>
      </c>
      <c r="S2577" s="52" t="s">
        <v>7126</v>
      </c>
      <c r="T2577" s="67" t="s">
        <v>7127</v>
      </c>
      <c r="U2577" s="75" t="s">
        <v>5331</v>
      </c>
      <c r="V2577" s="47" t="s">
        <v>5331</v>
      </c>
      <c r="W2577" s="47" t="s">
        <v>5331</v>
      </c>
      <c r="X2577" s="47" t="s">
        <v>5331</v>
      </c>
      <c r="Y2577" s="47" t="s">
        <v>5331</v>
      </c>
      <c r="Z2577" s="28"/>
      <c r="AA2577" s="27"/>
      <c r="AB2577" s="27"/>
      <c r="AC2577" s="27"/>
      <c r="AD2577" s="30"/>
      <c r="AE2577" s="1"/>
      <c r="AF2577" s="23" t="s">
        <v>5331</v>
      </c>
      <c r="AG2577" s="26"/>
      <c r="AH2577" s="53"/>
    </row>
    <row r="2578" spans="1:34" ht="51.6" customHeight="1" x14ac:dyDescent="0.45">
      <c r="A2578" s="23">
        <v>2572</v>
      </c>
      <c r="B2578" s="25"/>
      <c r="C2578" s="25"/>
      <c r="D2578" s="29"/>
      <c r="E2578" s="1"/>
      <c r="F2578" s="1"/>
      <c r="G2578" s="25"/>
      <c r="H2578" s="71"/>
      <c r="I2578" s="83"/>
      <c r="J2578" s="50" t="str">
        <f t="shared" si="82"/>
        <v/>
      </c>
      <c r="K2578" s="23" t="s">
        <v>7120</v>
      </c>
      <c r="L2578" s="49" t="e">
        <f>VLOOKUP(E2578&amp;F2578,団体コード!$A$1:$C$1743,3,FALSE)</f>
        <v>#N/A</v>
      </c>
      <c r="M2578" s="49" t="e">
        <f>VLOOKUP(E2578&amp;F2578,団体コード!$A$1:$C$1743,2,FALSE)</f>
        <v>#N/A</v>
      </c>
      <c r="N2578" s="51" t="e">
        <f>VLOOKUP(E2578,団体コード!$E$1:$F$48,2,FALSE)</f>
        <v>#N/A</v>
      </c>
      <c r="O2578" s="51" t="e">
        <f t="shared" si="83"/>
        <v>#N/A</v>
      </c>
      <c r="P2578" s="51">
        <v>1</v>
      </c>
      <c r="Q2578" s="51" t="s">
        <v>5341</v>
      </c>
      <c r="R2578" s="54" t="b">
        <v>1</v>
      </c>
      <c r="S2578" s="52" t="s">
        <v>7126</v>
      </c>
      <c r="T2578" s="67" t="s">
        <v>7127</v>
      </c>
      <c r="U2578" s="75" t="s">
        <v>5331</v>
      </c>
      <c r="V2578" s="47" t="s">
        <v>5331</v>
      </c>
      <c r="W2578" s="47" t="s">
        <v>5331</v>
      </c>
      <c r="X2578" s="47" t="s">
        <v>5331</v>
      </c>
      <c r="Y2578" s="47" t="s">
        <v>5331</v>
      </c>
      <c r="Z2578" s="28"/>
      <c r="AA2578" s="27"/>
      <c r="AB2578" s="27"/>
      <c r="AC2578" s="27"/>
      <c r="AD2578" s="30"/>
      <c r="AE2578" s="1"/>
      <c r="AF2578" s="23" t="s">
        <v>5331</v>
      </c>
      <c r="AG2578" s="26"/>
      <c r="AH2578" s="53"/>
    </row>
    <row r="2579" spans="1:34" ht="51.6" customHeight="1" x14ac:dyDescent="0.45">
      <c r="A2579" s="23">
        <v>2573</v>
      </c>
      <c r="B2579" s="25"/>
      <c r="C2579" s="25"/>
      <c r="D2579" s="29"/>
      <c r="E2579" s="1"/>
      <c r="F2579" s="1"/>
      <c r="G2579" s="25"/>
      <c r="H2579" s="71"/>
      <c r="I2579" s="83"/>
      <c r="J2579" s="50" t="str">
        <f t="shared" si="82"/>
        <v/>
      </c>
      <c r="K2579" s="23" t="s">
        <v>7120</v>
      </c>
      <c r="L2579" s="49" t="e">
        <f>VLOOKUP(E2579&amp;F2579,団体コード!$A$1:$C$1743,3,FALSE)</f>
        <v>#N/A</v>
      </c>
      <c r="M2579" s="49" t="e">
        <f>VLOOKUP(E2579&amp;F2579,団体コード!$A$1:$C$1743,2,FALSE)</f>
        <v>#N/A</v>
      </c>
      <c r="N2579" s="51" t="e">
        <f>VLOOKUP(E2579,団体コード!$E$1:$F$48,2,FALSE)</f>
        <v>#N/A</v>
      </c>
      <c r="O2579" s="51" t="e">
        <f t="shared" si="83"/>
        <v>#N/A</v>
      </c>
      <c r="P2579" s="51">
        <v>1</v>
      </c>
      <c r="Q2579" s="51" t="s">
        <v>5341</v>
      </c>
      <c r="R2579" s="54" t="b">
        <v>1</v>
      </c>
      <c r="S2579" s="52" t="s">
        <v>7126</v>
      </c>
      <c r="T2579" s="67" t="s">
        <v>7127</v>
      </c>
      <c r="U2579" s="75" t="s">
        <v>5331</v>
      </c>
      <c r="V2579" s="47" t="s">
        <v>5331</v>
      </c>
      <c r="W2579" s="47" t="s">
        <v>5331</v>
      </c>
      <c r="X2579" s="47" t="s">
        <v>5331</v>
      </c>
      <c r="Y2579" s="47" t="s">
        <v>5331</v>
      </c>
      <c r="Z2579" s="28"/>
      <c r="AA2579" s="27"/>
      <c r="AB2579" s="27"/>
      <c r="AC2579" s="27"/>
      <c r="AD2579" s="30"/>
      <c r="AE2579" s="1"/>
      <c r="AF2579" s="23" t="s">
        <v>5331</v>
      </c>
      <c r="AG2579" s="26"/>
      <c r="AH2579" s="53"/>
    </row>
    <row r="2580" spans="1:34" ht="51.6" customHeight="1" x14ac:dyDescent="0.45">
      <c r="A2580" s="23">
        <v>2574</v>
      </c>
      <c r="B2580" s="25"/>
      <c r="C2580" s="25"/>
      <c r="D2580" s="29"/>
      <c r="E2580" s="1"/>
      <c r="F2580" s="1"/>
      <c r="G2580" s="25"/>
      <c r="H2580" s="71"/>
      <c r="I2580" s="83"/>
      <c r="J2580" s="50" t="str">
        <f t="shared" si="82"/>
        <v/>
      </c>
      <c r="K2580" s="23" t="s">
        <v>7120</v>
      </c>
      <c r="L2580" s="49" t="e">
        <f>VLOOKUP(E2580&amp;F2580,団体コード!$A$1:$C$1743,3,FALSE)</f>
        <v>#N/A</v>
      </c>
      <c r="M2580" s="49" t="e">
        <f>VLOOKUP(E2580&amp;F2580,団体コード!$A$1:$C$1743,2,FALSE)</f>
        <v>#N/A</v>
      </c>
      <c r="N2580" s="51" t="e">
        <f>VLOOKUP(E2580,団体コード!$E$1:$F$48,2,FALSE)</f>
        <v>#N/A</v>
      </c>
      <c r="O2580" s="51" t="e">
        <f t="shared" si="83"/>
        <v>#N/A</v>
      </c>
      <c r="P2580" s="51">
        <v>1</v>
      </c>
      <c r="Q2580" s="51" t="s">
        <v>5341</v>
      </c>
      <c r="R2580" s="54" t="b">
        <v>1</v>
      </c>
      <c r="S2580" s="52" t="s">
        <v>7126</v>
      </c>
      <c r="T2580" s="67" t="s">
        <v>7127</v>
      </c>
      <c r="U2580" s="75" t="s">
        <v>5331</v>
      </c>
      <c r="V2580" s="47" t="s">
        <v>5331</v>
      </c>
      <c r="W2580" s="47" t="s">
        <v>5331</v>
      </c>
      <c r="X2580" s="47" t="s">
        <v>5331</v>
      </c>
      <c r="Y2580" s="47" t="s">
        <v>5331</v>
      </c>
      <c r="Z2580" s="28"/>
      <c r="AA2580" s="27"/>
      <c r="AB2580" s="27"/>
      <c r="AC2580" s="27"/>
      <c r="AD2580" s="30"/>
      <c r="AE2580" s="1"/>
      <c r="AF2580" s="23" t="s">
        <v>5331</v>
      </c>
      <c r="AG2580" s="26"/>
      <c r="AH2580" s="53"/>
    </row>
    <row r="2581" spans="1:34" ht="51.6" customHeight="1" x14ac:dyDescent="0.45">
      <c r="A2581" s="23">
        <v>2575</v>
      </c>
      <c r="B2581" s="25"/>
      <c r="C2581" s="25"/>
      <c r="D2581" s="29"/>
      <c r="E2581" s="1"/>
      <c r="F2581" s="1"/>
      <c r="G2581" s="25"/>
      <c r="H2581" s="71"/>
      <c r="I2581" s="83"/>
      <c r="J2581" s="50" t="str">
        <f t="shared" si="82"/>
        <v/>
      </c>
      <c r="K2581" s="23" t="s">
        <v>7120</v>
      </c>
      <c r="L2581" s="49" t="e">
        <f>VLOOKUP(E2581&amp;F2581,団体コード!$A$1:$C$1743,3,FALSE)</f>
        <v>#N/A</v>
      </c>
      <c r="M2581" s="49" t="e">
        <f>VLOOKUP(E2581&amp;F2581,団体コード!$A$1:$C$1743,2,FALSE)</f>
        <v>#N/A</v>
      </c>
      <c r="N2581" s="51" t="e">
        <f>VLOOKUP(E2581,団体コード!$E$1:$F$48,2,FALSE)</f>
        <v>#N/A</v>
      </c>
      <c r="O2581" s="51" t="e">
        <f t="shared" si="83"/>
        <v>#N/A</v>
      </c>
      <c r="P2581" s="51">
        <v>1</v>
      </c>
      <c r="Q2581" s="51" t="s">
        <v>5341</v>
      </c>
      <c r="R2581" s="54" t="b">
        <v>1</v>
      </c>
      <c r="S2581" s="52" t="s">
        <v>7126</v>
      </c>
      <c r="T2581" s="67" t="s">
        <v>7127</v>
      </c>
      <c r="U2581" s="75" t="s">
        <v>5331</v>
      </c>
      <c r="V2581" s="47" t="s">
        <v>5331</v>
      </c>
      <c r="W2581" s="47" t="s">
        <v>5331</v>
      </c>
      <c r="X2581" s="47" t="s">
        <v>5331</v>
      </c>
      <c r="Y2581" s="47" t="s">
        <v>5331</v>
      </c>
      <c r="Z2581" s="28"/>
      <c r="AA2581" s="27"/>
      <c r="AB2581" s="27"/>
      <c r="AC2581" s="27"/>
      <c r="AD2581" s="30"/>
      <c r="AE2581" s="1"/>
      <c r="AF2581" s="23" t="s">
        <v>5331</v>
      </c>
      <c r="AG2581" s="26"/>
      <c r="AH2581" s="53"/>
    </row>
    <row r="2582" spans="1:34" ht="51.6" customHeight="1" x14ac:dyDescent="0.45">
      <c r="A2582" s="23">
        <v>2576</v>
      </c>
      <c r="B2582" s="25"/>
      <c r="C2582" s="25"/>
      <c r="D2582" s="29"/>
      <c r="E2582" s="1"/>
      <c r="F2582" s="1"/>
      <c r="G2582" s="25"/>
      <c r="H2582" s="71"/>
      <c r="I2582" s="83"/>
      <c r="J2582" s="50" t="str">
        <f t="shared" si="82"/>
        <v/>
      </c>
      <c r="K2582" s="23" t="s">
        <v>7120</v>
      </c>
      <c r="L2582" s="49" t="e">
        <f>VLOOKUP(E2582&amp;F2582,団体コード!$A$1:$C$1743,3,FALSE)</f>
        <v>#N/A</v>
      </c>
      <c r="M2582" s="49" t="e">
        <f>VLOOKUP(E2582&amp;F2582,団体コード!$A$1:$C$1743,2,FALSE)</f>
        <v>#N/A</v>
      </c>
      <c r="N2582" s="51" t="e">
        <f>VLOOKUP(E2582,団体コード!$E$1:$F$48,2,FALSE)</f>
        <v>#N/A</v>
      </c>
      <c r="O2582" s="51" t="e">
        <f t="shared" si="83"/>
        <v>#N/A</v>
      </c>
      <c r="P2582" s="51">
        <v>1</v>
      </c>
      <c r="Q2582" s="51" t="s">
        <v>5341</v>
      </c>
      <c r="R2582" s="54" t="b">
        <v>1</v>
      </c>
      <c r="S2582" s="52" t="s">
        <v>7126</v>
      </c>
      <c r="T2582" s="67" t="s">
        <v>7127</v>
      </c>
      <c r="U2582" s="75" t="s">
        <v>5331</v>
      </c>
      <c r="V2582" s="47" t="s">
        <v>5331</v>
      </c>
      <c r="W2582" s="47" t="s">
        <v>5331</v>
      </c>
      <c r="X2582" s="47" t="s">
        <v>5331</v>
      </c>
      <c r="Y2582" s="47" t="s">
        <v>5331</v>
      </c>
      <c r="Z2582" s="28"/>
      <c r="AA2582" s="27"/>
      <c r="AB2582" s="27"/>
      <c r="AC2582" s="27"/>
      <c r="AD2582" s="30"/>
      <c r="AE2582" s="1"/>
      <c r="AF2582" s="23" t="s">
        <v>5331</v>
      </c>
      <c r="AG2582" s="26"/>
      <c r="AH2582" s="53"/>
    </row>
    <row r="2583" spans="1:34" ht="51.6" customHeight="1" x14ac:dyDescent="0.45">
      <c r="A2583" s="23">
        <v>2577</v>
      </c>
      <c r="B2583" s="25"/>
      <c r="C2583" s="25"/>
      <c r="D2583" s="29"/>
      <c r="E2583" s="1"/>
      <c r="F2583" s="1"/>
      <c r="G2583" s="25"/>
      <c r="H2583" s="71"/>
      <c r="I2583" s="83"/>
      <c r="J2583" s="50" t="str">
        <f t="shared" si="82"/>
        <v/>
      </c>
      <c r="K2583" s="23" t="s">
        <v>7120</v>
      </c>
      <c r="L2583" s="49" t="e">
        <f>VLOOKUP(E2583&amp;F2583,団体コード!$A$1:$C$1743,3,FALSE)</f>
        <v>#N/A</v>
      </c>
      <c r="M2583" s="49" t="e">
        <f>VLOOKUP(E2583&amp;F2583,団体コード!$A$1:$C$1743,2,FALSE)</f>
        <v>#N/A</v>
      </c>
      <c r="N2583" s="51" t="e">
        <f>VLOOKUP(E2583,団体コード!$E$1:$F$48,2,FALSE)</f>
        <v>#N/A</v>
      </c>
      <c r="O2583" s="51" t="e">
        <f t="shared" si="83"/>
        <v>#N/A</v>
      </c>
      <c r="P2583" s="51">
        <v>1</v>
      </c>
      <c r="Q2583" s="51" t="s">
        <v>5341</v>
      </c>
      <c r="R2583" s="54" t="b">
        <v>1</v>
      </c>
      <c r="S2583" s="52" t="s">
        <v>7126</v>
      </c>
      <c r="T2583" s="67" t="s">
        <v>7127</v>
      </c>
      <c r="U2583" s="75" t="s">
        <v>5331</v>
      </c>
      <c r="V2583" s="47" t="s">
        <v>5331</v>
      </c>
      <c r="W2583" s="47" t="s">
        <v>5331</v>
      </c>
      <c r="X2583" s="47" t="s">
        <v>5331</v>
      </c>
      <c r="Y2583" s="47" t="s">
        <v>5331</v>
      </c>
      <c r="Z2583" s="28"/>
      <c r="AA2583" s="27"/>
      <c r="AB2583" s="27"/>
      <c r="AC2583" s="27"/>
      <c r="AD2583" s="30"/>
      <c r="AE2583" s="1"/>
      <c r="AF2583" s="23" t="s">
        <v>5331</v>
      </c>
      <c r="AG2583" s="26"/>
      <c r="AH2583" s="53"/>
    </row>
    <row r="2584" spans="1:34" ht="51.6" customHeight="1" x14ac:dyDescent="0.45">
      <c r="A2584" s="23">
        <v>2578</v>
      </c>
      <c r="B2584" s="25"/>
      <c r="C2584" s="25"/>
      <c r="D2584" s="29"/>
      <c r="E2584" s="1"/>
      <c r="F2584" s="1"/>
      <c r="G2584" s="25"/>
      <c r="H2584" s="71"/>
      <c r="I2584" s="83"/>
      <c r="J2584" s="50" t="str">
        <f t="shared" si="82"/>
        <v/>
      </c>
      <c r="K2584" s="23" t="s">
        <v>7120</v>
      </c>
      <c r="L2584" s="49" t="e">
        <f>VLOOKUP(E2584&amp;F2584,団体コード!$A$1:$C$1743,3,FALSE)</f>
        <v>#N/A</v>
      </c>
      <c r="M2584" s="49" t="e">
        <f>VLOOKUP(E2584&amp;F2584,団体コード!$A$1:$C$1743,2,FALSE)</f>
        <v>#N/A</v>
      </c>
      <c r="N2584" s="51" t="e">
        <f>VLOOKUP(E2584,団体コード!$E$1:$F$48,2,FALSE)</f>
        <v>#N/A</v>
      </c>
      <c r="O2584" s="51" t="e">
        <f t="shared" si="83"/>
        <v>#N/A</v>
      </c>
      <c r="P2584" s="51">
        <v>1</v>
      </c>
      <c r="Q2584" s="51" t="s">
        <v>5341</v>
      </c>
      <c r="R2584" s="54" t="b">
        <v>1</v>
      </c>
      <c r="S2584" s="52" t="s">
        <v>7126</v>
      </c>
      <c r="T2584" s="67" t="s">
        <v>7127</v>
      </c>
      <c r="U2584" s="75" t="s">
        <v>5331</v>
      </c>
      <c r="V2584" s="47" t="s">
        <v>5331</v>
      </c>
      <c r="W2584" s="47" t="s">
        <v>5331</v>
      </c>
      <c r="X2584" s="47" t="s">
        <v>5331</v>
      </c>
      <c r="Y2584" s="47" t="s">
        <v>5331</v>
      </c>
      <c r="Z2584" s="28"/>
      <c r="AA2584" s="27"/>
      <c r="AB2584" s="27"/>
      <c r="AC2584" s="27"/>
      <c r="AD2584" s="30"/>
      <c r="AE2584" s="1"/>
      <c r="AF2584" s="23" t="s">
        <v>5331</v>
      </c>
      <c r="AG2584" s="26"/>
      <c r="AH2584" s="53"/>
    </row>
    <row r="2585" spans="1:34" ht="51.6" customHeight="1" x14ac:dyDescent="0.45">
      <c r="A2585" s="23">
        <v>2579</v>
      </c>
      <c r="B2585" s="25"/>
      <c r="C2585" s="25"/>
      <c r="D2585" s="29"/>
      <c r="E2585" s="1"/>
      <c r="F2585" s="1"/>
      <c r="G2585" s="25"/>
      <c r="H2585" s="71"/>
      <c r="I2585" s="83"/>
      <c r="J2585" s="50" t="str">
        <f t="shared" si="82"/>
        <v/>
      </c>
      <c r="K2585" s="23" t="s">
        <v>7120</v>
      </c>
      <c r="L2585" s="49" t="e">
        <f>VLOOKUP(E2585&amp;F2585,団体コード!$A$1:$C$1743,3,FALSE)</f>
        <v>#N/A</v>
      </c>
      <c r="M2585" s="49" t="e">
        <f>VLOOKUP(E2585&amp;F2585,団体コード!$A$1:$C$1743,2,FALSE)</f>
        <v>#N/A</v>
      </c>
      <c r="N2585" s="51" t="e">
        <f>VLOOKUP(E2585,団体コード!$E$1:$F$48,2,FALSE)</f>
        <v>#N/A</v>
      </c>
      <c r="O2585" s="51" t="e">
        <f t="shared" si="83"/>
        <v>#N/A</v>
      </c>
      <c r="P2585" s="51">
        <v>1</v>
      </c>
      <c r="Q2585" s="51" t="s">
        <v>5341</v>
      </c>
      <c r="R2585" s="54" t="b">
        <v>1</v>
      </c>
      <c r="S2585" s="52" t="s">
        <v>7126</v>
      </c>
      <c r="T2585" s="67" t="s">
        <v>7127</v>
      </c>
      <c r="U2585" s="75" t="s">
        <v>5331</v>
      </c>
      <c r="V2585" s="47" t="s">
        <v>5331</v>
      </c>
      <c r="W2585" s="47" t="s">
        <v>5331</v>
      </c>
      <c r="X2585" s="47" t="s">
        <v>5331</v>
      </c>
      <c r="Y2585" s="47" t="s">
        <v>5331</v>
      </c>
      <c r="Z2585" s="28"/>
      <c r="AA2585" s="27"/>
      <c r="AB2585" s="27"/>
      <c r="AC2585" s="27"/>
      <c r="AD2585" s="30"/>
      <c r="AE2585" s="1"/>
      <c r="AF2585" s="23" t="s">
        <v>5331</v>
      </c>
      <c r="AG2585" s="26"/>
      <c r="AH2585" s="53"/>
    </row>
    <row r="2586" spans="1:34" ht="51.6" customHeight="1" x14ac:dyDescent="0.45">
      <c r="A2586" s="23">
        <v>2580</v>
      </c>
      <c r="B2586" s="25"/>
      <c r="C2586" s="25"/>
      <c r="D2586" s="29"/>
      <c r="E2586" s="1"/>
      <c r="F2586" s="1"/>
      <c r="G2586" s="25"/>
      <c r="H2586" s="71"/>
      <c r="I2586" s="83"/>
      <c r="J2586" s="50" t="str">
        <f t="shared" si="82"/>
        <v/>
      </c>
      <c r="K2586" s="23" t="s">
        <v>7120</v>
      </c>
      <c r="L2586" s="49" t="e">
        <f>VLOOKUP(E2586&amp;F2586,団体コード!$A$1:$C$1743,3,FALSE)</f>
        <v>#N/A</v>
      </c>
      <c r="M2586" s="49" t="e">
        <f>VLOOKUP(E2586&amp;F2586,団体コード!$A$1:$C$1743,2,FALSE)</f>
        <v>#N/A</v>
      </c>
      <c r="N2586" s="51" t="e">
        <f>VLOOKUP(E2586,団体コード!$E$1:$F$48,2,FALSE)</f>
        <v>#N/A</v>
      </c>
      <c r="O2586" s="51" t="e">
        <f t="shared" si="83"/>
        <v>#N/A</v>
      </c>
      <c r="P2586" s="51">
        <v>1</v>
      </c>
      <c r="Q2586" s="51" t="s">
        <v>5341</v>
      </c>
      <c r="R2586" s="54" t="b">
        <v>1</v>
      </c>
      <c r="S2586" s="52" t="s">
        <v>7126</v>
      </c>
      <c r="T2586" s="67" t="s">
        <v>7127</v>
      </c>
      <c r="U2586" s="75" t="s">
        <v>5331</v>
      </c>
      <c r="V2586" s="47" t="s">
        <v>5331</v>
      </c>
      <c r="W2586" s="47" t="s">
        <v>5331</v>
      </c>
      <c r="X2586" s="47" t="s">
        <v>5331</v>
      </c>
      <c r="Y2586" s="47" t="s">
        <v>5331</v>
      </c>
      <c r="Z2586" s="28"/>
      <c r="AA2586" s="27"/>
      <c r="AB2586" s="27"/>
      <c r="AC2586" s="27"/>
      <c r="AD2586" s="30"/>
      <c r="AE2586" s="1"/>
      <c r="AF2586" s="23" t="s">
        <v>5331</v>
      </c>
      <c r="AG2586" s="26"/>
      <c r="AH2586" s="53"/>
    </row>
    <row r="2587" spans="1:34" ht="51.6" customHeight="1" x14ac:dyDescent="0.45">
      <c r="A2587" s="23">
        <v>2581</v>
      </c>
      <c r="B2587" s="25"/>
      <c r="C2587" s="25"/>
      <c r="D2587" s="29"/>
      <c r="E2587" s="1"/>
      <c r="F2587" s="1"/>
      <c r="G2587" s="25"/>
      <c r="H2587" s="71"/>
      <c r="I2587" s="83"/>
      <c r="J2587" s="50" t="str">
        <f t="shared" si="82"/>
        <v/>
      </c>
      <c r="K2587" s="23" t="s">
        <v>7120</v>
      </c>
      <c r="L2587" s="49" t="e">
        <f>VLOOKUP(E2587&amp;F2587,団体コード!$A$1:$C$1743,3,FALSE)</f>
        <v>#N/A</v>
      </c>
      <c r="M2587" s="49" t="e">
        <f>VLOOKUP(E2587&amp;F2587,団体コード!$A$1:$C$1743,2,FALSE)</f>
        <v>#N/A</v>
      </c>
      <c r="N2587" s="51" t="e">
        <f>VLOOKUP(E2587,団体コード!$E$1:$F$48,2,FALSE)</f>
        <v>#N/A</v>
      </c>
      <c r="O2587" s="51" t="e">
        <f t="shared" si="83"/>
        <v>#N/A</v>
      </c>
      <c r="P2587" s="51">
        <v>1</v>
      </c>
      <c r="Q2587" s="51" t="s">
        <v>5341</v>
      </c>
      <c r="R2587" s="54" t="b">
        <v>1</v>
      </c>
      <c r="S2587" s="52" t="s">
        <v>7126</v>
      </c>
      <c r="T2587" s="67" t="s">
        <v>7127</v>
      </c>
      <c r="U2587" s="75" t="s">
        <v>5331</v>
      </c>
      <c r="V2587" s="47" t="s">
        <v>5331</v>
      </c>
      <c r="W2587" s="47" t="s">
        <v>5331</v>
      </c>
      <c r="X2587" s="47" t="s">
        <v>5331</v>
      </c>
      <c r="Y2587" s="47" t="s">
        <v>5331</v>
      </c>
      <c r="Z2587" s="28"/>
      <c r="AA2587" s="27"/>
      <c r="AB2587" s="27"/>
      <c r="AC2587" s="27"/>
      <c r="AD2587" s="30"/>
      <c r="AE2587" s="1"/>
      <c r="AF2587" s="23" t="s">
        <v>5331</v>
      </c>
      <c r="AG2587" s="26"/>
      <c r="AH2587" s="53"/>
    </row>
    <row r="2588" spans="1:34" ht="51.6" customHeight="1" x14ac:dyDescent="0.45">
      <c r="A2588" s="23">
        <v>2582</v>
      </c>
      <c r="B2588" s="25"/>
      <c r="C2588" s="25"/>
      <c r="D2588" s="29"/>
      <c r="E2588" s="1"/>
      <c r="F2588" s="1"/>
      <c r="G2588" s="25"/>
      <c r="H2588" s="71"/>
      <c r="I2588" s="83"/>
      <c r="J2588" s="50" t="str">
        <f t="shared" si="82"/>
        <v/>
      </c>
      <c r="K2588" s="23" t="s">
        <v>7120</v>
      </c>
      <c r="L2588" s="49" t="e">
        <f>VLOOKUP(E2588&amp;F2588,団体コード!$A$1:$C$1743,3,FALSE)</f>
        <v>#N/A</v>
      </c>
      <c r="M2588" s="49" t="e">
        <f>VLOOKUP(E2588&amp;F2588,団体コード!$A$1:$C$1743,2,FALSE)</f>
        <v>#N/A</v>
      </c>
      <c r="N2588" s="51" t="e">
        <f>VLOOKUP(E2588,団体コード!$E$1:$F$48,2,FALSE)</f>
        <v>#N/A</v>
      </c>
      <c r="O2588" s="51" t="e">
        <f t="shared" si="83"/>
        <v>#N/A</v>
      </c>
      <c r="P2588" s="51">
        <v>1</v>
      </c>
      <c r="Q2588" s="51" t="s">
        <v>5341</v>
      </c>
      <c r="R2588" s="54" t="b">
        <v>1</v>
      </c>
      <c r="S2588" s="52" t="s">
        <v>7126</v>
      </c>
      <c r="T2588" s="67" t="s">
        <v>7127</v>
      </c>
      <c r="U2588" s="75" t="s">
        <v>5331</v>
      </c>
      <c r="V2588" s="47" t="s">
        <v>5331</v>
      </c>
      <c r="W2588" s="47" t="s">
        <v>5331</v>
      </c>
      <c r="X2588" s="47" t="s">
        <v>5331</v>
      </c>
      <c r="Y2588" s="47" t="s">
        <v>5331</v>
      </c>
      <c r="Z2588" s="28"/>
      <c r="AA2588" s="27"/>
      <c r="AB2588" s="27"/>
      <c r="AC2588" s="27"/>
      <c r="AD2588" s="30"/>
      <c r="AE2588" s="1"/>
      <c r="AF2588" s="23" t="s">
        <v>5331</v>
      </c>
      <c r="AG2588" s="26"/>
      <c r="AH2588" s="53"/>
    </row>
    <row r="2589" spans="1:34" ht="51.6" customHeight="1" x14ac:dyDescent="0.45">
      <c r="A2589" s="23">
        <v>2583</v>
      </c>
      <c r="B2589" s="25"/>
      <c r="C2589" s="25"/>
      <c r="D2589" s="29"/>
      <c r="E2589" s="1"/>
      <c r="F2589" s="1"/>
      <c r="G2589" s="25"/>
      <c r="H2589" s="71"/>
      <c r="I2589" s="83"/>
      <c r="J2589" s="50" t="str">
        <f t="shared" si="82"/>
        <v/>
      </c>
      <c r="K2589" s="23" t="s">
        <v>7120</v>
      </c>
      <c r="L2589" s="49" t="e">
        <f>VLOOKUP(E2589&amp;F2589,団体コード!$A$1:$C$1743,3,FALSE)</f>
        <v>#N/A</v>
      </c>
      <c r="M2589" s="49" t="e">
        <f>VLOOKUP(E2589&amp;F2589,団体コード!$A$1:$C$1743,2,FALSE)</f>
        <v>#N/A</v>
      </c>
      <c r="N2589" s="51" t="e">
        <f>VLOOKUP(E2589,団体コード!$E$1:$F$48,2,FALSE)</f>
        <v>#N/A</v>
      </c>
      <c r="O2589" s="51" t="e">
        <f t="shared" si="83"/>
        <v>#N/A</v>
      </c>
      <c r="P2589" s="51">
        <v>1</v>
      </c>
      <c r="Q2589" s="51" t="s">
        <v>5341</v>
      </c>
      <c r="R2589" s="54" t="b">
        <v>1</v>
      </c>
      <c r="S2589" s="52" t="s">
        <v>7126</v>
      </c>
      <c r="T2589" s="67" t="s">
        <v>7127</v>
      </c>
      <c r="U2589" s="75" t="s">
        <v>5331</v>
      </c>
      <c r="V2589" s="47" t="s">
        <v>5331</v>
      </c>
      <c r="W2589" s="47" t="s">
        <v>5331</v>
      </c>
      <c r="X2589" s="47" t="s">
        <v>5331</v>
      </c>
      <c r="Y2589" s="47" t="s">
        <v>5331</v>
      </c>
      <c r="Z2589" s="28"/>
      <c r="AA2589" s="27"/>
      <c r="AB2589" s="27"/>
      <c r="AC2589" s="27"/>
      <c r="AD2589" s="30"/>
      <c r="AE2589" s="1"/>
      <c r="AF2589" s="23" t="s">
        <v>5331</v>
      </c>
      <c r="AG2589" s="26"/>
      <c r="AH2589" s="53"/>
    </row>
    <row r="2590" spans="1:34" ht="51.6" customHeight="1" x14ac:dyDescent="0.45">
      <c r="A2590" s="23">
        <v>2584</v>
      </c>
      <c r="B2590" s="25"/>
      <c r="C2590" s="25"/>
      <c r="D2590" s="29"/>
      <c r="E2590" s="1"/>
      <c r="F2590" s="1"/>
      <c r="G2590" s="25"/>
      <c r="H2590" s="71"/>
      <c r="I2590" s="83"/>
      <c r="J2590" s="50" t="str">
        <f t="shared" si="82"/>
        <v/>
      </c>
      <c r="K2590" s="23" t="s">
        <v>7120</v>
      </c>
      <c r="L2590" s="49" t="e">
        <f>VLOOKUP(E2590&amp;F2590,団体コード!$A$1:$C$1743,3,FALSE)</f>
        <v>#N/A</v>
      </c>
      <c r="M2590" s="49" t="e">
        <f>VLOOKUP(E2590&amp;F2590,団体コード!$A$1:$C$1743,2,FALSE)</f>
        <v>#N/A</v>
      </c>
      <c r="N2590" s="51" t="e">
        <f>VLOOKUP(E2590,団体コード!$E$1:$F$48,2,FALSE)</f>
        <v>#N/A</v>
      </c>
      <c r="O2590" s="51" t="e">
        <f t="shared" si="83"/>
        <v>#N/A</v>
      </c>
      <c r="P2590" s="51">
        <v>1</v>
      </c>
      <c r="Q2590" s="51" t="s">
        <v>5341</v>
      </c>
      <c r="R2590" s="54" t="b">
        <v>1</v>
      </c>
      <c r="S2590" s="52" t="s">
        <v>7126</v>
      </c>
      <c r="T2590" s="67" t="s">
        <v>7127</v>
      </c>
      <c r="U2590" s="75" t="s">
        <v>5331</v>
      </c>
      <c r="V2590" s="47" t="s">
        <v>5331</v>
      </c>
      <c r="W2590" s="47" t="s">
        <v>5331</v>
      </c>
      <c r="X2590" s="47" t="s">
        <v>5331</v>
      </c>
      <c r="Y2590" s="47" t="s">
        <v>5331</v>
      </c>
      <c r="Z2590" s="28"/>
      <c r="AA2590" s="27"/>
      <c r="AB2590" s="27"/>
      <c r="AC2590" s="27"/>
      <c r="AD2590" s="30"/>
      <c r="AE2590" s="1"/>
      <c r="AF2590" s="23" t="s">
        <v>5331</v>
      </c>
      <c r="AG2590" s="26"/>
      <c r="AH2590" s="53"/>
    </row>
    <row r="2591" spans="1:34" ht="51.6" customHeight="1" x14ac:dyDescent="0.45">
      <c r="A2591" s="23">
        <v>2585</v>
      </c>
      <c r="B2591" s="25"/>
      <c r="C2591" s="25"/>
      <c r="D2591" s="29"/>
      <c r="E2591" s="1"/>
      <c r="F2591" s="1"/>
      <c r="G2591" s="25"/>
      <c r="H2591" s="71"/>
      <c r="I2591" s="83"/>
      <c r="J2591" s="50" t="str">
        <f t="shared" si="82"/>
        <v/>
      </c>
      <c r="K2591" s="23" t="s">
        <v>7120</v>
      </c>
      <c r="L2591" s="49" t="e">
        <f>VLOOKUP(E2591&amp;F2591,団体コード!$A$1:$C$1743,3,FALSE)</f>
        <v>#N/A</v>
      </c>
      <c r="M2591" s="49" t="e">
        <f>VLOOKUP(E2591&amp;F2591,団体コード!$A$1:$C$1743,2,FALSE)</f>
        <v>#N/A</v>
      </c>
      <c r="N2591" s="51" t="e">
        <f>VLOOKUP(E2591,団体コード!$E$1:$F$48,2,FALSE)</f>
        <v>#N/A</v>
      </c>
      <c r="O2591" s="51" t="e">
        <f t="shared" si="83"/>
        <v>#N/A</v>
      </c>
      <c r="P2591" s="51">
        <v>1</v>
      </c>
      <c r="Q2591" s="51" t="s">
        <v>5341</v>
      </c>
      <c r="R2591" s="54" t="b">
        <v>1</v>
      </c>
      <c r="S2591" s="52" t="s">
        <v>7126</v>
      </c>
      <c r="T2591" s="67" t="s">
        <v>7127</v>
      </c>
      <c r="U2591" s="75" t="s">
        <v>5331</v>
      </c>
      <c r="V2591" s="47" t="s">
        <v>5331</v>
      </c>
      <c r="W2591" s="47" t="s">
        <v>5331</v>
      </c>
      <c r="X2591" s="47" t="s">
        <v>5331</v>
      </c>
      <c r="Y2591" s="47" t="s">
        <v>5331</v>
      </c>
      <c r="Z2591" s="28"/>
      <c r="AA2591" s="27"/>
      <c r="AB2591" s="27"/>
      <c r="AC2591" s="27"/>
      <c r="AD2591" s="30"/>
      <c r="AE2591" s="1"/>
      <c r="AF2591" s="23" t="s">
        <v>5331</v>
      </c>
      <c r="AG2591" s="26"/>
      <c r="AH2591" s="53"/>
    </row>
    <row r="2592" spans="1:34" ht="51.6" customHeight="1" x14ac:dyDescent="0.45">
      <c r="A2592" s="23">
        <v>2586</v>
      </c>
      <c r="B2592" s="25"/>
      <c r="C2592" s="25"/>
      <c r="D2592" s="29"/>
      <c r="E2592" s="1"/>
      <c r="F2592" s="1"/>
      <c r="G2592" s="25"/>
      <c r="H2592" s="71"/>
      <c r="I2592" s="83"/>
      <c r="J2592" s="50" t="str">
        <f t="shared" si="82"/>
        <v/>
      </c>
      <c r="K2592" s="23" t="s">
        <v>7120</v>
      </c>
      <c r="L2592" s="49" t="e">
        <f>VLOOKUP(E2592&amp;F2592,団体コード!$A$1:$C$1743,3,FALSE)</f>
        <v>#N/A</v>
      </c>
      <c r="M2592" s="49" t="e">
        <f>VLOOKUP(E2592&amp;F2592,団体コード!$A$1:$C$1743,2,FALSE)</f>
        <v>#N/A</v>
      </c>
      <c r="N2592" s="51" t="e">
        <f>VLOOKUP(E2592,団体コード!$E$1:$F$48,2,FALSE)</f>
        <v>#N/A</v>
      </c>
      <c r="O2592" s="51" t="e">
        <f t="shared" si="83"/>
        <v>#N/A</v>
      </c>
      <c r="P2592" s="51">
        <v>1</v>
      </c>
      <c r="Q2592" s="51" t="s">
        <v>5341</v>
      </c>
      <c r="R2592" s="54" t="b">
        <v>1</v>
      </c>
      <c r="S2592" s="52" t="s">
        <v>7126</v>
      </c>
      <c r="T2592" s="67" t="s">
        <v>7127</v>
      </c>
      <c r="U2592" s="75" t="s">
        <v>5331</v>
      </c>
      <c r="V2592" s="47" t="s">
        <v>5331</v>
      </c>
      <c r="W2592" s="47" t="s">
        <v>5331</v>
      </c>
      <c r="X2592" s="47" t="s">
        <v>5331</v>
      </c>
      <c r="Y2592" s="47" t="s">
        <v>5331</v>
      </c>
      <c r="Z2592" s="28"/>
      <c r="AA2592" s="27"/>
      <c r="AB2592" s="27"/>
      <c r="AC2592" s="27"/>
      <c r="AD2592" s="30"/>
      <c r="AE2592" s="1"/>
      <c r="AF2592" s="23" t="s">
        <v>5331</v>
      </c>
      <c r="AG2592" s="26"/>
      <c r="AH2592" s="53"/>
    </row>
    <row r="2593" spans="1:34" ht="51.6" customHeight="1" x14ac:dyDescent="0.45">
      <c r="A2593" s="23">
        <v>2587</v>
      </c>
      <c r="B2593" s="25"/>
      <c r="C2593" s="25"/>
      <c r="D2593" s="29"/>
      <c r="E2593" s="1"/>
      <c r="F2593" s="1"/>
      <c r="G2593" s="25"/>
      <c r="H2593" s="71"/>
      <c r="I2593" s="83"/>
      <c r="J2593" s="50" t="str">
        <f t="shared" si="82"/>
        <v/>
      </c>
      <c r="K2593" s="23" t="s">
        <v>7120</v>
      </c>
      <c r="L2593" s="49" t="e">
        <f>VLOOKUP(E2593&amp;F2593,団体コード!$A$1:$C$1743,3,FALSE)</f>
        <v>#N/A</v>
      </c>
      <c r="M2593" s="49" t="e">
        <f>VLOOKUP(E2593&amp;F2593,団体コード!$A$1:$C$1743,2,FALSE)</f>
        <v>#N/A</v>
      </c>
      <c r="N2593" s="51" t="e">
        <f>VLOOKUP(E2593,団体コード!$E$1:$F$48,2,FALSE)</f>
        <v>#N/A</v>
      </c>
      <c r="O2593" s="51" t="e">
        <f t="shared" si="83"/>
        <v>#N/A</v>
      </c>
      <c r="P2593" s="51">
        <v>1</v>
      </c>
      <c r="Q2593" s="51" t="s">
        <v>5341</v>
      </c>
      <c r="R2593" s="54" t="b">
        <v>1</v>
      </c>
      <c r="S2593" s="52" t="s">
        <v>7126</v>
      </c>
      <c r="T2593" s="67" t="s">
        <v>7127</v>
      </c>
      <c r="U2593" s="75" t="s">
        <v>5331</v>
      </c>
      <c r="V2593" s="47" t="s">
        <v>5331</v>
      </c>
      <c r="W2593" s="47" t="s">
        <v>5331</v>
      </c>
      <c r="X2593" s="47" t="s">
        <v>5331</v>
      </c>
      <c r="Y2593" s="47" t="s">
        <v>5331</v>
      </c>
      <c r="Z2593" s="28"/>
      <c r="AA2593" s="27"/>
      <c r="AB2593" s="27"/>
      <c r="AC2593" s="27"/>
      <c r="AD2593" s="30"/>
      <c r="AE2593" s="1"/>
      <c r="AF2593" s="23" t="s">
        <v>5331</v>
      </c>
      <c r="AG2593" s="26"/>
      <c r="AH2593" s="53"/>
    </row>
    <row r="2594" spans="1:34" ht="51.6" customHeight="1" x14ac:dyDescent="0.45">
      <c r="A2594" s="23">
        <v>2588</v>
      </c>
      <c r="B2594" s="25"/>
      <c r="C2594" s="25"/>
      <c r="D2594" s="29"/>
      <c r="E2594" s="1"/>
      <c r="F2594" s="1"/>
      <c r="G2594" s="25"/>
      <c r="H2594" s="71"/>
      <c r="I2594" s="83"/>
      <c r="J2594" s="50" t="str">
        <f t="shared" si="82"/>
        <v/>
      </c>
      <c r="K2594" s="23" t="s">
        <v>7120</v>
      </c>
      <c r="L2594" s="49" t="e">
        <f>VLOOKUP(E2594&amp;F2594,団体コード!$A$1:$C$1743,3,FALSE)</f>
        <v>#N/A</v>
      </c>
      <c r="M2594" s="49" t="e">
        <f>VLOOKUP(E2594&amp;F2594,団体コード!$A$1:$C$1743,2,FALSE)</f>
        <v>#N/A</v>
      </c>
      <c r="N2594" s="51" t="e">
        <f>VLOOKUP(E2594,団体コード!$E$1:$F$48,2,FALSE)</f>
        <v>#N/A</v>
      </c>
      <c r="O2594" s="51" t="e">
        <f t="shared" si="83"/>
        <v>#N/A</v>
      </c>
      <c r="P2594" s="51">
        <v>1</v>
      </c>
      <c r="Q2594" s="51" t="s">
        <v>5341</v>
      </c>
      <c r="R2594" s="54" t="b">
        <v>1</v>
      </c>
      <c r="S2594" s="52" t="s">
        <v>7126</v>
      </c>
      <c r="T2594" s="67" t="s">
        <v>7127</v>
      </c>
      <c r="U2594" s="75" t="s">
        <v>5331</v>
      </c>
      <c r="V2594" s="47" t="s">
        <v>5331</v>
      </c>
      <c r="W2594" s="47" t="s">
        <v>5331</v>
      </c>
      <c r="X2594" s="47" t="s">
        <v>5331</v>
      </c>
      <c r="Y2594" s="47" t="s">
        <v>5331</v>
      </c>
      <c r="Z2594" s="28"/>
      <c r="AA2594" s="27"/>
      <c r="AB2594" s="27"/>
      <c r="AC2594" s="27"/>
      <c r="AD2594" s="30"/>
      <c r="AE2594" s="1"/>
      <c r="AF2594" s="23" t="s">
        <v>5331</v>
      </c>
      <c r="AG2594" s="26"/>
      <c r="AH2594" s="53"/>
    </row>
    <row r="2595" spans="1:34" ht="51.6" customHeight="1" x14ac:dyDescent="0.45">
      <c r="A2595" s="23">
        <v>2589</v>
      </c>
      <c r="B2595" s="25"/>
      <c r="C2595" s="25"/>
      <c r="D2595" s="29"/>
      <c r="E2595" s="1"/>
      <c r="F2595" s="1"/>
      <c r="G2595" s="25"/>
      <c r="H2595" s="71"/>
      <c r="I2595" s="83"/>
      <c r="J2595" s="50" t="str">
        <f t="shared" si="82"/>
        <v/>
      </c>
      <c r="K2595" s="23" t="s">
        <v>7120</v>
      </c>
      <c r="L2595" s="49" t="e">
        <f>VLOOKUP(E2595&amp;F2595,団体コード!$A$1:$C$1743,3,FALSE)</f>
        <v>#N/A</v>
      </c>
      <c r="M2595" s="49" t="e">
        <f>VLOOKUP(E2595&amp;F2595,団体コード!$A$1:$C$1743,2,FALSE)</f>
        <v>#N/A</v>
      </c>
      <c r="N2595" s="51" t="e">
        <f>VLOOKUP(E2595,団体コード!$E$1:$F$48,2,FALSE)</f>
        <v>#N/A</v>
      </c>
      <c r="O2595" s="51" t="e">
        <f t="shared" si="83"/>
        <v>#N/A</v>
      </c>
      <c r="P2595" s="51">
        <v>1</v>
      </c>
      <c r="Q2595" s="51" t="s">
        <v>5341</v>
      </c>
      <c r="R2595" s="54" t="b">
        <v>1</v>
      </c>
      <c r="S2595" s="52" t="s">
        <v>7126</v>
      </c>
      <c r="T2595" s="67" t="s">
        <v>7127</v>
      </c>
      <c r="U2595" s="75" t="s">
        <v>5331</v>
      </c>
      <c r="V2595" s="47" t="s">
        <v>5331</v>
      </c>
      <c r="W2595" s="47" t="s">
        <v>5331</v>
      </c>
      <c r="X2595" s="47" t="s">
        <v>5331</v>
      </c>
      <c r="Y2595" s="47" t="s">
        <v>5331</v>
      </c>
      <c r="Z2595" s="28"/>
      <c r="AA2595" s="27"/>
      <c r="AB2595" s="27"/>
      <c r="AC2595" s="27"/>
      <c r="AD2595" s="30"/>
      <c r="AE2595" s="1"/>
      <c r="AF2595" s="23" t="s">
        <v>5331</v>
      </c>
      <c r="AG2595" s="26"/>
      <c r="AH2595" s="53"/>
    </row>
    <row r="2596" spans="1:34" ht="51.6" customHeight="1" x14ac:dyDescent="0.45">
      <c r="A2596" s="23">
        <v>2590</v>
      </c>
      <c r="B2596" s="25"/>
      <c r="C2596" s="25"/>
      <c r="D2596" s="29"/>
      <c r="E2596" s="1"/>
      <c r="F2596" s="1"/>
      <c r="G2596" s="25"/>
      <c r="H2596" s="71"/>
      <c r="I2596" s="83"/>
      <c r="J2596" s="50" t="str">
        <f t="shared" si="82"/>
        <v/>
      </c>
      <c r="K2596" s="23" t="s">
        <v>7120</v>
      </c>
      <c r="L2596" s="49" t="e">
        <f>VLOOKUP(E2596&amp;F2596,団体コード!$A$1:$C$1743,3,FALSE)</f>
        <v>#N/A</v>
      </c>
      <c r="M2596" s="49" t="e">
        <f>VLOOKUP(E2596&amp;F2596,団体コード!$A$1:$C$1743,2,FALSE)</f>
        <v>#N/A</v>
      </c>
      <c r="N2596" s="51" t="e">
        <f>VLOOKUP(E2596,団体コード!$E$1:$F$48,2,FALSE)</f>
        <v>#N/A</v>
      </c>
      <c r="O2596" s="51" t="e">
        <f t="shared" si="83"/>
        <v>#N/A</v>
      </c>
      <c r="P2596" s="51">
        <v>1</v>
      </c>
      <c r="Q2596" s="51" t="s">
        <v>5341</v>
      </c>
      <c r="R2596" s="54" t="b">
        <v>1</v>
      </c>
      <c r="S2596" s="52" t="s">
        <v>7126</v>
      </c>
      <c r="T2596" s="67" t="s">
        <v>7127</v>
      </c>
      <c r="U2596" s="75" t="s">
        <v>5331</v>
      </c>
      <c r="V2596" s="47" t="s">
        <v>5331</v>
      </c>
      <c r="W2596" s="47" t="s">
        <v>5331</v>
      </c>
      <c r="X2596" s="47" t="s">
        <v>5331</v>
      </c>
      <c r="Y2596" s="47" t="s">
        <v>5331</v>
      </c>
      <c r="Z2596" s="28"/>
      <c r="AA2596" s="27"/>
      <c r="AB2596" s="27"/>
      <c r="AC2596" s="27"/>
      <c r="AD2596" s="30"/>
      <c r="AE2596" s="1"/>
      <c r="AF2596" s="23" t="s">
        <v>5331</v>
      </c>
      <c r="AG2596" s="26"/>
      <c r="AH2596" s="53"/>
    </row>
    <row r="2597" spans="1:34" ht="51.6" customHeight="1" x14ac:dyDescent="0.45">
      <c r="A2597" s="23">
        <v>2591</v>
      </c>
      <c r="B2597" s="25"/>
      <c r="C2597" s="25"/>
      <c r="D2597" s="29"/>
      <c r="E2597" s="1"/>
      <c r="F2597" s="1"/>
      <c r="G2597" s="25"/>
      <c r="H2597" s="71"/>
      <c r="I2597" s="83"/>
      <c r="J2597" s="50" t="str">
        <f t="shared" si="82"/>
        <v/>
      </c>
      <c r="K2597" s="23" t="s">
        <v>7120</v>
      </c>
      <c r="L2597" s="49" t="e">
        <f>VLOOKUP(E2597&amp;F2597,団体コード!$A$1:$C$1743,3,FALSE)</f>
        <v>#N/A</v>
      </c>
      <c r="M2597" s="49" t="e">
        <f>VLOOKUP(E2597&amp;F2597,団体コード!$A$1:$C$1743,2,FALSE)</f>
        <v>#N/A</v>
      </c>
      <c r="N2597" s="51" t="e">
        <f>VLOOKUP(E2597,団体コード!$E$1:$F$48,2,FALSE)</f>
        <v>#N/A</v>
      </c>
      <c r="O2597" s="51" t="e">
        <f t="shared" si="83"/>
        <v>#N/A</v>
      </c>
      <c r="P2597" s="51">
        <v>1</v>
      </c>
      <c r="Q2597" s="51" t="s">
        <v>5341</v>
      </c>
      <c r="R2597" s="54" t="b">
        <v>1</v>
      </c>
      <c r="S2597" s="52" t="s">
        <v>7126</v>
      </c>
      <c r="T2597" s="67" t="s">
        <v>7127</v>
      </c>
      <c r="U2597" s="75" t="s">
        <v>5331</v>
      </c>
      <c r="V2597" s="47" t="s">
        <v>5331</v>
      </c>
      <c r="W2597" s="47" t="s">
        <v>5331</v>
      </c>
      <c r="X2597" s="47" t="s">
        <v>5331</v>
      </c>
      <c r="Y2597" s="47" t="s">
        <v>5331</v>
      </c>
      <c r="Z2597" s="28"/>
      <c r="AA2597" s="27"/>
      <c r="AB2597" s="27"/>
      <c r="AC2597" s="27"/>
      <c r="AD2597" s="30"/>
      <c r="AE2597" s="1"/>
      <c r="AF2597" s="23" t="s">
        <v>5331</v>
      </c>
      <c r="AG2597" s="26"/>
      <c r="AH2597" s="53"/>
    </row>
    <row r="2598" spans="1:34" ht="51.6" customHeight="1" x14ac:dyDescent="0.45">
      <c r="A2598" s="23">
        <v>2592</v>
      </c>
      <c r="B2598" s="25"/>
      <c r="C2598" s="25"/>
      <c r="D2598" s="29"/>
      <c r="E2598" s="1"/>
      <c r="F2598" s="1"/>
      <c r="G2598" s="25"/>
      <c r="H2598" s="71"/>
      <c r="I2598" s="83"/>
      <c r="J2598" s="50" t="str">
        <f t="shared" si="82"/>
        <v/>
      </c>
      <c r="K2598" s="23" t="s">
        <v>7120</v>
      </c>
      <c r="L2598" s="49" t="e">
        <f>VLOOKUP(E2598&amp;F2598,団体コード!$A$1:$C$1743,3,FALSE)</f>
        <v>#N/A</v>
      </c>
      <c r="M2598" s="49" t="e">
        <f>VLOOKUP(E2598&amp;F2598,団体コード!$A$1:$C$1743,2,FALSE)</f>
        <v>#N/A</v>
      </c>
      <c r="N2598" s="51" t="e">
        <f>VLOOKUP(E2598,団体コード!$E$1:$F$48,2,FALSE)</f>
        <v>#N/A</v>
      </c>
      <c r="O2598" s="51" t="e">
        <f t="shared" si="83"/>
        <v>#N/A</v>
      </c>
      <c r="P2598" s="51">
        <v>1</v>
      </c>
      <c r="Q2598" s="51" t="s">
        <v>5341</v>
      </c>
      <c r="R2598" s="54" t="b">
        <v>1</v>
      </c>
      <c r="S2598" s="52" t="s">
        <v>7126</v>
      </c>
      <c r="T2598" s="67" t="s">
        <v>7127</v>
      </c>
      <c r="U2598" s="75" t="s">
        <v>5331</v>
      </c>
      <c r="V2598" s="47" t="s">
        <v>5331</v>
      </c>
      <c r="W2598" s="47" t="s">
        <v>5331</v>
      </c>
      <c r="X2598" s="47" t="s">
        <v>5331</v>
      </c>
      <c r="Y2598" s="47" t="s">
        <v>5331</v>
      </c>
      <c r="Z2598" s="28"/>
      <c r="AA2598" s="27"/>
      <c r="AB2598" s="27"/>
      <c r="AC2598" s="27"/>
      <c r="AD2598" s="30"/>
      <c r="AE2598" s="1"/>
      <c r="AF2598" s="23" t="s">
        <v>5331</v>
      </c>
      <c r="AG2598" s="26"/>
      <c r="AH2598" s="53"/>
    </row>
    <row r="2599" spans="1:34" ht="51.6" customHeight="1" x14ac:dyDescent="0.45">
      <c r="A2599" s="23">
        <v>2593</v>
      </c>
      <c r="B2599" s="25"/>
      <c r="C2599" s="25"/>
      <c r="D2599" s="29"/>
      <c r="E2599" s="1"/>
      <c r="F2599" s="1"/>
      <c r="G2599" s="25"/>
      <c r="H2599" s="71"/>
      <c r="I2599" s="83"/>
      <c r="J2599" s="50" t="str">
        <f t="shared" si="82"/>
        <v/>
      </c>
      <c r="K2599" s="23" t="s">
        <v>7120</v>
      </c>
      <c r="L2599" s="49" t="e">
        <f>VLOOKUP(E2599&amp;F2599,団体コード!$A$1:$C$1743,3,FALSE)</f>
        <v>#N/A</v>
      </c>
      <c r="M2599" s="49" t="e">
        <f>VLOOKUP(E2599&amp;F2599,団体コード!$A$1:$C$1743,2,FALSE)</f>
        <v>#N/A</v>
      </c>
      <c r="N2599" s="51" t="e">
        <f>VLOOKUP(E2599,団体コード!$E$1:$F$48,2,FALSE)</f>
        <v>#N/A</v>
      </c>
      <c r="O2599" s="51" t="e">
        <f t="shared" si="83"/>
        <v>#N/A</v>
      </c>
      <c r="P2599" s="51">
        <v>1</v>
      </c>
      <c r="Q2599" s="51" t="s">
        <v>5341</v>
      </c>
      <c r="R2599" s="54" t="b">
        <v>1</v>
      </c>
      <c r="S2599" s="52" t="s">
        <v>7126</v>
      </c>
      <c r="T2599" s="67" t="s">
        <v>7127</v>
      </c>
      <c r="U2599" s="75" t="s">
        <v>5331</v>
      </c>
      <c r="V2599" s="47" t="s">
        <v>5331</v>
      </c>
      <c r="W2599" s="47" t="s">
        <v>5331</v>
      </c>
      <c r="X2599" s="47" t="s">
        <v>5331</v>
      </c>
      <c r="Y2599" s="47" t="s">
        <v>5331</v>
      </c>
      <c r="Z2599" s="28"/>
      <c r="AA2599" s="27"/>
      <c r="AB2599" s="27"/>
      <c r="AC2599" s="27"/>
      <c r="AD2599" s="30"/>
      <c r="AE2599" s="1"/>
      <c r="AF2599" s="23" t="s">
        <v>5331</v>
      </c>
      <c r="AG2599" s="26"/>
      <c r="AH2599" s="53"/>
    </row>
    <row r="2600" spans="1:34" ht="51.6" customHeight="1" x14ac:dyDescent="0.45">
      <c r="A2600" s="23">
        <v>2594</v>
      </c>
      <c r="B2600" s="25"/>
      <c r="C2600" s="25"/>
      <c r="D2600" s="29"/>
      <c r="E2600" s="1"/>
      <c r="F2600" s="1"/>
      <c r="G2600" s="25"/>
      <c r="H2600" s="71"/>
      <c r="I2600" s="83"/>
      <c r="J2600" s="50" t="str">
        <f t="shared" si="82"/>
        <v/>
      </c>
      <c r="K2600" s="23" t="s">
        <v>7120</v>
      </c>
      <c r="L2600" s="49" t="e">
        <f>VLOOKUP(E2600&amp;F2600,団体コード!$A$1:$C$1743,3,FALSE)</f>
        <v>#N/A</v>
      </c>
      <c r="M2600" s="49" t="e">
        <f>VLOOKUP(E2600&amp;F2600,団体コード!$A$1:$C$1743,2,FALSE)</f>
        <v>#N/A</v>
      </c>
      <c r="N2600" s="51" t="e">
        <f>VLOOKUP(E2600,団体コード!$E$1:$F$48,2,FALSE)</f>
        <v>#N/A</v>
      </c>
      <c r="O2600" s="51" t="e">
        <f t="shared" si="83"/>
        <v>#N/A</v>
      </c>
      <c r="P2600" s="51">
        <v>1</v>
      </c>
      <c r="Q2600" s="51" t="s">
        <v>5341</v>
      </c>
      <c r="R2600" s="54" t="b">
        <v>1</v>
      </c>
      <c r="S2600" s="52" t="s">
        <v>7126</v>
      </c>
      <c r="T2600" s="67" t="s">
        <v>7127</v>
      </c>
      <c r="U2600" s="75" t="s">
        <v>5331</v>
      </c>
      <c r="V2600" s="47" t="s">
        <v>5331</v>
      </c>
      <c r="W2600" s="47" t="s">
        <v>5331</v>
      </c>
      <c r="X2600" s="47" t="s">
        <v>5331</v>
      </c>
      <c r="Y2600" s="47" t="s">
        <v>5331</v>
      </c>
      <c r="Z2600" s="28"/>
      <c r="AA2600" s="27"/>
      <c r="AB2600" s="27"/>
      <c r="AC2600" s="27"/>
      <c r="AD2600" s="30"/>
      <c r="AE2600" s="1"/>
      <c r="AF2600" s="23" t="s">
        <v>5331</v>
      </c>
      <c r="AG2600" s="26"/>
      <c r="AH2600" s="53"/>
    </row>
    <row r="2601" spans="1:34" ht="51.6" customHeight="1" x14ac:dyDescent="0.45">
      <c r="A2601" s="23">
        <v>2595</v>
      </c>
      <c r="B2601" s="25"/>
      <c r="C2601" s="25"/>
      <c r="D2601" s="29"/>
      <c r="E2601" s="1"/>
      <c r="F2601" s="1"/>
      <c r="G2601" s="25"/>
      <c r="H2601" s="71"/>
      <c r="I2601" s="83"/>
      <c r="J2601" s="50" t="str">
        <f t="shared" si="82"/>
        <v/>
      </c>
      <c r="K2601" s="23" t="s">
        <v>7120</v>
      </c>
      <c r="L2601" s="49" t="e">
        <f>VLOOKUP(E2601&amp;F2601,団体コード!$A$1:$C$1743,3,FALSE)</f>
        <v>#N/A</v>
      </c>
      <c r="M2601" s="49" t="e">
        <f>VLOOKUP(E2601&amp;F2601,団体コード!$A$1:$C$1743,2,FALSE)</f>
        <v>#N/A</v>
      </c>
      <c r="N2601" s="51" t="e">
        <f>VLOOKUP(E2601,団体コード!$E$1:$F$48,2,FALSE)</f>
        <v>#N/A</v>
      </c>
      <c r="O2601" s="51" t="e">
        <f t="shared" si="83"/>
        <v>#N/A</v>
      </c>
      <c r="P2601" s="51">
        <v>1</v>
      </c>
      <c r="Q2601" s="51" t="s">
        <v>5341</v>
      </c>
      <c r="R2601" s="54" t="b">
        <v>1</v>
      </c>
      <c r="S2601" s="52" t="s">
        <v>7126</v>
      </c>
      <c r="T2601" s="67" t="s">
        <v>7127</v>
      </c>
      <c r="U2601" s="75" t="s">
        <v>5331</v>
      </c>
      <c r="V2601" s="47" t="s">
        <v>5331</v>
      </c>
      <c r="W2601" s="47" t="s">
        <v>5331</v>
      </c>
      <c r="X2601" s="47" t="s">
        <v>5331</v>
      </c>
      <c r="Y2601" s="47" t="s">
        <v>5331</v>
      </c>
      <c r="Z2601" s="28"/>
      <c r="AA2601" s="27"/>
      <c r="AB2601" s="27"/>
      <c r="AC2601" s="27"/>
      <c r="AD2601" s="30"/>
      <c r="AE2601" s="1"/>
      <c r="AF2601" s="23" t="s">
        <v>5331</v>
      </c>
      <c r="AG2601" s="26"/>
      <c r="AH2601" s="53"/>
    </row>
    <row r="2602" spans="1:34" ht="51.6" customHeight="1" x14ac:dyDescent="0.45">
      <c r="A2602" s="23">
        <v>2596</v>
      </c>
      <c r="B2602" s="25"/>
      <c r="C2602" s="25"/>
      <c r="D2602" s="29"/>
      <c r="E2602" s="1"/>
      <c r="F2602" s="1"/>
      <c r="G2602" s="25"/>
      <c r="H2602" s="71"/>
      <c r="I2602" s="83"/>
      <c r="J2602" s="50" t="str">
        <f t="shared" si="82"/>
        <v/>
      </c>
      <c r="K2602" s="23" t="s">
        <v>7120</v>
      </c>
      <c r="L2602" s="49" t="e">
        <f>VLOOKUP(E2602&amp;F2602,団体コード!$A$1:$C$1743,3,FALSE)</f>
        <v>#N/A</v>
      </c>
      <c r="M2602" s="49" t="e">
        <f>VLOOKUP(E2602&amp;F2602,団体コード!$A$1:$C$1743,2,FALSE)</f>
        <v>#N/A</v>
      </c>
      <c r="N2602" s="51" t="e">
        <f>VLOOKUP(E2602,団体コード!$E$1:$F$48,2,FALSE)</f>
        <v>#N/A</v>
      </c>
      <c r="O2602" s="51" t="e">
        <f t="shared" si="83"/>
        <v>#N/A</v>
      </c>
      <c r="P2602" s="51">
        <v>1</v>
      </c>
      <c r="Q2602" s="51" t="s">
        <v>5341</v>
      </c>
      <c r="R2602" s="54" t="b">
        <v>1</v>
      </c>
      <c r="S2602" s="52" t="s">
        <v>7126</v>
      </c>
      <c r="T2602" s="67" t="s">
        <v>7127</v>
      </c>
      <c r="U2602" s="75" t="s">
        <v>5331</v>
      </c>
      <c r="V2602" s="47" t="s">
        <v>5331</v>
      </c>
      <c r="W2602" s="47" t="s">
        <v>5331</v>
      </c>
      <c r="X2602" s="47" t="s">
        <v>5331</v>
      </c>
      <c r="Y2602" s="47" t="s">
        <v>5331</v>
      </c>
      <c r="Z2602" s="28"/>
      <c r="AA2602" s="27"/>
      <c r="AB2602" s="27"/>
      <c r="AC2602" s="27"/>
      <c r="AD2602" s="30"/>
      <c r="AE2602" s="1"/>
      <c r="AF2602" s="23" t="s">
        <v>5331</v>
      </c>
      <c r="AG2602" s="26"/>
      <c r="AH2602" s="53"/>
    </row>
    <row r="2603" spans="1:34" ht="51.6" customHeight="1" x14ac:dyDescent="0.45">
      <c r="A2603" s="23">
        <v>2597</v>
      </c>
      <c r="B2603" s="25"/>
      <c r="C2603" s="25"/>
      <c r="D2603" s="29"/>
      <c r="E2603" s="1"/>
      <c r="F2603" s="1"/>
      <c r="G2603" s="25"/>
      <c r="H2603" s="71"/>
      <c r="I2603" s="83"/>
      <c r="J2603" s="50" t="str">
        <f t="shared" si="82"/>
        <v/>
      </c>
      <c r="K2603" s="23" t="s">
        <v>7120</v>
      </c>
      <c r="L2603" s="49" t="e">
        <f>VLOOKUP(E2603&amp;F2603,団体コード!$A$1:$C$1743,3,FALSE)</f>
        <v>#N/A</v>
      </c>
      <c r="M2603" s="49" t="e">
        <f>VLOOKUP(E2603&amp;F2603,団体コード!$A$1:$C$1743,2,FALSE)</f>
        <v>#N/A</v>
      </c>
      <c r="N2603" s="51" t="e">
        <f>VLOOKUP(E2603,団体コード!$E$1:$F$48,2,FALSE)</f>
        <v>#N/A</v>
      </c>
      <c r="O2603" s="51" t="e">
        <f t="shared" si="83"/>
        <v>#N/A</v>
      </c>
      <c r="P2603" s="51">
        <v>1</v>
      </c>
      <c r="Q2603" s="51" t="s">
        <v>5341</v>
      </c>
      <c r="R2603" s="54" t="b">
        <v>1</v>
      </c>
      <c r="S2603" s="52" t="s">
        <v>7126</v>
      </c>
      <c r="T2603" s="67" t="s">
        <v>7127</v>
      </c>
      <c r="U2603" s="75" t="s">
        <v>5331</v>
      </c>
      <c r="V2603" s="47" t="s">
        <v>5331</v>
      </c>
      <c r="W2603" s="47" t="s">
        <v>5331</v>
      </c>
      <c r="X2603" s="47" t="s">
        <v>5331</v>
      </c>
      <c r="Y2603" s="47" t="s">
        <v>5331</v>
      </c>
      <c r="Z2603" s="28"/>
      <c r="AA2603" s="27"/>
      <c r="AB2603" s="27"/>
      <c r="AC2603" s="27"/>
      <c r="AD2603" s="30"/>
      <c r="AE2603" s="1"/>
      <c r="AF2603" s="23" t="s">
        <v>5331</v>
      </c>
      <c r="AG2603" s="26"/>
      <c r="AH2603" s="53"/>
    </row>
    <row r="2604" spans="1:34" ht="51.6" customHeight="1" x14ac:dyDescent="0.45">
      <c r="A2604" s="23">
        <v>2598</v>
      </c>
      <c r="B2604" s="25"/>
      <c r="C2604" s="25"/>
      <c r="D2604" s="29"/>
      <c r="E2604" s="1"/>
      <c r="F2604" s="1"/>
      <c r="G2604" s="25"/>
      <c r="H2604" s="71"/>
      <c r="I2604" s="83"/>
      <c r="J2604" s="50" t="str">
        <f t="shared" si="82"/>
        <v/>
      </c>
      <c r="K2604" s="23" t="s">
        <v>7120</v>
      </c>
      <c r="L2604" s="49" t="e">
        <f>VLOOKUP(E2604&amp;F2604,団体コード!$A$1:$C$1743,3,FALSE)</f>
        <v>#N/A</v>
      </c>
      <c r="M2604" s="49" t="e">
        <f>VLOOKUP(E2604&amp;F2604,団体コード!$A$1:$C$1743,2,FALSE)</f>
        <v>#N/A</v>
      </c>
      <c r="N2604" s="51" t="e">
        <f>VLOOKUP(E2604,団体コード!$E$1:$F$48,2,FALSE)</f>
        <v>#N/A</v>
      </c>
      <c r="O2604" s="51" t="e">
        <f t="shared" si="83"/>
        <v>#N/A</v>
      </c>
      <c r="P2604" s="51">
        <v>1</v>
      </c>
      <c r="Q2604" s="51" t="s">
        <v>5341</v>
      </c>
      <c r="R2604" s="54" t="b">
        <v>1</v>
      </c>
      <c r="S2604" s="52" t="s">
        <v>7126</v>
      </c>
      <c r="T2604" s="67" t="s">
        <v>7127</v>
      </c>
      <c r="U2604" s="75" t="s">
        <v>5331</v>
      </c>
      <c r="V2604" s="47" t="s">
        <v>5331</v>
      </c>
      <c r="W2604" s="47" t="s">
        <v>5331</v>
      </c>
      <c r="X2604" s="47" t="s">
        <v>5331</v>
      </c>
      <c r="Y2604" s="47" t="s">
        <v>5331</v>
      </c>
      <c r="Z2604" s="28"/>
      <c r="AA2604" s="27"/>
      <c r="AB2604" s="27"/>
      <c r="AC2604" s="27"/>
      <c r="AD2604" s="30"/>
      <c r="AE2604" s="1"/>
      <c r="AF2604" s="23" t="s">
        <v>5331</v>
      </c>
      <c r="AG2604" s="26"/>
      <c r="AH2604" s="53"/>
    </row>
    <row r="2605" spans="1:34" ht="51.6" customHeight="1" x14ac:dyDescent="0.45">
      <c r="A2605" s="23">
        <v>2599</v>
      </c>
      <c r="B2605" s="25"/>
      <c r="C2605" s="25"/>
      <c r="D2605" s="29"/>
      <c r="E2605" s="1"/>
      <c r="F2605" s="1"/>
      <c r="G2605" s="25"/>
      <c r="H2605" s="71"/>
      <c r="I2605" s="83"/>
      <c r="J2605" s="50" t="str">
        <f t="shared" si="82"/>
        <v/>
      </c>
      <c r="K2605" s="23" t="s">
        <v>7120</v>
      </c>
      <c r="L2605" s="49" t="e">
        <f>VLOOKUP(E2605&amp;F2605,団体コード!$A$1:$C$1743,3,FALSE)</f>
        <v>#N/A</v>
      </c>
      <c r="M2605" s="49" t="e">
        <f>VLOOKUP(E2605&amp;F2605,団体コード!$A$1:$C$1743,2,FALSE)</f>
        <v>#N/A</v>
      </c>
      <c r="N2605" s="51" t="e">
        <f>VLOOKUP(E2605,団体コード!$E$1:$F$48,2,FALSE)</f>
        <v>#N/A</v>
      </c>
      <c r="O2605" s="51" t="e">
        <f t="shared" si="83"/>
        <v>#N/A</v>
      </c>
      <c r="P2605" s="51">
        <v>1</v>
      </c>
      <c r="Q2605" s="51" t="s">
        <v>5341</v>
      </c>
      <c r="R2605" s="54" t="b">
        <v>1</v>
      </c>
      <c r="S2605" s="52" t="s">
        <v>7126</v>
      </c>
      <c r="T2605" s="67" t="s">
        <v>7127</v>
      </c>
      <c r="U2605" s="75" t="s">
        <v>5331</v>
      </c>
      <c r="V2605" s="47" t="s">
        <v>5331</v>
      </c>
      <c r="W2605" s="47" t="s">
        <v>5331</v>
      </c>
      <c r="X2605" s="47" t="s">
        <v>5331</v>
      </c>
      <c r="Y2605" s="47" t="s">
        <v>5331</v>
      </c>
      <c r="Z2605" s="28"/>
      <c r="AA2605" s="27"/>
      <c r="AB2605" s="27"/>
      <c r="AC2605" s="27"/>
      <c r="AD2605" s="30"/>
      <c r="AE2605" s="1"/>
      <c r="AF2605" s="23" t="s">
        <v>5331</v>
      </c>
      <c r="AG2605" s="26"/>
      <c r="AH2605" s="53"/>
    </row>
    <row r="2606" spans="1:34" ht="51.6" customHeight="1" x14ac:dyDescent="0.45">
      <c r="A2606" s="23">
        <v>2600</v>
      </c>
      <c r="B2606" s="25"/>
      <c r="C2606" s="25"/>
      <c r="D2606" s="29"/>
      <c r="E2606" s="1"/>
      <c r="F2606" s="1"/>
      <c r="G2606" s="25"/>
      <c r="H2606" s="71"/>
      <c r="I2606" s="83"/>
      <c r="J2606" s="50" t="str">
        <f t="shared" si="82"/>
        <v/>
      </c>
      <c r="K2606" s="23" t="s">
        <v>7120</v>
      </c>
      <c r="L2606" s="49" t="e">
        <f>VLOOKUP(E2606&amp;F2606,団体コード!$A$1:$C$1743,3,FALSE)</f>
        <v>#N/A</v>
      </c>
      <c r="M2606" s="49" t="e">
        <f>VLOOKUP(E2606&amp;F2606,団体コード!$A$1:$C$1743,2,FALSE)</f>
        <v>#N/A</v>
      </c>
      <c r="N2606" s="51" t="e">
        <f>VLOOKUP(E2606,団体コード!$E$1:$F$48,2,FALSE)</f>
        <v>#N/A</v>
      </c>
      <c r="O2606" s="51" t="e">
        <f t="shared" si="83"/>
        <v>#N/A</v>
      </c>
      <c r="P2606" s="51">
        <v>1</v>
      </c>
      <c r="Q2606" s="51" t="s">
        <v>5341</v>
      </c>
      <c r="R2606" s="54" t="b">
        <v>1</v>
      </c>
      <c r="S2606" s="52" t="s">
        <v>7126</v>
      </c>
      <c r="T2606" s="67" t="s">
        <v>7127</v>
      </c>
      <c r="U2606" s="75" t="s">
        <v>5331</v>
      </c>
      <c r="V2606" s="47" t="s">
        <v>5331</v>
      </c>
      <c r="W2606" s="47" t="s">
        <v>5331</v>
      </c>
      <c r="X2606" s="47" t="s">
        <v>5331</v>
      </c>
      <c r="Y2606" s="47" t="s">
        <v>5331</v>
      </c>
      <c r="Z2606" s="28"/>
      <c r="AA2606" s="27"/>
      <c r="AB2606" s="27"/>
      <c r="AC2606" s="27"/>
      <c r="AD2606" s="30"/>
      <c r="AE2606" s="1"/>
      <c r="AF2606" s="23" t="s">
        <v>5331</v>
      </c>
      <c r="AG2606" s="26"/>
      <c r="AH2606" s="53"/>
    </row>
    <row r="2607" spans="1:34" ht="51.6" customHeight="1" x14ac:dyDescent="0.45">
      <c r="A2607" s="23">
        <v>2601</v>
      </c>
      <c r="B2607" s="25"/>
      <c r="C2607" s="25"/>
      <c r="D2607" s="29"/>
      <c r="E2607" s="1"/>
      <c r="F2607" s="1"/>
      <c r="G2607" s="25"/>
      <c r="H2607" s="71"/>
      <c r="I2607" s="83"/>
      <c r="J2607" s="50" t="str">
        <f t="shared" si="82"/>
        <v/>
      </c>
      <c r="K2607" s="23" t="s">
        <v>7120</v>
      </c>
      <c r="L2607" s="49" t="e">
        <f>VLOOKUP(E2607&amp;F2607,団体コード!$A$1:$C$1743,3,FALSE)</f>
        <v>#N/A</v>
      </c>
      <c r="M2607" s="49" t="e">
        <f>VLOOKUP(E2607&amp;F2607,団体コード!$A$1:$C$1743,2,FALSE)</f>
        <v>#N/A</v>
      </c>
      <c r="N2607" s="51" t="e">
        <f>VLOOKUP(E2607,団体コード!$E$1:$F$48,2,FALSE)</f>
        <v>#N/A</v>
      </c>
      <c r="O2607" s="51" t="e">
        <f t="shared" si="83"/>
        <v>#N/A</v>
      </c>
      <c r="P2607" s="51">
        <v>1</v>
      </c>
      <c r="Q2607" s="51" t="s">
        <v>5341</v>
      </c>
      <c r="R2607" s="54" t="b">
        <v>1</v>
      </c>
      <c r="S2607" s="52" t="s">
        <v>7126</v>
      </c>
      <c r="T2607" s="67" t="s">
        <v>7127</v>
      </c>
      <c r="U2607" s="75" t="s">
        <v>5331</v>
      </c>
      <c r="V2607" s="47" t="s">
        <v>5331</v>
      </c>
      <c r="W2607" s="47" t="s">
        <v>5331</v>
      </c>
      <c r="X2607" s="47" t="s">
        <v>5331</v>
      </c>
      <c r="Y2607" s="47" t="s">
        <v>5331</v>
      </c>
      <c r="Z2607" s="28"/>
      <c r="AA2607" s="27"/>
      <c r="AB2607" s="27"/>
      <c r="AC2607" s="27"/>
      <c r="AD2607" s="30"/>
      <c r="AE2607" s="1"/>
      <c r="AF2607" s="23" t="s">
        <v>5331</v>
      </c>
      <c r="AG2607" s="26"/>
      <c r="AH2607" s="53"/>
    </row>
    <row r="2608" spans="1:34" ht="51.6" customHeight="1" x14ac:dyDescent="0.45">
      <c r="A2608" s="23">
        <v>2602</v>
      </c>
      <c r="B2608" s="25"/>
      <c r="C2608" s="25"/>
      <c r="D2608" s="29"/>
      <c r="E2608" s="1"/>
      <c r="F2608" s="1"/>
      <c r="G2608" s="25"/>
      <c r="H2608" s="71"/>
      <c r="I2608" s="83"/>
      <c r="J2608" s="50" t="str">
        <f t="shared" si="82"/>
        <v/>
      </c>
      <c r="K2608" s="23" t="s">
        <v>7120</v>
      </c>
      <c r="L2608" s="49" t="e">
        <f>VLOOKUP(E2608&amp;F2608,団体コード!$A$1:$C$1743,3,FALSE)</f>
        <v>#N/A</v>
      </c>
      <c r="M2608" s="49" t="e">
        <f>VLOOKUP(E2608&amp;F2608,団体コード!$A$1:$C$1743,2,FALSE)</f>
        <v>#N/A</v>
      </c>
      <c r="N2608" s="51" t="e">
        <f>VLOOKUP(E2608,団体コード!$E$1:$F$48,2,FALSE)</f>
        <v>#N/A</v>
      </c>
      <c r="O2608" s="51" t="e">
        <f t="shared" si="83"/>
        <v>#N/A</v>
      </c>
      <c r="P2608" s="51">
        <v>1</v>
      </c>
      <c r="Q2608" s="51" t="s">
        <v>5341</v>
      </c>
      <c r="R2608" s="54" t="b">
        <v>1</v>
      </c>
      <c r="S2608" s="52" t="s">
        <v>7126</v>
      </c>
      <c r="T2608" s="67" t="s">
        <v>7127</v>
      </c>
      <c r="U2608" s="75" t="s">
        <v>5331</v>
      </c>
      <c r="V2608" s="47" t="s">
        <v>5331</v>
      </c>
      <c r="W2608" s="47" t="s">
        <v>5331</v>
      </c>
      <c r="X2608" s="47" t="s">
        <v>5331</v>
      </c>
      <c r="Y2608" s="47" t="s">
        <v>5331</v>
      </c>
      <c r="Z2608" s="28"/>
      <c r="AA2608" s="27"/>
      <c r="AB2608" s="27"/>
      <c r="AC2608" s="27"/>
      <c r="AD2608" s="30"/>
      <c r="AE2608" s="1"/>
      <c r="AF2608" s="23" t="s">
        <v>5331</v>
      </c>
      <c r="AG2608" s="26"/>
      <c r="AH2608" s="53"/>
    </row>
    <row r="2609" spans="1:34" ht="51.6" customHeight="1" x14ac:dyDescent="0.45">
      <c r="A2609" s="23">
        <v>2603</v>
      </c>
      <c r="B2609" s="25"/>
      <c r="C2609" s="25"/>
      <c r="D2609" s="29"/>
      <c r="E2609" s="1"/>
      <c r="F2609" s="1"/>
      <c r="G2609" s="25"/>
      <c r="H2609" s="71"/>
      <c r="I2609" s="83"/>
      <c r="J2609" s="50" t="str">
        <f t="shared" si="82"/>
        <v/>
      </c>
      <c r="K2609" s="23" t="s">
        <v>7120</v>
      </c>
      <c r="L2609" s="49" t="e">
        <f>VLOOKUP(E2609&amp;F2609,団体コード!$A$1:$C$1743,3,FALSE)</f>
        <v>#N/A</v>
      </c>
      <c r="M2609" s="49" t="e">
        <f>VLOOKUP(E2609&amp;F2609,団体コード!$A$1:$C$1743,2,FALSE)</f>
        <v>#N/A</v>
      </c>
      <c r="N2609" s="51" t="e">
        <f>VLOOKUP(E2609,団体コード!$E$1:$F$48,2,FALSE)</f>
        <v>#N/A</v>
      </c>
      <c r="O2609" s="51" t="e">
        <f t="shared" si="83"/>
        <v>#N/A</v>
      </c>
      <c r="P2609" s="51">
        <v>1</v>
      </c>
      <c r="Q2609" s="51" t="s">
        <v>5341</v>
      </c>
      <c r="R2609" s="54" t="b">
        <v>1</v>
      </c>
      <c r="S2609" s="52" t="s">
        <v>7126</v>
      </c>
      <c r="T2609" s="67" t="s">
        <v>7127</v>
      </c>
      <c r="U2609" s="75" t="s">
        <v>5331</v>
      </c>
      <c r="V2609" s="47" t="s">
        <v>5331</v>
      </c>
      <c r="W2609" s="47" t="s">
        <v>5331</v>
      </c>
      <c r="X2609" s="47" t="s">
        <v>5331</v>
      </c>
      <c r="Y2609" s="47" t="s">
        <v>5331</v>
      </c>
      <c r="Z2609" s="28"/>
      <c r="AA2609" s="27"/>
      <c r="AB2609" s="27"/>
      <c r="AC2609" s="27"/>
      <c r="AD2609" s="30"/>
      <c r="AE2609" s="1"/>
      <c r="AF2609" s="23" t="s">
        <v>5331</v>
      </c>
      <c r="AG2609" s="26"/>
      <c r="AH2609" s="53"/>
    </row>
    <row r="2610" spans="1:34" ht="51.6" customHeight="1" x14ac:dyDescent="0.45">
      <c r="A2610" s="23">
        <v>2604</v>
      </c>
      <c r="B2610" s="25"/>
      <c r="C2610" s="25"/>
      <c r="D2610" s="29"/>
      <c r="E2610" s="1"/>
      <c r="F2610" s="1"/>
      <c r="G2610" s="25"/>
      <c r="H2610" s="71"/>
      <c r="I2610" s="83"/>
      <c r="J2610" s="50" t="str">
        <f t="shared" si="82"/>
        <v/>
      </c>
      <c r="K2610" s="23" t="s">
        <v>7120</v>
      </c>
      <c r="L2610" s="49" t="e">
        <f>VLOOKUP(E2610&amp;F2610,団体コード!$A$1:$C$1743,3,FALSE)</f>
        <v>#N/A</v>
      </c>
      <c r="M2610" s="49" t="e">
        <f>VLOOKUP(E2610&amp;F2610,団体コード!$A$1:$C$1743,2,FALSE)</f>
        <v>#N/A</v>
      </c>
      <c r="N2610" s="51" t="e">
        <f>VLOOKUP(E2610,団体コード!$E$1:$F$48,2,FALSE)</f>
        <v>#N/A</v>
      </c>
      <c r="O2610" s="51" t="e">
        <f t="shared" si="83"/>
        <v>#N/A</v>
      </c>
      <c r="P2610" s="51">
        <v>1</v>
      </c>
      <c r="Q2610" s="51" t="s">
        <v>5341</v>
      </c>
      <c r="R2610" s="54" t="b">
        <v>1</v>
      </c>
      <c r="S2610" s="52" t="s">
        <v>7126</v>
      </c>
      <c r="T2610" s="67" t="s">
        <v>7127</v>
      </c>
      <c r="U2610" s="75" t="s">
        <v>5331</v>
      </c>
      <c r="V2610" s="47" t="s">
        <v>5331</v>
      </c>
      <c r="W2610" s="47" t="s">
        <v>5331</v>
      </c>
      <c r="X2610" s="47" t="s">
        <v>5331</v>
      </c>
      <c r="Y2610" s="47" t="s">
        <v>5331</v>
      </c>
      <c r="Z2610" s="28"/>
      <c r="AA2610" s="27"/>
      <c r="AB2610" s="27"/>
      <c r="AC2610" s="27"/>
      <c r="AD2610" s="30"/>
      <c r="AE2610" s="1"/>
      <c r="AF2610" s="23" t="s">
        <v>5331</v>
      </c>
      <c r="AG2610" s="26"/>
      <c r="AH2610" s="53"/>
    </row>
    <row r="2611" spans="1:34" ht="51.6" customHeight="1" x14ac:dyDescent="0.45">
      <c r="A2611" s="23">
        <v>2605</v>
      </c>
      <c r="B2611" s="25"/>
      <c r="C2611" s="25"/>
      <c r="D2611" s="29"/>
      <c r="E2611" s="1"/>
      <c r="F2611" s="1"/>
      <c r="G2611" s="25"/>
      <c r="H2611" s="71"/>
      <c r="I2611" s="83"/>
      <c r="J2611" s="50" t="str">
        <f t="shared" si="82"/>
        <v/>
      </c>
      <c r="K2611" s="23" t="s">
        <v>7120</v>
      </c>
      <c r="L2611" s="49" t="e">
        <f>VLOOKUP(E2611&amp;F2611,団体コード!$A$1:$C$1743,3,FALSE)</f>
        <v>#N/A</v>
      </c>
      <c r="M2611" s="49" t="e">
        <f>VLOOKUP(E2611&amp;F2611,団体コード!$A$1:$C$1743,2,FALSE)</f>
        <v>#N/A</v>
      </c>
      <c r="N2611" s="51" t="e">
        <f>VLOOKUP(E2611,団体コード!$E$1:$F$48,2,FALSE)</f>
        <v>#N/A</v>
      </c>
      <c r="O2611" s="51" t="e">
        <f t="shared" si="83"/>
        <v>#N/A</v>
      </c>
      <c r="P2611" s="51">
        <v>1</v>
      </c>
      <c r="Q2611" s="51" t="s">
        <v>5341</v>
      </c>
      <c r="R2611" s="54" t="b">
        <v>1</v>
      </c>
      <c r="S2611" s="52" t="s">
        <v>7126</v>
      </c>
      <c r="T2611" s="67" t="s">
        <v>7127</v>
      </c>
      <c r="U2611" s="75" t="s">
        <v>5331</v>
      </c>
      <c r="V2611" s="47" t="s">
        <v>5331</v>
      </c>
      <c r="W2611" s="47" t="s">
        <v>5331</v>
      </c>
      <c r="X2611" s="47" t="s">
        <v>5331</v>
      </c>
      <c r="Y2611" s="47" t="s">
        <v>5331</v>
      </c>
      <c r="Z2611" s="28"/>
      <c r="AA2611" s="27"/>
      <c r="AB2611" s="27"/>
      <c r="AC2611" s="27"/>
      <c r="AD2611" s="30"/>
      <c r="AE2611" s="1"/>
      <c r="AF2611" s="23" t="s">
        <v>5331</v>
      </c>
      <c r="AG2611" s="26"/>
      <c r="AH2611" s="53"/>
    </row>
    <row r="2612" spans="1:34" ht="51.6" customHeight="1" x14ac:dyDescent="0.45">
      <c r="A2612" s="23">
        <v>2606</v>
      </c>
      <c r="B2612" s="25"/>
      <c r="C2612" s="25"/>
      <c r="D2612" s="29"/>
      <c r="E2612" s="1"/>
      <c r="F2612" s="1"/>
      <c r="G2612" s="25"/>
      <c r="H2612" s="71"/>
      <c r="I2612" s="83"/>
      <c r="J2612" s="50" t="str">
        <f t="shared" si="82"/>
        <v/>
      </c>
      <c r="K2612" s="23" t="s">
        <v>7120</v>
      </c>
      <c r="L2612" s="49" t="e">
        <f>VLOOKUP(E2612&amp;F2612,団体コード!$A$1:$C$1743,3,FALSE)</f>
        <v>#N/A</v>
      </c>
      <c r="M2612" s="49" t="e">
        <f>VLOOKUP(E2612&amp;F2612,団体コード!$A$1:$C$1743,2,FALSE)</f>
        <v>#N/A</v>
      </c>
      <c r="N2612" s="51" t="e">
        <f>VLOOKUP(E2612,団体コード!$E$1:$F$48,2,FALSE)</f>
        <v>#N/A</v>
      </c>
      <c r="O2612" s="51" t="e">
        <f t="shared" si="83"/>
        <v>#N/A</v>
      </c>
      <c r="P2612" s="51">
        <v>1</v>
      </c>
      <c r="Q2612" s="51" t="s">
        <v>5341</v>
      </c>
      <c r="R2612" s="54" t="b">
        <v>1</v>
      </c>
      <c r="S2612" s="52" t="s">
        <v>7126</v>
      </c>
      <c r="T2612" s="67" t="s">
        <v>7127</v>
      </c>
      <c r="U2612" s="75" t="s">
        <v>5331</v>
      </c>
      <c r="V2612" s="47" t="s">
        <v>5331</v>
      </c>
      <c r="W2612" s="47" t="s">
        <v>5331</v>
      </c>
      <c r="X2612" s="47" t="s">
        <v>5331</v>
      </c>
      <c r="Y2612" s="47" t="s">
        <v>5331</v>
      </c>
      <c r="Z2612" s="28"/>
      <c r="AA2612" s="27"/>
      <c r="AB2612" s="27"/>
      <c r="AC2612" s="27"/>
      <c r="AD2612" s="30"/>
      <c r="AE2612" s="1"/>
      <c r="AF2612" s="23" t="s">
        <v>5331</v>
      </c>
      <c r="AG2612" s="26"/>
      <c r="AH2612" s="53"/>
    </row>
    <row r="2613" spans="1:34" ht="51.6" customHeight="1" x14ac:dyDescent="0.45">
      <c r="A2613" s="23">
        <v>2607</v>
      </c>
      <c r="B2613" s="25"/>
      <c r="C2613" s="25"/>
      <c r="D2613" s="29"/>
      <c r="E2613" s="1"/>
      <c r="F2613" s="1"/>
      <c r="G2613" s="25"/>
      <c r="H2613" s="71"/>
      <c r="I2613" s="83"/>
      <c r="J2613" s="50" t="str">
        <f t="shared" si="82"/>
        <v/>
      </c>
      <c r="K2613" s="23" t="s">
        <v>7120</v>
      </c>
      <c r="L2613" s="49" t="e">
        <f>VLOOKUP(E2613&amp;F2613,団体コード!$A$1:$C$1743,3,FALSE)</f>
        <v>#N/A</v>
      </c>
      <c r="M2613" s="49" t="e">
        <f>VLOOKUP(E2613&amp;F2613,団体コード!$A$1:$C$1743,2,FALSE)</f>
        <v>#N/A</v>
      </c>
      <c r="N2613" s="51" t="e">
        <f>VLOOKUP(E2613,団体コード!$E$1:$F$48,2,FALSE)</f>
        <v>#N/A</v>
      </c>
      <c r="O2613" s="51" t="e">
        <f t="shared" si="83"/>
        <v>#N/A</v>
      </c>
      <c r="P2613" s="51">
        <v>1</v>
      </c>
      <c r="Q2613" s="51" t="s">
        <v>5341</v>
      </c>
      <c r="R2613" s="54" t="b">
        <v>1</v>
      </c>
      <c r="S2613" s="52" t="s">
        <v>7126</v>
      </c>
      <c r="T2613" s="67" t="s">
        <v>7127</v>
      </c>
      <c r="U2613" s="75" t="s">
        <v>5331</v>
      </c>
      <c r="V2613" s="47" t="s">
        <v>5331</v>
      </c>
      <c r="W2613" s="47" t="s">
        <v>5331</v>
      </c>
      <c r="X2613" s="47" t="s">
        <v>5331</v>
      </c>
      <c r="Y2613" s="47" t="s">
        <v>5331</v>
      </c>
      <c r="Z2613" s="28"/>
      <c r="AA2613" s="27"/>
      <c r="AB2613" s="27"/>
      <c r="AC2613" s="27"/>
      <c r="AD2613" s="30"/>
      <c r="AE2613" s="1"/>
      <c r="AF2613" s="23" t="s">
        <v>5331</v>
      </c>
      <c r="AG2613" s="26"/>
      <c r="AH2613" s="53"/>
    </row>
    <row r="2614" spans="1:34" ht="51.6" customHeight="1" x14ac:dyDescent="0.45">
      <c r="A2614" s="23">
        <v>2608</v>
      </c>
      <c r="B2614" s="25"/>
      <c r="C2614" s="25"/>
      <c r="D2614" s="29"/>
      <c r="E2614" s="1"/>
      <c r="F2614" s="1"/>
      <c r="G2614" s="25"/>
      <c r="H2614" s="71"/>
      <c r="I2614" s="83"/>
      <c r="J2614" s="50" t="str">
        <f t="shared" si="82"/>
        <v/>
      </c>
      <c r="K2614" s="23" t="s">
        <v>7120</v>
      </c>
      <c r="L2614" s="49" t="e">
        <f>VLOOKUP(E2614&amp;F2614,団体コード!$A$1:$C$1743,3,FALSE)</f>
        <v>#N/A</v>
      </c>
      <c r="M2614" s="49" t="e">
        <f>VLOOKUP(E2614&amp;F2614,団体コード!$A$1:$C$1743,2,FALSE)</f>
        <v>#N/A</v>
      </c>
      <c r="N2614" s="51" t="e">
        <f>VLOOKUP(E2614,団体コード!$E$1:$F$48,2,FALSE)</f>
        <v>#N/A</v>
      </c>
      <c r="O2614" s="51" t="e">
        <f t="shared" si="83"/>
        <v>#N/A</v>
      </c>
      <c r="P2614" s="51">
        <v>1</v>
      </c>
      <c r="Q2614" s="51" t="s">
        <v>5341</v>
      </c>
      <c r="R2614" s="54" t="b">
        <v>1</v>
      </c>
      <c r="S2614" s="52" t="s">
        <v>7126</v>
      </c>
      <c r="T2614" s="67" t="s">
        <v>7127</v>
      </c>
      <c r="U2614" s="75" t="s">
        <v>5331</v>
      </c>
      <c r="V2614" s="47" t="s">
        <v>5331</v>
      </c>
      <c r="W2614" s="47" t="s">
        <v>5331</v>
      </c>
      <c r="X2614" s="47" t="s">
        <v>5331</v>
      </c>
      <c r="Y2614" s="47" t="s">
        <v>5331</v>
      </c>
      <c r="Z2614" s="28"/>
      <c r="AA2614" s="27"/>
      <c r="AB2614" s="27"/>
      <c r="AC2614" s="27"/>
      <c r="AD2614" s="30"/>
      <c r="AE2614" s="1"/>
      <c r="AF2614" s="23" t="s">
        <v>5331</v>
      </c>
      <c r="AG2614" s="26"/>
      <c r="AH2614" s="53"/>
    </row>
    <row r="2615" spans="1:34" ht="51.6" customHeight="1" x14ac:dyDescent="0.45">
      <c r="A2615" s="23">
        <v>2609</v>
      </c>
      <c r="B2615" s="25"/>
      <c r="C2615" s="25"/>
      <c r="D2615" s="29"/>
      <c r="E2615" s="1"/>
      <c r="F2615" s="1"/>
      <c r="G2615" s="25"/>
      <c r="H2615" s="71"/>
      <c r="I2615" s="83"/>
      <c r="J2615" s="50" t="str">
        <f t="shared" si="82"/>
        <v/>
      </c>
      <c r="K2615" s="23" t="s">
        <v>7120</v>
      </c>
      <c r="L2615" s="49" t="e">
        <f>VLOOKUP(E2615&amp;F2615,団体コード!$A$1:$C$1743,3,FALSE)</f>
        <v>#N/A</v>
      </c>
      <c r="M2615" s="49" t="e">
        <f>VLOOKUP(E2615&amp;F2615,団体コード!$A$1:$C$1743,2,FALSE)</f>
        <v>#N/A</v>
      </c>
      <c r="N2615" s="51" t="e">
        <f>VLOOKUP(E2615,団体コード!$E$1:$F$48,2,FALSE)</f>
        <v>#N/A</v>
      </c>
      <c r="O2615" s="51" t="e">
        <f t="shared" si="83"/>
        <v>#N/A</v>
      </c>
      <c r="P2615" s="51">
        <v>1</v>
      </c>
      <c r="Q2615" s="51" t="s">
        <v>5341</v>
      </c>
      <c r="R2615" s="54" t="b">
        <v>1</v>
      </c>
      <c r="S2615" s="52" t="s">
        <v>7126</v>
      </c>
      <c r="T2615" s="67" t="s">
        <v>7127</v>
      </c>
      <c r="U2615" s="75" t="s">
        <v>5331</v>
      </c>
      <c r="V2615" s="47" t="s">
        <v>5331</v>
      </c>
      <c r="W2615" s="47" t="s">
        <v>5331</v>
      </c>
      <c r="X2615" s="47" t="s">
        <v>5331</v>
      </c>
      <c r="Y2615" s="47" t="s">
        <v>5331</v>
      </c>
      <c r="Z2615" s="28"/>
      <c r="AA2615" s="27"/>
      <c r="AB2615" s="27"/>
      <c r="AC2615" s="27"/>
      <c r="AD2615" s="30"/>
      <c r="AE2615" s="1"/>
      <c r="AF2615" s="23" t="s">
        <v>5331</v>
      </c>
      <c r="AG2615" s="26"/>
      <c r="AH2615" s="53"/>
    </row>
    <row r="2616" spans="1:34" ht="51.6" customHeight="1" x14ac:dyDescent="0.45">
      <c r="A2616" s="23">
        <v>2610</v>
      </c>
      <c r="B2616" s="25"/>
      <c r="C2616" s="25"/>
      <c r="D2616" s="29"/>
      <c r="E2616" s="1"/>
      <c r="F2616" s="1"/>
      <c r="G2616" s="25"/>
      <c r="H2616" s="71"/>
      <c r="I2616" s="83"/>
      <c r="J2616" s="50" t="str">
        <f t="shared" si="82"/>
        <v/>
      </c>
      <c r="K2616" s="23" t="s">
        <v>7120</v>
      </c>
      <c r="L2616" s="49" t="e">
        <f>VLOOKUP(E2616&amp;F2616,団体コード!$A$1:$C$1743,3,FALSE)</f>
        <v>#N/A</v>
      </c>
      <c r="M2616" s="49" t="e">
        <f>VLOOKUP(E2616&amp;F2616,団体コード!$A$1:$C$1743,2,FALSE)</f>
        <v>#N/A</v>
      </c>
      <c r="N2616" s="51" t="e">
        <f>VLOOKUP(E2616,団体コード!$E$1:$F$48,2,FALSE)</f>
        <v>#N/A</v>
      </c>
      <c r="O2616" s="51" t="e">
        <f t="shared" si="83"/>
        <v>#N/A</v>
      </c>
      <c r="P2616" s="51">
        <v>1</v>
      </c>
      <c r="Q2616" s="51" t="s">
        <v>5341</v>
      </c>
      <c r="R2616" s="54" t="b">
        <v>1</v>
      </c>
      <c r="S2616" s="52" t="s">
        <v>7126</v>
      </c>
      <c r="T2616" s="67" t="s">
        <v>7127</v>
      </c>
      <c r="U2616" s="75" t="s">
        <v>5331</v>
      </c>
      <c r="V2616" s="47" t="s">
        <v>5331</v>
      </c>
      <c r="W2616" s="47" t="s">
        <v>5331</v>
      </c>
      <c r="X2616" s="47" t="s">
        <v>5331</v>
      </c>
      <c r="Y2616" s="47" t="s">
        <v>5331</v>
      </c>
      <c r="Z2616" s="28"/>
      <c r="AA2616" s="27"/>
      <c r="AB2616" s="27"/>
      <c r="AC2616" s="27"/>
      <c r="AD2616" s="30"/>
      <c r="AE2616" s="1"/>
      <c r="AF2616" s="23" t="s">
        <v>5331</v>
      </c>
      <c r="AG2616" s="26"/>
      <c r="AH2616" s="53"/>
    </row>
    <row r="2617" spans="1:34" ht="51.6" customHeight="1" x14ac:dyDescent="0.45">
      <c r="A2617" s="23">
        <v>2611</v>
      </c>
      <c r="B2617" s="25"/>
      <c r="C2617" s="25"/>
      <c r="D2617" s="29"/>
      <c r="E2617" s="1"/>
      <c r="F2617" s="1"/>
      <c r="G2617" s="25"/>
      <c r="H2617" s="71"/>
      <c r="I2617" s="83"/>
      <c r="J2617" s="50" t="str">
        <f t="shared" si="82"/>
        <v/>
      </c>
      <c r="K2617" s="23" t="s">
        <v>7120</v>
      </c>
      <c r="L2617" s="49" t="e">
        <f>VLOOKUP(E2617&amp;F2617,団体コード!$A$1:$C$1743,3,FALSE)</f>
        <v>#N/A</v>
      </c>
      <c r="M2617" s="49" t="e">
        <f>VLOOKUP(E2617&amp;F2617,団体コード!$A$1:$C$1743,2,FALSE)</f>
        <v>#N/A</v>
      </c>
      <c r="N2617" s="51" t="e">
        <f>VLOOKUP(E2617,団体コード!$E$1:$F$48,2,FALSE)</f>
        <v>#N/A</v>
      </c>
      <c r="O2617" s="51" t="e">
        <f t="shared" si="83"/>
        <v>#N/A</v>
      </c>
      <c r="P2617" s="51">
        <v>1</v>
      </c>
      <c r="Q2617" s="51" t="s">
        <v>5341</v>
      </c>
      <c r="R2617" s="54" t="b">
        <v>1</v>
      </c>
      <c r="S2617" s="52" t="s">
        <v>7126</v>
      </c>
      <c r="T2617" s="67" t="s">
        <v>7127</v>
      </c>
      <c r="U2617" s="75" t="s">
        <v>5331</v>
      </c>
      <c r="V2617" s="47" t="s">
        <v>5331</v>
      </c>
      <c r="W2617" s="47" t="s">
        <v>5331</v>
      </c>
      <c r="X2617" s="47" t="s">
        <v>5331</v>
      </c>
      <c r="Y2617" s="47" t="s">
        <v>5331</v>
      </c>
      <c r="Z2617" s="28"/>
      <c r="AA2617" s="27"/>
      <c r="AB2617" s="27"/>
      <c r="AC2617" s="27"/>
      <c r="AD2617" s="30"/>
      <c r="AE2617" s="1"/>
      <c r="AF2617" s="23" t="s">
        <v>5331</v>
      </c>
      <c r="AG2617" s="26"/>
      <c r="AH2617" s="53"/>
    </row>
    <row r="2618" spans="1:34" ht="51.6" customHeight="1" x14ac:dyDescent="0.45">
      <c r="A2618" s="23">
        <v>2612</v>
      </c>
      <c r="B2618" s="25"/>
      <c r="C2618" s="25"/>
      <c r="D2618" s="29"/>
      <c r="E2618" s="1"/>
      <c r="F2618" s="1"/>
      <c r="G2618" s="25"/>
      <c r="H2618" s="71"/>
      <c r="I2618" s="83"/>
      <c r="J2618" s="50" t="str">
        <f t="shared" si="82"/>
        <v/>
      </c>
      <c r="K2618" s="23" t="s">
        <v>7120</v>
      </c>
      <c r="L2618" s="49" t="e">
        <f>VLOOKUP(E2618&amp;F2618,団体コード!$A$1:$C$1743,3,FALSE)</f>
        <v>#N/A</v>
      </c>
      <c r="M2618" s="49" t="e">
        <f>VLOOKUP(E2618&amp;F2618,団体コード!$A$1:$C$1743,2,FALSE)</f>
        <v>#N/A</v>
      </c>
      <c r="N2618" s="51" t="e">
        <f>VLOOKUP(E2618,団体コード!$E$1:$F$48,2,FALSE)</f>
        <v>#N/A</v>
      </c>
      <c r="O2618" s="51" t="e">
        <f t="shared" si="83"/>
        <v>#N/A</v>
      </c>
      <c r="P2618" s="51">
        <v>1</v>
      </c>
      <c r="Q2618" s="51" t="s">
        <v>5341</v>
      </c>
      <c r="R2618" s="54" t="b">
        <v>1</v>
      </c>
      <c r="S2618" s="52" t="s">
        <v>7126</v>
      </c>
      <c r="T2618" s="67" t="s">
        <v>7127</v>
      </c>
      <c r="U2618" s="75" t="s">
        <v>5331</v>
      </c>
      <c r="V2618" s="47" t="s">
        <v>5331</v>
      </c>
      <c r="W2618" s="47" t="s">
        <v>5331</v>
      </c>
      <c r="X2618" s="47" t="s">
        <v>5331</v>
      </c>
      <c r="Y2618" s="47" t="s">
        <v>5331</v>
      </c>
      <c r="Z2618" s="28"/>
      <c r="AA2618" s="27"/>
      <c r="AB2618" s="27"/>
      <c r="AC2618" s="27"/>
      <c r="AD2618" s="30"/>
      <c r="AE2618" s="1"/>
      <c r="AF2618" s="23" t="s">
        <v>5331</v>
      </c>
      <c r="AG2618" s="26"/>
      <c r="AH2618" s="53"/>
    </row>
    <row r="2619" spans="1:34" ht="51.6" customHeight="1" x14ac:dyDescent="0.45">
      <c r="A2619" s="23">
        <v>2613</v>
      </c>
      <c r="B2619" s="25"/>
      <c r="C2619" s="25"/>
      <c r="D2619" s="29"/>
      <c r="E2619" s="1"/>
      <c r="F2619" s="1"/>
      <c r="G2619" s="25"/>
      <c r="H2619" s="71"/>
      <c r="I2619" s="83"/>
      <c r="J2619" s="50" t="str">
        <f t="shared" si="82"/>
        <v/>
      </c>
      <c r="K2619" s="23" t="s">
        <v>7120</v>
      </c>
      <c r="L2619" s="49" t="e">
        <f>VLOOKUP(E2619&amp;F2619,団体コード!$A$1:$C$1743,3,FALSE)</f>
        <v>#N/A</v>
      </c>
      <c r="M2619" s="49" t="e">
        <f>VLOOKUP(E2619&amp;F2619,団体コード!$A$1:$C$1743,2,FALSE)</f>
        <v>#N/A</v>
      </c>
      <c r="N2619" s="51" t="e">
        <f>VLOOKUP(E2619,団体コード!$E$1:$F$48,2,FALSE)</f>
        <v>#N/A</v>
      </c>
      <c r="O2619" s="51" t="e">
        <f t="shared" si="83"/>
        <v>#N/A</v>
      </c>
      <c r="P2619" s="51">
        <v>1</v>
      </c>
      <c r="Q2619" s="51" t="s">
        <v>5341</v>
      </c>
      <c r="R2619" s="54" t="b">
        <v>1</v>
      </c>
      <c r="S2619" s="52" t="s">
        <v>7126</v>
      </c>
      <c r="T2619" s="67" t="s">
        <v>7127</v>
      </c>
      <c r="U2619" s="75" t="s">
        <v>5331</v>
      </c>
      <c r="V2619" s="47" t="s">
        <v>5331</v>
      </c>
      <c r="W2619" s="47" t="s">
        <v>5331</v>
      </c>
      <c r="X2619" s="47" t="s">
        <v>5331</v>
      </c>
      <c r="Y2619" s="47" t="s">
        <v>5331</v>
      </c>
      <c r="Z2619" s="28"/>
      <c r="AA2619" s="27"/>
      <c r="AB2619" s="27"/>
      <c r="AC2619" s="27"/>
      <c r="AD2619" s="30"/>
      <c r="AE2619" s="1"/>
      <c r="AF2619" s="23" t="s">
        <v>5331</v>
      </c>
      <c r="AG2619" s="26"/>
      <c r="AH2619" s="53"/>
    </row>
    <row r="2620" spans="1:34" ht="51.6" customHeight="1" x14ac:dyDescent="0.45">
      <c r="A2620" s="23">
        <v>2614</v>
      </c>
      <c r="B2620" s="25"/>
      <c r="C2620" s="25"/>
      <c r="D2620" s="29"/>
      <c r="E2620" s="1"/>
      <c r="F2620" s="1"/>
      <c r="G2620" s="25"/>
      <c r="H2620" s="71"/>
      <c r="I2620" s="83"/>
      <c r="J2620" s="50" t="str">
        <f t="shared" si="82"/>
        <v/>
      </c>
      <c r="K2620" s="23" t="s">
        <v>7120</v>
      </c>
      <c r="L2620" s="49" t="e">
        <f>VLOOKUP(E2620&amp;F2620,団体コード!$A$1:$C$1743,3,FALSE)</f>
        <v>#N/A</v>
      </c>
      <c r="M2620" s="49" t="e">
        <f>VLOOKUP(E2620&amp;F2620,団体コード!$A$1:$C$1743,2,FALSE)</f>
        <v>#N/A</v>
      </c>
      <c r="N2620" s="51" t="e">
        <f>VLOOKUP(E2620,団体コード!$E$1:$F$48,2,FALSE)</f>
        <v>#N/A</v>
      </c>
      <c r="O2620" s="51" t="e">
        <f t="shared" si="83"/>
        <v>#N/A</v>
      </c>
      <c r="P2620" s="51">
        <v>1</v>
      </c>
      <c r="Q2620" s="51" t="s">
        <v>5341</v>
      </c>
      <c r="R2620" s="54" t="b">
        <v>1</v>
      </c>
      <c r="S2620" s="52" t="s">
        <v>7126</v>
      </c>
      <c r="T2620" s="67" t="s">
        <v>7127</v>
      </c>
      <c r="U2620" s="75" t="s">
        <v>5331</v>
      </c>
      <c r="V2620" s="47" t="s">
        <v>5331</v>
      </c>
      <c r="W2620" s="47" t="s">
        <v>5331</v>
      </c>
      <c r="X2620" s="47" t="s">
        <v>5331</v>
      </c>
      <c r="Y2620" s="47" t="s">
        <v>5331</v>
      </c>
      <c r="Z2620" s="28"/>
      <c r="AA2620" s="27"/>
      <c r="AB2620" s="27"/>
      <c r="AC2620" s="27"/>
      <c r="AD2620" s="30"/>
      <c r="AE2620" s="1"/>
      <c r="AF2620" s="23" t="s">
        <v>5331</v>
      </c>
      <c r="AG2620" s="26"/>
      <c r="AH2620" s="53"/>
    </row>
    <row r="2621" spans="1:34" ht="51.6" customHeight="1" x14ac:dyDescent="0.45">
      <c r="A2621" s="23">
        <v>2615</v>
      </c>
      <c r="B2621" s="25"/>
      <c r="C2621" s="25"/>
      <c r="D2621" s="29"/>
      <c r="E2621" s="1"/>
      <c r="F2621" s="1"/>
      <c r="G2621" s="25"/>
      <c r="H2621" s="71"/>
      <c r="I2621" s="83"/>
      <c r="J2621" s="50" t="str">
        <f t="shared" si="82"/>
        <v/>
      </c>
      <c r="K2621" s="23" t="s">
        <v>7120</v>
      </c>
      <c r="L2621" s="49" t="e">
        <f>VLOOKUP(E2621&amp;F2621,団体コード!$A$1:$C$1743,3,FALSE)</f>
        <v>#N/A</v>
      </c>
      <c r="M2621" s="49" t="e">
        <f>VLOOKUP(E2621&amp;F2621,団体コード!$A$1:$C$1743,2,FALSE)</f>
        <v>#N/A</v>
      </c>
      <c r="N2621" s="51" t="e">
        <f>VLOOKUP(E2621,団体コード!$E$1:$F$48,2,FALSE)</f>
        <v>#N/A</v>
      </c>
      <c r="O2621" s="51" t="e">
        <f t="shared" si="83"/>
        <v>#N/A</v>
      </c>
      <c r="P2621" s="51">
        <v>1</v>
      </c>
      <c r="Q2621" s="51" t="s">
        <v>5341</v>
      </c>
      <c r="R2621" s="54" t="b">
        <v>1</v>
      </c>
      <c r="S2621" s="52" t="s">
        <v>7126</v>
      </c>
      <c r="T2621" s="67" t="s">
        <v>7127</v>
      </c>
      <c r="U2621" s="75" t="s">
        <v>5331</v>
      </c>
      <c r="V2621" s="47" t="s">
        <v>5331</v>
      </c>
      <c r="W2621" s="47" t="s">
        <v>5331</v>
      </c>
      <c r="X2621" s="47" t="s">
        <v>5331</v>
      </c>
      <c r="Y2621" s="47" t="s">
        <v>5331</v>
      </c>
      <c r="Z2621" s="28"/>
      <c r="AA2621" s="27"/>
      <c r="AB2621" s="27"/>
      <c r="AC2621" s="27"/>
      <c r="AD2621" s="30"/>
      <c r="AE2621" s="1"/>
      <c r="AF2621" s="23" t="s">
        <v>5331</v>
      </c>
      <c r="AG2621" s="26"/>
      <c r="AH2621" s="53"/>
    </row>
    <row r="2622" spans="1:34" ht="51.6" customHeight="1" x14ac:dyDescent="0.45">
      <c r="A2622" s="23">
        <v>2616</v>
      </c>
      <c r="B2622" s="25"/>
      <c r="C2622" s="25"/>
      <c r="D2622" s="29"/>
      <c r="E2622" s="1"/>
      <c r="F2622" s="1"/>
      <c r="G2622" s="25"/>
      <c r="H2622" s="71"/>
      <c r="I2622" s="83"/>
      <c r="J2622" s="50" t="str">
        <f t="shared" si="82"/>
        <v/>
      </c>
      <c r="K2622" s="23" t="s">
        <v>7120</v>
      </c>
      <c r="L2622" s="49" t="e">
        <f>VLOOKUP(E2622&amp;F2622,団体コード!$A$1:$C$1743,3,FALSE)</f>
        <v>#N/A</v>
      </c>
      <c r="M2622" s="49" t="e">
        <f>VLOOKUP(E2622&amp;F2622,団体コード!$A$1:$C$1743,2,FALSE)</f>
        <v>#N/A</v>
      </c>
      <c r="N2622" s="51" t="e">
        <f>VLOOKUP(E2622,団体コード!$E$1:$F$48,2,FALSE)</f>
        <v>#N/A</v>
      </c>
      <c r="O2622" s="51" t="e">
        <f t="shared" si="83"/>
        <v>#N/A</v>
      </c>
      <c r="P2622" s="51">
        <v>1</v>
      </c>
      <c r="Q2622" s="51" t="s">
        <v>5341</v>
      </c>
      <c r="R2622" s="54" t="b">
        <v>1</v>
      </c>
      <c r="S2622" s="52" t="s">
        <v>7126</v>
      </c>
      <c r="T2622" s="67" t="s">
        <v>7127</v>
      </c>
      <c r="U2622" s="75" t="s">
        <v>5331</v>
      </c>
      <c r="V2622" s="47" t="s">
        <v>5331</v>
      </c>
      <c r="W2622" s="47" t="s">
        <v>5331</v>
      </c>
      <c r="X2622" s="47" t="s">
        <v>5331</v>
      </c>
      <c r="Y2622" s="47" t="s">
        <v>5331</v>
      </c>
      <c r="Z2622" s="28"/>
      <c r="AA2622" s="27"/>
      <c r="AB2622" s="27"/>
      <c r="AC2622" s="27"/>
      <c r="AD2622" s="30"/>
      <c r="AE2622" s="1"/>
      <c r="AF2622" s="23" t="s">
        <v>5331</v>
      </c>
      <c r="AG2622" s="26"/>
      <c r="AH2622" s="53"/>
    </row>
    <row r="2623" spans="1:34" ht="51.6" customHeight="1" x14ac:dyDescent="0.45">
      <c r="A2623" s="23">
        <v>2617</v>
      </c>
      <c r="B2623" s="25"/>
      <c r="C2623" s="25"/>
      <c r="D2623" s="29"/>
      <c r="E2623" s="1"/>
      <c r="F2623" s="1"/>
      <c r="G2623" s="25"/>
      <c r="H2623" s="71"/>
      <c r="I2623" s="83"/>
      <c r="J2623" s="50" t="str">
        <f t="shared" si="82"/>
        <v/>
      </c>
      <c r="K2623" s="23" t="s">
        <v>7120</v>
      </c>
      <c r="L2623" s="49" t="e">
        <f>VLOOKUP(E2623&amp;F2623,団体コード!$A$1:$C$1743,3,FALSE)</f>
        <v>#N/A</v>
      </c>
      <c r="M2623" s="49" t="e">
        <f>VLOOKUP(E2623&amp;F2623,団体コード!$A$1:$C$1743,2,FALSE)</f>
        <v>#N/A</v>
      </c>
      <c r="N2623" s="51" t="e">
        <f>VLOOKUP(E2623,団体コード!$E$1:$F$48,2,FALSE)</f>
        <v>#N/A</v>
      </c>
      <c r="O2623" s="51" t="e">
        <f t="shared" si="83"/>
        <v>#N/A</v>
      </c>
      <c r="P2623" s="51">
        <v>1</v>
      </c>
      <c r="Q2623" s="51" t="s">
        <v>5341</v>
      </c>
      <c r="R2623" s="54" t="b">
        <v>1</v>
      </c>
      <c r="S2623" s="52" t="s">
        <v>7126</v>
      </c>
      <c r="T2623" s="67" t="s">
        <v>7127</v>
      </c>
      <c r="U2623" s="75" t="s">
        <v>5331</v>
      </c>
      <c r="V2623" s="47" t="s">
        <v>5331</v>
      </c>
      <c r="W2623" s="47" t="s">
        <v>5331</v>
      </c>
      <c r="X2623" s="47" t="s">
        <v>5331</v>
      </c>
      <c r="Y2623" s="47" t="s">
        <v>5331</v>
      </c>
      <c r="Z2623" s="28"/>
      <c r="AA2623" s="27"/>
      <c r="AB2623" s="27"/>
      <c r="AC2623" s="27"/>
      <c r="AD2623" s="30"/>
      <c r="AE2623" s="1"/>
      <c r="AF2623" s="23" t="s">
        <v>5331</v>
      </c>
      <c r="AG2623" s="26"/>
      <c r="AH2623" s="53"/>
    </row>
    <row r="2624" spans="1:34" ht="51.6" customHeight="1" x14ac:dyDescent="0.45">
      <c r="A2624" s="23">
        <v>2618</v>
      </c>
      <c r="B2624" s="25"/>
      <c r="C2624" s="25"/>
      <c r="D2624" s="29"/>
      <c r="E2624" s="1"/>
      <c r="F2624" s="1"/>
      <c r="G2624" s="25"/>
      <c r="H2624" s="71"/>
      <c r="I2624" s="83"/>
      <c r="J2624" s="50" t="str">
        <f t="shared" si="82"/>
        <v/>
      </c>
      <c r="K2624" s="23" t="s">
        <v>7120</v>
      </c>
      <c r="L2624" s="49" t="e">
        <f>VLOOKUP(E2624&amp;F2624,団体コード!$A$1:$C$1743,3,FALSE)</f>
        <v>#N/A</v>
      </c>
      <c r="M2624" s="49" t="e">
        <f>VLOOKUP(E2624&amp;F2624,団体コード!$A$1:$C$1743,2,FALSE)</f>
        <v>#N/A</v>
      </c>
      <c r="N2624" s="51" t="e">
        <f>VLOOKUP(E2624,団体コード!$E$1:$F$48,2,FALSE)</f>
        <v>#N/A</v>
      </c>
      <c r="O2624" s="51" t="e">
        <f t="shared" si="83"/>
        <v>#N/A</v>
      </c>
      <c r="P2624" s="51">
        <v>1</v>
      </c>
      <c r="Q2624" s="51" t="s">
        <v>5341</v>
      </c>
      <c r="R2624" s="54" t="b">
        <v>1</v>
      </c>
      <c r="S2624" s="52" t="s">
        <v>7126</v>
      </c>
      <c r="T2624" s="67" t="s">
        <v>7127</v>
      </c>
      <c r="U2624" s="75" t="s">
        <v>5331</v>
      </c>
      <c r="V2624" s="47" t="s">
        <v>5331</v>
      </c>
      <c r="W2624" s="47" t="s">
        <v>5331</v>
      </c>
      <c r="X2624" s="47" t="s">
        <v>5331</v>
      </c>
      <c r="Y2624" s="47" t="s">
        <v>5331</v>
      </c>
      <c r="Z2624" s="28"/>
      <c r="AA2624" s="27"/>
      <c r="AB2624" s="27"/>
      <c r="AC2624" s="27"/>
      <c r="AD2624" s="30"/>
      <c r="AE2624" s="1"/>
      <c r="AF2624" s="23" t="s">
        <v>5331</v>
      </c>
      <c r="AG2624" s="26"/>
      <c r="AH2624" s="53"/>
    </row>
    <row r="2625" spans="1:34" ht="51.6" customHeight="1" x14ac:dyDescent="0.45">
      <c r="A2625" s="23">
        <v>2619</v>
      </c>
      <c r="B2625" s="25"/>
      <c r="C2625" s="25"/>
      <c r="D2625" s="29"/>
      <c r="E2625" s="1"/>
      <c r="F2625" s="1"/>
      <c r="G2625" s="25"/>
      <c r="H2625" s="71"/>
      <c r="I2625" s="83"/>
      <c r="J2625" s="50" t="str">
        <f t="shared" si="82"/>
        <v/>
      </c>
      <c r="K2625" s="23" t="s">
        <v>7120</v>
      </c>
      <c r="L2625" s="49" t="e">
        <f>VLOOKUP(E2625&amp;F2625,団体コード!$A$1:$C$1743,3,FALSE)</f>
        <v>#N/A</v>
      </c>
      <c r="M2625" s="49" t="e">
        <f>VLOOKUP(E2625&amp;F2625,団体コード!$A$1:$C$1743,2,FALSE)</f>
        <v>#N/A</v>
      </c>
      <c r="N2625" s="51" t="e">
        <f>VLOOKUP(E2625,団体コード!$E$1:$F$48,2,FALSE)</f>
        <v>#N/A</v>
      </c>
      <c r="O2625" s="51" t="e">
        <f t="shared" si="83"/>
        <v>#N/A</v>
      </c>
      <c r="P2625" s="51">
        <v>1</v>
      </c>
      <c r="Q2625" s="51" t="s">
        <v>5341</v>
      </c>
      <c r="R2625" s="54" t="b">
        <v>1</v>
      </c>
      <c r="S2625" s="52" t="s">
        <v>7126</v>
      </c>
      <c r="T2625" s="67" t="s">
        <v>7127</v>
      </c>
      <c r="U2625" s="75" t="s">
        <v>5331</v>
      </c>
      <c r="V2625" s="47" t="s">
        <v>5331</v>
      </c>
      <c r="W2625" s="47" t="s">
        <v>5331</v>
      </c>
      <c r="X2625" s="47" t="s">
        <v>5331</v>
      </c>
      <c r="Y2625" s="47" t="s">
        <v>5331</v>
      </c>
      <c r="Z2625" s="28"/>
      <c r="AA2625" s="27"/>
      <c r="AB2625" s="27"/>
      <c r="AC2625" s="27"/>
      <c r="AD2625" s="30"/>
      <c r="AE2625" s="1"/>
      <c r="AF2625" s="23" t="s">
        <v>5331</v>
      </c>
      <c r="AG2625" s="26"/>
      <c r="AH2625" s="53"/>
    </row>
    <row r="2626" spans="1:34" ht="51.6" customHeight="1" x14ac:dyDescent="0.45">
      <c r="A2626" s="23">
        <v>2620</v>
      </c>
      <c r="B2626" s="25"/>
      <c r="C2626" s="25"/>
      <c r="D2626" s="29"/>
      <c r="E2626" s="1"/>
      <c r="F2626" s="1"/>
      <c r="G2626" s="25"/>
      <c r="H2626" s="71"/>
      <c r="I2626" s="83"/>
      <c r="J2626" s="50" t="str">
        <f t="shared" si="82"/>
        <v/>
      </c>
      <c r="K2626" s="23" t="s">
        <v>7120</v>
      </c>
      <c r="L2626" s="49" t="e">
        <f>VLOOKUP(E2626&amp;F2626,団体コード!$A$1:$C$1743,3,FALSE)</f>
        <v>#N/A</v>
      </c>
      <c r="M2626" s="49" t="e">
        <f>VLOOKUP(E2626&amp;F2626,団体コード!$A$1:$C$1743,2,FALSE)</f>
        <v>#N/A</v>
      </c>
      <c r="N2626" s="51" t="e">
        <f>VLOOKUP(E2626,団体コード!$E$1:$F$48,2,FALSE)</f>
        <v>#N/A</v>
      </c>
      <c r="O2626" s="51" t="e">
        <f t="shared" si="83"/>
        <v>#N/A</v>
      </c>
      <c r="P2626" s="51">
        <v>1</v>
      </c>
      <c r="Q2626" s="51" t="s">
        <v>5341</v>
      </c>
      <c r="R2626" s="54" t="b">
        <v>1</v>
      </c>
      <c r="S2626" s="52" t="s">
        <v>7126</v>
      </c>
      <c r="T2626" s="67" t="s">
        <v>7127</v>
      </c>
      <c r="U2626" s="75" t="s">
        <v>5331</v>
      </c>
      <c r="V2626" s="47" t="s">
        <v>5331</v>
      </c>
      <c r="W2626" s="47" t="s">
        <v>5331</v>
      </c>
      <c r="X2626" s="47" t="s">
        <v>5331</v>
      </c>
      <c r="Y2626" s="47" t="s">
        <v>5331</v>
      </c>
      <c r="Z2626" s="28"/>
      <c r="AA2626" s="27"/>
      <c r="AB2626" s="27"/>
      <c r="AC2626" s="27"/>
      <c r="AD2626" s="30"/>
      <c r="AE2626" s="1"/>
      <c r="AF2626" s="23" t="s">
        <v>5331</v>
      </c>
      <c r="AG2626" s="26"/>
      <c r="AH2626" s="53"/>
    </row>
    <row r="2627" spans="1:34" ht="51.6" customHeight="1" x14ac:dyDescent="0.45">
      <c r="A2627" s="23">
        <v>2621</v>
      </c>
      <c r="B2627" s="25"/>
      <c r="C2627" s="25"/>
      <c r="D2627" s="29"/>
      <c r="E2627" s="1"/>
      <c r="F2627" s="1"/>
      <c r="G2627" s="25"/>
      <c r="H2627" s="71"/>
      <c r="I2627" s="83"/>
      <c r="J2627" s="50" t="str">
        <f t="shared" si="82"/>
        <v/>
      </c>
      <c r="K2627" s="23" t="s">
        <v>7120</v>
      </c>
      <c r="L2627" s="49" t="e">
        <f>VLOOKUP(E2627&amp;F2627,団体コード!$A$1:$C$1743,3,FALSE)</f>
        <v>#N/A</v>
      </c>
      <c r="M2627" s="49" t="e">
        <f>VLOOKUP(E2627&amp;F2627,団体コード!$A$1:$C$1743,2,FALSE)</f>
        <v>#N/A</v>
      </c>
      <c r="N2627" s="51" t="e">
        <f>VLOOKUP(E2627,団体コード!$E$1:$F$48,2,FALSE)</f>
        <v>#N/A</v>
      </c>
      <c r="O2627" s="51" t="e">
        <f t="shared" si="83"/>
        <v>#N/A</v>
      </c>
      <c r="P2627" s="51">
        <v>1</v>
      </c>
      <c r="Q2627" s="51" t="s">
        <v>5341</v>
      </c>
      <c r="R2627" s="54" t="b">
        <v>1</v>
      </c>
      <c r="S2627" s="52" t="s">
        <v>7126</v>
      </c>
      <c r="T2627" s="67" t="s">
        <v>7127</v>
      </c>
      <c r="U2627" s="75" t="s">
        <v>5331</v>
      </c>
      <c r="V2627" s="47" t="s">
        <v>5331</v>
      </c>
      <c r="W2627" s="47" t="s">
        <v>5331</v>
      </c>
      <c r="X2627" s="47" t="s">
        <v>5331</v>
      </c>
      <c r="Y2627" s="47" t="s">
        <v>5331</v>
      </c>
      <c r="Z2627" s="28"/>
      <c r="AA2627" s="27"/>
      <c r="AB2627" s="27"/>
      <c r="AC2627" s="27"/>
      <c r="AD2627" s="30"/>
      <c r="AE2627" s="1"/>
      <c r="AF2627" s="23" t="s">
        <v>5331</v>
      </c>
      <c r="AG2627" s="26"/>
      <c r="AH2627" s="53"/>
    </row>
    <row r="2628" spans="1:34" ht="51.6" customHeight="1" x14ac:dyDescent="0.45">
      <c r="A2628" s="23">
        <v>2622</v>
      </c>
      <c r="B2628" s="25"/>
      <c r="C2628" s="25"/>
      <c r="D2628" s="29"/>
      <c r="E2628" s="1"/>
      <c r="F2628" s="1"/>
      <c r="G2628" s="25"/>
      <c r="H2628" s="71"/>
      <c r="I2628" s="83"/>
      <c r="J2628" s="50" t="str">
        <f t="shared" si="82"/>
        <v/>
      </c>
      <c r="K2628" s="23" t="s">
        <v>7120</v>
      </c>
      <c r="L2628" s="49" t="e">
        <f>VLOOKUP(E2628&amp;F2628,団体コード!$A$1:$C$1743,3,FALSE)</f>
        <v>#N/A</v>
      </c>
      <c r="M2628" s="49" t="e">
        <f>VLOOKUP(E2628&amp;F2628,団体コード!$A$1:$C$1743,2,FALSE)</f>
        <v>#N/A</v>
      </c>
      <c r="N2628" s="51" t="e">
        <f>VLOOKUP(E2628,団体コード!$E$1:$F$48,2,FALSE)</f>
        <v>#N/A</v>
      </c>
      <c r="O2628" s="51" t="e">
        <f t="shared" si="83"/>
        <v>#N/A</v>
      </c>
      <c r="P2628" s="51">
        <v>1</v>
      </c>
      <c r="Q2628" s="51" t="s">
        <v>5341</v>
      </c>
      <c r="R2628" s="54" t="b">
        <v>1</v>
      </c>
      <c r="S2628" s="52" t="s">
        <v>7126</v>
      </c>
      <c r="T2628" s="67" t="s">
        <v>7127</v>
      </c>
      <c r="U2628" s="75" t="s">
        <v>5331</v>
      </c>
      <c r="V2628" s="47" t="s">
        <v>5331</v>
      </c>
      <c r="W2628" s="47" t="s">
        <v>5331</v>
      </c>
      <c r="X2628" s="47" t="s">
        <v>5331</v>
      </c>
      <c r="Y2628" s="47" t="s">
        <v>5331</v>
      </c>
      <c r="Z2628" s="28"/>
      <c r="AA2628" s="27"/>
      <c r="AB2628" s="27"/>
      <c r="AC2628" s="27"/>
      <c r="AD2628" s="30"/>
      <c r="AE2628" s="1"/>
      <c r="AF2628" s="23" t="s">
        <v>5331</v>
      </c>
      <c r="AG2628" s="26"/>
      <c r="AH2628" s="53"/>
    </row>
    <row r="2629" spans="1:34" ht="51.6" customHeight="1" x14ac:dyDescent="0.45">
      <c r="A2629" s="23">
        <v>2623</v>
      </c>
      <c r="B2629" s="25"/>
      <c r="C2629" s="25"/>
      <c r="D2629" s="29"/>
      <c r="E2629" s="1"/>
      <c r="F2629" s="1"/>
      <c r="G2629" s="25"/>
      <c r="H2629" s="71"/>
      <c r="I2629" s="83"/>
      <c r="J2629" s="50" t="str">
        <f t="shared" si="82"/>
        <v/>
      </c>
      <c r="K2629" s="23" t="s">
        <v>7120</v>
      </c>
      <c r="L2629" s="49" t="e">
        <f>VLOOKUP(E2629&amp;F2629,団体コード!$A$1:$C$1743,3,FALSE)</f>
        <v>#N/A</v>
      </c>
      <c r="M2629" s="49" t="e">
        <f>VLOOKUP(E2629&amp;F2629,団体コード!$A$1:$C$1743,2,FALSE)</f>
        <v>#N/A</v>
      </c>
      <c r="N2629" s="51" t="e">
        <f>VLOOKUP(E2629,団体コード!$E$1:$F$48,2,FALSE)</f>
        <v>#N/A</v>
      </c>
      <c r="O2629" s="51" t="e">
        <f t="shared" si="83"/>
        <v>#N/A</v>
      </c>
      <c r="P2629" s="51">
        <v>1</v>
      </c>
      <c r="Q2629" s="51" t="s">
        <v>5341</v>
      </c>
      <c r="R2629" s="54" t="b">
        <v>1</v>
      </c>
      <c r="S2629" s="52" t="s">
        <v>7126</v>
      </c>
      <c r="T2629" s="67" t="s">
        <v>7127</v>
      </c>
      <c r="U2629" s="75" t="s">
        <v>5331</v>
      </c>
      <c r="V2629" s="47" t="s">
        <v>5331</v>
      </c>
      <c r="W2629" s="47" t="s">
        <v>5331</v>
      </c>
      <c r="X2629" s="47" t="s">
        <v>5331</v>
      </c>
      <c r="Y2629" s="47" t="s">
        <v>5331</v>
      </c>
      <c r="Z2629" s="28"/>
      <c r="AA2629" s="27"/>
      <c r="AB2629" s="27"/>
      <c r="AC2629" s="27"/>
      <c r="AD2629" s="30"/>
      <c r="AE2629" s="1"/>
      <c r="AF2629" s="23" t="s">
        <v>5331</v>
      </c>
      <c r="AG2629" s="26"/>
      <c r="AH2629" s="53"/>
    </row>
    <row r="2630" spans="1:34" ht="51.6" customHeight="1" x14ac:dyDescent="0.45">
      <c r="A2630" s="23">
        <v>2624</v>
      </c>
      <c r="B2630" s="25"/>
      <c r="C2630" s="25"/>
      <c r="D2630" s="29"/>
      <c r="E2630" s="1"/>
      <c r="F2630" s="1"/>
      <c r="G2630" s="25"/>
      <c r="H2630" s="71"/>
      <c r="I2630" s="83"/>
      <c r="J2630" s="50" t="str">
        <f t="shared" si="82"/>
        <v/>
      </c>
      <c r="K2630" s="23" t="s">
        <v>7120</v>
      </c>
      <c r="L2630" s="49" t="e">
        <f>VLOOKUP(E2630&amp;F2630,団体コード!$A$1:$C$1743,3,FALSE)</f>
        <v>#N/A</v>
      </c>
      <c r="M2630" s="49" t="e">
        <f>VLOOKUP(E2630&amp;F2630,団体コード!$A$1:$C$1743,2,FALSE)</f>
        <v>#N/A</v>
      </c>
      <c r="N2630" s="51" t="e">
        <f>VLOOKUP(E2630,団体コード!$E$1:$F$48,2,FALSE)</f>
        <v>#N/A</v>
      </c>
      <c r="O2630" s="51" t="e">
        <f t="shared" si="83"/>
        <v>#N/A</v>
      </c>
      <c r="P2630" s="51">
        <v>1</v>
      </c>
      <c r="Q2630" s="51" t="s">
        <v>5341</v>
      </c>
      <c r="R2630" s="54" t="b">
        <v>1</v>
      </c>
      <c r="S2630" s="52" t="s">
        <v>7126</v>
      </c>
      <c r="T2630" s="67" t="s">
        <v>7127</v>
      </c>
      <c r="U2630" s="75" t="s">
        <v>5331</v>
      </c>
      <c r="V2630" s="47" t="s">
        <v>5331</v>
      </c>
      <c r="W2630" s="47" t="s">
        <v>5331</v>
      </c>
      <c r="X2630" s="47" t="s">
        <v>5331</v>
      </c>
      <c r="Y2630" s="47" t="s">
        <v>5331</v>
      </c>
      <c r="Z2630" s="28"/>
      <c r="AA2630" s="27"/>
      <c r="AB2630" s="27"/>
      <c r="AC2630" s="27"/>
      <c r="AD2630" s="30"/>
      <c r="AE2630" s="1"/>
      <c r="AF2630" s="23" t="s">
        <v>5331</v>
      </c>
      <c r="AG2630" s="26"/>
      <c r="AH2630" s="53"/>
    </row>
    <row r="2631" spans="1:34" ht="51.6" customHeight="1" x14ac:dyDescent="0.45">
      <c r="A2631" s="23">
        <v>2625</v>
      </c>
      <c r="B2631" s="25"/>
      <c r="C2631" s="25"/>
      <c r="D2631" s="29"/>
      <c r="E2631" s="1"/>
      <c r="F2631" s="1"/>
      <c r="G2631" s="25"/>
      <c r="H2631" s="71"/>
      <c r="I2631" s="83"/>
      <c r="J2631" s="50" t="str">
        <f t="shared" si="82"/>
        <v/>
      </c>
      <c r="K2631" s="23" t="s">
        <v>7120</v>
      </c>
      <c r="L2631" s="49" t="e">
        <f>VLOOKUP(E2631&amp;F2631,団体コード!$A$1:$C$1743,3,FALSE)</f>
        <v>#N/A</v>
      </c>
      <c r="M2631" s="49" t="e">
        <f>VLOOKUP(E2631&amp;F2631,団体コード!$A$1:$C$1743,2,FALSE)</f>
        <v>#N/A</v>
      </c>
      <c r="N2631" s="51" t="e">
        <f>VLOOKUP(E2631,団体コード!$E$1:$F$48,2,FALSE)</f>
        <v>#N/A</v>
      </c>
      <c r="O2631" s="51" t="e">
        <f t="shared" si="83"/>
        <v>#N/A</v>
      </c>
      <c r="P2631" s="51">
        <v>1</v>
      </c>
      <c r="Q2631" s="51" t="s">
        <v>5341</v>
      </c>
      <c r="R2631" s="54" t="b">
        <v>1</v>
      </c>
      <c r="S2631" s="52" t="s">
        <v>7126</v>
      </c>
      <c r="T2631" s="67" t="s">
        <v>7127</v>
      </c>
      <c r="U2631" s="75" t="s">
        <v>5331</v>
      </c>
      <c r="V2631" s="47" t="s">
        <v>5331</v>
      </c>
      <c r="W2631" s="47" t="s">
        <v>5331</v>
      </c>
      <c r="X2631" s="47" t="s">
        <v>5331</v>
      </c>
      <c r="Y2631" s="47" t="s">
        <v>5331</v>
      </c>
      <c r="Z2631" s="28"/>
      <c r="AA2631" s="27"/>
      <c r="AB2631" s="27"/>
      <c r="AC2631" s="27"/>
      <c r="AD2631" s="30"/>
      <c r="AE2631" s="1"/>
      <c r="AF2631" s="23" t="s">
        <v>5331</v>
      </c>
      <c r="AG2631" s="26"/>
      <c r="AH2631" s="53"/>
    </row>
    <row r="2632" spans="1:34" ht="51.6" customHeight="1" x14ac:dyDescent="0.45">
      <c r="A2632" s="23">
        <v>2626</v>
      </c>
      <c r="B2632" s="25"/>
      <c r="C2632" s="25"/>
      <c r="D2632" s="29"/>
      <c r="E2632" s="1"/>
      <c r="F2632" s="1"/>
      <c r="G2632" s="25"/>
      <c r="H2632" s="71"/>
      <c r="I2632" s="83"/>
      <c r="J2632" s="50" t="str">
        <f t="shared" ref="J2632:J2695" si="84">E2632&amp;F2632&amp;G2632</f>
        <v/>
      </c>
      <c r="K2632" s="23" t="s">
        <v>7120</v>
      </c>
      <c r="L2632" s="49" t="e">
        <f>VLOOKUP(E2632&amp;F2632,団体コード!$A$1:$C$1743,3,FALSE)</f>
        <v>#N/A</v>
      </c>
      <c r="M2632" s="49" t="e">
        <f>VLOOKUP(E2632&amp;F2632,団体コード!$A$1:$C$1743,2,FALSE)</f>
        <v>#N/A</v>
      </c>
      <c r="N2632" s="51" t="e">
        <f>VLOOKUP(E2632,団体コード!$E$1:$F$48,2,FALSE)</f>
        <v>#N/A</v>
      </c>
      <c r="O2632" s="51" t="e">
        <f t="shared" ref="O2632:O2695" si="85">N2632</f>
        <v>#N/A</v>
      </c>
      <c r="P2632" s="51">
        <v>1</v>
      </c>
      <c r="Q2632" s="51" t="s">
        <v>5341</v>
      </c>
      <c r="R2632" s="54" t="b">
        <v>1</v>
      </c>
      <c r="S2632" s="52" t="s">
        <v>7126</v>
      </c>
      <c r="T2632" s="67" t="s">
        <v>7127</v>
      </c>
      <c r="U2632" s="75" t="s">
        <v>5331</v>
      </c>
      <c r="V2632" s="47" t="s">
        <v>5331</v>
      </c>
      <c r="W2632" s="47" t="s">
        <v>5331</v>
      </c>
      <c r="X2632" s="47" t="s">
        <v>5331</v>
      </c>
      <c r="Y2632" s="47" t="s">
        <v>5331</v>
      </c>
      <c r="Z2632" s="28"/>
      <c r="AA2632" s="27"/>
      <c r="AB2632" s="27"/>
      <c r="AC2632" s="27"/>
      <c r="AD2632" s="30"/>
      <c r="AE2632" s="1"/>
      <c r="AF2632" s="23" t="s">
        <v>5331</v>
      </c>
      <c r="AG2632" s="26"/>
      <c r="AH2632" s="53"/>
    </row>
    <row r="2633" spans="1:34" ht="51.6" customHeight="1" x14ac:dyDescent="0.45">
      <c r="A2633" s="23">
        <v>2627</v>
      </c>
      <c r="B2633" s="25"/>
      <c r="C2633" s="25"/>
      <c r="D2633" s="29"/>
      <c r="E2633" s="1"/>
      <c r="F2633" s="1"/>
      <c r="G2633" s="25"/>
      <c r="H2633" s="71"/>
      <c r="I2633" s="83"/>
      <c r="J2633" s="50" t="str">
        <f t="shared" si="84"/>
        <v/>
      </c>
      <c r="K2633" s="23" t="s">
        <v>7120</v>
      </c>
      <c r="L2633" s="49" t="e">
        <f>VLOOKUP(E2633&amp;F2633,団体コード!$A$1:$C$1743,3,FALSE)</f>
        <v>#N/A</v>
      </c>
      <c r="M2633" s="49" t="e">
        <f>VLOOKUP(E2633&amp;F2633,団体コード!$A$1:$C$1743,2,FALSE)</f>
        <v>#N/A</v>
      </c>
      <c r="N2633" s="51" t="e">
        <f>VLOOKUP(E2633,団体コード!$E$1:$F$48,2,FALSE)</f>
        <v>#N/A</v>
      </c>
      <c r="O2633" s="51" t="e">
        <f t="shared" si="85"/>
        <v>#N/A</v>
      </c>
      <c r="P2633" s="51">
        <v>1</v>
      </c>
      <c r="Q2633" s="51" t="s">
        <v>5341</v>
      </c>
      <c r="R2633" s="54" t="b">
        <v>1</v>
      </c>
      <c r="S2633" s="52" t="s">
        <v>7126</v>
      </c>
      <c r="T2633" s="67" t="s">
        <v>7127</v>
      </c>
      <c r="U2633" s="75" t="s">
        <v>5331</v>
      </c>
      <c r="V2633" s="47" t="s">
        <v>5331</v>
      </c>
      <c r="W2633" s="47" t="s">
        <v>5331</v>
      </c>
      <c r="X2633" s="47" t="s">
        <v>5331</v>
      </c>
      <c r="Y2633" s="47" t="s">
        <v>5331</v>
      </c>
      <c r="Z2633" s="28"/>
      <c r="AA2633" s="27"/>
      <c r="AB2633" s="27"/>
      <c r="AC2633" s="27"/>
      <c r="AD2633" s="30"/>
      <c r="AE2633" s="1"/>
      <c r="AF2633" s="23" t="s">
        <v>5331</v>
      </c>
      <c r="AG2633" s="26"/>
      <c r="AH2633" s="53"/>
    </row>
    <row r="2634" spans="1:34" ht="51.6" customHeight="1" x14ac:dyDescent="0.45">
      <c r="A2634" s="23">
        <v>2628</v>
      </c>
      <c r="B2634" s="25"/>
      <c r="C2634" s="25"/>
      <c r="D2634" s="29"/>
      <c r="E2634" s="1"/>
      <c r="F2634" s="1"/>
      <c r="G2634" s="25"/>
      <c r="H2634" s="71"/>
      <c r="I2634" s="83"/>
      <c r="J2634" s="50" t="str">
        <f t="shared" si="84"/>
        <v/>
      </c>
      <c r="K2634" s="23" t="s">
        <v>7120</v>
      </c>
      <c r="L2634" s="49" t="e">
        <f>VLOOKUP(E2634&amp;F2634,団体コード!$A$1:$C$1743,3,FALSE)</f>
        <v>#N/A</v>
      </c>
      <c r="M2634" s="49" t="e">
        <f>VLOOKUP(E2634&amp;F2634,団体コード!$A$1:$C$1743,2,FALSE)</f>
        <v>#N/A</v>
      </c>
      <c r="N2634" s="51" t="e">
        <f>VLOOKUP(E2634,団体コード!$E$1:$F$48,2,FALSE)</f>
        <v>#N/A</v>
      </c>
      <c r="O2634" s="51" t="e">
        <f t="shared" si="85"/>
        <v>#N/A</v>
      </c>
      <c r="P2634" s="51">
        <v>1</v>
      </c>
      <c r="Q2634" s="51" t="s">
        <v>5341</v>
      </c>
      <c r="R2634" s="54" t="b">
        <v>1</v>
      </c>
      <c r="S2634" s="52" t="s">
        <v>7126</v>
      </c>
      <c r="T2634" s="67" t="s">
        <v>7127</v>
      </c>
      <c r="U2634" s="75" t="s">
        <v>5331</v>
      </c>
      <c r="V2634" s="47" t="s">
        <v>5331</v>
      </c>
      <c r="W2634" s="47" t="s">
        <v>5331</v>
      </c>
      <c r="X2634" s="47" t="s">
        <v>5331</v>
      </c>
      <c r="Y2634" s="47" t="s">
        <v>5331</v>
      </c>
      <c r="Z2634" s="28"/>
      <c r="AA2634" s="27"/>
      <c r="AB2634" s="27"/>
      <c r="AC2634" s="27"/>
      <c r="AD2634" s="30"/>
      <c r="AE2634" s="1"/>
      <c r="AF2634" s="23" t="s">
        <v>5331</v>
      </c>
      <c r="AG2634" s="26"/>
      <c r="AH2634" s="53"/>
    </row>
    <row r="2635" spans="1:34" ht="51.6" customHeight="1" x14ac:dyDescent="0.45">
      <c r="A2635" s="23">
        <v>2629</v>
      </c>
      <c r="B2635" s="25"/>
      <c r="C2635" s="25"/>
      <c r="D2635" s="29"/>
      <c r="E2635" s="1"/>
      <c r="F2635" s="1"/>
      <c r="G2635" s="25"/>
      <c r="H2635" s="71"/>
      <c r="I2635" s="83"/>
      <c r="J2635" s="50" t="str">
        <f t="shared" si="84"/>
        <v/>
      </c>
      <c r="K2635" s="23" t="s">
        <v>7120</v>
      </c>
      <c r="L2635" s="49" t="e">
        <f>VLOOKUP(E2635&amp;F2635,団体コード!$A$1:$C$1743,3,FALSE)</f>
        <v>#N/A</v>
      </c>
      <c r="M2635" s="49" t="e">
        <f>VLOOKUP(E2635&amp;F2635,団体コード!$A$1:$C$1743,2,FALSE)</f>
        <v>#N/A</v>
      </c>
      <c r="N2635" s="51" t="e">
        <f>VLOOKUP(E2635,団体コード!$E$1:$F$48,2,FALSE)</f>
        <v>#N/A</v>
      </c>
      <c r="O2635" s="51" t="e">
        <f t="shared" si="85"/>
        <v>#N/A</v>
      </c>
      <c r="P2635" s="51">
        <v>1</v>
      </c>
      <c r="Q2635" s="51" t="s">
        <v>5341</v>
      </c>
      <c r="R2635" s="54" t="b">
        <v>1</v>
      </c>
      <c r="S2635" s="52" t="s">
        <v>7126</v>
      </c>
      <c r="T2635" s="67" t="s">
        <v>7127</v>
      </c>
      <c r="U2635" s="75" t="s">
        <v>5331</v>
      </c>
      <c r="V2635" s="47" t="s">
        <v>5331</v>
      </c>
      <c r="W2635" s="47" t="s">
        <v>5331</v>
      </c>
      <c r="X2635" s="47" t="s">
        <v>5331</v>
      </c>
      <c r="Y2635" s="47" t="s">
        <v>5331</v>
      </c>
      <c r="Z2635" s="28"/>
      <c r="AA2635" s="27"/>
      <c r="AB2635" s="27"/>
      <c r="AC2635" s="27"/>
      <c r="AD2635" s="30"/>
      <c r="AE2635" s="1"/>
      <c r="AF2635" s="23" t="s">
        <v>5331</v>
      </c>
      <c r="AG2635" s="26"/>
      <c r="AH2635" s="53"/>
    </row>
    <row r="2636" spans="1:34" ht="51.6" customHeight="1" x14ac:dyDescent="0.45">
      <c r="A2636" s="23">
        <v>2630</v>
      </c>
      <c r="B2636" s="25"/>
      <c r="C2636" s="25"/>
      <c r="D2636" s="29"/>
      <c r="E2636" s="1"/>
      <c r="F2636" s="1"/>
      <c r="G2636" s="25"/>
      <c r="H2636" s="71"/>
      <c r="I2636" s="83"/>
      <c r="J2636" s="50" t="str">
        <f t="shared" si="84"/>
        <v/>
      </c>
      <c r="K2636" s="23" t="s">
        <v>7120</v>
      </c>
      <c r="L2636" s="49" t="e">
        <f>VLOOKUP(E2636&amp;F2636,団体コード!$A$1:$C$1743,3,FALSE)</f>
        <v>#N/A</v>
      </c>
      <c r="M2636" s="49" t="e">
        <f>VLOOKUP(E2636&amp;F2636,団体コード!$A$1:$C$1743,2,FALSE)</f>
        <v>#N/A</v>
      </c>
      <c r="N2636" s="51" t="e">
        <f>VLOOKUP(E2636,団体コード!$E$1:$F$48,2,FALSE)</f>
        <v>#N/A</v>
      </c>
      <c r="O2636" s="51" t="e">
        <f t="shared" si="85"/>
        <v>#N/A</v>
      </c>
      <c r="P2636" s="51">
        <v>1</v>
      </c>
      <c r="Q2636" s="51" t="s">
        <v>5341</v>
      </c>
      <c r="R2636" s="54" t="b">
        <v>1</v>
      </c>
      <c r="S2636" s="52" t="s">
        <v>7126</v>
      </c>
      <c r="T2636" s="67" t="s">
        <v>7127</v>
      </c>
      <c r="U2636" s="75" t="s">
        <v>5331</v>
      </c>
      <c r="V2636" s="47" t="s">
        <v>5331</v>
      </c>
      <c r="W2636" s="47" t="s">
        <v>5331</v>
      </c>
      <c r="X2636" s="47" t="s">
        <v>5331</v>
      </c>
      <c r="Y2636" s="47" t="s">
        <v>5331</v>
      </c>
      <c r="Z2636" s="28"/>
      <c r="AA2636" s="27"/>
      <c r="AB2636" s="27"/>
      <c r="AC2636" s="27"/>
      <c r="AD2636" s="30"/>
      <c r="AE2636" s="1"/>
      <c r="AF2636" s="23" t="s">
        <v>5331</v>
      </c>
      <c r="AG2636" s="26"/>
      <c r="AH2636" s="53"/>
    </row>
    <row r="2637" spans="1:34" ht="51.6" customHeight="1" x14ac:dyDescent="0.45">
      <c r="A2637" s="23">
        <v>2631</v>
      </c>
      <c r="B2637" s="25"/>
      <c r="C2637" s="25"/>
      <c r="D2637" s="29"/>
      <c r="E2637" s="1"/>
      <c r="F2637" s="1"/>
      <c r="G2637" s="25"/>
      <c r="H2637" s="71"/>
      <c r="I2637" s="83"/>
      <c r="J2637" s="50" t="str">
        <f t="shared" si="84"/>
        <v/>
      </c>
      <c r="K2637" s="23" t="s">
        <v>7120</v>
      </c>
      <c r="L2637" s="49" t="e">
        <f>VLOOKUP(E2637&amp;F2637,団体コード!$A$1:$C$1743,3,FALSE)</f>
        <v>#N/A</v>
      </c>
      <c r="M2637" s="49" t="e">
        <f>VLOOKUP(E2637&amp;F2637,団体コード!$A$1:$C$1743,2,FALSE)</f>
        <v>#N/A</v>
      </c>
      <c r="N2637" s="51" t="e">
        <f>VLOOKUP(E2637,団体コード!$E$1:$F$48,2,FALSE)</f>
        <v>#N/A</v>
      </c>
      <c r="O2637" s="51" t="e">
        <f t="shared" si="85"/>
        <v>#N/A</v>
      </c>
      <c r="P2637" s="51">
        <v>1</v>
      </c>
      <c r="Q2637" s="51" t="s">
        <v>5341</v>
      </c>
      <c r="R2637" s="54" t="b">
        <v>1</v>
      </c>
      <c r="S2637" s="52" t="s">
        <v>7126</v>
      </c>
      <c r="T2637" s="67" t="s">
        <v>7127</v>
      </c>
      <c r="U2637" s="75" t="s">
        <v>5331</v>
      </c>
      <c r="V2637" s="47" t="s">
        <v>5331</v>
      </c>
      <c r="W2637" s="47" t="s">
        <v>5331</v>
      </c>
      <c r="X2637" s="47" t="s">
        <v>5331</v>
      </c>
      <c r="Y2637" s="47" t="s">
        <v>5331</v>
      </c>
      <c r="Z2637" s="28"/>
      <c r="AA2637" s="27"/>
      <c r="AB2637" s="27"/>
      <c r="AC2637" s="27"/>
      <c r="AD2637" s="30"/>
      <c r="AE2637" s="1"/>
      <c r="AF2637" s="23" t="s">
        <v>5331</v>
      </c>
      <c r="AG2637" s="26"/>
      <c r="AH2637" s="53"/>
    </row>
    <row r="2638" spans="1:34" ht="51.6" customHeight="1" x14ac:dyDescent="0.45">
      <c r="A2638" s="23">
        <v>2632</v>
      </c>
      <c r="B2638" s="25"/>
      <c r="C2638" s="25"/>
      <c r="D2638" s="29"/>
      <c r="E2638" s="1"/>
      <c r="F2638" s="1"/>
      <c r="G2638" s="25"/>
      <c r="H2638" s="71"/>
      <c r="I2638" s="83"/>
      <c r="J2638" s="50" t="str">
        <f t="shared" si="84"/>
        <v/>
      </c>
      <c r="K2638" s="23" t="s">
        <v>7120</v>
      </c>
      <c r="L2638" s="49" t="e">
        <f>VLOOKUP(E2638&amp;F2638,団体コード!$A$1:$C$1743,3,FALSE)</f>
        <v>#N/A</v>
      </c>
      <c r="M2638" s="49" t="e">
        <f>VLOOKUP(E2638&amp;F2638,団体コード!$A$1:$C$1743,2,FALSE)</f>
        <v>#N/A</v>
      </c>
      <c r="N2638" s="51" t="e">
        <f>VLOOKUP(E2638,団体コード!$E$1:$F$48,2,FALSE)</f>
        <v>#N/A</v>
      </c>
      <c r="O2638" s="51" t="e">
        <f t="shared" si="85"/>
        <v>#N/A</v>
      </c>
      <c r="P2638" s="51">
        <v>1</v>
      </c>
      <c r="Q2638" s="51" t="s">
        <v>5341</v>
      </c>
      <c r="R2638" s="54" t="b">
        <v>1</v>
      </c>
      <c r="S2638" s="52" t="s">
        <v>7126</v>
      </c>
      <c r="T2638" s="67" t="s">
        <v>7127</v>
      </c>
      <c r="U2638" s="75" t="s">
        <v>5331</v>
      </c>
      <c r="V2638" s="47" t="s">
        <v>5331</v>
      </c>
      <c r="W2638" s="47" t="s">
        <v>5331</v>
      </c>
      <c r="X2638" s="47" t="s">
        <v>5331</v>
      </c>
      <c r="Y2638" s="47" t="s">
        <v>5331</v>
      </c>
      <c r="Z2638" s="28"/>
      <c r="AA2638" s="27"/>
      <c r="AB2638" s="27"/>
      <c r="AC2638" s="27"/>
      <c r="AD2638" s="30"/>
      <c r="AE2638" s="1"/>
      <c r="AF2638" s="23" t="s">
        <v>5331</v>
      </c>
      <c r="AG2638" s="26"/>
      <c r="AH2638" s="53"/>
    </row>
    <row r="2639" spans="1:34" ht="51.6" customHeight="1" x14ac:dyDescent="0.45">
      <c r="A2639" s="23">
        <v>2633</v>
      </c>
      <c r="B2639" s="25"/>
      <c r="C2639" s="25"/>
      <c r="D2639" s="29"/>
      <c r="E2639" s="1"/>
      <c r="F2639" s="1"/>
      <c r="G2639" s="25"/>
      <c r="H2639" s="71"/>
      <c r="I2639" s="83"/>
      <c r="J2639" s="50" t="str">
        <f t="shared" si="84"/>
        <v/>
      </c>
      <c r="K2639" s="23" t="s">
        <v>7120</v>
      </c>
      <c r="L2639" s="49" t="e">
        <f>VLOOKUP(E2639&amp;F2639,団体コード!$A$1:$C$1743,3,FALSE)</f>
        <v>#N/A</v>
      </c>
      <c r="M2639" s="49" t="e">
        <f>VLOOKUP(E2639&amp;F2639,団体コード!$A$1:$C$1743,2,FALSE)</f>
        <v>#N/A</v>
      </c>
      <c r="N2639" s="51" t="e">
        <f>VLOOKUP(E2639,団体コード!$E$1:$F$48,2,FALSE)</f>
        <v>#N/A</v>
      </c>
      <c r="O2639" s="51" t="e">
        <f t="shared" si="85"/>
        <v>#N/A</v>
      </c>
      <c r="P2639" s="51">
        <v>1</v>
      </c>
      <c r="Q2639" s="51" t="s">
        <v>5341</v>
      </c>
      <c r="R2639" s="54" t="b">
        <v>1</v>
      </c>
      <c r="S2639" s="52" t="s">
        <v>7126</v>
      </c>
      <c r="T2639" s="67" t="s">
        <v>7127</v>
      </c>
      <c r="U2639" s="75" t="s">
        <v>5331</v>
      </c>
      <c r="V2639" s="47" t="s">
        <v>5331</v>
      </c>
      <c r="W2639" s="47" t="s">
        <v>5331</v>
      </c>
      <c r="X2639" s="47" t="s">
        <v>5331</v>
      </c>
      <c r="Y2639" s="47" t="s">
        <v>5331</v>
      </c>
      <c r="Z2639" s="28"/>
      <c r="AA2639" s="27"/>
      <c r="AB2639" s="27"/>
      <c r="AC2639" s="27"/>
      <c r="AD2639" s="30"/>
      <c r="AE2639" s="1"/>
      <c r="AF2639" s="23" t="s">
        <v>5331</v>
      </c>
      <c r="AG2639" s="26"/>
      <c r="AH2639" s="53"/>
    </row>
    <row r="2640" spans="1:34" ht="51.6" customHeight="1" x14ac:dyDescent="0.45">
      <c r="A2640" s="23">
        <v>2634</v>
      </c>
      <c r="B2640" s="25"/>
      <c r="C2640" s="25"/>
      <c r="D2640" s="29"/>
      <c r="E2640" s="1"/>
      <c r="F2640" s="1"/>
      <c r="G2640" s="25"/>
      <c r="H2640" s="71"/>
      <c r="I2640" s="83"/>
      <c r="J2640" s="50" t="str">
        <f t="shared" si="84"/>
        <v/>
      </c>
      <c r="K2640" s="23" t="s">
        <v>7120</v>
      </c>
      <c r="L2640" s="49" t="e">
        <f>VLOOKUP(E2640&amp;F2640,団体コード!$A$1:$C$1743,3,FALSE)</f>
        <v>#N/A</v>
      </c>
      <c r="M2640" s="49" t="e">
        <f>VLOOKUP(E2640&amp;F2640,団体コード!$A$1:$C$1743,2,FALSE)</f>
        <v>#N/A</v>
      </c>
      <c r="N2640" s="51" t="e">
        <f>VLOOKUP(E2640,団体コード!$E$1:$F$48,2,FALSE)</f>
        <v>#N/A</v>
      </c>
      <c r="O2640" s="51" t="e">
        <f t="shared" si="85"/>
        <v>#N/A</v>
      </c>
      <c r="P2640" s="51">
        <v>1</v>
      </c>
      <c r="Q2640" s="51" t="s">
        <v>5341</v>
      </c>
      <c r="R2640" s="54" t="b">
        <v>1</v>
      </c>
      <c r="S2640" s="52" t="s">
        <v>7126</v>
      </c>
      <c r="T2640" s="67" t="s">
        <v>7127</v>
      </c>
      <c r="U2640" s="75" t="s">
        <v>5331</v>
      </c>
      <c r="V2640" s="47" t="s">
        <v>5331</v>
      </c>
      <c r="W2640" s="47" t="s">
        <v>5331</v>
      </c>
      <c r="X2640" s="47" t="s">
        <v>5331</v>
      </c>
      <c r="Y2640" s="47" t="s">
        <v>5331</v>
      </c>
      <c r="Z2640" s="28"/>
      <c r="AA2640" s="27"/>
      <c r="AB2640" s="27"/>
      <c r="AC2640" s="27"/>
      <c r="AD2640" s="30"/>
      <c r="AE2640" s="1"/>
      <c r="AF2640" s="23" t="s">
        <v>5331</v>
      </c>
      <c r="AG2640" s="26"/>
      <c r="AH2640" s="53"/>
    </row>
    <row r="2641" spans="1:34" ht="51.6" customHeight="1" x14ac:dyDescent="0.45">
      <c r="A2641" s="23">
        <v>2635</v>
      </c>
      <c r="B2641" s="25"/>
      <c r="C2641" s="25"/>
      <c r="D2641" s="29"/>
      <c r="E2641" s="1"/>
      <c r="F2641" s="1"/>
      <c r="G2641" s="25"/>
      <c r="H2641" s="71"/>
      <c r="I2641" s="83"/>
      <c r="J2641" s="50" t="str">
        <f t="shared" si="84"/>
        <v/>
      </c>
      <c r="K2641" s="23" t="s">
        <v>7120</v>
      </c>
      <c r="L2641" s="49" t="e">
        <f>VLOOKUP(E2641&amp;F2641,団体コード!$A$1:$C$1743,3,FALSE)</f>
        <v>#N/A</v>
      </c>
      <c r="M2641" s="49" t="e">
        <f>VLOOKUP(E2641&amp;F2641,団体コード!$A$1:$C$1743,2,FALSE)</f>
        <v>#N/A</v>
      </c>
      <c r="N2641" s="51" t="e">
        <f>VLOOKUP(E2641,団体コード!$E$1:$F$48,2,FALSE)</f>
        <v>#N/A</v>
      </c>
      <c r="O2641" s="51" t="e">
        <f t="shared" si="85"/>
        <v>#N/A</v>
      </c>
      <c r="P2641" s="51">
        <v>1</v>
      </c>
      <c r="Q2641" s="51" t="s">
        <v>5341</v>
      </c>
      <c r="R2641" s="54" t="b">
        <v>1</v>
      </c>
      <c r="S2641" s="52" t="s">
        <v>7126</v>
      </c>
      <c r="T2641" s="67" t="s">
        <v>7127</v>
      </c>
      <c r="U2641" s="75" t="s">
        <v>5331</v>
      </c>
      <c r="V2641" s="47" t="s">
        <v>5331</v>
      </c>
      <c r="W2641" s="47" t="s">
        <v>5331</v>
      </c>
      <c r="X2641" s="47" t="s">
        <v>5331</v>
      </c>
      <c r="Y2641" s="47" t="s">
        <v>5331</v>
      </c>
      <c r="Z2641" s="28"/>
      <c r="AA2641" s="27"/>
      <c r="AB2641" s="27"/>
      <c r="AC2641" s="27"/>
      <c r="AD2641" s="30"/>
      <c r="AE2641" s="1"/>
      <c r="AF2641" s="23" t="s">
        <v>5331</v>
      </c>
      <c r="AG2641" s="26"/>
      <c r="AH2641" s="53"/>
    </row>
    <row r="2642" spans="1:34" ht="51.6" customHeight="1" x14ac:dyDescent="0.45">
      <c r="A2642" s="23">
        <v>2636</v>
      </c>
      <c r="B2642" s="25"/>
      <c r="C2642" s="25"/>
      <c r="D2642" s="29"/>
      <c r="E2642" s="1"/>
      <c r="F2642" s="1"/>
      <c r="G2642" s="25"/>
      <c r="H2642" s="71"/>
      <c r="I2642" s="83"/>
      <c r="J2642" s="50" t="str">
        <f t="shared" si="84"/>
        <v/>
      </c>
      <c r="K2642" s="23" t="s">
        <v>7120</v>
      </c>
      <c r="L2642" s="49" t="e">
        <f>VLOOKUP(E2642&amp;F2642,団体コード!$A$1:$C$1743,3,FALSE)</f>
        <v>#N/A</v>
      </c>
      <c r="M2642" s="49" t="e">
        <f>VLOOKUP(E2642&amp;F2642,団体コード!$A$1:$C$1743,2,FALSE)</f>
        <v>#N/A</v>
      </c>
      <c r="N2642" s="51" t="e">
        <f>VLOOKUP(E2642,団体コード!$E$1:$F$48,2,FALSE)</f>
        <v>#N/A</v>
      </c>
      <c r="O2642" s="51" t="e">
        <f t="shared" si="85"/>
        <v>#N/A</v>
      </c>
      <c r="P2642" s="51">
        <v>1</v>
      </c>
      <c r="Q2642" s="51" t="s">
        <v>5341</v>
      </c>
      <c r="R2642" s="54" t="b">
        <v>1</v>
      </c>
      <c r="S2642" s="52" t="s">
        <v>7126</v>
      </c>
      <c r="T2642" s="67" t="s">
        <v>7127</v>
      </c>
      <c r="U2642" s="75" t="s">
        <v>5331</v>
      </c>
      <c r="V2642" s="47" t="s">
        <v>5331</v>
      </c>
      <c r="W2642" s="47" t="s">
        <v>5331</v>
      </c>
      <c r="X2642" s="47" t="s">
        <v>5331</v>
      </c>
      <c r="Y2642" s="47" t="s">
        <v>5331</v>
      </c>
      <c r="Z2642" s="28"/>
      <c r="AA2642" s="27"/>
      <c r="AB2642" s="27"/>
      <c r="AC2642" s="27"/>
      <c r="AD2642" s="30"/>
      <c r="AE2642" s="1"/>
      <c r="AF2642" s="23" t="s">
        <v>5331</v>
      </c>
      <c r="AG2642" s="26"/>
      <c r="AH2642" s="53"/>
    </row>
    <row r="2643" spans="1:34" ht="51.6" customHeight="1" x14ac:dyDescent="0.45">
      <c r="A2643" s="23">
        <v>2637</v>
      </c>
      <c r="B2643" s="25"/>
      <c r="C2643" s="25"/>
      <c r="D2643" s="29"/>
      <c r="E2643" s="1"/>
      <c r="F2643" s="1"/>
      <c r="G2643" s="25"/>
      <c r="H2643" s="71"/>
      <c r="I2643" s="83"/>
      <c r="J2643" s="50" t="str">
        <f t="shared" si="84"/>
        <v/>
      </c>
      <c r="K2643" s="23" t="s">
        <v>7120</v>
      </c>
      <c r="L2643" s="49" t="e">
        <f>VLOOKUP(E2643&amp;F2643,団体コード!$A$1:$C$1743,3,FALSE)</f>
        <v>#N/A</v>
      </c>
      <c r="M2643" s="49" t="e">
        <f>VLOOKUP(E2643&amp;F2643,団体コード!$A$1:$C$1743,2,FALSE)</f>
        <v>#N/A</v>
      </c>
      <c r="N2643" s="51" t="e">
        <f>VLOOKUP(E2643,団体コード!$E$1:$F$48,2,FALSE)</f>
        <v>#N/A</v>
      </c>
      <c r="O2643" s="51" t="e">
        <f t="shared" si="85"/>
        <v>#N/A</v>
      </c>
      <c r="P2643" s="51">
        <v>1</v>
      </c>
      <c r="Q2643" s="51" t="s">
        <v>5341</v>
      </c>
      <c r="R2643" s="54" t="b">
        <v>1</v>
      </c>
      <c r="S2643" s="52" t="s">
        <v>7126</v>
      </c>
      <c r="T2643" s="67" t="s">
        <v>7127</v>
      </c>
      <c r="U2643" s="75" t="s">
        <v>5331</v>
      </c>
      <c r="V2643" s="47" t="s">
        <v>5331</v>
      </c>
      <c r="W2643" s="47" t="s">
        <v>5331</v>
      </c>
      <c r="X2643" s="47" t="s">
        <v>5331</v>
      </c>
      <c r="Y2643" s="47" t="s">
        <v>5331</v>
      </c>
      <c r="Z2643" s="28"/>
      <c r="AA2643" s="27"/>
      <c r="AB2643" s="27"/>
      <c r="AC2643" s="27"/>
      <c r="AD2643" s="30"/>
      <c r="AE2643" s="1"/>
      <c r="AF2643" s="23" t="s">
        <v>5331</v>
      </c>
      <c r="AG2643" s="26"/>
      <c r="AH2643" s="53"/>
    </row>
    <row r="2644" spans="1:34" ht="51.6" customHeight="1" x14ac:dyDescent="0.45">
      <c r="A2644" s="23">
        <v>2638</v>
      </c>
      <c r="B2644" s="25"/>
      <c r="C2644" s="25"/>
      <c r="D2644" s="29"/>
      <c r="E2644" s="1"/>
      <c r="F2644" s="1"/>
      <c r="G2644" s="25"/>
      <c r="H2644" s="71"/>
      <c r="I2644" s="83"/>
      <c r="J2644" s="50" t="str">
        <f t="shared" si="84"/>
        <v/>
      </c>
      <c r="K2644" s="23" t="s">
        <v>7120</v>
      </c>
      <c r="L2644" s="49" t="e">
        <f>VLOOKUP(E2644&amp;F2644,団体コード!$A$1:$C$1743,3,FALSE)</f>
        <v>#N/A</v>
      </c>
      <c r="M2644" s="49" t="e">
        <f>VLOOKUP(E2644&amp;F2644,団体コード!$A$1:$C$1743,2,FALSE)</f>
        <v>#N/A</v>
      </c>
      <c r="N2644" s="51" t="e">
        <f>VLOOKUP(E2644,団体コード!$E$1:$F$48,2,FALSE)</f>
        <v>#N/A</v>
      </c>
      <c r="O2644" s="51" t="e">
        <f t="shared" si="85"/>
        <v>#N/A</v>
      </c>
      <c r="P2644" s="51">
        <v>1</v>
      </c>
      <c r="Q2644" s="51" t="s">
        <v>5341</v>
      </c>
      <c r="R2644" s="54" t="b">
        <v>1</v>
      </c>
      <c r="S2644" s="52" t="s">
        <v>7126</v>
      </c>
      <c r="T2644" s="67" t="s">
        <v>7127</v>
      </c>
      <c r="U2644" s="75" t="s">
        <v>5331</v>
      </c>
      <c r="V2644" s="47" t="s">
        <v>5331</v>
      </c>
      <c r="W2644" s="47" t="s">
        <v>5331</v>
      </c>
      <c r="X2644" s="47" t="s">
        <v>5331</v>
      </c>
      <c r="Y2644" s="47" t="s">
        <v>5331</v>
      </c>
      <c r="Z2644" s="28"/>
      <c r="AA2644" s="27"/>
      <c r="AB2644" s="27"/>
      <c r="AC2644" s="27"/>
      <c r="AD2644" s="30"/>
      <c r="AE2644" s="1"/>
      <c r="AF2644" s="23" t="s">
        <v>5331</v>
      </c>
      <c r="AG2644" s="26"/>
      <c r="AH2644" s="53"/>
    </row>
    <row r="2645" spans="1:34" ht="51.6" customHeight="1" x14ac:dyDescent="0.45">
      <c r="A2645" s="23">
        <v>2639</v>
      </c>
      <c r="B2645" s="25"/>
      <c r="C2645" s="25"/>
      <c r="D2645" s="29"/>
      <c r="E2645" s="1"/>
      <c r="F2645" s="1"/>
      <c r="G2645" s="25"/>
      <c r="H2645" s="71"/>
      <c r="I2645" s="83"/>
      <c r="J2645" s="50" t="str">
        <f t="shared" si="84"/>
        <v/>
      </c>
      <c r="K2645" s="23" t="s">
        <v>7120</v>
      </c>
      <c r="L2645" s="49" t="e">
        <f>VLOOKUP(E2645&amp;F2645,団体コード!$A$1:$C$1743,3,FALSE)</f>
        <v>#N/A</v>
      </c>
      <c r="M2645" s="49" t="e">
        <f>VLOOKUP(E2645&amp;F2645,団体コード!$A$1:$C$1743,2,FALSE)</f>
        <v>#N/A</v>
      </c>
      <c r="N2645" s="51" t="e">
        <f>VLOOKUP(E2645,団体コード!$E$1:$F$48,2,FALSE)</f>
        <v>#N/A</v>
      </c>
      <c r="O2645" s="51" t="e">
        <f t="shared" si="85"/>
        <v>#N/A</v>
      </c>
      <c r="P2645" s="51">
        <v>1</v>
      </c>
      <c r="Q2645" s="51" t="s">
        <v>5341</v>
      </c>
      <c r="R2645" s="54" t="b">
        <v>1</v>
      </c>
      <c r="S2645" s="52" t="s">
        <v>7126</v>
      </c>
      <c r="T2645" s="67" t="s">
        <v>7127</v>
      </c>
      <c r="U2645" s="75" t="s">
        <v>5331</v>
      </c>
      <c r="V2645" s="47" t="s">
        <v>5331</v>
      </c>
      <c r="W2645" s="47" t="s">
        <v>5331</v>
      </c>
      <c r="X2645" s="47" t="s">
        <v>5331</v>
      </c>
      <c r="Y2645" s="47" t="s">
        <v>5331</v>
      </c>
      <c r="Z2645" s="28"/>
      <c r="AA2645" s="27"/>
      <c r="AB2645" s="27"/>
      <c r="AC2645" s="27"/>
      <c r="AD2645" s="30"/>
      <c r="AE2645" s="1"/>
      <c r="AF2645" s="23" t="s">
        <v>5331</v>
      </c>
      <c r="AG2645" s="26"/>
      <c r="AH2645" s="53"/>
    </row>
    <row r="2646" spans="1:34" ht="51.6" customHeight="1" x14ac:dyDescent="0.45">
      <c r="A2646" s="23">
        <v>2640</v>
      </c>
      <c r="B2646" s="25"/>
      <c r="C2646" s="25"/>
      <c r="D2646" s="29"/>
      <c r="E2646" s="1"/>
      <c r="F2646" s="1"/>
      <c r="G2646" s="25"/>
      <c r="H2646" s="71"/>
      <c r="I2646" s="83"/>
      <c r="J2646" s="50" t="str">
        <f t="shared" si="84"/>
        <v/>
      </c>
      <c r="K2646" s="23" t="s">
        <v>7120</v>
      </c>
      <c r="L2646" s="49" t="e">
        <f>VLOOKUP(E2646&amp;F2646,団体コード!$A$1:$C$1743,3,FALSE)</f>
        <v>#N/A</v>
      </c>
      <c r="M2646" s="49" t="e">
        <f>VLOOKUP(E2646&amp;F2646,団体コード!$A$1:$C$1743,2,FALSE)</f>
        <v>#N/A</v>
      </c>
      <c r="N2646" s="51" t="e">
        <f>VLOOKUP(E2646,団体コード!$E$1:$F$48,2,FALSE)</f>
        <v>#N/A</v>
      </c>
      <c r="O2646" s="51" t="e">
        <f t="shared" si="85"/>
        <v>#N/A</v>
      </c>
      <c r="P2646" s="51">
        <v>1</v>
      </c>
      <c r="Q2646" s="51" t="s">
        <v>5341</v>
      </c>
      <c r="R2646" s="54" t="b">
        <v>1</v>
      </c>
      <c r="S2646" s="52" t="s">
        <v>7126</v>
      </c>
      <c r="T2646" s="67" t="s">
        <v>7127</v>
      </c>
      <c r="U2646" s="75" t="s">
        <v>5331</v>
      </c>
      <c r="V2646" s="47" t="s">
        <v>5331</v>
      </c>
      <c r="W2646" s="47" t="s">
        <v>5331</v>
      </c>
      <c r="X2646" s="47" t="s">
        <v>5331</v>
      </c>
      <c r="Y2646" s="47" t="s">
        <v>5331</v>
      </c>
      <c r="Z2646" s="28"/>
      <c r="AA2646" s="27"/>
      <c r="AB2646" s="27"/>
      <c r="AC2646" s="27"/>
      <c r="AD2646" s="30"/>
      <c r="AE2646" s="1"/>
      <c r="AF2646" s="23" t="s">
        <v>5331</v>
      </c>
      <c r="AG2646" s="26"/>
      <c r="AH2646" s="53"/>
    </row>
    <row r="2647" spans="1:34" ht="51.6" customHeight="1" x14ac:dyDescent="0.45">
      <c r="A2647" s="23">
        <v>2641</v>
      </c>
      <c r="B2647" s="25"/>
      <c r="C2647" s="25"/>
      <c r="D2647" s="29"/>
      <c r="E2647" s="1"/>
      <c r="F2647" s="1"/>
      <c r="G2647" s="25"/>
      <c r="H2647" s="71"/>
      <c r="I2647" s="83"/>
      <c r="J2647" s="50" t="str">
        <f t="shared" si="84"/>
        <v/>
      </c>
      <c r="K2647" s="23" t="s">
        <v>7120</v>
      </c>
      <c r="L2647" s="49" t="e">
        <f>VLOOKUP(E2647&amp;F2647,団体コード!$A$1:$C$1743,3,FALSE)</f>
        <v>#N/A</v>
      </c>
      <c r="M2647" s="49" t="e">
        <f>VLOOKUP(E2647&amp;F2647,団体コード!$A$1:$C$1743,2,FALSE)</f>
        <v>#N/A</v>
      </c>
      <c r="N2647" s="51" t="e">
        <f>VLOOKUP(E2647,団体コード!$E$1:$F$48,2,FALSE)</f>
        <v>#N/A</v>
      </c>
      <c r="O2647" s="51" t="e">
        <f t="shared" si="85"/>
        <v>#N/A</v>
      </c>
      <c r="P2647" s="51">
        <v>1</v>
      </c>
      <c r="Q2647" s="51" t="s">
        <v>5341</v>
      </c>
      <c r="R2647" s="54" t="b">
        <v>1</v>
      </c>
      <c r="S2647" s="52" t="s">
        <v>7126</v>
      </c>
      <c r="T2647" s="67" t="s">
        <v>7127</v>
      </c>
      <c r="U2647" s="75" t="s">
        <v>5331</v>
      </c>
      <c r="V2647" s="47" t="s">
        <v>5331</v>
      </c>
      <c r="W2647" s="47" t="s">
        <v>5331</v>
      </c>
      <c r="X2647" s="47" t="s">
        <v>5331</v>
      </c>
      <c r="Y2647" s="47" t="s">
        <v>5331</v>
      </c>
      <c r="Z2647" s="28"/>
      <c r="AA2647" s="27"/>
      <c r="AB2647" s="27"/>
      <c r="AC2647" s="27"/>
      <c r="AD2647" s="30"/>
      <c r="AE2647" s="1"/>
      <c r="AF2647" s="23" t="s">
        <v>5331</v>
      </c>
      <c r="AG2647" s="26"/>
      <c r="AH2647" s="53"/>
    </row>
    <row r="2648" spans="1:34" ht="51.6" customHeight="1" x14ac:dyDescent="0.45">
      <c r="A2648" s="23">
        <v>2642</v>
      </c>
      <c r="B2648" s="25"/>
      <c r="C2648" s="25"/>
      <c r="D2648" s="29"/>
      <c r="E2648" s="1"/>
      <c r="F2648" s="1"/>
      <c r="G2648" s="25"/>
      <c r="H2648" s="71"/>
      <c r="I2648" s="83"/>
      <c r="J2648" s="50" t="str">
        <f t="shared" si="84"/>
        <v/>
      </c>
      <c r="K2648" s="23" t="s">
        <v>7120</v>
      </c>
      <c r="L2648" s="49" t="e">
        <f>VLOOKUP(E2648&amp;F2648,団体コード!$A$1:$C$1743,3,FALSE)</f>
        <v>#N/A</v>
      </c>
      <c r="M2648" s="49" t="e">
        <f>VLOOKUP(E2648&amp;F2648,団体コード!$A$1:$C$1743,2,FALSE)</f>
        <v>#N/A</v>
      </c>
      <c r="N2648" s="51" t="e">
        <f>VLOOKUP(E2648,団体コード!$E$1:$F$48,2,FALSE)</f>
        <v>#N/A</v>
      </c>
      <c r="O2648" s="51" t="e">
        <f t="shared" si="85"/>
        <v>#N/A</v>
      </c>
      <c r="P2648" s="51">
        <v>1</v>
      </c>
      <c r="Q2648" s="51" t="s">
        <v>5341</v>
      </c>
      <c r="R2648" s="54" t="b">
        <v>1</v>
      </c>
      <c r="S2648" s="52" t="s">
        <v>7126</v>
      </c>
      <c r="T2648" s="67" t="s">
        <v>7127</v>
      </c>
      <c r="U2648" s="75" t="s">
        <v>5331</v>
      </c>
      <c r="V2648" s="47" t="s">
        <v>5331</v>
      </c>
      <c r="W2648" s="47" t="s">
        <v>5331</v>
      </c>
      <c r="X2648" s="47" t="s">
        <v>5331</v>
      </c>
      <c r="Y2648" s="47" t="s">
        <v>5331</v>
      </c>
      <c r="Z2648" s="28"/>
      <c r="AA2648" s="27"/>
      <c r="AB2648" s="27"/>
      <c r="AC2648" s="27"/>
      <c r="AD2648" s="30"/>
      <c r="AE2648" s="1"/>
      <c r="AF2648" s="23" t="s">
        <v>5331</v>
      </c>
      <c r="AG2648" s="26"/>
      <c r="AH2648" s="53"/>
    </row>
    <row r="2649" spans="1:34" ht="51.6" customHeight="1" x14ac:dyDescent="0.45">
      <c r="A2649" s="23">
        <v>2643</v>
      </c>
      <c r="B2649" s="25"/>
      <c r="C2649" s="25"/>
      <c r="D2649" s="29"/>
      <c r="E2649" s="1"/>
      <c r="F2649" s="1"/>
      <c r="G2649" s="25"/>
      <c r="H2649" s="71"/>
      <c r="I2649" s="83"/>
      <c r="J2649" s="50" t="str">
        <f t="shared" si="84"/>
        <v/>
      </c>
      <c r="K2649" s="23" t="s">
        <v>7120</v>
      </c>
      <c r="L2649" s="49" t="e">
        <f>VLOOKUP(E2649&amp;F2649,団体コード!$A$1:$C$1743,3,FALSE)</f>
        <v>#N/A</v>
      </c>
      <c r="M2649" s="49" t="e">
        <f>VLOOKUP(E2649&amp;F2649,団体コード!$A$1:$C$1743,2,FALSE)</f>
        <v>#N/A</v>
      </c>
      <c r="N2649" s="51" t="e">
        <f>VLOOKUP(E2649,団体コード!$E$1:$F$48,2,FALSE)</f>
        <v>#N/A</v>
      </c>
      <c r="O2649" s="51" t="e">
        <f t="shared" si="85"/>
        <v>#N/A</v>
      </c>
      <c r="P2649" s="51">
        <v>1</v>
      </c>
      <c r="Q2649" s="51" t="s">
        <v>5341</v>
      </c>
      <c r="R2649" s="54" t="b">
        <v>1</v>
      </c>
      <c r="S2649" s="52" t="s">
        <v>7126</v>
      </c>
      <c r="T2649" s="67" t="s">
        <v>7127</v>
      </c>
      <c r="U2649" s="75" t="s">
        <v>5331</v>
      </c>
      <c r="V2649" s="47" t="s">
        <v>5331</v>
      </c>
      <c r="W2649" s="47" t="s">
        <v>5331</v>
      </c>
      <c r="X2649" s="47" t="s">
        <v>5331</v>
      </c>
      <c r="Y2649" s="47" t="s">
        <v>5331</v>
      </c>
      <c r="Z2649" s="28"/>
      <c r="AA2649" s="27"/>
      <c r="AB2649" s="27"/>
      <c r="AC2649" s="27"/>
      <c r="AD2649" s="30"/>
      <c r="AE2649" s="1"/>
      <c r="AF2649" s="23" t="s">
        <v>5331</v>
      </c>
      <c r="AG2649" s="26"/>
      <c r="AH2649" s="53"/>
    </row>
    <row r="2650" spans="1:34" ht="51.6" customHeight="1" x14ac:dyDescent="0.45">
      <c r="A2650" s="23">
        <v>2644</v>
      </c>
      <c r="B2650" s="25"/>
      <c r="C2650" s="25"/>
      <c r="D2650" s="29"/>
      <c r="E2650" s="1"/>
      <c r="F2650" s="1"/>
      <c r="G2650" s="25"/>
      <c r="H2650" s="71"/>
      <c r="I2650" s="83"/>
      <c r="J2650" s="50" t="str">
        <f t="shared" si="84"/>
        <v/>
      </c>
      <c r="K2650" s="23" t="s">
        <v>7120</v>
      </c>
      <c r="L2650" s="49" t="e">
        <f>VLOOKUP(E2650&amp;F2650,団体コード!$A$1:$C$1743,3,FALSE)</f>
        <v>#N/A</v>
      </c>
      <c r="M2650" s="49" t="e">
        <f>VLOOKUP(E2650&amp;F2650,団体コード!$A$1:$C$1743,2,FALSE)</f>
        <v>#N/A</v>
      </c>
      <c r="N2650" s="51" t="e">
        <f>VLOOKUP(E2650,団体コード!$E$1:$F$48,2,FALSE)</f>
        <v>#N/A</v>
      </c>
      <c r="O2650" s="51" t="e">
        <f t="shared" si="85"/>
        <v>#N/A</v>
      </c>
      <c r="P2650" s="51">
        <v>1</v>
      </c>
      <c r="Q2650" s="51" t="s">
        <v>5341</v>
      </c>
      <c r="R2650" s="54" t="b">
        <v>1</v>
      </c>
      <c r="S2650" s="52" t="s">
        <v>7126</v>
      </c>
      <c r="T2650" s="67" t="s">
        <v>7127</v>
      </c>
      <c r="U2650" s="75" t="s">
        <v>5331</v>
      </c>
      <c r="V2650" s="47" t="s">
        <v>5331</v>
      </c>
      <c r="W2650" s="47" t="s">
        <v>5331</v>
      </c>
      <c r="X2650" s="47" t="s">
        <v>5331</v>
      </c>
      <c r="Y2650" s="47" t="s">
        <v>5331</v>
      </c>
      <c r="Z2650" s="28"/>
      <c r="AA2650" s="27"/>
      <c r="AB2650" s="27"/>
      <c r="AC2650" s="27"/>
      <c r="AD2650" s="30"/>
      <c r="AE2650" s="1"/>
      <c r="AF2650" s="23" t="s">
        <v>5331</v>
      </c>
      <c r="AG2650" s="26"/>
      <c r="AH2650" s="53"/>
    </row>
    <row r="2651" spans="1:34" ht="51.6" customHeight="1" x14ac:dyDescent="0.45">
      <c r="A2651" s="23">
        <v>2645</v>
      </c>
      <c r="B2651" s="25"/>
      <c r="C2651" s="25"/>
      <c r="D2651" s="29"/>
      <c r="E2651" s="1"/>
      <c r="F2651" s="1"/>
      <c r="G2651" s="25"/>
      <c r="H2651" s="71"/>
      <c r="I2651" s="83"/>
      <c r="J2651" s="50" t="str">
        <f t="shared" si="84"/>
        <v/>
      </c>
      <c r="K2651" s="23" t="s">
        <v>7120</v>
      </c>
      <c r="L2651" s="49" t="e">
        <f>VLOOKUP(E2651&amp;F2651,団体コード!$A$1:$C$1743,3,FALSE)</f>
        <v>#N/A</v>
      </c>
      <c r="M2651" s="49" t="e">
        <f>VLOOKUP(E2651&amp;F2651,団体コード!$A$1:$C$1743,2,FALSE)</f>
        <v>#N/A</v>
      </c>
      <c r="N2651" s="51" t="e">
        <f>VLOOKUP(E2651,団体コード!$E$1:$F$48,2,FALSE)</f>
        <v>#N/A</v>
      </c>
      <c r="O2651" s="51" t="e">
        <f t="shared" si="85"/>
        <v>#N/A</v>
      </c>
      <c r="P2651" s="51">
        <v>1</v>
      </c>
      <c r="Q2651" s="51" t="s">
        <v>5341</v>
      </c>
      <c r="R2651" s="54" t="b">
        <v>1</v>
      </c>
      <c r="S2651" s="52" t="s">
        <v>7126</v>
      </c>
      <c r="T2651" s="67" t="s">
        <v>7127</v>
      </c>
      <c r="U2651" s="75" t="s">
        <v>5331</v>
      </c>
      <c r="V2651" s="47" t="s">
        <v>5331</v>
      </c>
      <c r="W2651" s="47" t="s">
        <v>5331</v>
      </c>
      <c r="X2651" s="47" t="s">
        <v>5331</v>
      </c>
      <c r="Y2651" s="47" t="s">
        <v>5331</v>
      </c>
      <c r="Z2651" s="28"/>
      <c r="AA2651" s="27"/>
      <c r="AB2651" s="27"/>
      <c r="AC2651" s="27"/>
      <c r="AD2651" s="30"/>
      <c r="AE2651" s="1"/>
      <c r="AF2651" s="23" t="s">
        <v>5331</v>
      </c>
      <c r="AG2651" s="26"/>
      <c r="AH2651" s="53"/>
    </row>
    <row r="2652" spans="1:34" ht="51.6" customHeight="1" x14ac:dyDescent="0.45">
      <c r="A2652" s="23">
        <v>2646</v>
      </c>
      <c r="B2652" s="25"/>
      <c r="C2652" s="25"/>
      <c r="D2652" s="29"/>
      <c r="E2652" s="1"/>
      <c r="F2652" s="1"/>
      <c r="G2652" s="25"/>
      <c r="H2652" s="71"/>
      <c r="I2652" s="83"/>
      <c r="J2652" s="50" t="str">
        <f t="shared" si="84"/>
        <v/>
      </c>
      <c r="K2652" s="23" t="s">
        <v>7120</v>
      </c>
      <c r="L2652" s="49" t="e">
        <f>VLOOKUP(E2652&amp;F2652,団体コード!$A$1:$C$1743,3,FALSE)</f>
        <v>#N/A</v>
      </c>
      <c r="M2652" s="49" t="e">
        <f>VLOOKUP(E2652&amp;F2652,団体コード!$A$1:$C$1743,2,FALSE)</f>
        <v>#N/A</v>
      </c>
      <c r="N2652" s="51" t="e">
        <f>VLOOKUP(E2652,団体コード!$E$1:$F$48,2,FALSE)</f>
        <v>#N/A</v>
      </c>
      <c r="O2652" s="51" t="e">
        <f t="shared" si="85"/>
        <v>#N/A</v>
      </c>
      <c r="P2652" s="51">
        <v>1</v>
      </c>
      <c r="Q2652" s="51" t="s">
        <v>5341</v>
      </c>
      <c r="R2652" s="54" t="b">
        <v>1</v>
      </c>
      <c r="S2652" s="52" t="s">
        <v>7126</v>
      </c>
      <c r="T2652" s="67" t="s">
        <v>7127</v>
      </c>
      <c r="U2652" s="75" t="s">
        <v>5331</v>
      </c>
      <c r="V2652" s="47" t="s">
        <v>5331</v>
      </c>
      <c r="W2652" s="47" t="s">
        <v>5331</v>
      </c>
      <c r="X2652" s="47" t="s">
        <v>5331</v>
      </c>
      <c r="Y2652" s="47" t="s">
        <v>5331</v>
      </c>
      <c r="Z2652" s="28"/>
      <c r="AA2652" s="27"/>
      <c r="AB2652" s="27"/>
      <c r="AC2652" s="27"/>
      <c r="AD2652" s="30"/>
      <c r="AE2652" s="1"/>
      <c r="AF2652" s="23" t="s">
        <v>5331</v>
      </c>
      <c r="AG2652" s="26"/>
      <c r="AH2652" s="53"/>
    </row>
    <row r="2653" spans="1:34" ht="51.6" customHeight="1" x14ac:dyDescent="0.45">
      <c r="A2653" s="23">
        <v>2647</v>
      </c>
      <c r="B2653" s="25"/>
      <c r="C2653" s="25"/>
      <c r="D2653" s="29"/>
      <c r="E2653" s="1"/>
      <c r="F2653" s="1"/>
      <c r="G2653" s="25"/>
      <c r="H2653" s="71"/>
      <c r="I2653" s="83"/>
      <c r="J2653" s="50" t="str">
        <f t="shared" si="84"/>
        <v/>
      </c>
      <c r="K2653" s="23" t="s">
        <v>7120</v>
      </c>
      <c r="L2653" s="49" t="e">
        <f>VLOOKUP(E2653&amp;F2653,団体コード!$A$1:$C$1743,3,FALSE)</f>
        <v>#N/A</v>
      </c>
      <c r="M2653" s="49" t="e">
        <f>VLOOKUP(E2653&amp;F2653,団体コード!$A$1:$C$1743,2,FALSE)</f>
        <v>#N/A</v>
      </c>
      <c r="N2653" s="51" t="e">
        <f>VLOOKUP(E2653,団体コード!$E$1:$F$48,2,FALSE)</f>
        <v>#N/A</v>
      </c>
      <c r="O2653" s="51" t="e">
        <f t="shared" si="85"/>
        <v>#N/A</v>
      </c>
      <c r="P2653" s="51">
        <v>1</v>
      </c>
      <c r="Q2653" s="51" t="s">
        <v>5341</v>
      </c>
      <c r="R2653" s="54" t="b">
        <v>1</v>
      </c>
      <c r="S2653" s="52" t="s">
        <v>7126</v>
      </c>
      <c r="T2653" s="67" t="s">
        <v>7127</v>
      </c>
      <c r="U2653" s="75" t="s">
        <v>5331</v>
      </c>
      <c r="V2653" s="47" t="s">
        <v>5331</v>
      </c>
      <c r="W2653" s="47" t="s">
        <v>5331</v>
      </c>
      <c r="X2653" s="47" t="s">
        <v>5331</v>
      </c>
      <c r="Y2653" s="47" t="s">
        <v>5331</v>
      </c>
      <c r="Z2653" s="28"/>
      <c r="AA2653" s="27"/>
      <c r="AB2653" s="27"/>
      <c r="AC2653" s="27"/>
      <c r="AD2653" s="30"/>
      <c r="AE2653" s="1"/>
      <c r="AF2653" s="23" t="s">
        <v>5331</v>
      </c>
      <c r="AG2653" s="26"/>
      <c r="AH2653" s="53"/>
    </row>
    <row r="2654" spans="1:34" ht="51.6" customHeight="1" x14ac:dyDescent="0.45">
      <c r="A2654" s="23">
        <v>2648</v>
      </c>
      <c r="B2654" s="25"/>
      <c r="C2654" s="25"/>
      <c r="D2654" s="29"/>
      <c r="E2654" s="1"/>
      <c r="F2654" s="1"/>
      <c r="G2654" s="25"/>
      <c r="H2654" s="71"/>
      <c r="I2654" s="83"/>
      <c r="J2654" s="50" t="str">
        <f t="shared" si="84"/>
        <v/>
      </c>
      <c r="K2654" s="23" t="s">
        <v>7120</v>
      </c>
      <c r="L2654" s="49" t="e">
        <f>VLOOKUP(E2654&amp;F2654,団体コード!$A$1:$C$1743,3,FALSE)</f>
        <v>#N/A</v>
      </c>
      <c r="M2654" s="49" t="e">
        <f>VLOOKUP(E2654&amp;F2654,団体コード!$A$1:$C$1743,2,FALSE)</f>
        <v>#N/A</v>
      </c>
      <c r="N2654" s="51" t="e">
        <f>VLOOKUP(E2654,団体コード!$E$1:$F$48,2,FALSE)</f>
        <v>#N/A</v>
      </c>
      <c r="O2654" s="51" t="e">
        <f t="shared" si="85"/>
        <v>#N/A</v>
      </c>
      <c r="P2654" s="51">
        <v>1</v>
      </c>
      <c r="Q2654" s="51" t="s">
        <v>5341</v>
      </c>
      <c r="R2654" s="54" t="b">
        <v>1</v>
      </c>
      <c r="S2654" s="52" t="s">
        <v>7126</v>
      </c>
      <c r="T2654" s="67" t="s">
        <v>7127</v>
      </c>
      <c r="U2654" s="75" t="s">
        <v>5331</v>
      </c>
      <c r="V2654" s="47" t="s">
        <v>5331</v>
      </c>
      <c r="W2654" s="47" t="s">
        <v>5331</v>
      </c>
      <c r="X2654" s="47" t="s">
        <v>5331</v>
      </c>
      <c r="Y2654" s="47" t="s">
        <v>5331</v>
      </c>
      <c r="Z2654" s="28"/>
      <c r="AA2654" s="27"/>
      <c r="AB2654" s="27"/>
      <c r="AC2654" s="27"/>
      <c r="AD2654" s="30"/>
      <c r="AE2654" s="1"/>
      <c r="AF2654" s="23" t="s">
        <v>5331</v>
      </c>
      <c r="AG2654" s="26"/>
      <c r="AH2654" s="53"/>
    </row>
    <row r="2655" spans="1:34" ht="51.6" customHeight="1" x14ac:dyDescent="0.45">
      <c r="A2655" s="23">
        <v>2649</v>
      </c>
      <c r="B2655" s="25"/>
      <c r="C2655" s="25"/>
      <c r="D2655" s="29"/>
      <c r="E2655" s="1"/>
      <c r="F2655" s="1"/>
      <c r="G2655" s="25"/>
      <c r="H2655" s="71"/>
      <c r="I2655" s="83"/>
      <c r="J2655" s="50" t="str">
        <f t="shared" si="84"/>
        <v/>
      </c>
      <c r="K2655" s="23" t="s">
        <v>7120</v>
      </c>
      <c r="L2655" s="49" t="e">
        <f>VLOOKUP(E2655&amp;F2655,団体コード!$A$1:$C$1743,3,FALSE)</f>
        <v>#N/A</v>
      </c>
      <c r="M2655" s="49" t="e">
        <f>VLOOKUP(E2655&amp;F2655,団体コード!$A$1:$C$1743,2,FALSE)</f>
        <v>#N/A</v>
      </c>
      <c r="N2655" s="51" t="e">
        <f>VLOOKUP(E2655,団体コード!$E$1:$F$48,2,FALSE)</f>
        <v>#N/A</v>
      </c>
      <c r="O2655" s="51" t="e">
        <f t="shared" si="85"/>
        <v>#N/A</v>
      </c>
      <c r="P2655" s="51">
        <v>1</v>
      </c>
      <c r="Q2655" s="51" t="s">
        <v>5341</v>
      </c>
      <c r="R2655" s="54" t="b">
        <v>1</v>
      </c>
      <c r="S2655" s="52" t="s">
        <v>7126</v>
      </c>
      <c r="T2655" s="67" t="s">
        <v>7127</v>
      </c>
      <c r="U2655" s="75" t="s">
        <v>5331</v>
      </c>
      <c r="V2655" s="47" t="s">
        <v>5331</v>
      </c>
      <c r="W2655" s="47" t="s">
        <v>5331</v>
      </c>
      <c r="X2655" s="47" t="s">
        <v>5331</v>
      </c>
      <c r="Y2655" s="47" t="s">
        <v>5331</v>
      </c>
      <c r="Z2655" s="28"/>
      <c r="AA2655" s="27"/>
      <c r="AB2655" s="27"/>
      <c r="AC2655" s="27"/>
      <c r="AD2655" s="30"/>
      <c r="AE2655" s="1"/>
      <c r="AF2655" s="23" t="s">
        <v>5331</v>
      </c>
      <c r="AG2655" s="26"/>
      <c r="AH2655" s="53"/>
    </row>
    <row r="2656" spans="1:34" ht="51.6" customHeight="1" x14ac:dyDescent="0.45">
      <c r="A2656" s="23">
        <v>2650</v>
      </c>
      <c r="B2656" s="25"/>
      <c r="C2656" s="25"/>
      <c r="D2656" s="29"/>
      <c r="E2656" s="1"/>
      <c r="F2656" s="1"/>
      <c r="G2656" s="25"/>
      <c r="H2656" s="71"/>
      <c r="I2656" s="83"/>
      <c r="J2656" s="50" t="str">
        <f t="shared" si="84"/>
        <v/>
      </c>
      <c r="K2656" s="23" t="s">
        <v>7120</v>
      </c>
      <c r="L2656" s="49" t="e">
        <f>VLOOKUP(E2656&amp;F2656,団体コード!$A$1:$C$1743,3,FALSE)</f>
        <v>#N/A</v>
      </c>
      <c r="M2656" s="49" t="e">
        <f>VLOOKUP(E2656&amp;F2656,団体コード!$A$1:$C$1743,2,FALSE)</f>
        <v>#N/A</v>
      </c>
      <c r="N2656" s="51" t="e">
        <f>VLOOKUP(E2656,団体コード!$E$1:$F$48,2,FALSE)</f>
        <v>#N/A</v>
      </c>
      <c r="O2656" s="51" t="e">
        <f t="shared" si="85"/>
        <v>#N/A</v>
      </c>
      <c r="P2656" s="51">
        <v>1</v>
      </c>
      <c r="Q2656" s="51" t="s">
        <v>5341</v>
      </c>
      <c r="R2656" s="54" t="b">
        <v>1</v>
      </c>
      <c r="S2656" s="52" t="s">
        <v>7126</v>
      </c>
      <c r="T2656" s="67" t="s">
        <v>7127</v>
      </c>
      <c r="U2656" s="75" t="s">
        <v>5331</v>
      </c>
      <c r="V2656" s="47" t="s">
        <v>5331</v>
      </c>
      <c r="W2656" s="47" t="s">
        <v>5331</v>
      </c>
      <c r="X2656" s="47" t="s">
        <v>5331</v>
      </c>
      <c r="Y2656" s="47" t="s">
        <v>5331</v>
      </c>
      <c r="Z2656" s="28"/>
      <c r="AA2656" s="27"/>
      <c r="AB2656" s="27"/>
      <c r="AC2656" s="27"/>
      <c r="AD2656" s="30"/>
      <c r="AE2656" s="1"/>
      <c r="AF2656" s="23" t="s">
        <v>5331</v>
      </c>
      <c r="AG2656" s="26"/>
      <c r="AH2656" s="53"/>
    </row>
    <row r="2657" spans="1:34" ht="51.6" customHeight="1" x14ac:dyDescent="0.45">
      <c r="A2657" s="23">
        <v>2651</v>
      </c>
      <c r="B2657" s="25"/>
      <c r="C2657" s="25"/>
      <c r="D2657" s="29"/>
      <c r="E2657" s="1"/>
      <c r="F2657" s="1"/>
      <c r="G2657" s="25"/>
      <c r="H2657" s="71"/>
      <c r="I2657" s="83"/>
      <c r="J2657" s="50" t="str">
        <f t="shared" si="84"/>
        <v/>
      </c>
      <c r="K2657" s="23" t="s">
        <v>7120</v>
      </c>
      <c r="L2657" s="49" t="e">
        <f>VLOOKUP(E2657&amp;F2657,団体コード!$A$1:$C$1743,3,FALSE)</f>
        <v>#N/A</v>
      </c>
      <c r="M2657" s="49" t="e">
        <f>VLOOKUP(E2657&amp;F2657,団体コード!$A$1:$C$1743,2,FALSE)</f>
        <v>#N/A</v>
      </c>
      <c r="N2657" s="51" t="e">
        <f>VLOOKUP(E2657,団体コード!$E$1:$F$48,2,FALSE)</f>
        <v>#N/A</v>
      </c>
      <c r="O2657" s="51" t="e">
        <f t="shared" si="85"/>
        <v>#N/A</v>
      </c>
      <c r="P2657" s="51">
        <v>1</v>
      </c>
      <c r="Q2657" s="51" t="s">
        <v>5341</v>
      </c>
      <c r="R2657" s="54" t="b">
        <v>1</v>
      </c>
      <c r="S2657" s="52" t="s">
        <v>7126</v>
      </c>
      <c r="T2657" s="67" t="s">
        <v>7127</v>
      </c>
      <c r="U2657" s="75" t="s">
        <v>5331</v>
      </c>
      <c r="V2657" s="47" t="s">
        <v>5331</v>
      </c>
      <c r="W2657" s="47" t="s">
        <v>5331</v>
      </c>
      <c r="X2657" s="47" t="s">
        <v>5331</v>
      </c>
      <c r="Y2657" s="47" t="s">
        <v>5331</v>
      </c>
      <c r="Z2657" s="28"/>
      <c r="AA2657" s="27"/>
      <c r="AB2657" s="27"/>
      <c r="AC2657" s="27"/>
      <c r="AD2657" s="30"/>
      <c r="AE2657" s="1"/>
      <c r="AF2657" s="23" t="s">
        <v>5331</v>
      </c>
      <c r="AG2657" s="26"/>
      <c r="AH2657" s="53"/>
    </row>
    <row r="2658" spans="1:34" ht="51.6" customHeight="1" x14ac:dyDescent="0.45">
      <c r="A2658" s="23">
        <v>2652</v>
      </c>
      <c r="B2658" s="25"/>
      <c r="C2658" s="25"/>
      <c r="D2658" s="29"/>
      <c r="E2658" s="1"/>
      <c r="F2658" s="1"/>
      <c r="G2658" s="25"/>
      <c r="H2658" s="71"/>
      <c r="I2658" s="83"/>
      <c r="J2658" s="50" t="str">
        <f t="shared" si="84"/>
        <v/>
      </c>
      <c r="K2658" s="23" t="s">
        <v>7120</v>
      </c>
      <c r="L2658" s="49" t="e">
        <f>VLOOKUP(E2658&amp;F2658,団体コード!$A$1:$C$1743,3,FALSE)</f>
        <v>#N/A</v>
      </c>
      <c r="M2658" s="49" t="e">
        <f>VLOOKUP(E2658&amp;F2658,団体コード!$A$1:$C$1743,2,FALSE)</f>
        <v>#N/A</v>
      </c>
      <c r="N2658" s="51" t="e">
        <f>VLOOKUP(E2658,団体コード!$E$1:$F$48,2,FALSE)</f>
        <v>#N/A</v>
      </c>
      <c r="O2658" s="51" t="e">
        <f t="shared" si="85"/>
        <v>#N/A</v>
      </c>
      <c r="P2658" s="51">
        <v>1</v>
      </c>
      <c r="Q2658" s="51" t="s">
        <v>5341</v>
      </c>
      <c r="R2658" s="54" t="b">
        <v>1</v>
      </c>
      <c r="S2658" s="52" t="s">
        <v>7126</v>
      </c>
      <c r="T2658" s="67" t="s">
        <v>7127</v>
      </c>
      <c r="U2658" s="75" t="s">
        <v>5331</v>
      </c>
      <c r="V2658" s="47" t="s">
        <v>5331</v>
      </c>
      <c r="W2658" s="47" t="s">
        <v>5331</v>
      </c>
      <c r="X2658" s="47" t="s">
        <v>5331</v>
      </c>
      <c r="Y2658" s="47" t="s">
        <v>5331</v>
      </c>
      <c r="Z2658" s="28"/>
      <c r="AA2658" s="27"/>
      <c r="AB2658" s="27"/>
      <c r="AC2658" s="27"/>
      <c r="AD2658" s="30"/>
      <c r="AE2658" s="1"/>
      <c r="AF2658" s="23" t="s">
        <v>5331</v>
      </c>
      <c r="AG2658" s="26"/>
      <c r="AH2658" s="53"/>
    </row>
    <row r="2659" spans="1:34" ht="51.6" customHeight="1" x14ac:dyDescent="0.45">
      <c r="A2659" s="23">
        <v>2653</v>
      </c>
      <c r="B2659" s="25"/>
      <c r="C2659" s="25"/>
      <c r="D2659" s="29"/>
      <c r="E2659" s="1"/>
      <c r="F2659" s="1"/>
      <c r="G2659" s="25"/>
      <c r="H2659" s="71"/>
      <c r="I2659" s="83"/>
      <c r="J2659" s="50" t="str">
        <f t="shared" si="84"/>
        <v/>
      </c>
      <c r="K2659" s="23" t="s">
        <v>7120</v>
      </c>
      <c r="L2659" s="49" t="e">
        <f>VLOOKUP(E2659&amp;F2659,団体コード!$A$1:$C$1743,3,FALSE)</f>
        <v>#N/A</v>
      </c>
      <c r="M2659" s="49" t="e">
        <f>VLOOKUP(E2659&amp;F2659,団体コード!$A$1:$C$1743,2,FALSE)</f>
        <v>#N/A</v>
      </c>
      <c r="N2659" s="51" t="e">
        <f>VLOOKUP(E2659,団体コード!$E$1:$F$48,2,FALSE)</f>
        <v>#N/A</v>
      </c>
      <c r="O2659" s="51" t="e">
        <f t="shared" si="85"/>
        <v>#N/A</v>
      </c>
      <c r="P2659" s="51">
        <v>1</v>
      </c>
      <c r="Q2659" s="51" t="s">
        <v>5341</v>
      </c>
      <c r="R2659" s="54" t="b">
        <v>1</v>
      </c>
      <c r="S2659" s="52" t="s">
        <v>7126</v>
      </c>
      <c r="T2659" s="67" t="s">
        <v>7127</v>
      </c>
      <c r="U2659" s="75" t="s">
        <v>5331</v>
      </c>
      <c r="V2659" s="47" t="s">
        <v>5331</v>
      </c>
      <c r="W2659" s="47" t="s">
        <v>5331</v>
      </c>
      <c r="X2659" s="47" t="s">
        <v>5331</v>
      </c>
      <c r="Y2659" s="47" t="s">
        <v>5331</v>
      </c>
      <c r="Z2659" s="28"/>
      <c r="AA2659" s="27"/>
      <c r="AB2659" s="27"/>
      <c r="AC2659" s="27"/>
      <c r="AD2659" s="30"/>
      <c r="AE2659" s="1"/>
      <c r="AF2659" s="23" t="s">
        <v>5331</v>
      </c>
      <c r="AG2659" s="26"/>
      <c r="AH2659" s="53"/>
    </row>
    <row r="2660" spans="1:34" ht="51.6" customHeight="1" x14ac:dyDescent="0.45">
      <c r="A2660" s="23">
        <v>2654</v>
      </c>
      <c r="B2660" s="25"/>
      <c r="C2660" s="25"/>
      <c r="D2660" s="29"/>
      <c r="E2660" s="1"/>
      <c r="F2660" s="1"/>
      <c r="G2660" s="25"/>
      <c r="H2660" s="71"/>
      <c r="I2660" s="83"/>
      <c r="J2660" s="50" t="str">
        <f t="shared" si="84"/>
        <v/>
      </c>
      <c r="K2660" s="23" t="s">
        <v>7120</v>
      </c>
      <c r="L2660" s="49" t="e">
        <f>VLOOKUP(E2660&amp;F2660,団体コード!$A$1:$C$1743,3,FALSE)</f>
        <v>#N/A</v>
      </c>
      <c r="M2660" s="49" t="e">
        <f>VLOOKUP(E2660&amp;F2660,団体コード!$A$1:$C$1743,2,FALSE)</f>
        <v>#N/A</v>
      </c>
      <c r="N2660" s="51" t="e">
        <f>VLOOKUP(E2660,団体コード!$E$1:$F$48,2,FALSE)</f>
        <v>#N/A</v>
      </c>
      <c r="O2660" s="51" t="e">
        <f t="shared" si="85"/>
        <v>#N/A</v>
      </c>
      <c r="P2660" s="51">
        <v>1</v>
      </c>
      <c r="Q2660" s="51" t="s">
        <v>5341</v>
      </c>
      <c r="R2660" s="54" t="b">
        <v>1</v>
      </c>
      <c r="S2660" s="52" t="s">
        <v>7126</v>
      </c>
      <c r="T2660" s="67" t="s">
        <v>7127</v>
      </c>
      <c r="U2660" s="75" t="s">
        <v>5331</v>
      </c>
      <c r="V2660" s="47" t="s">
        <v>5331</v>
      </c>
      <c r="W2660" s="47" t="s">
        <v>5331</v>
      </c>
      <c r="X2660" s="47" t="s">
        <v>5331</v>
      </c>
      <c r="Y2660" s="47" t="s">
        <v>5331</v>
      </c>
      <c r="Z2660" s="28"/>
      <c r="AA2660" s="27"/>
      <c r="AB2660" s="27"/>
      <c r="AC2660" s="27"/>
      <c r="AD2660" s="30"/>
      <c r="AE2660" s="1"/>
      <c r="AF2660" s="23" t="s">
        <v>5331</v>
      </c>
      <c r="AG2660" s="26"/>
      <c r="AH2660" s="53"/>
    </row>
    <row r="2661" spans="1:34" ht="51.6" customHeight="1" x14ac:dyDescent="0.45">
      <c r="A2661" s="23">
        <v>2655</v>
      </c>
      <c r="B2661" s="25"/>
      <c r="C2661" s="25"/>
      <c r="D2661" s="29"/>
      <c r="E2661" s="1"/>
      <c r="F2661" s="1"/>
      <c r="G2661" s="25"/>
      <c r="H2661" s="71"/>
      <c r="I2661" s="83"/>
      <c r="J2661" s="50" t="str">
        <f t="shared" si="84"/>
        <v/>
      </c>
      <c r="K2661" s="23" t="s">
        <v>7120</v>
      </c>
      <c r="L2661" s="49" t="e">
        <f>VLOOKUP(E2661&amp;F2661,団体コード!$A$1:$C$1743,3,FALSE)</f>
        <v>#N/A</v>
      </c>
      <c r="M2661" s="49" t="e">
        <f>VLOOKUP(E2661&amp;F2661,団体コード!$A$1:$C$1743,2,FALSE)</f>
        <v>#N/A</v>
      </c>
      <c r="N2661" s="51" t="e">
        <f>VLOOKUP(E2661,団体コード!$E$1:$F$48,2,FALSE)</f>
        <v>#N/A</v>
      </c>
      <c r="O2661" s="51" t="e">
        <f t="shared" si="85"/>
        <v>#N/A</v>
      </c>
      <c r="P2661" s="51">
        <v>1</v>
      </c>
      <c r="Q2661" s="51" t="s">
        <v>5341</v>
      </c>
      <c r="R2661" s="54" t="b">
        <v>1</v>
      </c>
      <c r="S2661" s="52" t="s">
        <v>7126</v>
      </c>
      <c r="T2661" s="67" t="s">
        <v>7127</v>
      </c>
      <c r="U2661" s="75" t="s">
        <v>5331</v>
      </c>
      <c r="V2661" s="47" t="s">
        <v>5331</v>
      </c>
      <c r="W2661" s="47" t="s">
        <v>5331</v>
      </c>
      <c r="X2661" s="47" t="s">
        <v>5331</v>
      </c>
      <c r="Y2661" s="47" t="s">
        <v>5331</v>
      </c>
      <c r="Z2661" s="28"/>
      <c r="AA2661" s="27"/>
      <c r="AB2661" s="27"/>
      <c r="AC2661" s="27"/>
      <c r="AD2661" s="30"/>
      <c r="AE2661" s="1"/>
      <c r="AF2661" s="23" t="s">
        <v>5331</v>
      </c>
      <c r="AG2661" s="26"/>
      <c r="AH2661" s="53"/>
    </row>
    <row r="2662" spans="1:34" ht="51.6" customHeight="1" x14ac:dyDescent="0.45">
      <c r="A2662" s="23">
        <v>2656</v>
      </c>
      <c r="B2662" s="25"/>
      <c r="C2662" s="25"/>
      <c r="D2662" s="29"/>
      <c r="E2662" s="1"/>
      <c r="F2662" s="1"/>
      <c r="G2662" s="25"/>
      <c r="H2662" s="71"/>
      <c r="I2662" s="83"/>
      <c r="J2662" s="50" t="str">
        <f t="shared" si="84"/>
        <v/>
      </c>
      <c r="K2662" s="23" t="s">
        <v>7120</v>
      </c>
      <c r="L2662" s="49" t="e">
        <f>VLOOKUP(E2662&amp;F2662,団体コード!$A$1:$C$1743,3,FALSE)</f>
        <v>#N/A</v>
      </c>
      <c r="M2662" s="49" t="e">
        <f>VLOOKUP(E2662&amp;F2662,団体コード!$A$1:$C$1743,2,FALSE)</f>
        <v>#N/A</v>
      </c>
      <c r="N2662" s="51" t="e">
        <f>VLOOKUP(E2662,団体コード!$E$1:$F$48,2,FALSE)</f>
        <v>#N/A</v>
      </c>
      <c r="O2662" s="51" t="e">
        <f t="shared" si="85"/>
        <v>#N/A</v>
      </c>
      <c r="P2662" s="51">
        <v>1</v>
      </c>
      <c r="Q2662" s="51" t="s">
        <v>5341</v>
      </c>
      <c r="R2662" s="54" t="b">
        <v>1</v>
      </c>
      <c r="S2662" s="52" t="s">
        <v>7126</v>
      </c>
      <c r="T2662" s="67" t="s">
        <v>7127</v>
      </c>
      <c r="U2662" s="75" t="s">
        <v>5331</v>
      </c>
      <c r="V2662" s="47" t="s">
        <v>5331</v>
      </c>
      <c r="W2662" s="47" t="s">
        <v>5331</v>
      </c>
      <c r="X2662" s="47" t="s">
        <v>5331</v>
      </c>
      <c r="Y2662" s="47" t="s">
        <v>5331</v>
      </c>
      <c r="Z2662" s="28"/>
      <c r="AA2662" s="27"/>
      <c r="AB2662" s="27"/>
      <c r="AC2662" s="27"/>
      <c r="AD2662" s="30"/>
      <c r="AE2662" s="1"/>
      <c r="AF2662" s="23" t="s">
        <v>5331</v>
      </c>
      <c r="AG2662" s="26"/>
      <c r="AH2662" s="53"/>
    </row>
    <row r="2663" spans="1:34" ht="51.6" customHeight="1" x14ac:dyDescent="0.45">
      <c r="A2663" s="23">
        <v>2657</v>
      </c>
      <c r="B2663" s="25"/>
      <c r="C2663" s="25"/>
      <c r="D2663" s="29"/>
      <c r="E2663" s="1"/>
      <c r="F2663" s="1"/>
      <c r="G2663" s="25"/>
      <c r="H2663" s="71"/>
      <c r="I2663" s="83"/>
      <c r="J2663" s="50" t="str">
        <f t="shared" si="84"/>
        <v/>
      </c>
      <c r="K2663" s="23" t="s">
        <v>7120</v>
      </c>
      <c r="L2663" s="49" t="e">
        <f>VLOOKUP(E2663&amp;F2663,団体コード!$A$1:$C$1743,3,FALSE)</f>
        <v>#N/A</v>
      </c>
      <c r="M2663" s="49" t="e">
        <f>VLOOKUP(E2663&amp;F2663,団体コード!$A$1:$C$1743,2,FALSE)</f>
        <v>#N/A</v>
      </c>
      <c r="N2663" s="51" t="e">
        <f>VLOOKUP(E2663,団体コード!$E$1:$F$48,2,FALSE)</f>
        <v>#N/A</v>
      </c>
      <c r="O2663" s="51" t="e">
        <f t="shared" si="85"/>
        <v>#N/A</v>
      </c>
      <c r="P2663" s="51">
        <v>1</v>
      </c>
      <c r="Q2663" s="51" t="s">
        <v>5341</v>
      </c>
      <c r="R2663" s="54" t="b">
        <v>1</v>
      </c>
      <c r="S2663" s="52" t="s">
        <v>7126</v>
      </c>
      <c r="T2663" s="67" t="s">
        <v>7127</v>
      </c>
      <c r="U2663" s="75" t="s">
        <v>5331</v>
      </c>
      <c r="V2663" s="47" t="s">
        <v>5331</v>
      </c>
      <c r="W2663" s="47" t="s">
        <v>5331</v>
      </c>
      <c r="X2663" s="47" t="s">
        <v>5331</v>
      </c>
      <c r="Y2663" s="47" t="s">
        <v>5331</v>
      </c>
      <c r="Z2663" s="28"/>
      <c r="AA2663" s="27"/>
      <c r="AB2663" s="27"/>
      <c r="AC2663" s="27"/>
      <c r="AD2663" s="30"/>
      <c r="AE2663" s="1"/>
      <c r="AF2663" s="23" t="s">
        <v>5331</v>
      </c>
      <c r="AG2663" s="26"/>
      <c r="AH2663" s="53"/>
    </row>
    <row r="2664" spans="1:34" ht="51.6" customHeight="1" x14ac:dyDescent="0.45">
      <c r="A2664" s="23">
        <v>2658</v>
      </c>
      <c r="B2664" s="25"/>
      <c r="C2664" s="25"/>
      <c r="D2664" s="29"/>
      <c r="E2664" s="1"/>
      <c r="F2664" s="1"/>
      <c r="G2664" s="25"/>
      <c r="H2664" s="71"/>
      <c r="I2664" s="83"/>
      <c r="J2664" s="50" t="str">
        <f t="shared" si="84"/>
        <v/>
      </c>
      <c r="K2664" s="23" t="s">
        <v>7120</v>
      </c>
      <c r="L2664" s="49" t="e">
        <f>VLOOKUP(E2664&amp;F2664,団体コード!$A$1:$C$1743,3,FALSE)</f>
        <v>#N/A</v>
      </c>
      <c r="M2664" s="49" t="e">
        <f>VLOOKUP(E2664&amp;F2664,団体コード!$A$1:$C$1743,2,FALSE)</f>
        <v>#N/A</v>
      </c>
      <c r="N2664" s="51" t="e">
        <f>VLOOKUP(E2664,団体コード!$E$1:$F$48,2,FALSE)</f>
        <v>#N/A</v>
      </c>
      <c r="O2664" s="51" t="e">
        <f t="shared" si="85"/>
        <v>#N/A</v>
      </c>
      <c r="P2664" s="51">
        <v>1</v>
      </c>
      <c r="Q2664" s="51" t="s">
        <v>5341</v>
      </c>
      <c r="R2664" s="54" t="b">
        <v>1</v>
      </c>
      <c r="S2664" s="52" t="s">
        <v>7126</v>
      </c>
      <c r="T2664" s="67" t="s">
        <v>7127</v>
      </c>
      <c r="U2664" s="75" t="s">
        <v>5331</v>
      </c>
      <c r="V2664" s="47" t="s">
        <v>5331</v>
      </c>
      <c r="W2664" s="47" t="s">
        <v>5331</v>
      </c>
      <c r="X2664" s="47" t="s">
        <v>5331</v>
      </c>
      <c r="Y2664" s="47" t="s">
        <v>5331</v>
      </c>
      <c r="Z2664" s="28"/>
      <c r="AA2664" s="27"/>
      <c r="AB2664" s="27"/>
      <c r="AC2664" s="27"/>
      <c r="AD2664" s="30"/>
      <c r="AE2664" s="1"/>
      <c r="AF2664" s="23" t="s">
        <v>5331</v>
      </c>
      <c r="AG2664" s="26"/>
      <c r="AH2664" s="53"/>
    </row>
    <row r="2665" spans="1:34" ht="51.6" customHeight="1" x14ac:dyDescent="0.45">
      <c r="A2665" s="23">
        <v>2659</v>
      </c>
      <c r="B2665" s="25"/>
      <c r="C2665" s="25"/>
      <c r="D2665" s="29"/>
      <c r="E2665" s="1"/>
      <c r="F2665" s="1"/>
      <c r="G2665" s="25"/>
      <c r="H2665" s="71"/>
      <c r="I2665" s="83"/>
      <c r="J2665" s="50" t="str">
        <f t="shared" si="84"/>
        <v/>
      </c>
      <c r="K2665" s="23" t="s">
        <v>7120</v>
      </c>
      <c r="L2665" s="49" t="e">
        <f>VLOOKUP(E2665&amp;F2665,団体コード!$A$1:$C$1743,3,FALSE)</f>
        <v>#N/A</v>
      </c>
      <c r="M2665" s="49" t="e">
        <f>VLOOKUP(E2665&amp;F2665,団体コード!$A$1:$C$1743,2,FALSE)</f>
        <v>#N/A</v>
      </c>
      <c r="N2665" s="51" t="e">
        <f>VLOOKUP(E2665,団体コード!$E$1:$F$48,2,FALSE)</f>
        <v>#N/A</v>
      </c>
      <c r="O2665" s="51" t="e">
        <f t="shared" si="85"/>
        <v>#N/A</v>
      </c>
      <c r="P2665" s="51">
        <v>1</v>
      </c>
      <c r="Q2665" s="51" t="s">
        <v>5341</v>
      </c>
      <c r="R2665" s="54" t="b">
        <v>1</v>
      </c>
      <c r="S2665" s="52" t="s">
        <v>7126</v>
      </c>
      <c r="T2665" s="67" t="s">
        <v>7127</v>
      </c>
      <c r="U2665" s="75" t="s">
        <v>5331</v>
      </c>
      <c r="V2665" s="47" t="s">
        <v>5331</v>
      </c>
      <c r="W2665" s="47" t="s">
        <v>5331</v>
      </c>
      <c r="X2665" s="47" t="s">
        <v>5331</v>
      </c>
      <c r="Y2665" s="47" t="s">
        <v>5331</v>
      </c>
      <c r="Z2665" s="28"/>
      <c r="AA2665" s="27"/>
      <c r="AB2665" s="27"/>
      <c r="AC2665" s="27"/>
      <c r="AD2665" s="30"/>
      <c r="AE2665" s="1"/>
      <c r="AF2665" s="23" t="s">
        <v>5331</v>
      </c>
      <c r="AG2665" s="26"/>
      <c r="AH2665" s="53"/>
    </row>
    <row r="2666" spans="1:34" ht="51.6" customHeight="1" x14ac:dyDescent="0.45">
      <c r="A2666" s="23">
        <v>2660</v>
      </c>
      <c r="B2666" s="25"/>
      <c r="C2666" s="25"/>
      <c r="D2666" s="29"/>
      <c r="E2666" s="1"/>
      <c r="F2666" s="1"/>
      <c r="G2666" s="25"/>
      <c r="H2666" s="71"/>
      <c r="I2666" s="83"/>
      <c r="J2666" s="50" t="str">
        <f t="shared" si="84"/>
        <v/>
      </c>
      <c r="K2666" s="23" t="s">
        <v>7120</v>
      </c>
      <c r="L2666" s="49" t="e">
        <f>VLOOKUP(E2666&amp;F2666,団体コード!$A$1:$C$1743,3,FALSE)</f>
        <v>#N/A</v>
      </c>
      <c r="M2666" s="49" t="e">
        <f>VLOOKUP(E2666&amp;F2666,団体コード!$A$1:$C$1743,2,FALSE)</f>
        <v>#N/A</v>
      </c>
      <c r="N2666" s="51" t="e">
        <f>VLOOKUP(E2666,団体コード!$E$1:$F$48,2,FALSE)</f>
        <v>#N/A</v>
      </c>
      <c r="O2666" s="51" t="e">
        <f t="shared" si="85"/>
        <v>#N/A</v>
      </c>
      <c r="P2666" s="51">
        <v>1</v>
      </c>
      <c r="Q2666" s="51" t="s">
        <v>5341</v>
      </c>
      <c r="R2666" s="54" t="b">
        <v>1</v>
      </c>
      <c r="S2666" s="52" t="s">
        <v>7126</v>
      </c>
      <c r="T2666" s="67" t="s">
        <v>7127</v>
      </c>
      <c r="U2666" s="75" t="s">
        <v>5331</v>
      </c>
      <c r="V2666" s="47" t="s">
        <v>5331</v>
      </c>
      <c r="W2666" s="47" t="s">
        <v>5331</v>
      </c>
      <c r="X2666" s="47" t="s">
        <v>5331</v>
      </c>
      <c r="Y2666" s="47" t="s">
        <v>5331</v>
      </c>
      <c r="Z2666" s="28"/>
      <c r="AA2666" s="27"/>
      <c r="AB2666" s="27"/>
      <c r="AC2666" s="27"/>
      <c r="AD2666" s="30"/>
      <c r="AE2666" s="1"/>
      <c r="AF2666" s="23" t="s">
        <v>5331</v>
      </c>
      <c r="AG2666" s="26"/>
      <c r="AH2666" s="53"/>
    </row>
    <row r="2667" spans="1:34" ht="51.6" customHeight="1" x14ac:dyDescent="0.45">
      <c r="A2667" s="23">
        <v>2661</v>
      </c>
      <c r="B2667" s="25"/>
      <c r="C2667" s="25"/>
      <c r="D2667" s="29"/>
      <c r="E2667" s="1"/>
      <c r="F2667" s="1"/>
      <c r="G2667" s="25"/>
      <c r="H2667" s="71"/>
      <c r="I2667" s="83"/>
      <c r="J2667" s="50" t="str">
        <f t="shared" si="84"/>
        <v/>
      </c>
      <c r="K2667" s="23" t="s">
        <v>7120</v>
      </c>
      <c r="L2667" s="49" t="e">
        <f>VLOOKUP(E2667&amp;F2667,団体コード!$A$1:$C$1743,3,FALSE)</f>
        <v>#N/A</v>
      </c>
      <c r="M2667" s="49" t="e">
        <f>VLOOKUP(E2667&amp;F2667,団体コード!$A$1:$C$1743,2,FALSE)</f>
        <v>#N/A</v>
      </c>
      <c r="N2667" s="51" t="e">
        <f>VLOOKUP(E2667,団体コード!$E$1:$F$48,2,FALSE)</f>
        <v>#N/A</v>
      </c>
      <c r="O2667" s="51" t="e">
        <f t="shared" si="85"/>
        <v>#N/A</v>
      </c>
      <c r="P2667" s="51">
        <v>1</v>
      </c>
      <c r="Q2667" s="51" t="s">
        <v>5341</v>
      </c>
      <c r="R2667" s="54" t="b">
        <v>1</v>
      </c>
      <c r="S2667" s="52" t="s">
        <v>7126</v>
      </c>
      <c r="T2667" s="67" t="s">
        <v>7127</v>
      </c>
      <c r="U2667" s="75" t="s">
        <v>5331</v>
      </c>
      <c r="V2667" s="47" t="s">
        <v>5331</v>
      </c>
      <c r="W2667" s="47" t="s">
        <v>5331</v>
      </c>
      <c r="X2667" s="47" t="s">
        <v>5331</v>
      </c>
      <c r="Y2667" s="47" t="s">
        <v>5331</v>
      </c>
      <c r="Z2667" s="28"/>
      <c r="AA2667" s="27"/>
      <c r="AB2667" s="27"/>
      <c r="AC2667" s="27"/>
      <c r="AD2667" s="30"/>
      <c r="AE2667" s="1"/>
      <c r="AF2667" s="23" t="s">
        <v>5331</v>
      </c>
      <c r="AG2667" s="26"/>
      <c r="AH2667" s="53"/>
    </row>
    <row r="2668" spans="1:34" ht="51.6" customHeight="1" x14ac:dyDescent="0.45">
      <c r="A2668" s="23">
        <v>2662</v>
      </c>
      <c r="B2668" s="25"/>
      <c r="C2668" s="25"/>
      <c r="D2668" s="29"/>
      <c r="E2668" s="1"/>
      <c r="F2668" s="1"/>
      <c r="G2668" s="25"/>
      <c r="H2668" s="71"/>
      <c r="I2668" s="83"/>
      <c r="J2668" s="50" t="str">
        <f t="shared" si="84"/>
        <v/>
      </c>
      <c r="K2668" s="23" t="s">
        <v>7120</v>
      </c>
      <c r="L2668" s="49" t="e">
        <f>VLOOKUP(E2668&amp;F2668,団体コード!$A$1:$C$1743,3,FALSE)</f>
        <v>#N/A</v>
      </c>
      <c r="M2668" s="49" t="e">
        <f>VLOOKUP(E2668&amp;F2668,団体コード!$A$1:$C$1743,2,FALSE)</f>
        <v>#N/A</v>
      </c>
      <c r="N2668" s="51" t="e">
        <f>VLOOKUP(E2668,団体コード!$E$1:$F$48,2,FALSE)</f>
        <v>#N/A</v>
      </c>
      <c r="O2668" s="51" t="e">
        <f t="shared" si="85"/>
        <v>#N/A</v>
      </c>
      <c r="P2668" s="51">
        <v>1</v>
      </c>
      <c r="Q2668" s="51" t="s">
        <v>5341</v>
      </c>
      <c r="R2668" s="54" t="b">
        <v>1</v>
      </c>
      <c r="S2668" s="52" t="s">
        <v>7126</v>
      </c>
      <c r="T2668" s="67" t="s">
        <v>7127</v>
      </c>
      <c r="U2668" s="75" t="s">
        <v>5331</v>
      </c>
      <c r="V2668" s="47" t="s">
        <v>5331</v>
      </c>
      <c r="W2668" s="47" t="s">
        <v>5331</v>
      </c>
      <c r="X2668" s="47" t="s">
        <v>5331</v>
      </c>
      <c r="Y2668" s="47" t="s">
        <v>5331</v>
      </c>
      <c r="Z2668" s="28"/>
      <c r="AA2668" s="27"/>
      <c r="AB2668" s="27"/>
      <c r="AC2668" s="27"/>
      <c r="AD2668" s="30"/>
      <c r="AE2668" s="1"/>
      <c r="AF2668" s="23" t="s">
        <v>5331</v>
      </c>
      <c r="AG2668" s="26"/>
      <c r="AH2668" s="53"/>
    </row>
    <row r="2669" spans="1:34" ht="51.6" customHeight="1" x14ac:dyDescent="0.45">
      <c r="A2669" s="23">
        <v>2663</v>
      </c>
      <c r="B2669" s="25"/>
      <c r="C2669" s="25"/>
      <c r="D2669" s="29"/>
      <c r="E2669" s="1"/>
      <c r="F2669" s="1"/>
      <c r="G2669" s="25"/>
      <c r="H2669" s="71"/>
      <c r="I2669" s="83"/>
      <c r="J2669" s="50" t="str">
        <f t="shared" si="84"/>
        <v/>
      </c>
      <c r="K2669" s="23" t="s">
        <v>7120</v>
      </c>
      <c r="L2669" s="49" t="e">
        <f>VLOOKUP(E2669&amp;F2669,団体コード!$A$1:$C$1743,3,FALSE)</f>
        <v>#N/A</v>
      </c>
      <c r="M2669" s="49" t="e">
        <f>VLOOKUP(E2669&amp;F2669,団体コード!$A$1:$C$1743,2,FALSE)</f>
        <v>#N/A</v>
      </c>
      <c r="N2669" s="51" t="e">
        <f>VLOOKUP(E2669,団体コード!$E$1:$F$48,2,FALSE)</f>
        <v>#N/A</v>
      </c>
      <c r="O2669" s="51" t="e">
        <f t="shared" si="85"/>
        <v>#N/A</v>
      </c>
      <c r="P2669" s="51">
        <v>1</v>
      </c>
      <c r="Q2669" s="51" t="s">
        <v>5341</v>
      </c>
      <c r="R2669" s="54" t="b">
        <v>1</v>
      </c>
      <c r="S2669" s="52" t="s">
        <v>7126</v>
      </c>
      <c r="T2669" s="67" t="s">
        <v>7127</v>
      </c>
      <c r="U2669" s="75" t="s">
        <v>5331</v>
      </c>
      <c r="V2669" s="47" t="s">
        <v>5331</v>
      </c>
      <c r="W2669" s="47" t="s">
        <v>5331</v>
      </c>
      <c r="X2669" s="47" t="s">
        <v>5331</v>
      </c>
      <c r="Y2669" s="47" t="s">
        <v>5331</v>
      </c>
      <c r="Z2669" s="28"/>
      <c r="AA2669" s="27"/>
      <c r="AB2669" s="27"/>
      <c r="AC2669" s="27"/>
      <c r="AD2669" s="30"/>
      <c r="AE2669" s="1"/>
      <c r="AF2669" s="23" t="s">
        <v>5331</v>
      </c>
      <c r="AG2669" s="26"/>
      <c r="AH2669" s="53"/>
    </row>
    <row r="2670" spans="1:34" ht="51.6" customHeight="1" x14ac:dyDescent="0.45">
      <c r="A2670" s="23">
        <v>2664</v>
      </c>
      <c r="B2670" s="25"/>
      <c r="C2670" s="25"/>
      <c r="D2670" s="29"/>
      <c r="E2670" s="1"/>
      <c r="F2670" s="1"/>
      <c r="G2670" s="25"/>
      <c r="H2670" s="71"/>
      <c r="I2670" s="83"/>
      <c r="J2670" s="50" t="str">
        <f t="shared" si="84"/>
        <v/>
      </c>
      <c r="K2670" s="23" t="s">
        <v>7120</v>
      </c>
      <c r="L2670" s="49" t="e">
        <f>VLOOKUP(E2670&amp;F2670,団体コード!$A$1:$C$1743,3,FALSE)</f>
        <v>#N/A</v>
      </c>
      <c r="M2670" s="49" t="e">
        <f>VLOOKUP(E2670&amp;F2670,団体コード!$A$1:$C$1743,2,FALSE)</f>
        <v>#N/A</v>
      </c>
      <c r="N2670" s="51" t="e">
        <f>VLOOKUP(E2670,団体コード!$E$1:$F$48,2,FALSE)</f>
        <v>#N/A</v>
      </c>
      <c r="O2670" s="51" t="e">
        <f t="shared" si="85"/>
        <v>#N/A</v>
      </c>
      <c r="P2670" s="51">
        <v>1</v>
      </c>
      <c r="Q2670" s="51" t="s">
        <v>5341</v>
      </c>
      <c r="R2670" s="54" t="b">
        <v>1</v>
      </c>
      <c r="S2670" s="52" t="s">
        <v>7126</v>
      </c>
      <c r="T2670" s="67" t="s">
        <v>7127</v>
      </c>
      <c r="U2670" s="75" t="s">
        <v>5331</v>
      </c>
      <c r="V2670" s="47" t="s">
        <v>5331</v>
      </c>
      <c r="W2670" s="47" t="s">
        <v>5331</v>
      </c>
      <c r="X2670" s="47" t="s">
        <v>5331</v>
      </c>
      <c r="Y2670" s="47" t="s">
        <v>5331</v>
      </c>
      <c r="Z2670" s="28"/>
      <c r="AA2670" s="27"/>
      <c r="AB2670" s="27"/>
      <c r="AC2670" s="27"/>
      <c r="AD2670" s="30"/>
      <c r="AE2670" s="1"/>
      <c r="AF2670" s="23" t="s">
        <v>5331</v>
      </c>
      <c r="AG2670" s="26"/>
      <c r="AH2670" s="53"/>
    </row>
    <row r="2671" spans="1:34" ht="51.6" customHeight="1" x14ac:dyDescent="0.45">
      <c r="A2671" s="23">
        <v>2665</v>
      </c>
      <c r="B2671" s="25"/>
      <c r="C2671" s="25"/>
      <c r="D2671" s="29"/>
      <c r="E2671" s="1"/>
      <c r="F2671" s="1"/>
      <c r="G2671" s="25"/>
      <c r="H2671" s="71"/>
      <c r="I2671" s="83"/>
      <c r="J2671" s="50" t="str">
        <f t="shared" si="84"/>
        <v/>
      </c>
      <c r="K2671" s="23" t="s">
        <v>7120</v>
      </c>
      <c r="L2671" s="49" t="e">
        <f>VLOOKUP(E2671&amp;F2671,団体コード!$A$1:$C$1743,3,FALSE)</f>
        <v>#N/A</v>
      </c>
      <c r="M2671" s="49" t="e">
        <f>VLOOKUP(E2671&amp;F2671,団体コード!$A$1:$C$1743,2,FALSE)</f>
        <v>#N/A</v>
      </c>
      <c r="N2671" s="51" t="e">
        <f>VLOOKUP(E2671,団体コード!$E$1:$F$48,2,FALSE)</f>
        <v>#N/A</v>
      </c>
      <c r="O2671" s="51" t="e">
        <f t="shared" si="85"/>
        <v>#N/A</v>
      </c>
      <c r="P2671" s="51">
        <v>1</v>
      </c>
      <c r="Q2671" s="51" t="s">
        <v>5341</v>
      </c>
      <c r="R2671" s="54" t="b">
        <v>1</v>
      </c>
      <c r="S2671" s="52" t="s">
        <v>7126</v>
      </c>
      <c r="T2671" s="67" t="s">
        <v>7127</v>
      </c>
      <c r="U2671" s="75" t="s">
        <v>5331</v>
      </c>
      <c r="V2671" s="47" t="s">
        <v>5331</v>
      </c>
      <c r="W2671" s="47" t="s">
        <v>5331</v>
      </c>
      <c r="X2671" s="47" t="s">
        <v>5331</v>
      </c>
      <c r="Y2671" s="47" t="s">
        <v>5331</v>
      </c>
      <c r="Z2671" s="28"/>
      <c r="AA2671" s="27"/>
      <c r="AB2671" s="27"/>
      <c r="AC2671" s="27"/>
      <c r="AD2671" s="30"/>
      <c r="AE2671" s="1"/>
      <c r="AF2671" s="23" t="s">
        <v>5331</v>
      </c>
      <c r="AG2671" s="26"/>
      <c r="AH2671" s="53"/>
    </row>
    <row r="2672" spans="1:34" ht="51.6" customHeight="1" x14ac:dyDescent="0.45">
      <c r="A2672" s="23">
        <v>2666</v>
      </c>
      <c r="B2672" s="25"/>
      <c r="C2672" s="25"/>
      <c r="D2672" s="29"/>
      <c r="E2672" s="1"/>
      <c r="F2672" s="1"/>
      <c r="G2672" s="25"/>
      <c r="H2672" s="71"/>
      <c r="I2672" s="83"/>
      <c r="J2672" s="50" t="str">
        <f t="shared" si="84"/>
        <v/>
      </c>
      <c r="K2672" s="23" t="s">
        <v>7120</v>
      </c>
      <c r="L2672" s="49" t="e">
        <f>VLOOKUP(E2672&amp;F2672,団体コード!$A$1:$C$1743,3,FALSE)</f>
        <v>#N/A</v>
      </c>
      <c r="M2672" s="49" t="e">
        <f>VLOOKUP(E2672&amp;F2672,団体コード!$A$1:$C$1743,2,FALSE)</f>
        <v>#N/A</v>
      </c>
      <c r="N2672" s="51" t="e">
        <f>VLOOKUP(E2672,団体コード!$E$1:$F$48,2,FALSE)</f>
        <v>#N/A</v>
      </c>
      <c r="O2672" s="51" t="e">
        <f t="shared" si="85"/>
        <v>#N/A</v>
      </c>
      <c r="P2672" s="51">
        <v>1</v>
      </c>
      <c r="Q2672" s="51" t="s">
        <v>5341</v>
      </c>
      <c r="R2672" s="54" t="b">
        <v>1</v>
      </c>
      <c r="S2672" s="52" t="s">
        <v>7126</v>
      </c>
      <c r="T2672" s="67" t="s">
        <v>7127</v>
      </c>
      <c r="U2672" s="75" t="s">
        <v>5331</v>
      </c>
      <c r="V2672" s="47" t="s">
        <v>5331</v>
      </c>
      <c r="W2672" s="47" t="s">
        <v>5331</v>
      </c>
      <c r="X2672" s="47" t="s">
        <v>5331</v>
      </c>
      <c r="Y2672" s="47" t="s">
        <v>5331</v>
      </c>
      <c r="Z2672" s="28"/>
      <c r="AA2672" s="27"/>
      <c r="AB2672" s="27"/>
      <c r="AC2672" s="27"/>
      <c r="AD2672" s="30"/>
      <c r="AE2672" s="1"/>
      <c r="AF2672" s="23" t="s">
        <v>5331</v>
      </c>
      <c r="AG2672" s="26"/>
      <c r="AH2672" s="53"/>
    </row>
    <row r="2673" spans="1:34" ht="51.6" customHeight="1" x14ac:dyDescent="0.45">
      <c r="A2673" s="23">
        <v>2667</v>
      </c>
      <c r="B2673" s="25"/>
      <c r="C2673" s="25"/>
      <c r="D2673" s="29"/>
      <c r="E2673" s="1"/>
      <c r="F2673" s="1"/>
      <c r="G2673" s="25"/>
      <c r="H2673" s="71"/>
      <c r="I2673" s="83"/>
      <c r="J2673" s="50" t="str">
        <f t="shared" si="84"/>
        <v/>
      </c>
      <c r="K2673" s="23" t="s">
        <v>7120</v>
      </c>
      <c r="L2673" s="49" t="e">
        <f>VLOOKUP(E2673&amp;F2673,団体コード!$A$1:$C$1743,3,FALSE)</f>
        <v>#N/A</v>
      </c>
      <c r="M2673" s="49" t="e">
        <f>VLOOKUP(E2673&amp;F2673,団体コード!$A$1:$C$1743,2,FALSE)</f>
        <v>#N/A</v>
      </c>
      <c r="N2673" s="51" t="e">
        <f>VLOOKUP(E2673,団体コード!$E$1:$F$48,2,FALSE)</f>
        <v>#N/A</v>
      </c>
      <c r="O2673" s="51" t="e">
        <f t="shared" si="85"/>
        <v>#N/A</v>
      </c>
      <c r="P2673" s="51">
        <v>1</v>
      </c>
      <c r="Q2673" s="51" t="s">
        <v>5341</v>
      </c>
      <c r="R2673" s="54" t="b">
        <v>1</v>
      </c>
      <c r="S2673" s="52" t="s">
        <v>7126</v>
      </c>
      <c r="T2673" s="67" t="s">
        <v>7127</v>
      </c>
      <c r="U2673" s="75" t="s">
        <v>5331</v>
      </c>
      <c r="V2673" s="47" t="s">
        <v>5331</v>
      </c>
      <c r="W2673" s="47" t="s">
        <v>5331</v>
      </c>
      <c r="X2673" s="47" t="s">
        <v>5331</v>
      </c>
      <c r="Y2673" s="47" t="s">
        <v>5331</v>
      </c>
      <c r="Z2673" s="28"/>
      <c r="AA2673" s="27"/>
      <c r="AB2673" s="27"/>
      <c r="AC2673" s="27"/>
      <c r="AD2673" s="30"/>
      <c r="AE2673" s="1"/>
      <c r="AF2673" s="23" t="s">
        <v>5331</v>
      </c>
      <c r="AG2673" s="26"/>
      <c r="AH2673" s="53"/>
    </row>
    <row r="2674" spans="1:34" ht="51.6" customHeight="1" x14ac:dyDescent="0.45">
      <c r="A2674" s="23">
        <v>2668</v>
      </c>
      <c r="B2674" s="25"/>
      <c r="C2674" s="25"/>
      <c r="D2674" s="29"/>
      <c r="E2674" s="1"/>
      <c r="F2674" s="1"/>
      <c r="G2674" s="25"/>
      <c r="H2674" s="71"/>
      <c r="I2674" s="83"/>
      <c r="J2674" s="50" t="str">
        <f t="shared" si="84"/>
        <v/>
      </c>
      <c r="K2674" s="23" t="s">
        <v>7120</v>
      </c>
      <c r="L2674" s="49" t="e">
        <f>VLOOKUP(E2674&amp;F2674,団体コード!$A$1:$C$1743,3,FALSE)</f>
        <v>#N/A</v>
      </c>
      <c r="M2674" s="49" t="e">
        <f>VLOOKUP(E2674&amp;F2674,団体コード!$A$1:$C$1743,2,FALSE)</f>
        <v>#N/A</v>
      </c>
      <c r="N2674" s="51" t="e">
        <f>VLOOKUP(E2674,団体コード!$E$1:$F$48,2,FALSE)</f>
        <v>#N/A</v>
      </c>
      <c r="O2674" s="51" t="e">
        <f t="shared" si="85"/>
        <v>#N/A</v>
      </c>
      <c r="P2674" s="51">
        <v>1</v>
      </c>
      <c r="Q2674" s="51" t="s">
        <v>5341</v>
      </c>
      <c r="R2674" s="54" t="b">
        <v>1</v>
      </c>
      <c r="S2674" s="52" t="s">
        <v>7126</v>
      </c>
      <c r="T2674" s="67" t="s">
        <v>7127</v>
      </c>
      <c r="U2674" s="75" t="s">
        <v>5331</v>
      </c>
      <c r="V2674" s="47" t="s">
        <v>5331</v>
      </c>
      <c r="W2674" s="47" t="s">
        <v>5331</v>
      </c>
      <c r="X2674" s="47" t="s">
        <v>5331</v>
      </c>
      <c r="Y2674" s="47" t="s">
        <v>5331</v>
      </c>
      <c r="Z2674" s="28"/>
      <c r="AA2674" s="27"/>
      <c r="AB2674" s="27"/>
      <c r="AC2674" s="27"/>
      <c r="AD2674" s="30"/>
      <c r="AE2674" s="1"/>
      <c r="AF2674" s="23" t="s">
        <v>5331</v>
      </c>
      <c r="AG2674" s="26"/>
      <c r="AH2674" s="53"/>
    </row>
    <row r="2675" spans="1:34" ht="51.6" customHeight="1" x14ac:dyDescent="0.45">
      <c r="A2675" s="23">
        <v>2669</v>
      </c>
      <c r="B2675" s="25"/>
      <c r="C2675" s="25"/>
      <c r="D2675" s="29"/>
      <c r="E2675" s="1"/>
      <c r="F2675" s="1"/>
      <c r="G2675" s="25"/>
      <c r="H2675" s="71"/>
      <c r="I2675" s="83"/>
      <c r="J2675" s="50" t="str">
        <f t="shared" si="84"/>
        <v/>
      </c>
      <c r="K2675" s="23" t="s">
        <v>7120</v>
      </c>
      <c r="L2675" s="49" t="e">
        <f>VLOOKUP(E2675&amp;F2675,団体コード!$A$1:$C$1743,3,FALSE)</f>
        <v>#N/A</v>
      </c>
      <c r="M2675" s="49" t="e">
        <f>VLOOKUP(E2675&amp;F2675,団体コード!$A$1:$C$1743,2,FALSE)</f>
        <v>#N/A</v>
      </c>
      <c r="N2675" s="51" t="e">
        <f>VLOOKUP(E2675,団体コード!$E$1:$F$48,2,FALSE)</f>
        <v>#N/A</v>
      </c>
      <c r="O2675" s="51" t="e">
        <f t="shared" si="85"/>
        <v>#N/A</v>
      </c>
      <c r="P2675" s="51">
        <v>1</v>
      </c>
      <c r="Q2675" s="51" t="s">
        <v>5341</v>
      </c>
      <c r="R2675" s="54" t="b">
        <v>1</v>
      </c>
      <c r="S2675" s="52" t="s">
        <v>7126</v>
      </c>
      <c r="T2675" s="67" t="s">
        <v>7127</v>
      </c>
      <c r="U2675" s="75" t="s">
        <v>5331</v>
      </c>
      <c r="V2675" s="47" t="s">
        <v>5331</v>
      </c>
      <c r="W2675" s="47" t="s">
        <v>5331</v>
      </c>
      <c r="X2675" s="47" t="s">
        <v>5331</v>
      </c>
      <c r="Y2675" s="47" t="s">
        <v>5331</v>
      </c>
      <c r="Z2675" s="28"/>
      <c r="AA2675" s="27"/>
      <c r="AB2675" s="27"/>
      <c r="AC2675" s="27"/>
      <c r="AD2675" s="30"/>
      <c r="AE2675" s="1"/>
      <c r="AF2675" s="23" t="s">
        <v>5331</v>
      </c>
      <c r="AG2675" s="26"/>
      <c r="AH2675" s="53"/>
    </row>
    <row r="2676" spans="1:34" ht="51.6" customHeight="1" x14ac:dyDescent="0.45">
      <c r="A2676" s="23">
        <v>2670</v>
      </c>
      <c r="B2676" s="25"/>
      <c r="C2676" s="25"/>
      <c r="D2676" s="29"/>
      <c r="E2676" s="1"/>
      <c r="F2676" s="1"/>
      <c r="G2676" s="25"/>
      <c r="H2676" s="71"/>
      <c r="I2676" s="83"/>
      <c r="J2676" s="50" t="str">
        <f t="shared" si="84"/>
        <v/>
      </c>
      <c r="K2676" s="23" t="s">
        <v>7120</v>
      </c>
      <c r="L2676" s="49" t="e">
        <f>VLOOKUP(E2676&amp;F2676,団体コード!$A$1:$C$1743,3,FALSE)</f>
        <v>#N/A</v>
      </c>
      <c r="M2676" s="49" t="e">
        <f>VLOOKUP(E2676&amp;F2676,団体コード!$A$1:$C$1743,2,FALSE)</f>
        <v>#N/A</v>
      </c>
      <c r="N2676" s="51" t="e">
        <f>VLOOKUP(E2676,団体コード!$E$1:$F$48,2,FALSE)</f>
        <v>#N/A</v>
      </c>
      <c r="O2676" s="51" t="e">
        <f t="shared" si="85"/>
        <v>#N/A</v>
      </c>
      <c r="P2676" s="51">
        <v>1</v>
      </c>
      <c r="Q2676" s="51" t="s">
        <v>5341</v>
      </c>
      <c r="R2676" s="54" t="b">
        <v>1</v>
      </c>
      <c r="S2676" s="52" t="s">
        <v>7126</v>
      </c>
      <c r="T2676" s="67" t="s">
        <v>7127</v>
      </c>
      <c r="U2676" s="75" t="s">
        <v>5331</v>
      </c>
      <c r="V2676" s="47" t="s">
        <v>5331</v>
      </c>
      <c r="W2676" s="47" t="s">
        <v>5331</v>
      </c>
      <c r="X2676" s="47" t="s">
        <v>5331</v>
      </c>
      <c r="Y2676" s="47" t="s">
        <v>5331</v>
      </c>
      <c r="Z2676" s="28"/>
      <c r="AA2676" s="27"/>
      <c r="AB2676" s="27"/>
      <c r="AC2676" s="27"/>
      <c r="AD2676" s="30"/>
      <c r="AE2676" s="1"/>
      <c r="AF2676" s="23" t="s">
        <v>5331</v>
      </c>
      <c r="AG2676" s="26"/>
      <c r="AH2676" s="53"/>
    </row>
    <row r="2677" spans="1:34" ht="51.6" customHeight="1" x14ac:dyDescent="0.45">
      <c r="A2677" s="23">
        <v>2671</v>
      </c>
      <c r="B2677" s="25"/>
      <c r="C2677" s="25"/>
      <c r="D2677" s="29"/>
      <c r="E2677" s="1"/>
      <c r="F2677" s="1"/>
      <c r="G2677" s="25"/>
      <c r="H2677" s="71"/>
      <c r="I2677" s="83"/>
      <c r="J2677" s="50" t="str">
        <f t="shared" si="84"/>
        <v/>
      </c>
      <c r="K2677" s="23" t="s">
        <v>7120</v>
      </c>
      <c r="L2677" s="49" t="e">
        <f>VLOOKUP(E2677&amp;F2677,団体コード!$A$1:$C$1743,3,FALSE)</f>
        <v>#N/A</v>
      </c>
      <c r="M2677" s="49" t="e">
        <f>VLOOKUP(E2677&amp;F2677,団体コード!$A$1:$C$1743,2,FALSE)</f>
        <v>#N/A</v>
      </c>
      <c r="N2677" s="51" t="e">
        <f>VLOOKUP(E2677,団体コード!$E$1:$F$48,2,FALSE)</f>
        <v>#N/A</v>
      </c>
      <c r="O2677" s="51" t="e">
        <f t="shared" si="85"/>
        <v>#N/A</v>
      </c>
      <c r="P2677" s="51">
        <v>1</v>
      </c>
      <c r="Q2677" s="51" t="s">
        <v>5341</v>
      </c>
      <c r="R2677" s="54" t="b">
        <v>1</v>
      </c>
      <c r="S2677" s="52" t="s">
        <v>7126</v>
      </c>
      <c r="T2677" s="67" t="s">
        <v>7127</v>
      </c>
      <c r="U2677" s="75" t="s">
        <v>5331</v>
      </c>
      <c r="V2677" s="47" t="s">
        <v>5331</v>
      </c>
      <c r="W2677" s="47" t="s">
        <v>5331</v>
      </c>
      <c r="X2677" s="47" t="s">
        <v>5331</v>
      </c>
      <c r="Y2677" s="47" t="s">
        <v>5331</v>
      </c>
      <c r="Z2677" s="28"/>
      <c r="AA2677" s="27"/>
      <c r="AB2677" s="27"/>
      <c r="AC2677" s="27"/>
      <c r="AD2677" s="30"/>
      <c r="AE2677" s="1"/>
      <c r="AF2677" s="23" t="s">
        <v>5331</v>
      </c>
      <c r="AG2677" s="26"/>
      <c r="AH2677" s="53"/>
    </row>
    <row r="2678" spans="1:34" ht="51.6" customHeight="1" x14ac:dyDescent="0.45">
      <c r="A2678" s="23">
        <v>2672</v>
      </c>
      <c r="B2678" s="25"/>
      <c r="C2678" s="25"/>
      <c r="D2678" s="29"/>
      <c r="E2678" s="1"/>
      <c r="F2678" s="1"/>
      <c r="G2678" s="25"/>
      <c r="H2678" s="71"/>
      <c r="I2678" s="83"/>
      <c r="J2678" s="50" t="str">
        <f t="shared" si="84"/>
        <v/>
      </c>
      <c r="K2678" s="23" t="s">
        <v>7120</v>
      </c>
      <c r="L2678" s="49" t="e">
        <f>VLOOKUP(E2678&amp;F2678,団体コード!$A$1:$C$1743,3,FALSE)</f>
        <v>#N/A</v>
      </c>
      <c r="M2678" s="49" t="e">
        <f>VLOOKUP(E2678&amp;F2678,団体コード!$A$1:$C$1743,2,FALSE)</f>
        <v>#N/A</v>
      </c>
      <c r="N2678" s="51" t="e">
        <f>VLOOKUP(E2678,団体コード!$E$1:$F$48,2,FALSE)</f>
        <v>#N/A</v>
      </c>
      <c r="O2678" s="51" t="e">
        <f t="shared" si="85"/>
        <v>#N/A</v>
      </c>
      <c r="P2678" s="51">
        <v>1</v>
      </c>
      <c r="Q2678" s="51" t="s">
        <v>5341</v>
      </c>
      <c r="R2678" s="54" t="b">
        <v>1</v>
      </c>
      <c r="S2678" s="52" t="s">
        <v>7126</v>
      </c>
      <c r="T2678" s="67" t="s">
        <v>7127</v>
      </c>
      <c r="U2678" s="75" t="s">
        <v>5331</v>
      </c>
      <c r="V2678" s="47" t="s">
        <v>5331</v>
      </c>
      <c r="W2678" s="47" t="s">
        <v>5331</v>
      </c>
      <c r="X2678" s="47" t="s">
        <v>5331</v>
      </c>
      <c r="Y2678" s="47" t="s">
        <v>5331</v>
      </c>
      <c r="Z2678" s="28"/>
      <c r="AA2678" s="27"/>
      <c r="AB2678" s="27"/>
      <c r="AC2678" s="27"/>
      <c r="AD2678" s="30"/>
      <c r="AE2678" s="1"/>
      <c r="AF2678" s="23" t="s">
        <v>5331</v>
      </c>
      <c r="AG2678" s="26"/>
      <c r="AH2678" s="53"/>
    </row>
    <row r="2679" spans="1:34" ht="51.6" customHeight="1" x14ac:dyDescent="0.45">
      <c r="A2679" s="23">
        <v>2673</v>
      </c>
      <c r="B2679" s="25"/>
      <c r="C2679" s="25"/>
      <c r="D2679" s="29"/>
      <c r="E2679" s="1"/>
      <c r="F2679" s="1"/>
      <c r="G2679" s="25"/>
      <c r="H2679" s="71"/>
      <c r="I2679" s="83"/>
      <c r="J2679" s="50" t="str">
        <f t="shared" si="84"/>
        <v/>
      </c>
      <c r="K2679" s="23" t="s">
        <v>7120</v>
      </c>
      <c r="L2679" s="49" t="e">
        <f>VLOOKUP(E2679&amp;F2679,団体コード!$A$1:$C$1743,3,FALSE)</f>
        <v>#N/A</v>
      </c>
      <c r="M2679" s="49" t="e">
        <f>VLOOKUP(E2679&amp;F2679,団体コード!$A$1:$C$1743,2,FALSE)</f>
        <v>#N/A</v>
      </c>
      <c r="N2679" s="51" t="e">
        <f>VLOOKUP(E2679,団体コード!$E$1:$F$48,2,FALSE)</f>
        <v>#N/A</v>
      </c>
      <c r="O2679" s="51" t="e">
        <f t="shared" si="85"/>
        <v>#N/A</v>
      </c>
      <c r="P2679" s="51">
        <v>1</v>
      </c>
      <c r="Q2679" s="51" t="s">
        <v>5341</v>
      </c>
      <c r="R2679" s="54" t="b">
        <v>1</v>
      </c>
      <c r="S2679" s="52" t="s">
        <v>7126</v>
      </c>
      <c r="T2679" s="67" t="s">
        <v>7127</v>
      </c>
      <c r="U2679" s="75" t="s">
        <v>5331</v>
      </c>
      <c r="V2679" s="47" t="s">
        <v>5331</v>
      </c>
      <c r="W2679" s="47" t="s">
        <v>5331</v>
      </c>
      <c r="X2679" s="47" t="s">
        <v>5331</v>
      </c>
      <c r="Y2679" s="47" t="s">
        <v>5331</v>
      </c>
      <c r="Z2679" s="28"/>
      <c r="AA2679" s="27"/>
      <c r="AB2679" s="27"/>
      <c r="AC2679" s="27"/>
      <c r="AD2679" s="30"/>
      <c r="AE2679" s="1"/>
      <c r="AF2679" s="23" t="s">
        <v>5331</v>
      </c>
      <c r="AG2679" s="26"/>
      <c r="AH2679" s="53"/>
    </row>
    <row r="2680" spans="1:34" ht="51.6" customHeight="1" x14ac:dyDescent="0.45">
      <c r="A2680" s="23">
        <v>2674</v>
      </c>
      <c r="B2680" s="25"/>
      <c r="C2680" s="25"/>
      <c r="D2680" s="29"/>
      <c r="E2680" s="1"/>
      <c r="F2680" s="1"/>
      <c r="G2680" s="25"/>
      <c r="H2680" s="71"/>
      <c r="I2680" s="83"/>
      <c r="J2680" s="50" t="str">
        <f t="shared" si="84"/>
        <v/>
      </c>
      <c r="K2680" s="23" t="s">
        <v>7120</v>
      </c>
      <c r="L2680" s="49" t="e">
        <f>VLOOKUP(E2680&amp;F2680,団体コード!$A$1:$C$1743,3,FALSE)</f>
        <v>#N/A</v>
      </c>
      <c r="M2680" s="49" t="e">
        <f>VLOOKUP(E2680&amp;F2680,団体コード!$A$1:$C$1743,2,FALSE)</f>
        <v>#N/A</v>
      </c>
      <c r="N2680" s="51" t="e">
        <f>VLOOKUP(E2680,団体コード!$E$1:$F$48,2,FALSE)</f>
        <v>#N/A</v>
      </c>
      <c r="O2680" s="51" t="e">
        <f t="shared" si="85"/>
        <v>#N/A</v>
      </c>
      <c r="P2680" s="51">
        <v>1</v>
      </c>
      <c r="Q2680" s="51" t="s">
        <v>5341</v>
      </c>
      <c r="R2680" s="54" t="b">
        <v>1</v>
      </c>
      <c r="S2680" s="52" t="s">
        <v>7126</v>
      </c>
      <c r="T2680" s="67" t="s">
        <v>7127</v>
      </c>
      <c r="U2680" s="75" t="s">
        <v>5331</v>
      </c>
      <c r="V2680" s="47" t="s">
        <v>5331</v>
      </c>
      <c r="W2680" s="47" t="s">
        <v>5331</v>
      </c>
      <c r="X2680" s="47" t="s">
        <v>5331</v>
      </c>
      <c r="Y2680" s="47" t="s">
        <v>5331</v>
      </c>
      <c r="Z2680" s="28"/>
      <c r="AA2680" s="27"/>
      <c r="AB2680" s="27"/>
      <c r="AC2680" s="27"/>
      <c r="AD2680" s="30"/>
      <c r="AE2680" s="1"/>
      <c r="AF2680" s="23" t="s">
        <v>5331</v>
      </c>
      <c r="AG2680" s="26"/>
      <c r="AH2680" s="53"/>
    </row>
    <row r="2681" spans="1:34" ht="51.6" customHeight="1" x14ac:dyDescent="0.45">
      <c r="A2681" s="23">
        <v>2675</v>
      </c>
      <c r="B2681" s="25"/>
      <c r="C2681" s="25"/>
      <c r="D2681" s="29"/>
      <c r="E2681" s="1"/>
      <c r="F2681" s="1"/>
      <c r="G2681" s="25"/>
      <c r="H2681" s="71"/>
      <c r="I2681" s="83"/>
      <c r="J2681" s="50" t="str">
        <f t="shared" si="84"/>
        <v/>
      </c>
      <c r="K2681" s="23" t="s">
        <v>7120</v>
      </c>
      <c r="L2681" s="49" t="e">
        <f>VLOOKUP(E2681&amp;F2681,団体コード!$A$1:$C$1743,3,FALSE)</f>
        <v>#N/A</v>
      </c>
      <c r="M2681" s="49" t="e">
        <f>VLOOKUP(E2681&amp;F2681,団体コード!$A$1:$C$1743,2,FALSE)</f>
        <v>#N/A</v>
      </c>
      <c r="N2681" s="51" t="e">
        <f>VLOOKUP(E2681,団体コード!$E$1:$F$48,2,FALSE)</f>
        <v>#N/A</v>
      </c>
      <c r="O2681" s="51" t="e">
        <f t="shared" si="85"/>
        <v>#N/A</v>
      </c>
      <c r="P2681" s="51">
        <v>1</v>
      </c>
      <c r="Q2681" s="51" t="s">
        <v>5341</v>
      </c>
      <c r="R2681" s="54" t="b">
        <v>1</v>
      </c>
      <c r="S2681" s="52" t="s">
        <v>7126</v>
      </c>
      <c r="T2681" s="67" t="s">
        <v>7127</v>
      </c>
      <c r="U2681" s="75" t="s">
        <v>5331</v>
      </c>
      <c r="V2681" s="47" t="s">
        <v>5331</v>
      </c>
      <c r="W2681" s="47" t="s">
        <v>5331</v>
      </c>
      <c r="X2681" s="47" t="s">
        <v>5331</v>
      </c>
      <c r="Y2681" s="47" t="s">
        <v>5331</v>
      </c>
      <c r="Z2681" s="28"/>
      <c r="AA2681" s="27"/>
      <c r="AB2681" s="27"/>
      <c r="AC2681" s="27"/>
      <c r="AD2681" s="30"/>
      <c r="AE2681" s="1"/>
      <c r="AF2681" s="23" t="s">
        <v>5331</v>
      </c>
      <c r="AG2681" s="26"/>
      <c r="AH2681" s="53"/>
    </row>
    <row r="2682" spans="1:34" ht="51.6" customHeight="1" x14ac:dyDescent="0.45">
      <c r="A2682" s="23">
        <v>2676</v>
      </c>
      <c r="B2682" s="25"/>
      <c r="C2682" s="25"/>
      <c r="D2682" s="29"/>
      <c r="E2682" s="1"/>
      <c r="F2682" s="1"/>
      <c r="G2682" s="25"/>
      <c r="H2682" s="71"/>
      <c r="I2682" s="83"/>
      <c r="J2682" s="50" t="str">
        <f t="shared" si="84"/>
        <v/>
      </c>
      <c r="K2682" s="23" t="s">
        <v>7120</v>
      </c>
      <c r="L2682" s="49" t="e">
        <f>VLOOKUP(E2682&amp;F2682,団体コード!$A$1:$C$1743,3,FALSE)</f>
        <v>#N/A</v>
      </c>
      <c r="M2682" s="49" t="e">
        <f>VLOOKUP(E2682&amp;F2682,団体コード!$A$1:$C$1743,2,FALSE)</f>
        <v>#N/A</v>
      </c>
      <c r="N2682" s="51" t="e">
        <f>VLOOKUP(E2682,団体コード!$E$1:$F$48,2,FALSE)</f>
        <v>#N/A</v>
      </c>
      <c r="O2682" s="51" t="e">
        <f t="shared" si="85"/>
        <v>#N/A</v>
      </c>
      <c r="P2682" s="51">
        <v>1</v>
      </c>
      <c r="Q2682" s="51" t="s">
        <v>5341</v>
      </c>
      <c r="R2682" s="54" t="b">
        <v>1</v>
      </c>
      <c r="S2682" s="52" t="s">
        <v>7126</v>
      </c>
      <c r="T2682" s="67" t="s">
        <v>7127</v>
      </c>
      <c r="U2682" s="75" t="s">
        <v>5331</v>
      </c>
      <c r="V2682" s="47" t="s">
        <v>5331</v>
      </c>
      <c r="W2682" s="47" t="s">
        <v>5331</v>
      </c>
      <c r="X2682" s="47" t="s">
        <v>5331</v>
      </c>
      <c r="Y2682" s="47" t="s">
        <v>5331</v>
      </c>
      <c r="Z2682" s="28"/>
      <c r="AA2682" s="27"/>
      <c r="AB2682" s="27"/>
      <c r="AC2682" s="27"/>
      <c r="AD2682" s="30"/>
      <c r="AE2682" s="1"/>
      <c r="AF2682" s="23" t="s">
        <v>5331</v>
      </c>
      <c r="AG2682" s="26"/>
      <c r="AH2682" s="53"/>
    </row>
    <row r="2683" spans="1:34" ht="51.6" customHeight="1" x14ac:dyDescent="0.45">
      <c r="A2683" s="23">
        <v>2677</v>
      </c>
      <c r="B2683" s="25"/>
      <c r="C2683" s="25"/>
      <c r="D2683" s="29"/>
      <c r="E2683" s="1"/>
      <c r="F2683" s="1"/>
      <c r="G2683" s="25"/>
      <c r="H2683" s="71"/>
      <c r="I2683" s="83"/>
      <c r="J2683" s="50" t="str">
        <f t="shared" si="84"/>
        <v/>
      </c>
      <c r="K2683" s="23" t="s">
        <v>7120</v>
      </c>
      <c r="L2683" s="49" t="e">
        <f>VLOOKUP(E2683&amp;F2683,団体コード!$A$1:$C$1743,3,FALSE)</f>
        <v>#N/A</v>
      </c>
      <c r="M2683" s="49" t="e">
        <f>VLOOKUP(E2683&amp;F2683,団体コード!$A$1:$C$1743,2,FALSE)</f>
        <v>#N/A</v>
      </c>
      <c r="N2683" s="51" t="e">
        <f>VLOOKUP(E2683,団体コード!$E$1:$F$48,2,FALSE)</f>
        <v>#N/A</v>
      </c>
      <c r="O2683" s="51" t="e">
        <f t="shared" si="85"/>
        <v>#N/A</v>
      </c>
      <c r="P2683" s="51">
        <v>1</v>
      </c>
      <c r="Q2683" s="51" t="s">
        <v>5341</v>
      </c>
      <c r="R2683" s="54" t="b">
        <v>1</v>
      </c>
      <c r="S2683" s="52" t="s">
        <v>7126</v>
      </c>
      <c r="T2683" s="67" t="s">
        <v>7127</v>
      </c>
      <c r="U2683" s="75" t="s">
        <v>5331</v>
      </c>
      <c r="V2683" s="47" t="s">
        <v>5331</v>
      </c>
      <c r="W2683" s="47" t="s">
        <v>5331</v>
      </c>
      <c r="X2683" s="47" t="s">
        <v>5331</v>
      </c>
      <c r="Y2683" s="47" t="s">
        <v>5331</v>
      </c>
      <c r="Z2683" s="28"/>
      <c r="AA2683" s="27"/>
      <c r="AB2683" s="27"/>
      <c r="AC2683" s="27"/>
      <c r="AD2683" s="30"/>
      <c r="AE2683" s="1"/>
      <c r="AF2683" s="23" t="s">
        <v>5331</v>
      </c>
      <c r="AG2683" s="26"/>
      <c r="AH2683" s="53"/>
    </row>
    <row r="2684" spans="1:34" ht="51.6" customHeight="1" x14ac:dyDescent="0.45">
      <c r="A2684" s="23">
        <v>2678</v>
      </c>
      <c r="B2684" s="25"/>
      <c r="C2684" s="25"/>
      <c r="D2684" s="29"/>
      <c r="E2684" s="1"/>
      <c r="F2684" s="1"/>
      <c r="G2684" s="25"/>
      <c r="H2684" s="71"/>
      <c r="I2684" s="83"/>
      <c r="J2684" s="50" t="str">
        <f t="shared" si="84"/>
        <v/>
      </c>
      <c r="K2684" s="23" t="s">
        <v>7120</v>
      </c>
      <c r="L2684" s="49" t="e">
        <f>VLOOKUP(E2684&amp;F2684,団体コード!$A$1:$C$1743,3,FALSE)</f>
        <v>#N/A</v>
      </c>
      <c r="M2684" s="49" t="e">
        <f>VLOOKUP(E2684&amp;F2684,団体コード!$A$1:$C$1743,2,FALSE)</f>
        <v>#N/A</v>
      </c>
      <c r="N2684" s="51" t="e">
        <f>VLOOKUP(E2684,団体コード!$E$1:$F$48,2,FALSE)</f>
        <v>#N/A</v>
      </c>
      <c r="O2684" s="51" t="e">
        <f t="shared" si="85"/>
        <v>#N/A</v>
      </c>
      <c r="P2684" s="51">
        <v>1</v>
      </c>
      <c r="Q2684" s="51" t="s">
        <v>5341</v>
      </c>
      <c r="R2684" s="54" t="b">
        <v>1</v>
      </c>
      <c r="S2684" s="52" t="s">
        <v>7126</v>
      </c>
      <c r="T2684" s="67" t="s">
        <v>7127</v>
      </c>
      <c r="U2684" s="75" t="s">
        <v>5331</v>
      </c>
      <c r="V2684" s="47" t="s">
        <v>5331</v>
      </c>
      <c r="W2684" s="47" t="s">
        <v>5331</v>
      </c>
      <c r="X2684" s="47" t="s">
        <v>5331</v>
      </c>
      <c r="Y2684" s="47" t="s">
        <v>5331</v>
      </c>
      <c r="Z2684" s="28"/>
      <c r="AA2684" s="27"/>
      <c r="AB2684" s="27"/>
      <c r="AC2684" s="27"/>
      <c r="AD2684" s="30"/>
      <c r="AE2684" s="1"/>
      <c r="AF2684" s="23" t="s">
        <v>5331</v>
      </c>
      <c r="AG2684" s="26"/>
      <c r="AH2684" s="53"/>
    </row>
    <row r="2685" spans="1:34" ht="51.6" customHeight="1" x14ac:dyDescent="0.45">
      <c r="A2685" s="23">
        <v>2679</v>
      </c>
      <c r="B2685" s="25"/>
      <c r="C2685" s="25"/>
      <c r="D2685" s="29"/>
      <c r="E2685" s="1"/>
      <c r="F2685" s="1"/>
      <c r="G2685" s="25"/>
      <c r="H2685" s="71"/>
      <c r="I2685" s="83"/>
      <c r="J2685" s="50" t="str">
        <f t="shared" si="84"/>
        <v/>
      </c>
      <c r="K2685" s="23" t="s">
        <v>7120</v>
      </c>
      <c r="L2685" s="49" t="e">
        <f>VLOOKUP(E2685&amp;F2685,団体コード!$A$1:$C$1743,3,FALSE)</f>
        <v>#N/A</v>
      </c>
      <c r="M2685" s="49" t="e">
        <f>VLOOKUP(E2685&amp;F2685,団体コード!$A$1:$C$1743,2,FALSE)</f>
        <v>#N/A</v>
      </c>
      <c r="N2685" s="51" t="e">
        <f>VLOOKUP(E2685,団体コード!$E$1:$F$48,2,FALSE)</f>
        <v>#N/A</v>
      </c>
      <c r="O2685" s="51" t="e">
        <f t="shared" si="85"/>
        <v>#N/A</v>
      </c>
      <c r="P2685" s="51">
        <v>1</v>
      </c>
      <c r="Q2685" s="51" t="s">
        <v>5341</v>
      </c>
      <c r="R2685" s="54" t="b">
        <v>1</v>
      </c>
      <c r="S2685" s="52" t="s">
        <v>7126</v>
      </c>
      <c r="T2685" s="67" t="s">
        <v>7127</v>
      </c>
      <c r="U2685" s="75" t="s">
        <v>5331</v>
      </c>
      <c r="V2685" s="47" t="s">
        <v>5331</v>
      </c>
      <c r="W2685" s="47" t="s">
        <v>5331</v>
      </c>
      <c r="X2685" s="47" t="s">
        <v>5331</v>
      </c>
      <c r="Y2685" s="47" t="s">
        <v>5331</v>
      </c>
      <c r="Z2685" s="28"/>
      <c r="AA2685" s="27"/>
      <c r="AB2685" s="27"/>
      <c r="AC2685" s="27"/>
      <c r="AD2685" s="30"/>
      <c r="AE2685" s="1"/>
      <c r="AF2685" s="23" t="s">
        <v>5331</v>
      </c>
      <c r="AG2685" s="26"/>
      <c r="AH2685" s="53"/>
    </row>
    <row r="2686" spans="1:34" ht="51.6" customHeight="1" x14ac:dyDescent="0.45">
      <c r="A2686" s="23">
        <v>2680</v>
      </c>
      <c r="B2686" s="25"/>
      <c r="C2686" s="25"/>
      <c r="D2686" s="29"/>
      <c r="E2686" s="1"/>
      <c r="F2686" s="1"/>
      <c r="G2686" s="25"/>
      <c r="H2686" s="71"/>
      <c r="I2686" s="83"/>
      <c r="J2686" s="50" t="str">
        <f t="shared" si="84"/>
        <v/>
      </c>
      <c r="K2686" s="23" t="s">
        <v>7120</v>
      </c>
      <c r="L2686" s="49" t="e">
        <f>VLOOKUP(E2686&amp;F2686,団体コード!$A$1:$C$1743,3,FALSE)</f>
        <v>#N/A</v>
      </c>
      <c r="M2686" s="49" t="e">
        <f>VLOOKUP(E2686&amp;F2686,団体コード!$A$1:$C$1743,2,FALSE)</f>
        <v>#N/A</v>
      </c>
      <c r="N2686" s="51" t="e">
        <f>VLOOKUP(E2686,団体コード!$E$1:$F$48,2,FALSE)</f>
        <v>#N/A</v>
      </c>
      <c r="O2686" s="51" t="e">
        <f t="shared" si="85"/>
        <v>#N/A</v>
      </c>
      <c r="P2686" s="51">
        <v>1</v>
      </c>
      <c r="Q2686" s="51" t="s">
        <v>5341</v>
      </c>
      <c r="R2686" s="54" t="b">
        <v>1</v>
      </c>
      <c r="S2686" s="52" t="s">
        <v>7126</v>
      </c>
      <c r="T2686" s="67" t="s">
        <v>7127</v>
      </c>
      <c r="U2686" s="75" t="s">
        <v>5331</v>
      </c>
      <c r="V2686" s="47" t="s">
        <v>5331</v>
      </c>
      <c r="W2686" s="47" t="s">
        <v>5331</v>
      </c>
      <c r="X2686" s="47" t="s">
        <v>5331</v>
      </c>
      <c r="Y2686" s="47" t="s">
        <v>5331</v>
      </c>
      <c r="Z2686" s="28"/>
      <c r="AA2686" s="27"/>
      <c r="AB2686" s="27"/>
      <c r="AC2686" s="27"/>
      <c r="AD2686" s="30"/>
      <c r="AE2686" s="1"/>
      <c r="AF2686" s="23" t="s">
        <v>5331</v>
      </c>
      <c r="AG2686" s="26"/>
      <c r="AH2686" s="53"/>
    </row>
    <row r="2687" spans="1:34" ht="51.6" customHeight="1" x14ac:dyDescent="0.45">
      <c r="A2687" s="23">
        <v>2681</v>
      </c>
      <c r="B2687" s="25"/>
      <c r="C2687" s="25"/>
      <c r="D2687" s="29"/>
      <c r="E2687" s="1"/>
      <c r="F2687" s="1"/>
      <c r="G2687" s="25"/>
      <c r="H2687" s="71"/>
      <c r="I2687" s="83"/>
      <c r="J2687" s="50" t="str">
        <f t="shared" si="84"/>
        <v/>
      </c>
      <c r="K2687" s="23" t="s">
        <v>7120</v>
      </c>
      <c r="L2687" s="49" t="e">
        <f>VLOOKUP(E2687&amp;F2687,団体コード!$A$1:$C$1743,3,FALSE)</f>
        <v>#N/A</v>
      </c>
      <c r="M2687" s="49" t="e">
        <f>VLOOKUP(E2687&amp;F2687,団体コード!$A$1:$C$1743,2,FALSE)</f>
        <v>#N/A</v>
      </c>
      <c r="N2687" s="51" t="e">
        <f>VLOOKUP(E2687,団体コード!$E$1:$F$48,2,FALSE)</f>
        <v>#N/A</v>
      </c>
      <c r="O2687" s="51" t="e">
        <f t="shared" si="85"/>
        <v>#N/A</v>
      </c>
      <c r="P2687" s="51">
        <v>1</v>
      </c>
      <c r="Q2687" s="51" t="s">
        <v>5341</v>
      </c>
      <c r="R2687" s="54" t="b">
        <v>1</v>
      </c>
      <c r="S2687" s="52" t="s">
        <v>7126</v>
      </c>
      <c r="T2687" s="67" t="s">
        <v>7127</v>
      </c>
      <c r="U2687" s="75" t="s">
        <v>5331</v>
      </c>
      <c r="V2687" s="47" t="s">
        <v>5331</v>
      </c>
      <c r="W2687" s="47" t="s">
        <v>5331</v>
      </c>
      <c r="X2687" s="47" t="s">
        <v>5331</v>
      </c>
      <c r="Y2687" s="47" t="s">
        <v>5331</v>
      </c>
      <c r="Z2687" s="28"/>
      <c r="AA2687" s="27"/>
      <c r="AB2687" s="27"/>
      <c r="AC2687" s="27"/>
      <c r="AD2687" s="30"/>
      <c r="AE2687" s="1"/>
      <c r="AF2687" s="23" t="s">
        <v>5331</v>
      </c>
      <c r="AG2687" s="26"/>
      <c r="AH2687" s="53"/>
    </row>
    <row r="2688" spans="1:34" ht="51.6" customHeight="1" x14ac:dyDescent="0.45">
      <c r="A2688" s="23">
        <v>2682</v>
      </c>
      <c r="B2688" s="25"/>
      <c r="C2688" s="25"/>
      <c r="D2688" s="29"/>
      <c r="E2688" s="1"/>
      <c r="F2688" s="1"/>
      <c r="G2688" s="25"/>
      <c r="H2688" s="71"/>
      <c r="I2688" s="83"/>
      <c r="J2688" s="50" t="str">
        <f t="shared" si="84"/>
        <v/>
      </c>
      <c r="K2688" s="23" t="s">
        <v>7120</v>
      </c>
      <c r="L2688" s="49" t="e">
        <f>VLOOKUP(E2688&amp;F2688,団体コード!$A$1:$C$1743,3,FALSE)</f>
        <v>#N/A</v>
      </c>
      <c r="M2688" s="49" t="e">
        <f>VLOOKUP(E2688&amp;F2688,団体コード!$A$1:$C$1743,2,FALSE)</f>
        <v>#N/A</v>
      </c>
      <c r="N2688" s="51" t="e">
        <f>VLOOKUP(E2688,団体コード!$E$1:$F$48,2,FALSE)</f>
        <v>#N/A</v>
      </c>
      <c r="O2688" s="51" t="e">
        <f t="shared" si="85"/>
        <v>#N/A</v>
      </c>
      <c r="P2688" s="51">
        <v>1</v>
      </c>
      <c r="Q2688" s="51" t="s">
        <v>5341</v>
      </c>
      <c r="R2688" s="54" t="b">
        <v>1</v>
      </c>
      <c r="S2688" s="52" t="s">
        <v>7126</v>
      </c>
      <c r="T2688" s="67" t="s">
        <v>7127</v>
      </c>
      <c r="U2688" s="75" t="s">
        <v>5331</v>
      </c>
      <c r="V2688" s="47" t="s">
        <v>5331</v>
      </c>
      <c r="W2688" s="47" t="s">
        <v>5331</v>
      </c>
      <c r="X2688" s="47" t="s">
        <v>5331</v>
      </c>
      <c r="Y2688" s="47" t="s">
        <v>5331</v>
      </c>
      <c r="Z2688" s="28"/>
      <c r="AA2688" s="27"/>
      <c r="AB2688" s="27"/>
      <c r="AC2688" s="27"/>
      <c r="AD2688" s="30"/>
      <c r="AE2688" s="1"/>
      <c r="AF2688" s="23" t="s">
        <v>5331</v>
      </c>
      <c r="AG2688" s="26"/>
      <c r="AH2688" s="53"/>
    </row>
    <row r="2689" spans="1:34" ht="51.6" customHeight="1" x14ac:dyDescent="0.45">
      <c r="A2689" s="23">
        <v>2683</v>
      </c>
      <c r="B2689" s="25"/>
      <c r="C2689" s="25"/>
      <c r="D2689" s="29"/>
      <c r="E2689" s="1"/>
      <c r="F2689" s="1"/>
      <c r="G2689" s="25"/>
      <c r="H2689" s="71"/>
      <c r="I2689" s="83"/>
      <c r="J2689" s="50" t="str">
        <f t="shared" si="84"/>
        <v/>
      </c>
      <c r="K2689" s="23" t="s">
        <v>7120</v>
      </c>
      <c r="L2689" s="49" t="e">
        <f>VLOOKUP(E2689&amp;F2689,団体コード!$A$1:$C$1743,3,FALSE)</f>
        <v>#N/A</v>
      </c>
      <c r="M2689" s="49" t="e">
        <f>VLOOKUP(E2689&amp;F2689,団体コード!$A$1:$C$1743,2,FALSE)</f>
        <v>#N/A</v>
      </c>
      <c r="N2689" s="51" t="e">
        <f>VLOOKUP(E2689,団体コード!$E$1:$F$48,2,FALSE)</f>
        <v>#N/A</v>
      </c>
      <c r="O2689" s="51" t="e">
        <f t="shared" si="85"/>
        <v>#N/A</v>
      </c>
      <c r="P2689" s="51">
        <v>1</v>
      </c>
      <c r="Q2689" s="51" t="s">
        <v>5341</v>
      </c>
      <c r="R2689" s="54" t="b">
        <v>1</v>
      </c>
      <c r="S2689" s="52" t="s">
        <v>7126</v>
      </c>
      <c r="T2689" s="67" t="s">
        <v>7127</v>
      </c>
      <c r="U2689" s="75" t="s">
        <v>5331</v>
      </c>
      <c r="V2689" s="47" t="s">
        <v>5331</v>
      </c>
      <c r="W2689" s="47" t="s">
        <v>5331</v>
      </c>
      <c r="X2689" s="47" t="s">
        <v>5331</v>
      </c>
      <c r="Y2689" s="47" t="s">
        <v>5331</v>
      </c>
      <c r="Z2689" s="28"/>
      <c r="AA2689" s="27"/>
      <c r="AB2689" s="27"/>
      <c r="AC2689" s="27"/>
      <c r="AD2689" s="30"/>
      <c r="AE2689" s="1"/>
      <c r="AF2689" s="23" t="s">
        <v>5331</v>
      </c>
      <c r="AG2689" s="26"/>
      <c r="AH2689" s="53"/>
    </row>
    <row r="2690" spans="1:34" ht="51.6" customHeight="1" x14ac:dyDescent="0.45">
      <c r="A2690" s="23">
        <v>2684</v>
      </c>
      <c r="B2690" s="25"/>
      <c r="C2690" s="25"/>
      <c r="D2690" s="29"/>
      <c r="E2690" s="1"/>
      <c r="F2690" s="1"/>
      <c r="G2690" s="25"/>
      <c r="H2690" s="71"/>
      <c r="I2690" s="83"/>
      <c r="J2690" s="50" t="str">
        <f t="shared" si="84"/>
        <v/>
      </c>
      <c r="K2690" s="23" t="s">
        <v>7120</v>
      </c>
      <c r="L2690" s="49" t="e">
        <f>VLOOKUP(E2690&amp;F2690,団体コード!$A$1:$C$1743,3,FALSE)</f>
        <v>#N/A</v>
      </c>
      <c r="M2690" s="49" t="e">
        <f>VLOOKUP(E2690&amp;F2690,団体コード!$A$1:$C$1743,2,FALSE)</f>
        <v>#N/A</v>
      </c>
      <c r="N2690" s="51" t="e">
        <f>VLOOKUP(E2690,団体コード!$E$1:$F$48,2,FALSE)</f>
        <v>#N/A</v>
      </c>
      <c r="O2690" s="51" t="e">
        <f t="shared" si="85"/>
        <v>#N/A</v>
      </c>
      <c r="P2690" s="51">
        <v>1</v>
      </c>
      <c r="Q2690" s="51" t="s">
        <v>5341</v>
      </c>
      <c r="R2690" s="54" t="b">
        <v>1</v>
      </c>
      <c r="S2690" s="52" t="s">
        <v>7126</v>
      </c>
      <c r="T2690" s="67" t="s">
        <v>7127</v>
      </c>
      <c r="U2690" s="75" t="s">
        <v>5331</v>
      </c>
      <c r="V2690" s="47" t="s">
        <v>5331</v>
      </c>
      <c r="W2690" s="47" t="s">
        <v>5331</v>
      </c>
      <c r="X2690" s="47" t="s">
        <v>5331</v>
      </c>
      <c r="Y2690" s="47" t="s">
        <v>5331</v>
      </c>
      <c r="Z2690" s="28"/>
      <c r="AA2690" s="27"/>
      <c r="AB2690" s="27"/>
      <c r="AC2690" s="27"/>
      <c r="AD2690" s="30"/>
      <c r="AE2690" s="1"/>
      <c r="AF2690" s="23" t="s">
        <v>5331</v>
      </c>
      <c r="AG2690" s="26"/>
      <c r="AH2690" s="53"/>
    </row>
    <row r="2691" spans="1:34" ht="51.6" customHeight="1" x14ac:dyDescent="0.45">
      <c r="A2691" s="23">
        <v>2685</v>
      </c>
      <c r="B2691" s="25"/>
      <c r="C2691" s="25"/>
      <c r="D2691" s="29"/>
      <c r="E2691" s="1"/>
      <c r="F2691" s="1"/>
      <c r="G2691" s="25"/>
      <c r="H2691" s="71"/>
      <c r="I2691" s="83"/>
      <c r="J2691" s="50" t="str">
        <f t="shared" si="84"/>
        <v/>
      </c>
      <c r="K2691" s="23" t="s">
        <v>7120</v>
      </c>
      <c r="L2691" s="49" t="e">
        <f>VLOOKUP(E2691&amp;F2691,団体コード!$A$1:$C$1743,3,FALSE)</f>
        <v>#N/A</v>
      </c>
      <c r="M2691" s="49" t="e">
        <f>VLOOKUP(E2691&amp;F2691,団体コード!$A$1:$C$1743,2,FALSE)</f>
        <v>#N/A</v>
      </c>
      <c r="N2691" s="51" t="e">
        <f>VLOOKUP(E2691,団体コード!$E$1:$F$48,2,FALSE)</f>
        <v>#N/A</v>
      </c>
      <c r="O2691" s="51" t="e">
        <f t="shared" si="85"/>
        <v>#N/A</v>
      </c>
      <c r="P2691" s="51">
        <v>1</v>
      </c>
      <c r="Q2691" s="51" t="s">
        <v>5341</v>
      </c>
      <c r="R2691" s="54" t="b">
        <v>1</v>
      </c>
      <c r="S2691" s="52" t="s">
        <v>7126</v>
      </c>
      <c r="T2691" s="67" t="s">
        <v>7127</v>
      </c>
      <c r="U2691" s="75" t="s">
        <v>5331</v>
      </c>
      <c r="V2691" s="47" t="s">
        <v>5331</v>
      </c>
      <c r="W2691" s="47" t="s">
        <v>5331</v>
      </c>
      <c r="X2691" s="47" t="s">
        <v>5331</v>
      </c>
      <c r="Y2691" s="47" t="s">
        <v>5331</v>
      </c>
      <c r="Z2691" s="28"/>
      <c r="AA2691" s="27"/>
      <c r="AB2691" s="27"/>
      <c r="AC2691" s="27"/>
      <c r="AD2691" s="30"/>
      <c r="AE2691" s="1"/>
      <c r="AF2691" s="23" t="s">
        <v>5331</v>
      </c>
      <c r="AG2691" s="26"/>
      <c r="AH2691" s="53"/>
    </row>
    <row r="2692" spans="1:34" ht="51.6" customHeight="1" x14ac:dyDescent="0.45">
      <c r="A2692" s="23">
        <v>2686</v>
      </c>
      <c r="B2692" s="25"/>
      <c r="C2692" s="25"/>
      <c r="D2692" s="29"/>
      <c r="E2692" s="1"/>
      <c r="F2692" s="1"/>
      <c r="G2692" s="25"/>
      <c r="H2692" s="71"/>
      <c r="I2692" s="83"/>
      <c r="J2692" s="50" t="str">
        <f t="shared" si="84"/>
        <v/>
      </c>
      <c r="K2692" s="23" t="s">
        <v>7120</v>
      </c>
      <c r="L2692" s="49" t="e">
        <f>VLOOKUP(E2692&amp;F2692,団体コード!$A$1:$C$1743,3,FALSE)</f>
        <v>#N/A</v>
      </c>
      <c r="M2692" s="49" t="e">
        <f>VLOOKUP(E2692&amp;F2692,団体コード!$A$1:$C$1743,2,FALSE)</f>
        <v>#N/A</v>
      </c>
      <c r="N2692" s="51" t="e">
        <f>VLOOKUP(E2692,団体コード!$E$1:$F$48,2,FALSE)</f>
        <v>#N/A</v>
      </c>
      <c r="O2692" s="51" t="e">
        <f t="shared" si="85"/>
        <v>#N/A</v>
      </c>
      <c r="P2692" s="51">
        <v>1</v>
      </c>
      <c r="Q2692" s="51" t="s">
        <v>5341</v>
      </c>
      <c r="R2692" s="54" t="b">
        <v>1</v>
      </c>
      <c r="S2692" s="52" t="s">
        <v>7126</v>
      </c>
      <c r="T2692" s="67" t="s">
        <v>7127</v>
      </c>
      <c r="U2692" s="75" t="s">
        <v>5331</v>
      </c>
      <c r="V2692" s="47" t="s">
        <v>5331</v>
      </c>
      <c r="W2692" s="47" t="s">
        <v>5331</v>
      </c>
      <c r="X2692" s="47" t="s">
        <v>5331</v>
      </c>
      <c r="Y2692" s="47" t="s">
        <v>5331</v>
      </c>
      <c r="Z2692" s="28"/>
      <c r="AA2692" s="27"/>
      <c r="AB2692" s="27"/>
      <c r="AC2692" s="27"/>
      <c r="AD2692" s="30"/>
      <c r="AE2692" s="1"/>
      <c r="AF2692" s="23" t="s">
        <v>5331</v>
      </c>
      <c r="AG2692" s="26"/>
      <c r="AH2692" s="53"/>
    </row>
    <row r="2693" spans="1:34" ht="51.6" customHeight="1" x14ac:dyDescent="0.45">
      <c r="A2693" s="23">
        <v>2687</v>
      </c>
      <c r="B2693" s="25"/>
      <c r="C2693" s="25"/>
      <c r="D2693" s="29"/>
      <c r="E2693" s="1"/>
      <c r="F2693" s="1"/>
      <c r="G2693" s="25"/>
      <c r="H2693" s="71"/>
      <c r="I2693" s="83"/>
      <c r="J2693" s="50" t="str">
        <f t="shared" si="84"/>
        <v/>
      </c>
      <c r="K2693" s="23" t="s">
        <v>7120</v>
      </c>
      <c r="L2693" s="49" t="e">
        <f>VLOOKUP(E2693&amp;F2693,団体コード!$A$1:$C$1743,3,FALSE)</f>
        <v>#N/A</v>
      </c>
      <c r="M2693" s="49" t="e">
        <f>VLOOKUP(E2693&amp;F2693,団体コード!$A$1:$C$1743,2,FALSE)</f>
        <v>#N/A</v>
      </c>
      <c r="N2693" s="51" t="e">
        <f>VLOOKUP(E2693,団体コード!$E$1:$F$48,2,FALSE)</f>
        <v>#N/A</v>
      </c>
      <c r="O2693" s="51" t="e">
        <f t="shared" si="85"/>
        <v>#N/A</v>
      </c>
      <c r="P2693" s="51">
        <v>1</v>
      </c>
      <c r="Q2693" s="51" t="s">
        <v>5341</v>
      </c>
      <c r="R2693" s="54" t="b">
        <v>1</v>
      </c>
      <c r="S2693" s="52" t="s">
        <v>7126</v>
      </c>
      <c r="T2693" s="67" t="s">
        <v>7127</v>
      </c>
      <c r="U2693" s="75" t="s">
        <v>5331</v>
      </c>
      <c r="V2693" s="47" t="s">
        <v>5331</v>
      </c>
      <c r="W2693" s="47" t="s">
        <v>5331</v>
      </c>
      <c r="X2693" s="47" t="s">
        <v>5331</v>
      </c>
      <c r="Y2693" s="47" t="s">
        <v>5331</v>
      </c>
      <c r="Z2693" s="28"/>
      <c r="AA2693" s="27"/>
      <c r="AB2693" s="27"/>
      <c r="AC2693" s="27"/>
      <c r="AD2693" s="30"/>
      <c r="AE2693" s="1"/>
      <c r="AF2693" s="23" t="s">
        <v>5331</v>
      </c>
      <c r="AG2693" s="26"/>
      <c r="AH2693" s="53"/>
    </row>
    <row r="2694" spans="1:34" ht="51.6" customHeight="1" x14ac:dyDescent="0.45">
      <c r="A2694" s="23">
        <v>2688</v>
      </c>
      <c r="B2694" s="25"/>
      <c r="C2694" s="25"/>
      <c r="D2694" s="29"/>
      <c r="E2694" s="1"/>
      <c r="F2694" s="1"/>
      <c r="G2694" s="25"/>
      <c r="H2694" s="71"/>
      <c r="I2694" s="83"/>
      <c r="J2694" s="50" t="str">
        <f t="shared" si="84"/>
        <v/>
      </c>
      <c r="K2694" s="23" t="s">
        <v>7120</v>
      </c>
      <c r="L2694" s="49" t="e">
        <f>VLOOKUP(E2694&amp;F2694,団体コード!$A$1:$C$1743,3,FALSE)</f>
        <v>#N/A</v>
      </c>
      <c r="M2694" s="49" t="e">
        <f>VLOOKUP(E2694&amp;F2694,団体コード!$A$1:$C$1743,2,FALSE)</f>
        <v>#N/A</v>
      </c>
      <c r="N2694" s="51" t="e">
        <f>VLOOKUP(E2694,団体コード!$E$1:$F$48,2,FALSE)</f>
        <v>#N/A</v>
      </c>
      <c r="O2694" s="51" t="e">
        <f t="shared" si="85"/>
        <v>#N/A</v>
      </c>
      <c r="P2694" s="51">
        <v>1</v>
      </c>
      <c r="Q2694" s="51" t="s">
        <v>5341</v>
      </c>
      <c r="R2694" s="54" t="b">
        <v>1</v>
      </c>
      <c r="S2694" s="52" t="s">
        <v>7126</v>
      </c>
      <c r="T2694" s="67" t="s">
        <v>7127</v>
      </c>
      <c r="U2694" s="75" t="s">
        <v>5331</v>
      </c>
      <c r="V2694" s="47" t="s">
        <v>5331</v>
      </c>
      <c r="W2694" s="47" t="s">
        <v>5331</v>
      </c>
      <c r="X2694" s="47" t="s">
        <v>5331</v>
      </c>
      <c r="Y2694" s="47" t="s">
        <v>5331</v>
      </c>
      <c r="Z2694" s="28"/>
      <c r="AA2694" s="27"/>
      <c r="AB2694" s="27"/>
      <c r="AC2694" s="27"/>
      <c r="AD2694" s="30"/>
      <c r="AE2694" s="1"/>
      <c r="AF2694" s="23" t="s">
        <v>5331</v>
      </c>
      <c r="AG2694" s="26"/>
      <c r="AH2694" s="53"/>
    </row>
    <row r="2695" spans="1:34" ht="51.6" customHeight="1" x14ac:dyDescent="0.45">
      <c r="A2695" s="23">
        <v>2689</v>
      </c>
      <c r="B2695" s="25"/>
      <c r="C2695" s="25"/>
      <c r="D2695" s="29"/>
      <c r="E2695" s="1"/>
      <c r="F2695" s="1"/>
      <c r="G2695" s="25"/>
      <c r="H2695" s="71"/>
      <c r="I2695" s="83"/>
      <c r="J2695" s="50" t="str">
        <f t="shared" si="84"/>
        <v/>
      </c>
      <c r="K2695" s="23" t="s">
        <v>7120</v>
      </c>
      <c r="L2695" s="49" t="e">
        <f>VLOOKUP(E2695&amp;F2695,団体コード!$A$1:$C$1743,3,FALSE)</f>
        <v>#N/A</v>
      </c>
      <c r="M2695" s="49" t="e">
        <f>VLOOKUP(E2695&amp;F2695,団体コード!$A$1:$C$1743,2,FALSE)</f>
        <v>#N/A</v>
      </c>
      <c r="N2695" s="51" t="e">
        <f>VLOOKUP(E2695,団体コード!$E$1:$F$48,2,FALSE)</f>
        <v>#N/A</v>
      </c>
      <c r="O2695" s="51" t="e">
        <f t="shared" si="85"/>
        <v>#N/A</v>
      </c>
      <c r="P2695" s="51">
        <v>1</v>
      </c>
      <c r="Q2695" s="51" t="s">
        <v>5341</v>
      </c>
      <c r="R2695" s="54" t="b">
        <v>1</v>
      </c>
      <c r="S2695" s="52" t="s">
        <v>7126</v>
      </c>
      <c r="T2695" s="67" t="s">
        <v>7127</v>
      </c>
      <c r="U2695" s="75" t="s">
        <v>5331</v>
      </c>
      <c r="V2695" s="47" t="s">
        <v>5331</v>
      </c>
      <c r="W2695" s="47" t="s">
        <v>5331</v>
      </c>
      <c r="X2695" s="47" t="s">
        <v>5331</v>
      </c>
      <c r="Y2695" s="47" t="s">
        <v>5331</v>
      </c>
      <c r="Z2695" s="28"/>
      <c r="AA2695" s="27"/>
      <c r="AB2695" s="27"/>
      <c r="AC2695" s="27"/>
      <c r="AD2695" s="30"/>
      <c r="AE2695" s="1"/>
      <c r="AF2695" s="23" t="s">
        <v>5331</v>
      </c>
      <c r="AG2695" s="26"/>
      <c r="AH2695" s="53"/>
    </row>
    <row r="2696" spans="1:34" ht="51.6" customHeight="1" x14ac:dyDescent="0.45">
      <c r="A2696" s="23">
        <v>2690</v>
      </c>
      <c r="B2696" s="25"/>
      <c r="C2696" s="25"/>
      <c r="D2696" s="29"/>
      <c r="E2696" s="1"/>
      <c r="F2696" s="1"/>
      <c r="G2696" s="25"/>
      <c r="H2696" s="71"/>
      <c r="I2696" s="83"/>
      <c r="J2696" s="50" t="str">
        <f t="shared" ref="J2696:J2759" si="86">E2696&amp;F2696&amp;G2696</f>
        <v/>
      </c>
      <c r="K2696" s="23" t="s">
        <v>7120</v>
      </c>
      <c r="L2696" s="49" t="e">
        <f>VLOOKUP(E2696&amp;F2696,団体コード!$A$1:$C$1743,3,FALSE)</f>
        <v>#N/A</v>
      </c>
      <c r="M2696" s="49" t="e">
        <f>VLOOKUP(E2696&amp;F2696,団体コード!$A$1:$C$1743,2,FALSE)</f>
        <v>#N/A</v>
      </c>
      <c r="N2696" s="51" t="e">
        <f>VLOOKUP(E2696,団体コード!$E$1:$F$48,2,FALSE)</f>
        <v>#N/A</v>
      </c>
      <c r="O2696" s="51" t="e">
        <f t="shared" ref="O2696:O2759" si="87">N2696</f>
        <v>#N/A</v>
      </c>
      <c r="P2696" s="51">
        <v>1</v>
      </c>
      <c r="Q2696" s="51" t="s">
        <v>5341</v>
      </c>
      <c r="R2696" s="54" t="b">
        <v>1</v>
      </c>
      <c r="S2696" s="52" t="s">
        <v>7126</v>
      </c>
      <c r="T2696" s="67" t="s">
        <v>7127</v>
      </c>
      <c r="U2696" s="75" t="s">
        <v>5331</v>
      </c>
      <c r="V2696" s="47" t="s">
        <v>5331</v>
      </c>
      <c r="W2696" s="47" t="s">
        <v>5331</v>
      </c>
      <c r="X2696" s="47" t="s">
        <v>5331</v>
      </c>
      <c r="Y2696" s="47" t="s">
        <v>5331</v>
      </c>
      <c r="Z2696" s="28"/>
      <c r="AA2696" s="27"/>
      <c r="AB2696" s="27"/>
      <c r="AC2696" s="27"/>
      <c r="AD2696" s="30"/>
      <c r="AE2696" s="1"/>
      <c r="AF2696" s="23" t="s">
        <v>5331</v>
      </c>
      <c r="AG2696" s="26"/>
      <c r="AH2696" s="53"/>
    </row>
    <row r="2697" spans="1:34" ht="51.6" customHeight="1" x14ac:dyDescent="0.45">
      <c r="A2697" s="23">
        <v>2691</v>
      </c>
      <c r="B2697" s="25"/>
      <c r="C2697" s="25"/>
      <c r="D2697" s="29"/>
      <c r="E2697" s="1"/>
      <c r="F2697" s="1"/>
      <c r="G2697" s="25"/>
      <c r="H2697" s="71"/>
      <c r="I2697" s="83"/>
      <c r="J2697" s="50" t="str">
        <f t="shared" si="86"/>
        <v/>
      </c>
      <c r="K2697" s="23" t="s">
        <v>7120</v>
      </c>
      <c r="L2697" s="49" t="e">
        <f>VLOOKUP(E2697&amp;F2697,団体コード!$A$1:$C$1743,3,FALSE)</f>
        <v>#N/A</v>
      </c>
      <c r="M2697" s="49" t="e">
        <f>VLOOKUP(E2697&amp;F2697,団体コード!$A$1:$C$1743,2,FALSE)</f>
        <v>#N/A</v>
      </c>
      <c r="N2697" s="51" t="e">
        <f>VLOOKUP(E2697,団体コード!$E$1:$F$48,2,FALSE)</f>
        <v>#N/A</v>
      </c>
      <c r="O2697" s="51" t="e">
        <f t="shared" si="87"/>
        <v>#N/A</v>
      </c>
      <c r="P2697" s="51">
        <v>1</v>
      </c>
      <c r="Q2697" s="51" t="s">
        <v>5341</v>
      </c>
      <c r="R2697" s="54" t="b">
        <v>1</v>
      </c>
      <c r="S2697" s="52" t="s">
        <v>7126</v>
      </c>
      <c r="T2697" s="67" t="s">
        <v>7127</v>
      </c>
      <c r="U2697" s="75" t="s">
        <v>5331</v>
      </c>
      <c r="V2697" s="47" t="s">
        <v>5331</v>
      </c>
      <c r="W2697" s="47" t="s">
        <v>5331</v>
      </c>
      <c r="X2697" s="47" t="s">
        <v>5331</v>
      </c>
      <c r="Y2697" s="47" t="s">
        <v>5331</v>
      </c>
      <c r="Z2697" s="28"/>
      <c r="AA2697" s="27"/>
      <c r="AB2697" s="27"/>
      <c r="AC2697" s="27"/>
      <c r="AD2697" s="30"/>
      <c r="AE2697" s="1"/>
      <c r="AF2697" s="23" t="s">
        <v>5331</v>
      </c>
      <c r="AG2697" s="26"/>
      <c r="AH2697" s="53"/>
    </row>
    <row r="2698" spans="1:34" ht="51.6" customHeight="1" x14ac:dyDescent="0.45">
      <c r="A2698" s="23">
        <v>2692</v>
      </c>
      <c r="B2698" s="25"/>
      <c r="C2698" s="25"/>
      <c r="D2698" s="29"/>
      <c r="E2698" s="1"/>
      <c r="F2698" s="1"/>
      <c r="G2698" s="25"/>
      <c r="H2698" s="71"/>
      <c r="I2698" s="83"/>
      <c r="J2698" s="50" t="str">
        <f t="shared" si="86"/>
        <v/>
      </c>
      <c r="K2698" s="23" t="s">
        <v>7120</v>
      </c>
      <c r="L2698" s="49" t="e">
        <f>VLOOKUP(E2698&amp;F2698,団体コード!$A$1:$C$1743,3,FALSE)</f>
        <v>#N/A</v>
      </c>
      <c r="M2698" s="49" t="e">
        <f>VLOOKUP(E2698&amp;F2698,団体コード!$A$1:$C$1743,2,FALSE)</f>
        <v>#N/A</v>
      </c>
      <c r="N2698" s="51" t="e">
        <f>VLOOKUP(E2698,団体コード!$E$1:$F$48,2,FALSE)</f>
        <v>#N/A</v>
      </c>
      <c r="O2698" s="51" t="e">
        <f t="shared" si="87"/>
        <v>#N/A</v>
      </c>
      <c r="P2698" s="51">
        <v>1</v>
      </c>
      <c r="Q2698" s="51" t="s">
        <v>5341</v>
      </c>
      <c r="R2698" s="54" t="b">
        <v>1</v>
      </c>
      <c r="S2698" s="52" t="s">
        <v>7126</v>
      </c>
      <c r="T2698" s="67" t="s">
        <v>7127</v>
      </c>
      <c r="U2698" s="75" t="s">
        <v>5331</v>
      </c>
      <c r="V2698" s="47" t="s">
        <v>5331</v>
      </c>
      <c r="W2698" s="47" t="s">
        <v>5331</v>
      </c>
      <c r="X2698" s="47" t="s">
        <v>5331</v>
      </c>
      <c r="Y2698" s="47" t="s">
        <v>5331</v>
      </c>
      <c r="Z2698" s="28"/>
      <c r="AA2698" s="27"/>
      <c r="AB2698" s="27"/>
      <c r="AC2698" s="27"/>
      <c r="AD2698" s="30"/>
      <c r="AE2698" s="1"/>
      <c r="AF2698" s="23" t="s">
        <v>5331</v>
      </c>
      <c r="AG2698" s="26"/>
      <c r="AH2698" s="53"/>
    </row>
    <row r="2699" spans="1:34" ht="51.6" customHeight="1" x14ac:dyDescent="0.45">
      <c r="A2699" s="23">
        <v>2693</v>
      </c>
      <c r="B2699" s="25"/>
      <c r="C2699" s="25"/>
      <c r="D2699" s="29"/>
      <c r="E2699" s="1"/>
      <c r="F2699" s="1"/>
      <c r="G2699" s="25"/>
      <c r="H2699" s="71"/>
      <c r="I2699" s="83"/>
      <c r="J2699" s="50" t="str">
        <f t="shared" si="86"/>
        <v/>
      </c>
      <c r="K2699" s="23" t="s">
        <v>7120</v>
      </c>
      <c r="L2699" s="49" t="e">
        <f>VLOOKUP(E2699&amp;F2699,団体コード!$A$1:$C$1743,3,FALSE)</f>
        <v>#N/A</v>
      </c>
      <c r="M2699" s="49" t="e">
        <f>VLOOKUP(E2699&amp;F2699,団体コード!$A$1:$C$1743,2,FALSE)</f>
        <v>#N/A</v>
      </c>
      <c r="N2699" s="51" t="e">
        <f>VLOOKUP(E2699,団体コード!$E$1:$F$48,2,FALSE)</f>
        <v>#N/A</v>
      </c>
      <c r="O2699" s="51" t="e">
        <f t="shared" si="87"/>
        <v>#N/A</v>
      </c>
      <c r="P2699" s="51">
        <v>1</v>
      </c>
      <c r="Q2699" s="51" t="s">
        <v>5341</v>
      </c>
      <c r="R2699" s="54" t="b">
        <v>1</v>
      </c>
      <c r="S2699" s="52" t="s">
        <v>7126</v>
      </c>
      <c r="T2699" s="67" t="s">
        <v>7127</v>
      </c>
      <c r="U2699" s="75" t="s">
        <v>5331</v>
      </c>
      <c r="V2699" s="47" t="s">
        <v>5331</v>
      </c>
      <c r="W2699" s="47" t="s">
        <v>5331</v>
      </c>
      <c r="X2699" s="47" t="s">
        <v>5331</v>
      </c>
      <c r="Y2699" s="47" t="s">
        <v>5331</v>
      </c>
      <c r="Z2699" s="28"/>
      <c r="AA2699" s="27"/>
      <c r="AB2699" s="27"/>
      <c r="AC2699" s="27"/>
      <c r="AD2699" s="30"/>
      <c r="AE2699" s="1"/>
      <c r="AF2699" s="23" t="s">
        <v>5331</v>
      </c>
      <c r="AG2699" s="26"/>
      <c r="AH2699" s="53"/>
    </row>
    <row r="2700" spans="1:34" ht="51.6" customHeight="1" x14ac:dyDescent="0.45">
      <c r="A2700" s="23">
        <v>2694</v>
      </c>
      <c r="B2700" s="25"/>
      <c r="C2700" s="25"/>
      <c r="D2700" s="29"/>
      <c r="E2700" s="1"/>
      <c r="F2700" s="1"/>
      <c r="G2700" s="25"/>
      <c r="H2700" s="71"/>
      <c r="I2700" s="83"/>
      <c r="J2700" s="50" t="str">
        <f t="shared" si="86"/>
        <v/>
      </c>
      <c r="K2700" s="23" t="s">
        <v>7120</v>
      </c>
      <c r="L2700" s="49" t="e">
        <f>VLOOKUP(E2700&amp;F2700,団体コード!$A$1:$C$1743,3,FALSE)</f>
        <v>#N/A</v>
      </c>
      <c r="M2700" s="49" t="e">
        <f>VLOOKUP(E2700&amp;F2700,団体コード!$A$1:$C$1743,2,FALSE)</f>
        <v>#N/A</v>
      </c>
      <c r="N2700" s="51" t="e">
        <f>VLOOKUP(E2700,団体コード!$E$1:$F$48,2,FALSE)</f>
        <v>#N/A</v>
      </c>
      <c r="O2700" s="51" t="e">
        <f t="shared" si="87"/>
        <v>#N/A</v>
      </c>
      <c r="P2700" s="51">
        <v>1</v>
      </c>
      <c r="Q2700" s="51" t="s">
        <v>5341</v>
      </c>
      <c r="R2700" s="54" t="b">
        <v>1</v>
      </c>
      <c r="S2700" s="52" t="s">
        <v>7126</v>
      </c>
      <c r="T2700" s="67" t="s">
        <v>7127</v>
      </c>
      <c r="U2700" s="75" t="s">
        <v>5331</v>
      </c>
      <c r="V2700" s="47" t="s">
        <v>5331</v>
      </c>
      <c r="W2700" s="47" t="s">
        <v>5331</v>
      </c>
      <c r="X2700" s="47" t="s">
        <v>5331</v>
      </c>
      <c r="Y2700" s="47" t="s">
        <v>5331</v>
      </c>
      <c r="Z2700" s="28"/>
      <c r="AA2700" s="27"/>
      <c r="AB2700" s="27"/>
      <c r="AC2700" s="27"/>
      <c r="AD2700" s="30"/>
      <c r="AE2700" s="1"/>
      <c r="AF2700" s="23" t="s">
        <v>5331</v>
      </c>
      <c r="AG2700" s="26"/>
      <c r="AH2700" s="53"/>
    </row>
    <row r="2701" spans="1:34" ht="51.6" customHeight="1" x14ac:dyDescent="0.45">
      <c r="A2701" s="23">
        <v>2695</v>
      </c>
      <c r="B2701" s="25"/>
      <c r="C2701" s="25"/>
      <c r="D2701" s="29"/>
      <c r="E2701" s="1"/>
      <c r="F2701" s="1"/>
      <c r="G2701" s="25"/>
      <c r="H2701" s="71"/>
      <c r="I2701" s="83"/>
      <c r="J2701" s="50" t="str">
        <f t="shared" si="86"/>
        <v/>
      </c>
      <c r="K2701" s="23" t="s">
        <v>7120</v>
      </c>
      <c r="L2701" s="49" t="e">
        <f>VLOOKUP(E2701&amp;F2701,団体コード!$A$1:$C$1743,3,FALSE)</f>
        <v>#N/A</v>
      </c>
      <c r="M2701" s="49" t="e">
        <f>VLOOKUP(E2701&amp;F2701,団体コード!$A$1:$C$1743,2,FALSE)</f>
        <v>#N/A</v>
      </c>
      <c r="N2701" s="51" t="e">
        <f>VLOOKUP(E2701,団体コード!$E$1:$F$48,2,FALSE)</f>
        <v>#N/A</v>
      </c>
      <c r="O2701" s="51" t="e">
        <f t="shared" si="87"/>
        <v>#N/A</v>
      </c>
      <c r="P2701" s="51">
        <v>1</v>
      </c>
      <c r="Q2701" s="51" t="s">
        <v>5341</v>
      </c>
      <c r="R2701" s="54" t="b">
        <v>1</v>
      </c>
      <c r="S2701" s="52" t="s">
        <v>7126</v>
      </c>
      <c r="T2701" s="67" t="s">
        <v>7127</v>
      </c>
      <c r="U2701" s="75" t="s">
        <v>5331</v>
      </c>
      <c r="V2701" s="47" t="s">
        <v>5331</v>
      </c>
      <c r="W2701" s="47" t="s">
        <v>5331</v>
      </c>
      <c r="X2701" s="47" t="s">
        <v>5331</v>
      </c>
      <c r="Y2701" s="47" t="s">
        <v>5331</v>
      </c>
      <c r="Z2701" s="28"/>
      <c r="AA2701" s="27"/>
      <c r="AB2701" s="27"/>
      <c r="AC2701" s="27"/>
      <c r="AD2701" s="30"/>
      <c r="AE2701" s="1"/>
      <c r="AF2701" s="23" t="s">
        <v>5331</v>
      </c>
      <c r="AG2701" s="26"/>
      <c r="AH2701" s="53"/>
    </row>
    <row r="2702" spans="1:34" ht="51.6" customHeight="1" x14ac:dyDescent="0.45">
      <c r="A2702" s="23">
        <v>2696</v>
      </c>
      <c r="B2702" s="25"/>
      <c r="C2702" s="25"/>
      <c r="D2702" s="29"/>
      <c r="E2702" s="1"/>
      <c r="F2702" s="1"/>
      <c r="G2702" s="25"/>
      <c r="H2702" s="71"/>
      <c r="I2702" s="83"/>
      <c r="J2702" s="50" t="str">
        <f t="shared" si="86"/>
        <v/>
      </c>
      <c r="K2702" s="23" t="s">
        <v>7120</v>
      </c>
      <c r="L2702" s="49" t="e">
        <f>VLOOKUP(E2702&amp;F2702,団体コード!$A$1:$C$1743,3,FALSE)</f>
        <v>#N/A</v>
      </c>
      <c r="M2702" s="49" t="e">
        <f>VLOOKUP(E2702&amp;F2702,団体コード!$A$1:$C$1743,2,FALSE)</f>
        <v>#N/A</v>
      </c>
      <c r="N2702" s="51" t="e">
        <f>VLOOKUP(E2702,団体コード!$E$1:$F$48,2,FALSE)</f>
        <v>#N/A</v>
      </c>
      <c r="O2702" s="51" t="e">
        <f t="shared" si="87"/>
        <v>#N/A</v>
      </c>
      <c r="P2702" s="51">
        <v>1</v>
      </c>
      <c r="Q2702" s="51" t="s">
        <v>5341</v>
      </c>
      <c r="R2702" s="54" t="b">
        <v>1</v>
      </c>
      <c r="S2702" s="52" t="s">
        <v>7126</v>
      </c>
      <c r="T2702" s="67" t="s">
        <v>7127</v>
      </c>
      <c r="U2702" s="75" t="s">
        <v>5331</v>
      </c>
      <c r="V2702" s="47" t="s">
        <v>5331</v>
      </c>
      <c r="W2702" s="47" t="s">
        <v>5331</v>
      </c>
      <c r="X2702" s="47" t="s">
        <v>5331</v>
      </c>
      <c r="Y2702" s="47" t="s">
        <v>5331</v>
      </c>
      <c r="Z2702" s="28"/>
      <c r="AA2702" s="27"/>
      <c r="AB2702" s="27"/>
      <c r="AC2702" s="27"/>
      <c r="AD2702" s="30"/>
      <c r="AE2702" s="1"/>
      <c r="AF2702" s="23" t="s">
        <v>5331</v>
      </c>
      <c r="AG2702" s="26"/>
      <c r="AH2702" s="53"/>
    </row>
    <row r="2703" spans="1:34" ht="51.6" customHeight="1" x14ac:dyDescent="0.45">
      <c r="A2703" s="23">
        <v>2697</v>
      </c>
      <c r="B2703" s="25"/>
      <c r="C2703" s="25"/>
      <c r="D2703" s="29"/>
      <c r="E2703" s="1"/>
      <c r="F2703" s="1"/>
      <c r="G2703" s="25"/>
      <c r="H2703" s="71"/>
      <c r="I2703" s="83"/>
      <c r="J2703" s="50" t="str">
        <f t="shared" si="86"/>
        <v/>
      </c>
      <c r="K2703" s="23" t="s">
        <v>7120</v>
      </c>
      <c r="L2703" s="49" t="e">
        <f>VLOOKUP(E2703&amp;F2703,団体コード!$A$1:$C$1743,3,FALSE)</f>
        <v>#N/A</v>
      </c>
      <c r="M2703" s="49" t="e">
        <f>VLOOKUP(E2703&amp;F2703,団体コード!$A$1:$C$1743,2,FALSE)</f>
        <v>#N/A</v>
      </c>
      <c r="N2703" s="51" t="e">
        <f>VLOOKUP(E2703,団体コード!$E$1:$F$48,2,FALSE)</f>
        <v>#N/A</v>
      </c>
      <c r="O2703" s="51" t="e">
        <f t="shared" si="87"/>
        <v>#N/A</v>
      </c>
      <c r="P2703" s="51">
        <v>1</v>
      </c>
      <c r="Q2703" s="51" t="s">
        <v>5341</v>
      </c>
      <c r="R2703" s="54" t="b">
        <v>1</v>
      </c>
      <c r="S2703" s="52" t="s">
        <v>7126</v>
      </c>
      <c r="T2703" s="67" t="s">
        <v>7127</v>
      </c>
      <c r="U2703" s="75" t="s">
        <v>5331</v>
      </c>
      <c r="V2703" s="47" t="s">
        <v>5331</v>
      </c>
      <c r="W2703" s="47" t="s">
        <v>5331</v>
      </c>
      <c r="X2703" s="47" t="s">
        <v>5331</v>
      </c>
      <c r="Y2703" s="47" t="s">
        <v>5331</v>
      </c>
      <c r="Z2703" s="28"/>
      <c r="AA2703" s="27"/>
      <c r="AB2703" s="27"/>
      <c r="AC2703" s="27"/>
      <c r="AD2703" s="30"/>
      <c r="AE2703" s="1"/>
      <c r="AF2703" s="23" t="s">
        <v>5331</v>
      </c>
      <c r="AG2703" s="26"/>
      <c r="AH2703" s="53"/>
    </row>
    <row r="2704" spans="1:34" ht="51.6" customHeight="1" x14ac:dyDescent="0.45">
      <c r="A2704" s="23">
        <v>2698</v>
      </c>
      <c r="B2704" s="25"/>
      <c r="C2704" s="25"/>
      <c r="D2704" s="29"/>
      <c r="E2704" s="1"/>
      <c r="F2704" s="1"/>
      <c r="G2704" s="25"/>
      <c r="H2704" s="71"/>
      <c r="I2704" s="83"/>
      <c r="J2704" s="50" t="str">
        <f t="shared" si="86"/>
        <v/>
      </c>
      <c r="K2704" s="23" t="s">
        <v>7120</v>
      </c>
      <c r="L2704" s="49" t="e">
        <f>VLOOKUP(E2704&amp;F2704,団体コード!$A$1:$C$1743,3,FALSE)</f>
        <v>#N/A</v>
      </c>
      <c r="M2704" s="49" t="e">
        <f>VLOOKUP(E2704&amp;F2704,団体コード!$A$1:$C$1743,2,FALSE)</f>
        <v>#N/A</v>
      </c>
      <c r="N2704" s="51" t="e">
        <f>VLOOKUP(E2704,団体コード!$E$1:$F$48,2,FALSE)</f>
        <v>#N/A</v>
      </c>
      <c r="O2704" s="51" t="e">
        <f t="shared" si="87"/>
        <v>#N/A</v>
      </c>
      <c r="P2704" s="51">
        <v>1</v>
      </c>
      <c r="Q2704" s="51" t="s">
        <v>5341</v>
      </c>
      <c r="R2704" s="54" t="b">
        <v>1</v>
      </c>
      <c r="S2704" s="52" t="s">
        <v>7126</v>
      </c>
      <c r="T2704" s="67" t="s">
        <v>7127</v>
      </c>
      <c r="U2704" s="75" t="s">
        <v>5331</v>
      </c>
      <c r="V2704" s="47" t="s">
        <v>5331</v>
      </c>
      <c r="W2704" s="47" t="s">
        <v>5331</v>
      </c>
      <c r="X2704" s="47" t="s">
        <v>5331</v>
      </c>
      <c r="Y2704" s="47" t="s">
        <v>5331</v>
      </c>
      <c r="Z2704" s="28"/>
      <c r="AA2704" s="27"/>
      <c r="AB2704" s="27"/>
      <c r="AC2704" s="27"/>
      <c r="AD2704" s="30"/>
      <c r="AE2704" s="1"/>
      <c r="AF2704" s="23" t="s">
        <v>5331</v>
      </c>
      <c r="AG2704" s="26"/>
      <c r="AH2704" s="53"/>
    </row>
    <row r="2705" spans="1:34" ht="51.6" customHeight="1" x14ac:dyDescent="0.45">
      <c r="A2705" s="23">
        <v>2699</v>
      </c>
      <c r="B2705" s="25"/>
      <c r="C2705" s="25"/>
      <c r="D2705" s="29"/>
      <c r="E2705" s="1"/>
      <c r="F2705" s="1"/>
      <c r="G2705" s="25"/>
      <c r="H2705" s="71"/>
      <c r="I2705" s="83"/>
      <c r="J2705" s="50" t="str">
        <f t="shared" si="86"/>
        <v/>
      </c>
      <c r="K2705" s="23" t="s">
        <v>7120</v>
      </c>
      <c r="L2705" s="49" t="e">
        <f>VLOOKUP(E2705&amp;F2705,団体コード!$A$1:$C$1743,3,FALSE)</f>
        <v>#N/A</v>
      </c>
      <c r="M2705" s="49" t="e">
        <f>VLOOKUP(E2705&amp;F2705,団体コード!$A$1:$C$1743,2,FALSE)</f>
        <v>#N/A</v>
      </c>
      <c r="N2705" s="51" t="e">
        <f>VLOOKUP(E2705,団体コード!$E$1:$F$48,2,FALSE)</f>
        <v>#N/A</v>
      </c>
      <c r="O2705" s="51" t="e">
        <f t="shared" si="87"/>
        <v>#N/A</v>
      </c>
      <c r="P2705" s="51">
        <v>1</v>
      </c>
      <c r="Q2705" s="51" t="s">
        <v>5341</v>
      </c>
      <c r="R2705" s="54" t="b">
        <v>1</v>
      </c>
      <c r="S2705" s="52" t="s">
        <v>7126</v>
      </c>
      <c r="T2705" s="67" t="s">
        <v>7127</v>
      </c>
      <c r="U2705" s="75" t="s">
        <v>5331</v>
      </c>
      <c r="V2705" s="47" t="s">
        <v>5331</v>
      </c>
      <c r="W2705" s="47" t="s">
        <v>5331</v>
      </c>
      <c r="X2705" s="47" t="s">
        <v>5331</v>
      </c>
      <c r="Y2705" s="47" t="s">
        <v>5331</v>
      </c>
      <c r="Z2705" s="28"/>
      <c r="AA2705" s="27"/>
      <c r="AB2705" s="27"/>
      <c r="AC2705" s="27"/>
      <c r="AD2705" s="30"/>
      <c r="AE2705" s="1"/>
      <c r="AF2705" s="23" t="s">
        <v>5331</v>
      </c>
      <c r="AG2705" s="26"/>
      <c r="AH2705" s="53"/>
    </row>
    <row r="2706" spans="1:34" ht="51.6" customHeight="1" x14ac:dyDescent="0.45">
      <c r="A2706" s="23">
        <v>2700</v>
      </c>
      <c r="B2706" s="25"/>
      <c r="C2706" s="25"/>
      <c r="D2706" s="29"/>
      <c r="E2706" s="1"/>
      <c r="F2706" s="1"/>
      <c r="G2706" s="25"/>
      <c r="H2706" s="71"/>
      <c r="I2706" s="83"/>
      <c r="J2706" s="50" t="str">
        <f t="shared" si="86"/>
        <v/>
      </c>
      <c r="K2706" s="23" t="s">
        <v>7120</v>
      </c>
      <c r="L2706" s="49" t="e">
        <f>VLOOKUP(E2706&amp;F2706,団体コード!$A$1:$C$1743,3,FALSE)</f>
        <v>#N/A</v>
      </c>
      <c r="M2706" s="49" t="e">
        <f>VLOOKUP(E2706&amp;F2706,団体コード!$A$1:$C$1743,2,FALSE)</f>
        <v>#N/A</v>
      </c>
      <c r="N2706" s="51" t="e">
        <f>VLOOKUP(E2706,団体コード!$E$1:$F$48,2,FALSE)</f>
        <v>#N/A</v>
      </c>
      <c r="O2706" s="51" t="e">
        <f t="shared" si="87"/>
        <v>#N/A</v>
      </c>
      <c r="P2706" s="51">
        <v>1</v>
      </c>
      <c r="Q2706" s="51" t="s">
        <v>5341</v>
      </c>
      <c r="R2706" s="54" t="b">
        <v>1</v>
      </c>
      <c r="S2706" s="52" t="s">
        <v>7126</v>
      </c>
      <c r="T2706" s="67" t="s">
        <v>7127</v>
      </c>
      <c r="U2706" s="75" t="s">
        <v>5331</v>
      </c>
      <c r="V2706" s="47" t="s">
        <v>5331</v>
      </c>
      <c r="W2706" s="47" t="s">
        <v>5331</v>
      </c>
      <c r="X2706" s="47" t="s">
        <v>5331</v>
      </c>
      <c r="Y2706" s="47" t="s">
        <v>5331</v>
      </c>
      <c r="Z2706" s="28"/>
      <c r="AA2706" s="27"/>
      <c r="AB2706" s="27"/>
      <c r="AC2706" s="27"/>
      <c r="AD2706" s="30"/>
      <c r="AE2706" s="1"/>
      <c r="AF2706" s="23" t="s">
        <v>5331</v>
      </c>
      <c r="AG2706" s="26"/>
      <c r="AH2706" s="53"/>
    </row>
    <row r="2707" spans="1:34" ht="51.6" customHeight="1" x14ac:dyDescent="0.45">
      <c r="A2707" s="23">
        <v>2701</v>
      </c>
      <c r="B2707" s="25"/>
      <c r="C2707" s="25"/>
      <c r="D2707" s="29"/>
      <c r="E2707" s="1"/>
      <c r="F2707" s="1"/>
      <c r="G2707" s="25"/>
      <c r="H2707" s="71"/>
      <c r="I2707" s="83"/>
      <c r="J2707" s="50" t="str">
        <f t="shared" si="86"/>
        <v/>
      </c>
      <c r="K2707" s="23" t="s">
        <v>7120</v>
      </c>
      <c r="L2707" s="49" t="e">
        <f>VLOOKUP(E2707&amp;F2707,団体コード!$A$1:$C$1743,3,FALSE)</f>
        <v>#N/A</v>
      </c>
      <c r="M2707" s="49" t="e">
        <f>VLOOKUP(E2707&amp;F2707,団体コード!$A$1:$C$1743,2,FALSE)</f>
        <v>#N/A</v>
      </c>
      <c r="N2707" s="51" t="e">
        <f>VLOOKUP(E2707,団体コード!$E$1:$F$48,2,FALSE)</f>
        <v>#N/A</v>
      </c>
      <c r="O2707" s="51" t="e">
        <f t="shared" si="87"/>
        <v>#N/A</v>
      </c>
      <c r="P2707" s="51">
        <v>1</v>
      </c>
      <c r="Q2707" s="51" t="s">
        <v>5341</v>
      </c>
      <c r="R2707" s="54" t="b">
        <v>1</v>
      </c>
      <c r="S2707" s="52" t="s">
        <v>7126</v>
      </c>
      <c r="T2707" s="67" t="s">
        <v>7127</v>
      </c>
      <c r="U2707" s="75" t="s">
        <v>5331</v>
      </c>
      <c r="V2707" s="47" t="s">
        <v>5331</v>
      </c>
      <c r="W2707" s="47" t="s">
        <v>5331</v>
      </c>
      <c r="X2707" s="47" t="s">
        <v>5331</v>
      </c>
      <c r="Y2707" s="47" t="s">
        <v>5331</v>
      </c>
      <c r="Z2707" s="28"/>
      <c r="AA2707" s="27"/>
      <c r="AB2707" s="27"/>
      <c r="AC2707" s="27"/>
      <c r="AD2707" s="30"/>
      <c r="AE2707" s="1"/>
      <c r="AF2707" s="23" t="s">
        <v>5331</v>
      </c>
      <c r="AG2707" s="26"/>
      <c r="AH2707" s="53"/>
    </row>
    <row r="2708" spans="1:34" ht="51.6" customHeight="1" x14ac:dyDescent="0.45">
      <c r="A2708" s="23">
        <v>2702</v>
      </c>
      <c r="B2708" s="25"/>
      <c r="C2708" s="25"/>
      <c r="D2708" s="29"/>
      <c r="E2708" s="1"/>
      <c r="F2708" s="1"/>
      <c r="G2708" s="25"/>
      <c r="H2708" s="71"/>
      <c r="I2708" s="83"/>
      <c r="J2708" s="50" t="str">
        <f t="shared" si="86"/>
        <v/>
      </c>
      <c r="K2708" s="23" t="s">
        <v>7120</v>
      </c>
      <c r="L2708" s="49" t="e">
        <f>VLOOKUP(E2708&amp;F2708,団体コード!$A$1:$C$1743,3,FALSE)</f>
        <v>#N/A</v>
      </c>
      <c r="M2708" s="49" t="e">
        <f>VLOOKUP(E2708&amp;F2708,団体コード!$A$1:$C$1743,2,FALSE)</f>
        <v>#N/A</v>
      </c>
      <c r="N2708" s="51" t="e">
        <f>VLOOKUP(E2708,団体コード!$E$1:$F$48,2,FALSE)</f>
        <v>#N/A</v>
      </c>
      <c r="O2708" s="51" t="e">
        <f t="shared" si="87"/>
        <v>#N/A</v>
      </c>
      <c r="P2708" s="51">
        <v>1</v>
      </c>
      <c r="Q2708" s="51" t="s">
        <v>5341</v>
      </c>
      <c r="R2708" s="54" t="b">
        <v>1</v>
      </c>
      <c r="S2708" s="52" t="s">
        <v>7126</v>
      </c>
      <c r="T2708" s="67" t="s">
        <v>7127</v>
      </c>
      <c r="U2708" s="75" t="s">
        <v>5331</v>
      </c>
      <c r="V2708" s="47" t="s">
        <v>5331</v>
      </c>
      <c r="W2708" s="47" t="s">
        <v>5331</v>
      </c>
      <c r="X2708" s="47" t="s">
        <v>5331</v>
      </c>
      <c r="Y2708" s="47" t="s">
        <v>5331</v>
      </c>
      <c r="Z2708" s="28"/>
      <c r="AA2708" s="27"/>
      <c r="AB2708" s="27"/>
      <c r="AC2708" s="27"/>
      <c r="AD2708" s="30"/>
      <c r="AE2708" s="1"/>
      <c r="AF2708" s="23" t="s">
        <v>5331</v>
      </c>
      <c r="AG2708" s="26"/>
      <c r="AH2708" s="53"/>
    </row>
    <row r="2709" spans="1:34" ht="51.6" customHeight="1" x14ac:dyDescent="0.45">
      <c r="A2709" s="23">
        <v>2703</v>
      </c>
      <c r="B2709" s="25"/>
      <c r="C2709" s="25"/>
      <c r="D2709" s="29"/>
      <c r="E2709" s="1"/>
      <c r="F2709" s="1"/>
      <c r="G2709" s="25"/>
      <c r="H2709" s="71"/>
      <c r="I2709" s="83"/>
      <c r="J2709" s="50" t="str">
        <f t="shared" si="86"/>
        <v/>
      </c>
      <c r="K2709" s="23" t="s">
        <v>7120</v>
      </c>
      <c r="L2709" s="49" t="e">
        <f>VLOOKUP(E2709&amp;F2709,団体コード!$A$1:$C$1743,3,FALSE)</f>
        <v>#N/A</v>
      </c>
      <c r="M2709" s="49" t="e">
        <f>VLOOKUP(E2709&amp;F2709,団体コード!$A$1:$C$1743,2,FALSE)</f>
        <v>#N/A</v>
      </c>
      <c r="N2709" s="51" t="e">
        <f>VLOOKUP(E2709,団体コード!$E$1:$F$48,2,FALSE)</f>
        <v>#N/A</v>
      </c>
      <c r="O2709" s="51" t="e">
        <f t="shared" si="87"/>
        <v>#N/A</v>
      </c>
      <c r="P2709" s="51">
        <v>1</v>
      </c>
      <c r="Q2709" s="51" t="s">
        <v>5341</v>
      </c>
      <c r="R2709" s="54" t="b">
        <v>1</v>
      </c>
      <c r="S2709" s="52" t="s">
        <v>7126</v>
      </c>
      <c r="T2709" s="67" t="s">
        <v>7127</v>
      </c>
      <c r="U2709" s="75" t="s">
        <v>5331</v>
      </c>
      <c r="V2709" s="47" t="s">
        <v>5331</v>
      </c>
      <c r="W2709" s="47" t="s">
        <v>5331</v>
      </c>
      <c r="X2709" s="47" t="s">
        <v>5331</v>
      </c>
      <c r="Y2709" s="47" t="s">
        <v>5331</v>
      </c>
      <c r="Z2709" s="28"/>
      <c r="AA2709" s="27"/>
      <c r="AB2709" s="27"/>
      <c r="AC2709" s="27"/>
      <c r="AD2709" s="30"/>
      <c r="AE2709" s="1"/>
      <c r="AF2709" s="23" t="s">
        <v>5331</v>
      </c>
      <c r="AG2709" s="26"/>
      <c r="AH2709" s="53"/>
    </row>
    <row r="2710" spans="1:34" ht="51.6" customHeight="1" x14ac:dyDescent="0.45">
      <c r="A2710" s="23">
        <v>2704</v>
      </c>
      <c r="B2710" s="25"/>
      <c r="C2710" s="25"/>
      <c r="D2710" s="29"/>
      <c r="E2710" s="1"/>
      <c r="F2710" s="1"/>
      <c r="G2710" s="25"/>
      <c r="H2710" s="71"/>
      <c r="I2710" s="83"/>
      <c r="J2710" s="50" t="str">
        <f t="shared" si="86"/>
        <v/>
      </c>
      <c r="K2710" s="23" t="s">
        <v>7120</v>
      </c>
      <c r="L2710" s="49" t="e">
        <f>VLOOKUP(E2710&amp;F2710,団体コード!$A$1:$C$1743,3,FALSE)</f>
        <v>#N/A</v>
      </c>
      <c r="M2710" s="49" t="e">
        <f>VLOOKUP(E2710&amp;F2710,団体コード!$A$1:$C$1743,2,FALSE)</f>
        <v>#N/A</v>
      </c>
      <c r="N2710" s="51" t="e">
        <f>VLOOKUP(E2710,団体コード!$E$1:$F$48,2,FALSE)</f>
        <v>#N/A</v>
      </c>
      <c r="O2710" s="51" t="e">
        <f t="shared" si="87"/>
        <v>#N/A</v>
      </c>
      <c r="P2710" s="51">
        <v>1</v>
      </c>
      <c r="Q2710" s="51" t="s">
        <v>5341</v>
      </c>
      <c r="R2710" s="54" t="b">
        <v>1</v>
      </c>
      <c r="S2710" s="52" t="s">
        <v>7126</v>
      </c>
      <c r="T2710" s="67" t="s">
        <v>7127</v>
      </c>
      <c r="U2710" s="75" t="s">
        <v>5331</v>
      </c>
      <c r="V2710" s="47" t="s">
        <v>5331</v>
      </c>
      <c r="W2710" s="47" t="s">
        <v>5331</v>
      </c>
      <c r="X2710" s="47" t="s">
        <v>5331</v>
      </c>
      <c r="Y2710" s="47" t="s">
        <v>5331</v>
      </c>
      <c r="Z2710" s="28"/>
      <c r="AA2710" s="27"/>
      <c r="AB2710" s="27"/>
      <c r="AC2710" s="27"/>
      <c r="AD2710" s="30"/>
      <c r="AE2710" s="1"/>
      <c r="AF2710" s="23" t="s">
        <v>5331</v>
      </c>
      <c r="AG2710" s="26"/>
      <c r="AH2710" s="53"/>
    </row>
    <row r="2711" spans="1:34" ht="51.6" customHeight="1" x14ac:dyDescent="0.45">
      <c r="A2711" s="23">
        <v>2705</v>
      </c>
      <c r="B2711" s="25"/>
      <c r="C2711" s="25"/>
      <c r="D2711" s="29"/>
      <c r="E2711" s="1"/>
      <c r="F2711" s="1"/>
      <c r="G2711" s="25"/>
      <c r="H2711" s="71"/>
      <c r="I2711" s="83"/>
      <c r="J2711" s="50" t="str">
        <f t="shared" si="86"/>
        <v/>
      </c>
      <c r="K2711" s="23" t="s">
        <v>7120</v>
      </c>
      <c r="L2711" s="49" t="e">
        <f>VLOOKUP(E2711&amp;F2711,団体コード!$A$1:$C$1743,3,FALSE)</f>
        <v>#N/A</v>
      </c>
      <c r="M2711" s="49" t="e">
        <f>VLOOKUP(E2711&amp;F2711,団体コード!$A$1:$C$1743,2,FALSE)</f>
        <v>#N/A</v>
      </c>
      <c r="N2711" s="51" t="e">
        <f>VLOOKUP(E2711,団体コード!$E$1:$F$48,2,FALSE)</f>
        <v>#N/A</v>
      </c>
      <c r="O2711" s="51" t="e">
        <f t="shared" si="87"/>
        <v>#N/A</v>
      </c>
      <c r="P2711" s="51">
        <v>1</v>
      </c>
      <c r="Q2711" s="51" t="s">
        <v>5341</v>
      </c>
      <c r="R2711" s="54" t="b">
        <v>1</v>
      </c>
      <c r="S2711" s="52" t="s">
        <v>7126</v>
      </c>
      <c r="T2711" s="67" t="s">
        <v>7127</v>
      </c>
      <c r="U2711" s="75" t="s">
        <v>5331</v>
      </c>
      <c r="V2711" s="47" t="s">
        <v>5331</v>
      </c>
      <c r="W2711" s="47" t="s">
        <v>5331</v>
      </c>
      <c r="X2711" s="47" t="s">
        <v>5331</v>
      </c>
      <c r="Y2711" s="47" t="s">
        <v>5331</v>
      </c>
      <c r="Z2711" s="28"/>
      <c r="AA2711" s="27"/>
      <c r="AB2711" s="27"/>
      <c r="AC2711" s="27"/>
      <c r="AD2711" s="30"/>
      <c r="AE2711" s="1"/>
      <c r="AF2711" s="23" t="s">
        <v>5331</v>
      </c>
      <c r="AG2711" s="26"/>
      <c r="AH2711" s="53"/>
    </row>
    <row r="2712" spans="1:34" ht="51.6" customHeight="1" x14ac:dyDescent="0.45">
      <c r="A2712" s="23">
        <v>2706</v>
      </c>
      <c r="B2712" s="25"/>
      <c r="C2712" s="25"/>
      <c r="D2712" s="29"/>
      <c r="E2712" s="1"/>
      <c r="F2712" s="1"/>
      <c r="G2712" s="25"/>
      <c r="H2712" s="71"/>
      <c r="I2712" s="83"/>
      <c r="J2712" s="50" t="str">
        <f t="shared" si="86"/>
        <v/>
      </c>
      <c r="K2712" s="23" t="s">
        <v>7120</v>
      </c>
      <c r="L2712" s="49" t="e">
        <f>VLOOKUP(E2712&amp;F2712,団体コード!$A$1:$C$1743,3,FALSE)</f>
        <v>#N/A</v>
      </c>
      <c r="M2712" s="49" t="e">
        <f>VLOOKUP(E2712&amp;F2712,団体コード!$A$1:$C$1743,2,FALSE)</f>
        <v>#N/A</v>
      </c>
      <c r="N2712" s="51" t="e">
        <f>VLOOKUP(E2712,団体コード!$E$1:$F$48,2,FALSE)</f>
        <v>#N/A</v>
      </c>
      <c r="O2712" s="51" t="e">
        <f t="shared" si="87"/>
        <v>#N/A</v>
      </c>
      <c r="P2712" s="51">
        <v>1</v>
      </c>
      <c r="Q2712" s="51" t="s">
        <v>5341</v>
      </c>
      <c r="R2712" s="54" t="b">
        <v>1</v>
      </c>
      <c r="S2712" s="52" t="s">
        <v>7126</v>
      </c>
      <c r="T2712" s="67" t="s">
        <v>7127</v>
      </c>
      <c r="U2712" s="75" t="s">
        <v>5331</v>
      </c>
      <c r="V2712" s="47" t="s">
        <v>5331</v>
      </c>
      <c r="W2712" s="47" t="s">
        <v>5331</v>
      </c>
      <c r="X2712" s="47" t="s">
        <v>5331</v>
      </c>
      <c r="Y2712" s="47" t="s">
        <v>5331</v>
      </c>
      <c r="Z2712" s="28"/>
      <c r="AA2712" s="27"/>
      <c r="AB2712" s="27"/>
      <c r="AC2712" s="27"/>
      <c r="AD2712" s="30"/>
      <c r="AE2712" s="1"/>
      <c r="AF2712" s="23" t="s">
        <v>5331</v>
      </c>
      <c r="AG2712" s="26"/>
      <c r="AH2712" s="53"/>
    </row>
    <row r="2713" spans="1:34" ht="51.6" customHeight="1" x14ac:dyDescent="0.45">
      <c r="A2713" s="23">
        <v>2707</v>
      </c>
      <c r="B2713" s="25"/>
      <c r="C2713" s="25"/>
      <c r="D2713" s="29"/>
      <c r="E2713" s="1"/>
      <c r="F2713" s="1"/>
      <c r="G2713" s="25"/>
      <c r="H2713" s="71"/>
      <c r="I2713" s="83"/>
      <c r="J2713" s="50" t="str">
        <f t="shared" si="86"/>
        <v/>
      </c>
      <c r="K2713" s="23" t="s">
        <v>7120</v>
      </c>
      <c r="L2713" s="49" t="e">
        <f>VLOOKUP(E2713&amp;F2713,団体コード!$A$1:$C$1743,3,FALSE)</f>
        <v>#N/A</v>
      </c>
      <c r="M2713" s="49" t="e">
        <f>VLOOKUP(E2713&amp;F2713,団体コード!$A$1:$C$1743,2,FALSE)</f>
        <v>#N/A</v>
      </c>
      <c r="N2713" s="51" t="e">
        <f>VLOOKUP(E2713,団体コード!$E$1:$F$48,2,FALSE)</f>
        <v>#N/A</v>
      </c>
      <c r="O2713" s="51" t="e">
        <f t="shared" si="87"/>
        <v>#N/A</v>
      </c>
      <c r="P2713" s="51">
        <v>1</v>
      </c>
      <c r="Q2713" s="51" t="s">
        <v>5341</v>
      </c>
      <c r="R2713" s="54" t="b">
        <v>1</v>
      </c>
      <c r="S2713" s="52" t="s">
        <v>7126</v>
      </c>
      <c r="T2713" s="67" t="s">
        <v>7127</v>
      </c>
      <c r="U2713" s="75" t="s">
        <v>5331</v>
      </c>
      <c r="V2713" s="47" t="s">
        <v>5331</v>
      </c>
      <c r="W2713" s="47" t="s">
        <v>5331</v>
      </c>
      <c r="X2713" s="47" t="s">
        <v>5331</v>
      </c>
      <c r="Y2713" s="47" t="s">
        <v>5331</v>
      </c>
      <c r="Z2713" s="28"/>
      <c r="AA2713" s="27"/>
      <c r="AB2713" s="27"/>
      <c r="AC2713" s="27"/>
      <c r="AD2713" s="30"/>
      <c r="AE2713" s="1"/>
      <c r="AF2713" s="23" t="s">
        <v>5331</v>
      </c>
      <c r="AG2713" s="26"/>
      <c r="AH2713" s="53"/>
    </row>
    <row r="2714" spans="1:34" ht="51.6" customHeight="1" x14ac:dyDescent="0.45">
      <c r="A2714" s="23">
        <v>2708</v>
      </c>
      <c r="B2714" s="25"/>
      <c r="C2714" s="25"/>
      <c r="D2714" s="29"/>
      <c r="E2714" s="1"/>
      <c r="F2714" s="1"/>
      <c r="G2714" s="25"/>
      <c r="H2714" s="71"/>
      <c r="I2714" s="83"/>
      <c r="J2714" s="50" t="str">
        <f t="shared" si="86"/>
        <v/>
      </c>
      <c r="K2714" s="23" t="s">
        <v>7120</v>
      </c>
      <c r="L2714" s="49" t="e">
        <f>VLOOKUP(E2714&amp;F2714,団体コード!$A$1:$C$1743,3,FALSE)</f>
        <v>#N/A</v>
      </c>
      <c r="M2714" s="49" t="e">
        <f>VLOOKUP(E2714&amp;F2714,団体コード!$A$1:$C$1743,2,FALSE)</f>
        <v>#N/A</v>
      </c>
      <c r="N2714" s="51" t="e">
        <f>VLOOKUP(E2714,団体コード!$E$1:$F$48,2,FALSE)</f>
        <v>#N/A</v>
      </c>
      <c r="O2714" s="51" t="e">
        <f t="shared" si="87"/>
        <v>#N/A</v>
      </c>
      <c r="P2714" s="51">
        <v>1</v>
      </c>
      <c r="Q2714" s="51" t="s">
        <v>5341</v>
      </c>
      <c r="R2714" s="54" t="b">
        <v>1</v>
      </c>
      <c r="S2714" s="52" t="s">
        <v>7126</v>
      </c>
      <c r="T2714" s="67" t="s">
        <v>7127</v>
      </c>
      <c r="U2714" s="75" t="s">
        <v>5331</v>
      </c>
      <c r="V2714" s="47" t="s">
        <v>5331</v>
      </c>
      <c r="W2714" s="47" t="s">
        <v>5331</v>
      </c>
      <c r="X2714" s="47" t="s">
        <v>5331</v>
      </c>
      <c r="Y2714" s="47" t="s">
        <v>5331</v>
      </c>
      <c r="Z2714" s="28"/>
      <c r="AA2714" s="27"/>
      <c r="AB2714" s="27"/>
      <c r="AC2714" s="27"/>
      <c r="AD2714" s="30"/>
      <c r="AE2714" s="1"/>
      <c r="AF2714" s="23" t="s">
        <v>5331</v>
      </c>
      <c r="AG2714" s="26"/>
      <c r="AH2714" s="53"/>
    </row>
    <row r="2715" spans="1:34" ht="51.6" customHeight="1" x14ac:dyDescent="0.45">
      <c r="A2715" s="23">
        <v>2709</v>
      </c>
      <c r="B2715" s="25"/>
      <c r="C2715" s="25"/>
      <c r="D2715" s="29"/>
      <c r="E2715" s="1"/>
      <c r="F2715" s="1"/>
      <c r="G2715" s="25"/>
      <c r="H2715" s="71"/>
      <c r="I2715" s="83"/>
      <c r="J2715" s="50" t="str">
        <f t="shared" si="86"/>
        <v/>
      </c>
      <c r="K2715" s="23" t="s">
        <v>7120</v>
      </c>
      <c r="L2715" s="49" t="e">
        <f>VLOOKUP(E2715&amp;F2715,団体コード!$A$1:$C$1743,3,FALSE)</f>
        <v>#N/A</v>
      </c>
      <c r="M2715" s="49" t="e">
        <f>VLOOKUP(E2715&amp;F2715,団体コード!$A$1:$C$1743,2,FALSE)</f>
        <v>#N/A</v>
      </c>
      <c r="N2715" s="51" t="e">
        <f>VLOOKUP(E2715,団体コード!$E$1:$F$48,2,FALSE)</f>
        <v>#N/A</v>
      </c>
      <c r="O2715" s="51" t="e">
        <f t="shared" si="87"/>
        <v>#N/A</v>
      </c>
      <c r="P2715" s="51">
        <v>1</v>
      </c>
      <c r="Q2715" s="51" t="s">
        <v>5341</v>
      </c>
      <c r="R2715" s="54" t="b">
        <v>1</v>
      </c>
      <c r="S2715" s="52" t="s">
        <v>7126</v>
      </c>
      <c r="T2715" s="67" t="s">
        <v>7127</v>
      </c>
      <c r="U2715" s="75" t="s">
        <v>5331</v>
      </c>
      <c r="V2715" s="47" t="s">
        <v>5331</v>
      </c>
      <c r="W2715" s="47" t="s">
        <v>5331</v>
      </c>
      <c r="X2715" s="47" t="s">
        <v>5331</v>
      </c>
      <c r="Y2715" s="47" t="s">
        <v>5331</v>
      </c>
      <c r="Z2715" s="28"/>
      <c r="AA2715" s="27"/>
      <c r="AB2715" s="27"/>
      <c r="AC2715" s="27"/>
      <c r="AD2715" s="30"/>
      <c r="AE2715" s="1"/>
      <c r="AF2715" s="23" t="s">
        <v>5331</v>
      </c>
      <c r="AG2715" s="26"/>
      <c r="AH2715" s="53"/>
    </row>
    <row r="2716" spans="1:34" ht="51.6" customHeight="1" x14ac:dyDescent="0.45">
      <c r="A2716" s="23">
        <v>2710</v>
      </c>
      <c r="B2716" s="25"/>
      <c r="C2716" s="25"/>
      <c r="D2716" s="29"/>
      <c r="E2716" s="1"/>
      <c r="F2716" s="1"/>
      <c r="G2716" s="25"/>
      <c r="H2716" s="71"/>
      <c r="I2716" s="83"/>
      <c r="J2716" s="50" t="str">
        <f t="shared" si="86"/>
        <v/>
      </c>
      <c r="K2716" s="23" t="s">
        <v>7120</v>
      </c>
      <c r="L2716" s="49" t="e">
        <f>VLOOKUP(E2716&amp;F2716,団体コード!$A$1:$C$1743,3,FALSE)</f>
        <v>#N/A</v>
      </c>
      <c r="M2716" s="49" t="e">
        <f>VLOOKUP(E2716&amp;F2716,団体コード!$A$1:$C$1743,2,FALSE)</f>
        <v>#N/A</v>
      </c>
      <c r="N2716" s="51" t="e">
        <f>VLOOKUP(E2716,団体コード!$E$1:$F$48,2,FALSE)</f>
        <v>#N/A</v>
      </c>
      <c r="O2716" s="51" t="e">
        <f t="shared" si="87"/>
        <v>#N/A</v>
      </c>
      <c r="P2716" s="51">
        <v>1</v>
      </c>
      <c r="Q2716" s="51" t="s">
        <v>5341</v>
      </c>
      <c r="R2716" s="54" t="b">
        <v>1</v>
      </c>
      <c r="S2716" s="52" t="s">
        <v>7126</v>
      </c>
      <c r="T2716" s="67" t="s">
        <v>7127</v>
      </c>
      <c r="U2716" s="75" t="s">
        <v>5331</v>
      </c>
      <c r="V2716" s="47" t="s">
        <v>5331</v>
      </c>
      <c r="W2716" s="47" t="s">
        <v>5331</v>
      </c>
      <c r="X2716" s="47" t="s">
        <v>5331</v>
      </c>
      <c r="Y2716" s="47" t="s">
        <v>5331</v>
      </c>
      <c r="Z2716" s="28"/>
      <c r="AA2716" s="27"/>
      <c r="AB2716" s="27"/>
      <c r="AC2716" s="27"/>
      <c r="AD2716" s="30"/>
      <c r="AE2716" s="1"/>
      <c r="AF2716" s="23" t="s">
        <v>5331</v>
      </c>
      <c r="AG2716" s="26"/>
      <c r="AH2716" s="53"/>
    </row>
    <row r="2717" spans="1:34" ht="51.6" customHeight="1" x14ac:dyDescent="0.45">
      <c r="A2717" s="23">
        <v>2711</v>
      </c>
      <c r="B2717" s="25"/>
      <c r="C2717" s="25"/>
      <c r="D2717" s="29"/>
      <c r="E2717" s="1"/>
      <c r="F2717" s="1"/>
      <c r="G2717" s="25"/>
      <c r="H2717" s="71"/>
      <c r="I2717" s="83"/>
      <c r="J2717" s="50" t="str">
        <f t="shared" si="86"/>
        <v/>
      </c>
      <c r="K2717" s="23" t="s">
        <v>7120</v>
      </c>
      <c r="L2717" s="49" t="e">
        <f>VLOOKUP(E2717&amp;F2717,団体コード!$A$1:$C$1743,3,FALSE)</f>
        <v>#N/A</v>
      </c>
      <c r="M2717" s="49" t="e">
        <f>VLOOKUP(E2717&amp;F2717,団体コード!$A$1:$C$1743,2,FALSE)</f>
        <v>#N/A</v>
      </c>
      <c r="N2717" s="51" t="e">
        <f>VLOOKUP(E2717,団体コード!$E$1:$F$48,2,FALSE)</f>
        <v>#N/A</v>
      </c>
      <c r="O2717" s="51" t="e">
        <f t="shared" si="87"/>
        <v>#N/A</v>
      </c>
      <c r="P2717" s="51">
        <v>1</v>
      </c>
      <c r="Q2717" s="51" t="s">
        <v>5341</v>
      </c>
      <c r="R2717" s="54" t="b">
        <v>1</v>
      </c>
      <c r="S2717" s="52" t="s">
        <v>7126</v>
      </c>
      <c r="T2717" s="67" t="s">
        <v>7127</v>
      </c>
      <c r="U2717" s="75" t="s">
        <v>5331</v>
      </c>
      <c r="V2717" s="47" t="s">
        <v>5331</v>
      </c>
      <c r="W2717" s="47" t="s">
        <v>5331</v>
      </c>
      <c r="X2717" s="47" t="s">
        <v>5331</v>
      </c>
      <c r="Y2717" s="47" t="s">
        <v>5331</v>
      </c>
      <c r="Z2717" s="28"/>
      <c r="AA2717" s="27"/>
      <c r="AB2717" s="27"/>
      <c r="AC2717" s="27"/>
      <c r="AD2717" s="30"/>
      <c r="AE2717" s="1"/>
      <c r="AF2717" s="23" t="s">
        <v>5331</v>
      </c>
      <c r="AG2717" s="26"/>
      <c r="AH2717" s="53"/>
    </row>
    <row r="2718" spans="1:34" ht="51.6" customHeight="1" x14ac:dyDescent="0.45">
      <c r="A2718" s="23">
        <v>2712</v>
      </c>
      <c r="B2718" s="25"/>
      <c r="C2718" s="25"/>
      <c r="D2718" s="29"/>
      <c r="E2718" s="1"/>
      <c r="F2718" s="1"/>
      <c r="G2718" s="25"/>
      <c r="H2718" s="71"/>
      <c r="I2718" s="83"/>
      <c r="J2718" s="50" t="str">
        <f t="shared" si="86"/>
        <v/>
      </c>
      <c r="K2718" s="23" t="s">
        <v>7120</v>
      </c>
      <c r="L2718" s="49" t="e">
        <f>VLOOKUP(E2718&amp;F2718,団体コード!$A$1:$C$1743,3,FALSE)</f>
        <v>#N/A</v>
      </c>
      <c r="M2718" s="49" t="e">
        <f>VLOOKUP(E2718&amp;F2718,団体コード!$A$1:$C$1743,2,FALSE)</f>
        <v>#N/A</v>
      </c>
      <c r="N2718" s="51" t="e">
        <f>VLOOKUP(E2718,団体コード!$E$1:$F$48,2,FALSE)</f>
        <v>#N/A</v>
      </c>
      <c r="O2718" s="51" t="e">
        <f t="shared" si="87"/>
        <v>#N/A</v>
      </c>
      <c r="P2718" s="51">
        <v>1</v>
      </c>
      <c r="Q2718" s="51" t="s">
        <v>5341</v>
      </c>
      <c r="R2718" s="54" t="b">
        <v>1</v>
      </c>
      <c r="S2718" s="52" t="s">
        <v>7126</v>
      </c>
      <c r="T2718" s="67" t="s">
        <v>7127</v>
      </c>
      <c r="U2718" s="75" t="s">
        <v>5331</v>
      </c>
      <c r="V2718" s="47" t="s">
        <v>5331</v>
      </c>
      <c r="W2718" s="47" t="s">
        <v>5331</v>
      </c>
      <c r="X2718" s="47" t="s">
        <v>5331</v>
      </c>
      <c r="Y2718" s="47" t="s">
        <v>5331</v>
      </c>
      <c r="Z2718" s="28"/>
      <c r="AA2718" s="27"/>
      <c r="AB2718" s="27"/>
      <c r="AC2718" s="27"/>
      <c r="AD2718" s="30"/>
      <c r="AE2718" s="1"/>
      <c r="AF2718" s="23" t="s">
        <v>5331</v>
      </c>
      <c r="AG2718" s="26"/>
      <c r="AH2718" s="53"/>
    </row>
    <row r="2719" spans="1:34" ht="51.6" customHeight="1" x14ac:dyDescent="0.45">
      <c r="A2719" s="23">
        <v>2713</v>
      </c>
      <c r="B2719" s="25"/>
      <c r="C2719" s="25"/>
      <c r="D2719" s="29"/>
      <c r="E2719" s="1"/>
      <c r="F2719" s="1"/>
      <c r="G2719" s="25"/>
      <c r="H2719" s="71"/>
      <c r="I2719" s="83"/>
      <c r="J2719" s="50" t="str">
        <f t="shared" si="86"/>
        <v/>
      </c>
      <c r="K2719" s="23" t="s">
        <v>7120</v>
      </c>
      <c r="L2719" s="49" t="e">
        <f>VLOOKUP(E2719&amp;F2719,団体コード!$A$1:$C$1743,3,FALSE)</f>
        <v>#N/A</v>
      </c>
      <c r="M2719" s="49" t="e">
        <f>VLOOKUP(E2719&amp;F2719,団体コード!$A$1:$C$1743,2,FALSE)</f>
        <v>#N/A</v>
      </c>
      <c r="N2719" s="51" t="e">
        <f>VLOOKUP(E2719,団体コード!$E$1:$F$48,2,FALSE)</f>
        <v>#N/A</v>
      </c>
      <c r="O2719" s="51" t="e">
        <f t="shared" si="87"/>
        <v>#N/A</v>
      </c>
      <c r="P2719" s="51">
        <v>1</v>
      </c>
      <c r="Q2719" s="51" t="s">
        <v>5341</v>
      </c>
      <c r="R2719" s="54" t="b">
        <v>1</v>
      </c>
      <c r="S2719" s="52" t="s">
        <v>7126</v>
      </c>
      <c r="T2719" s="67" t="s">
        <v>7127</v>
      </c>
      <c r="U2719" s="75" t="s">
        <v>5331</v>
      </c>
      <c r="V2719" s="47" t="s">
        <v>5331</v>
      </c>
      <c r="W2719" s="47" t="s">
        <v>5331</v>
      </c>
      <c r="X2719" s="47" t="s">
        <v>5331</v>
      </c>
      <c r="Y2719" s="47" t="s">
        <v>5331</v>
      </c>
      <c r="Z2719" s="28"/>
      <c r="AA2719" s="27"/>
      <c r="AB2719" s="27"/>
      <c r="AC2719" s="27"/>
      <c r="AD2719" s="30"/>
      <c r="AE2719" s="1"/>
      <c r="AF2719" s="23" t="s">
        <v>5331</v>
      </c>
      <c r="AG2719" s="26"/>
      <c r="AH2719" s="53"/>
    </row>
    <row r="2720" spans="1:34" ht="51.6" customHeight="1" x14ac:dyDescent="0.45">
      <c r="A2720" s="23">
        <v>2714</v>
      </c>
      <c r="B2720" s="25"/>
      <c r="C2720" s="25"/>
      <c r="D2720" s="29"/>
      <c r="E2720" s="1"/>
      <c r="F2720" s="1"/>
      <c r="G2720" s="25"/>
      <c r="H2720" s="71"/>
      <c r="I2720" s="83"/>
      <c r="J2720" s="50" t="str">
        <f t="shared" si="86"/>
        <v/>
      </c>
      <c r="K2720" s="23" t="s">
        <v>7120</v>
      </c>
      <c r="L2720" s="49" t="e">
        <f>VLOOKUP(E2720&amp;F2720,団体コード!$A$1:$C$1743,3,FALSE)</f>
        <v>#N/A</v>
      </c>
      <c r="M2720" s="49" t="e">
        <f>VLOOKUP(E2720&amp;F2720,団体コード!$A$1:$C$1743,2,FALSE)</f>
        <v>#N/A</v>
      </c>
      <c r="N2720" s="51" t="e">
        <f>VLOOKUP(E2720,団体コード!$E$1:$F$48,2,FALSE)</f>
        <v>#N/A</v>
      </c>
      <c r="O2720" s="51" t="e">
        <f t="shared" si="87"/>
        <v>#N/A</v>
      </c>
      <c r="P2720" s="51">
        <v>1</v>
      </c>
      <c r="Q2720" s="51" t="s">
        <v>5341</v>
      </c>
      <c r="R2720" s="54" t="b">
        <v>1</v>
      </c>
      <c r="S2720" s="52" t="s">
        <v>7126</v>
      </c>
      <c r="T2720" s="67" t="s">
        <v>7127</v>
      </c>
      <c r="U2720" s="75" t="s">
        <v>5331</v>
      </c>
      <c r="V2720" s="47" t="s">
        <v>5331</v>
      </c>
      <c r="W2720" s="47" t="s">
        <v>5331</v>
      </c>
      <c r="X2720" s="47" t="s">
        <v>5331</v>
      </c>
      <c r="Y2720" s="47" t="s">
        <v>5331</v>
      </c>
      <c r="Z2720" s="28"/>
      <c r="AA2720" s="27"/>
      <c r="AB2720" s="27"/>
      <c r="AC2720" s="27"/>
      <c r="AD2720" s="30"/>
      <c r="AE2720" s="1"/>
      <c r="AF2720" s="23" t="s">
        <v>5331</v>
      </c>
      <c r="AG2720" s="26"/>
      <c r="AH2720" s="53"/>
    </row>
    <row r="2721" spans="1:34" ht="51.6" customHeight="1" x14ac:dyDescent="0.45">
      <c r="A2721" s="23">
        <v>2715</v>
      </c>
      <c r="B2721" s="25"/>
      <c r="C2721" s="25"/>
      <c r="D2721" s="29"/>
      <c r="E2721" s="1"/>
      <c r="F2721" s="1"/>
      <c r="G2721" s="25"/>
      <c r="H2721" s="71"/>
      <c r="I2721" s="83"/>
      <c r="J2721" s="50" t="str">
        <f t="shared" si="86"/>
        <v/>
      </c>
      <c r="K2721" s="23" t="s">
        <v>7120</v>
      </c>
      <c r="L2721" s="49" t="e">
        <f>VLOOKUP(E2721&amp;F2721,団体コード!$A$1:$C$1743,3,FALSE)</f>
        <v>#N/A</v>
      </c>
      <c r="M2721" s="49" t="e">
        <f>VLOOKUP(E2721&amp;F2721,団体コード!$A$1:$C$1743,2,FALSE)</f>
        <v>#N/A</v>
      </c>
      <c r="N2721" s="51" t="e">
        <f>VLOOKUP(E2721,団体コード!$E$1:$F$48,2,FALSE)</f>
        <v>#N/A</v>
      </c>
      <c r="O2721" s="51" t="e">
        <f t="shared" si="87"/>
        <v>#N/A</v>
      </c>
      <c r="P2721" s="51">
        <v>1</v>
      </c>
      <c r="Q2721" s="51" t="s">
        <v>5341</v>
      </c>
      <c r="R2721" s="54" t="b">
        <v>1</v>
      </c>
      <c r="S2721" s="52" t="s">
        <v>7126</v>
      </c>
      <c r="T2721" s="67" t="s">
        <v>7127</v>
      </c>
      <c r="U2721" s="75" t="s">
        <v>5331</v>
      </c>
      <c r="V2721" s="47" t="s">
        <v>5331</v>
      </c>
      <c r="W2721" s="47" t="s">
        <v>5331</v>
      </c>
      <c r="X2721" s="47" t="s">
        <v>5331</v>
      </c>
      <c r="Y2721" s="47" t="s">
        <v>5331</v>
      </c>
      <c r="Z2721" s="28"/>
      <c r="AA2721" s="27"/>
      <c r="AB2721" s="27"/>
      <c r="AC2721" s="27"/>
      <c r="AD2721" s="30"/>
      <c r="AE2721" s="1"/>
      <c r="AF2721" s="23" t="s">
        <v>5331</v>
      </c>
      <c r="AG2721" s="26"/>
      <c r="AH2721" s="53"/>
    </row>
    <row r="2722" spans="1:34" ht="51.6" customHeight="1" x14ac:dyDescent="0.45">
      <c r="A2722" s="23">
        <v>2716</v>
      </c>
      <c r="B2722" s="25"/>
      <c r="C2722" s="25"/>
      <c r="D2722" s="29"/>
      <c r="E2722" s="1"/>
      <c r="F2722" s="1"/>
      <c r="G2722" s="25"/>
      <c r="H2722" s="71"/>
      <c r="I2722" s="83"/>
      <c r="J2722" s="50" t="str">
        <f t="shared" si="86"/>
        <v/>
      </c>
      <c r="K2722" s="23" t="s">
        <v>7120</v>
      </c>
      <c r="L2722" s="49" t="e">
        <f>VLOOKUP(E2722&amp;F2722,団体コード!$A$1:$C$1743,3,FALSE)</f>
        <v>#N/A</v>
      </c>
      <c r="M2722" s="49" t="e">
        <f>VLOOKUP(E2722&amp;F2722,団体コード!$A$1:$C$1743,2,FALSE)</f>
        <v>#N/A</v>
      </c>
      <c r="N2722" s="51" t="e">
        <f>VLOOKUP(E2722,団体コード!$E$1:$F$48,2,FALSE)</f>
        <v>#N/A</v>
      </c>
      <c r="O2722" s="51" t="e">
        <f t="shared" si="87"/>
        <v>#N/A</v>
      </c>
      <c r="P2722" s="51">
        <v>1</v>
      </c>
      <c r="Q2722" s="51" t="s">
        <v>5341</v>
      </c>
      <c r="R2722" s="54" t="b">
        <v>1</v>
      </c>
      <c r="S2722" s="52" t="s">
        <v>7126</v>
      </c>
      <c r="T2722" s="67" t="s">
        <v>7127</v>
      </c>
      <c r="U2722" s="75" t="s">
        <v>5331</v>
      </c>
      <c r="V2722" s="47" t="s">
        <v>5331</v>
      </c>
      <c r="W2722" s="47" t="s">
        <v>5331</v>
      </c>
      <c r="X2722" s="47" t="s">
        <v>5331</v>
      </c>
      <c r="Y2722" s="47" t="s">
        <v>5331</v>
      </c>
      <c r="Z2722" s="28"/>
      <c r="AA2722" s="27"/>
      <c r="AB2722" s="27"/>
      <c r="AC2722" s="27"/>
      <c r="AD2722" s="30"/>
      <c r="AE2722" s="1"/>
      <c r="AF2722" s="23" t="s">
        <v>5331</v>
      </c>
      <c r="AG2722" s="26"/>
      <c r="AH2722" s="53"/>
    </row>
    <row r="2723" spans="1:34" ht="51.6" customHeight="1" x14ac:dyDescent="0.45">
      <c r="A2723" s="23">
        <v>2717</v>
      </c>
      <c r="B2723" s="25"/>
      <c r="C2723" s="25"/>
      <c r="D2723" s="29"/>
      <c r="E2723" s="1"/>
      <c r="F2723" s="1"/>
      <c r="G2723" s="25"/>
      <c r="H2723" s="71"/>
      <c r="I2723" s="83"/>
      <c r="J2723" s="50" t="str">
        <f t="shared" si="86"/>
        <v/>
      </c>
      <c r="K2723" s="23" t="s">
        <v>7120</v>
      </c>
      <c r="L2723" s="49" t="e">
        <f>VLOOKUP(E2723&amp;F2723,団体コード!$A$1:$C$1743,3,FALSE)</f>
        <v>#N/A</v>
      </c>
      <c r="M2723" s="49" t="e">
        <f>VLOOKUP(E2723&amp;F2723,団体コード!$A$1:$C$1743,2,FALSE)</f>
        <v>#N/A</v>
      </c>
      <c r="N2723" s="51" t="e">
        <f>VLOOKUP(E2723,団体コード!$E$1:$F$48,2,FALSE)</f>
        <v>#N/A</v>
      </c>
      <c r="O2723" s="51" t="e">
        <f t="shared" si="87"/>
        <v>#N/A</v>
      </c>
      <c r="P2723" s="51">
        <v>1</v>
      </c>
      <c r="Q2723" s="51" t="s">
        <v>5341</v>
      </c>
      <c r="R2723" s="54" t="b">
        <v>1</v>
      </c>
      <c r="S2723" s="52" t="s">
        <v>7126</v>
      </c>
      <c r="T2723" s="67" t="s">
        <v>7127</v>
      </c>
      <c r="U2723" s="75" t="s">
        <v>5331</v>
      </c>
      <c r="V2723" s="47" t="s">
        <v>5331</v>
      </c>
      <c r="W2723" s="47" t="s">
        <v>5331</v>
      </c>
      <c r="X2723" s="47" t="s">
        <v>5331</v>
      </c>
      <c r="Y2723" s="47" t="s">
        <v>5331</v>
      </c>
      <c r="Z2723" s="28"/>
      <c r="AA2723" s="27"/>
      <c r="AB2723" s="27"/>
      <c r="AC2723" s="27"/>
      <c r="AD2723" s="30"/>
      <c r="AE2723" s="1"/>
      <c r="AF2723" s="23" t="s">
        <v>5331</v>
      </c>
      <c r="AG2723" s="26"/>
      <c r="AH2723" s="53"/>
    </row>
    <row r="2724" spans="1:34" ht="51.6" customHeight="1" x14ac:dyDescent="0.45">
      <c r="A2724" s="23">
        <v>2718</v>
      </c>
      <c r="B2724" s="25"/>
      <c r="C2724" s="25"/>
      <c r="D2724" s="29"/>
      <c r="E2724" s="1"/>
      <c r="F2724" s="1"/>
      <c r="G2724" s="25"/>
      <c r="H2724" s="71"/>
      <c r="I2724" s="83"/>
      <c r="J2724" s="50" t="str">
        <f t="shared" si="86"/>
        <v/>
      </c>
      <c r="K2724" s="23" t="s">
        <v>7120</v>
      </c>
      <c r="L2724" s="49" t="e">
        <f>VLOOKUP(E2724&amp;F2724,団体コード!$A$1:$C$1743,3,FALSE)</f>
        <v>#N/A</v>
      </c>
      <c r="M2724" s="49" t="e">
        <f>VLOOKUP(E2724&amp;F2724,団体コード!$A$1:$C$1743,2,FALSE)</f>
        <v>#N/A</v>
      </c>
      <c r="N2724" s="51" t="e">
        <f>VLOOKUP(E2724,団体コード!$E$1:$F$48,2,FALSE)</f>
        <v>#N/A</v>
      </c>
      <c r="O2724" s="51" t="e">
        <f t="shared" si="87"/>
        <v>#N/A</v>
      </c>
      <c r="P2724" s="51">
        <v>1</v>
      </c>
      <c r="Q2724" s="51" t="s">
        <v>5341</v>
      </c>
      <c r="R2724" s="54" t="b">
        <v>1</v>
      </c>
      <c r="S2724" s="52" t="s">
        <v>7126</v>
      </c>
      <c r="T2724" s="67" t="s">
        <v>7127</v>
      </c>
      <c r="U2724" s="75" t="s">
        <v>5331</v>
      </c>
      <c r="V2724" s="47" t="s">
        <v>5331</v>
      </c>
      <c r="W2724" s="47" t="s">
        <v>5331</v>
      </c>
      <c r="X2724" s="47" t="s">
        <v>5331</v>
      </c>
      <c r="Y2724" s="47" t="s">
        <v>5331</v>
      </c>
      <c r="Z2724" s="28"/>
      <c r="AA2724" s="27"/>
      <c r="AB2724" s="27"/>
      <c r="AC2724" s="27"/>
      <c r="AD2724" s="30"/>
      <c r="AE2724" s="1"/>
      <c r="AF2724" s="23" t="s">
        <v>5331</v>
      </c>
      <c r="AG2724" s="26"/>
      <c r="AH2724" s="53"/>
    </row>
    <row r="2725" spans="1:34" ht="51.6" customHeight="1" x14ac:dyDescent="0.45">
      <c r="A2725" s="23">
        <v>2719</v>
      </c>
      <c r="B2725" s="25"/>
      <c r="C2725" s="25"/>
      <c r="D2725" s="29"/>
      <c r="E2725" s="1"/>
      <c r="F2725" s="1"/>
      <c r="G2725" s="25"/>
      <c r="H2725" s="71"/>
      <c r="I2725" s="83"/>
      <c r="J2725" s="50" t="str">
        <f t="shared" si="86"/>
        <v/>
      </c>
      <c r="K2725" s="23" t="s">
        <v>7120</v>
      </c>
      <c r="L2725" s="49" t="e">
        <f>VLOOKUP(E2725&amp;F2725,団体コード!$A$1:$C$1743,3,FALSE)</f>
        <v>#N/A</v>
      </c>
      <c r="M2725" s="49" t="e">
        <f>VLOOKUP(E2725&amp;F2725,団体コード!$A$1:$C$1743,2,FALSE)</f>
        <v>#N/A</v>
      </c>
      <c r="N2725" s="51" t="e">
        <f>VLOOKUP(E2725,団体コード!$E$1:$F$48,2,FALSE)</f>
        <v>#N/A</v>
      </c>
      <c r="O2725" s="51" t="e">
        <f t="shared" si="87"/>
        <v>#N/A</v>
      </c>
      <c r="P2725" s="51">
        <v>1</v>
      </c>
      <c r="Q2725" s="51" t="s">
        <v>5341</v>
      </c>
      <c r="R2725" s="54" t="b">
        <v>1</v>
      </c>
      <c r="S2725" s="52" t="s">
        <v>7126</v>
      </c>
      <c r="T2725" s="67" t="s">
        <v>7127</v>
      </c>
      <c r="U2725" s="75" t="s">
        <v>5331</v>
      </c>
      <c r="V2725" s="47" t="s">
        <v>5331</v>
      </c>
      <c r="W2725" s="47" t="s">
        <v>5331</v>
      </c>
      <c r="X2725" s="47" t="s">
        <v>5331</v>
      </c>
      <c r="Y2725" s="47" t="s">
        <v>5331</v>
      </c>
      <c r="Z2725" s="28"/>
      <c r="AA2725" s="27"/>
      <c r="AB2725" s="27"/>
      <c r="AC2725" s="27"/>
      <c r="AD2725" s="30"/>
      <c r="AE2725" s="1"/>
      <c r="AF2725" s="23" t="s">
        <v>5331</v>
      </c>
      <c r="AG2725" s="26"/>
      <c r="AH2725" s="53"/>
    </row>
    <row r="2726" spans="1:34" ht="51.6" customHeight="1" x14ac:dyDescent="0.45">
      <c r="A2726" s="23">
        <v>2720</v>
      </c>
      <c r="B2726" s="25"/>
      <c r="C2726" s="25"/>
      <c r="D2726" s="29"/>
      <c r="E2726" s="1"/>
      <c r="F2726" s="1"/>
      <c r="G2726" s="25"/>
      <c r="H2726" s="71"/>
      <c r="I2726" s="83"/>
      <c r="J2726" s="50" t="str">
        <f t="shared" si="86"/>
        <v/>
      </c>
      <c r="K2726" s="23" t="s">
        <v>7120</v>
      </c>
      <c r="L2726" s="49" t="e">
        <f>VLOOKUP(E2726&amp;F2726,団体コード!$A$1:$C$1743,3,FALSE)</f>
        <v>#N/A</v>
      </c>
      <c r="M2726" s="49" t="e">
        <f>VLOOKUP(E2726&amp;F2726,団体コード!$A$1:$C$1743,2,FALSE)</f>
        <v>#N/A</v>
      </c>
      <c r="N2726" s="51" t="e">
        <f>VLOOKUP(E2726,団体コード!$E$1:$F$48,2,FALSE)</f>
        <v>#N/A</v>
      </c>
      <c r="O2726" s="51" t="e">
        <f t="shared" si="87"/>
        <v>#N/A</v>
      </c>
      <c r="P2726" s="51">
        <v>1</v>
      </c>
      <c r="Q2726" s="51" t="s">
        <v>5341</v>
      </c>
      <c r="R2726" s="54" t="b">
        <v>1</v>
      </c>
      <c r="S2726" s="52" t="s">
        <v>7126</v>
      </c>
      <c r="T2726" s="67" t="s">
        <v>7127</v>
      </c>
      <c r="U2726" s="75" t="s">
        <v>5331</v>
      </c>
      <c r="V2726" s="47" t="s">
        <v>5331</v>
      </c>
      <c r="W2726" s="47" t="s">
        <v>5331</v>
      </c>
      <c r="X2726" s="47" t="s">
        <v>5331</v>
      </c>
      <c r="Y2726" s="47" t="s">
        <v>5331</v>
      </c>
      <c r="Z2726" s="28"/>
      <c r="AA2726" s="27"/>
      <c r="AB2726" s="27"/>
      <c r="AC2726" s="27"/>
      <c r="AD2726" s="30"/>
      <c r="AE2726" s="1"/>
      <c r="AF2726" s="23" t="s">
        <v>5331</v>
      </c>
      <c r="AG2726" s="26"/>
      <c r="AH2726" s="53"/>
    </row>
    <row r="2727" spans="1:34" ht="51.6" customHeight="1" x14ac:dyDescent="0.45">
      <c r="A2727" s="23">
        <v>2721</v>
      </c>
      <c r="B2727" s="25"/>
      <c r="C2727" s="25"/>
      <c r="D2727" s="29"/>
      <c r="E2727" s="1"/>
      <c r="F2727" s="1"/>
      <c r="G2727" s="25"/>
      <c r="H2727" s="71"/>
      <c r="I2727" s="83"/>
      <c r="J2727" s="50" t="str">
        <f t="shared" si="86"/>
        <v/>
      </c>
      <c r="K2727" s="23" t="s">
        <v>7120</v>
      </c>
      <c r="L2727" s="49" t="e">
        <f>VLOOKUP(E2727&amp;F2727,団体コード!$A$1:$C$1743,3,FALSE)</f>
        <v>#N/A</v>
      </c>
      <c r="M2727" s="49" t="e">
        <f>VLOOKUP(E2727&amp;F2727,団体コード!$A$1:$C$1743,2,FALSE)</f>
        <v>#N/A</v>
      </c>
      <c r="N2727" s="51" t="e">
        <f>VLOOKUP(E2727,団体コード!$E$1:$F$48,2,FALSE)</f>
        <v>#N/A</v>
      </c>
      <c r="O2727" s="51" t="e">
        <f t="shared" si="87"/>
        <v>#N/A</v>
      </c>
      <c r="P2727" s="51">
        <v>1</v>
      </c>
      <c r="Q2727" s="51" t="s">
        <v>5341</v>
      </c>
      <c r="R2727" s="54" t="b">
        <v>1</v>
      </c>
      <c r="S2727" s="52" t="s">
        <v>7126</v>
      </c>
      <c r="T2727" s="67" t="s">
        <v>7127</v>
      </c>
      <c r="U2727" s="75" t="s">
        <v>5331</v>
      </c>
      <c r="V2727" s="47" t="s">
        <v>5331</v>
      </c>
      <c r="W2727" s="47" t="s">
        <v>5331</v>
      </c>
      <c r="X2727" s="47" t="s">
        <v>5331</v>
      </c>
      <c r="Y2727" s="47" t="s">
        <v>5331</v>
      </c>
      <c r="Z2727" s="28"/>
      <c r="AA2727" s="27"/>
      <c r="AB2727" s="27"/>
      <c r="AC2727" s="27"/>
      <c r="AD2727" s="30"/>
      <c r="AE2727" s="1"/>
      <c r="AF2727" s="23" t="s">
        <v>5331</v>
      </c>
      <c r="AG2727" s="26"/>
      <c r="AH2727" s="53"/>
    </row>
    <row r="2728" spans="1:34" ht="51.6" customHeight="1" x14ac:dyDescent="0.45">
      <c r="A2728" s="23">
        <v>2722</v>
      </c>
      <c r="B2728" s="25"/>
      <c r="C2728" s="25"/>
      <c r="D2728" s="29"/>
      <c r="E2728" s="1"/>
      <c r="F2728" s="1"/>
      <c r="G2728" s="25"/>
      <c r="H2728" s="71"/>
      <c r="I2728" s="83"/>
      <c r="J2728" s="50" t="str">
        <f t="shared" si="86"/>
        <v/>
      </c>
      <c r="K2728" s="23" t="s">
        <v>7120</v>
      </c>
      <c r="L2728" s="49" t="e">
        <f>VLOOKUP(E2728&amp;F2728,団体コード!$A$1:$C$1743,3,FALSE)</f>
        <v>#N/A</v>
      </c>
      <c r="M2728" s="49" t="e">
        <f>VLOOKUP(E2728&amp;F2728,団体コード!$A$1:$C$1743,2,FALSE)</f>
        <v>#N/A</v>
      </c>
      <c r="N2728" s="51" t="e">
        <f>VLOOKUP(E2728,団体コード!$E$1:$F$48,2,FALSE)</f>
        <v>#N/A</v>
      </c>
      <c r="O2728" s="51" t="e">
        <f t="shared" si="87"/>
        <v>#N/A</v>
      </c>
      <c r="P2728" s="51">
        <v>1</v>
      </c>
      <c r="Q2728" s="51" t="s">
        <v>5341</v>
      </c>
      <c r="R2728" s="54" t="b">
        <v>1</v>
      </c>
      <c r="S2728" s="52" t="s">
        <v>7126</v>
      </c>
      <c r="T2728" s="67" t="s">
        <v>7127</v>
      </c>
      <c r="U2728" s="75" t="s">
        <v>5331</v>
      </c>
      <c r="V2728" s="47" t="s">
        <v>5331</v>
      </c>
      <c r="W2728" s="47" t="s">
        <v>5331</v>
      </c>
      <c r="X2728" s="47" t="s">
        <v>5331</v>
      </c>
      <c r="Y2728" s="47" t="s">
        <v>5331</v>
      </c>
      <c r="Z2728" s="28"/>
      <c r="AA2728" s="27"/>
      <c r="AB2728" s="27"/>
      <c r="AC2728" s="27"/>
      <c r="AD2728" s="30"/>
      <c r="AE2728" s="1"/>
      <c r="AF2728" s="23" t="s">
        <v>5331</v>
      </c>
      <c r="AG2728" s="26"/>
      <c r="AH2728" s="53"/>
    </row>
    <row r="2729" spans="1:34" ht="51.6" customHeight="1" x14ac:dyDescent="0.45">
      <c r="A2729" s="23">
        <v>2723</v>
      </c>
      <c r="B2729" s="25"/>
      <c r="C2729" s="25"/>
      <c r="D2729" s="29"/>
      <c r="E2729" s="1"/>
      <c r="F2729" s="1"/>
      <c r="G2729" s="25"/>
      <c r="H2729" s="71"/>
      <c r="I2729" s="83"/>
      <c r="J2729" s="50" t="str">
        <f t="shared" si="86"/>
        <v/>
      </c>
      <c r="K2729" s="23" t="s">
        <v>7120</v>
      </c>
      <c r="L2729" s="49" t="e">
        <f>VLOOKUP(E2729&amp;F2729,団体コード!$A$1:$C$1743,3,FALSE)</f>
        <v>#N/A</v>
      </c>
      <c r="M2729" s="49" t="e">
        <f>VLOOKUP(E2729&amp;F2729,団体コード!$A$1:$C$1743,2,FALSE)</f>
        <v>#N/A</v>
      </c>
      <c r="N2729" s="51" t="e">
        <f>VLOOKUP(E2729,団体コード!$E$1:$F$48,2,FALSE)</f>
        <v>#N/A</v>
      </c>
      <c r="O2729" s="51" t="e">
        <f t="shared" si="87"/>
        <v>#N/A</v>
      </c>
      <c r="P2729" s="51">
        <v>1</v>
      </c>
      <c r="Q2729" s="51" t="s">
        <v>5341</v>
      </c>
      <c r="R2729" s="54" t="b">
        <v>1</v>
      </c>
      <c r="S2729" s="52" t="s">
        <v>7126</v>
      </c>
      <c r="T2729" s="67" t="s">
        <v>7127</v>
      </c>
      <c r="U2729" s="75" t="s">
        <v>5331</v>
      </c>
      <c r="V2729" s="47" t="s">
        <v>5331</v>
      </c>
      <c r="W2729" s="47" t="s">
        <v>5331</v>
      </c>
      <c r="X2729" s="47" t="s">
        <v>5331</v>
      </c>
      <c r="Y2729" s="47" t="s">
        <v>5331</v>
      </c>
      <c r="Z2729" s="28"/>
      <c r="AA2729" s="27"/>
      <c r="AB2729" s="27"/>
      <c r="AC2729" s="27"/>
      <c r="AD2729" s="30"/>
      <c r="AE2729" s="1"/>
      <c r="AF2729" s="23" t="s">
        <v>5331</v>
      </c>
      <c r="AG2729" s="26"/>
      <c r="AH2729" s="53"/>
    </row>
    <row r="2730" spans="1:34" ht="51.6" customHeight="1" x14ac:dyDescent="0.45">
      <c r="A2730" s="23">
        <v>2724</v>
      </c>
      <c r="B2730" s="25"/>
      <c r="C2730" s="25"/>
      <c r="D2730" s="29"/>
      <c r="E2730" s="1"/>
      <c r="F2730" s="1"/>
      <c r="G2730" s="25"/>
      <c r="H2730" s="71"/>
      <c r="I2730" s="83"/>
      <c r="J2730" s="50" t="str">
        <f t="shared" si="86"/>
        <v/>
      </c>
      <c r="K2730" s="23" t="s">
        <v>7120</v>
      </c>
      <c r="L2730" s="49" t="e">
        <f>VLOOKUP(E2730&amp;F2730,団体コード!$A$1:$C$1743,3,FALSE)</f>
        <v>#N/A</v>
      </c>
      <c r="M2730" s="49" t="e">
        <f>VLOOKUP(E2730&amp;F2730,団体コード!$A$1:$C$1743,2,FALSE)</f>
        <v>#N/A</v>
      </c>
      <c r="N2730" s="51" t="e">
        <f>VLOOKUP(E2730,団体コード!$E$1:$F$48,2,FALSE)</f>
        <v>#N/A</v>
      </c>
      <c r="O2730" s="51" t="e">
        <f t="shared" si="87"/>
        <v>#N/A</v>
      </c>
      <c r="P2730" s="51">
        <v>1</v>
      </c>
      <c r="Q2730" s="51" t="s">
        <v>5341</v>
      </c>
      <c r="R2730" s="54" t="b">
        <v>1</v>
      </c>
      <c r="S2730" s="52" t="s">
        <v>7126</v>
      </c>
      <c r="T2730" s="67" t="s">
        <v>7127</v>
      </c>
      <c r="U2730" s="75" t="s">
        <v>5331</v>
      </c>
      <c r="V2730" s="47" t="s">
        <v>5331</v>
      </c>
      <c r="W2730" s="47" t="s">
        <v>5331</v>
      </c>
      <c r="X2730" s="47" t="s">
        <v>5331</v>
      </c>
      <c r="Y2730" s="47" t="s">
        <v>5331</v>
      </c>
      <c r="Z2730" s="28"/>
      <c r="AA2730" s="27"/>
      <c r="AB2730" s="27"/>
      <c r="AC2730" s="27"/>
      <c r="AD2730" s="30"/>
      <c r="AE2730" s="1"/>
      <c r="AF2730" s="23" t="s">
        <v>5331</v>
      </c>
      <c r="AG2730" s="26"/>
      <c r="AH2730" s="53"/>
    </row>
    <row r="2731" spans="1:34" ht="51.6" customHeight="1" x14ac:dyDescent="0.45">
      <c r="A2731" s="23">
        <v>2725</v>
      </c>
      <c r="B2731" s="25"/>
      <c r="C2731" s="25"/>
      <c r="D2731" s="29"/>
      <c r="E2731" s="1"/>
      <c r="F2731" s="1"/>
      <c r="G2731" s="25"/>
      <c r="H2731" s="71"/>
      <c r="I2731" s="83"/>
      <c r="J2731" s="50" t="str">
        <f t="shared" si="86"/>
        <v/>
      </c>
      <c r="K2731" s="23" t="s">
        <v>7120</v>
      </c>
      <c r="L2731" s="49" t="e">
        <f>VLOOKUP(E2731&amp;F2731,団体コード!$A$1:$C$1743,3,FALSE)</f>
        <v>#N/A</v>
      </c>
      <c r="M2731" s="49" t="e">
        <f>VLOOKUP(E2731&amp;F2731,団体コード!$A$1:$C$1743,2,FALSE)</f>
        <v>#N/A</v>
      </c>
      <c r="N2731" s="51" t="e">
        <f>VLOOKUP(E2731,団体コード!$E$1:$F$48,2,FALSE)</f>
        <v>#N/A</v>
      </c>
      <c r="O2731" s="51" t="e">
        <f t="shared" si="87"/>
        <v>#N/A</v>
      </c>
      <c r="P2731" s="51">
        <v>1</v>
      </c>
      <c r="Q2731" s="51" t="s">
        <v>5341</v>
      </c>
      <c r="R2731" s="54" t="b">
        <v>1</v>
      </c>
      <c r="S2731" s="52" t="s">
        <v>7126</v>
      </c>
      <c r="T2731" s="67" t="s">
        <v>7127</v>
      </c>
      <c r="U2731" s="75" t="s">
        <v>5331</v>
      </c>
      <c r="V2731" s="47" t="s">
        <v>5331</v>
      </c>
      <c r="W2731" s="47" t="s">
        <v>5331</v>
      </c>
      <c r="X2731" s="47" t="s">
        <v>5331</v>
      </c>
      <c r="Y2731" s="47" t="s">
        <v>5331</v>
      </c>
      <c r="Z2731" s="28"/>
      <c r="AA2731" s="27"/>
      <c r="AB2731" s="27"/>
      <c r="AC2731" s="27"/>
      <c r="AD2731" s="30"/>
      <c r="AE2731" s="1"/>
      <c r="AF2731" s="23" t="s">
        <v>5331</v>
      </c>
      <c r="AG2731" s="26"/>
      <c r="AH2731" s="53"/>
    </row>
    <row r="2732" spans="1:34" ht="51.6" customHeight="1" x14ac:dyDescent="0.45">
      <c r="A2732" s="23">
        <v>2726</v>
      </c>
      <c r="B2732" s="25"/>
      <c r="C2732" s="25"/>
      <c r="D2732" s="29"/>
      <c r="E2732" s="1"/>
      <c r="F2732" s="1"/>
      <c r="G2732" s="25"/>
      <c r="H2732" s="71"/>
      <c r="I2732" s="83"/>
      <c r="J2732" s="50" t="str">
        <f t="shared" si="86"/>
        <v/>
      </c>
      <c r="K2732" s="23" t="s">
        <v>7120</v>
      </c>
      <c r="L2732" s="49" t="e">
        <f>VLOOKUP(E2732&amp;F2732,団体コード!$A$1:$C$1743,3,FALSE)</f>
        <v>#N/A</v>
      </c>
      <c r="M2732" s="49" t="e">
        <f>VLOOKUP(E2732&amp;F2732,団体コード!$A$1:$C$1743,2,FALSE)</f>
        <v>#N/A</v>
      </c>
      <c r="N2732" s="51" t="e">
        <f>VLOOKUP(E2732,団体コード!$E$1:$F$48,2,FALSE)</f>
        <v>#N/A</v>
      </c>
      <c r="O2732" s="51" t="e">
        <f t="shared" si="87"/>
        <v>#N/A</v>
      </c>
      <c r="P2732" s="51">
        <v>1</v>
      </c>
      <c r="Q2732" s="51" t="s">
        <v>5341</v>
      </c>
      <c r="R2732" s="54" t="b">
        <v>1</v>
      </c>
      <c r="S2732" s="52" t="s">
        <v>7126</v>
      </c>
      <c r="T2732" s="67" t="s">
        <v>7127</v>
      </c>
      <c r="U2732" s="75" t="s">
        <v>5331</v>
      </c>
      <c r="V2732" s="47" t="s">
        <v>5331</v>
      </c>
      <c r="W2732" s="47" t="s">
        <v>5331</v>
      </c>
      <c r="X2732" s="47" t="s">
        <v>5331</v>
      </c>
      <c r="Y2732" s="47" t="s">
        <v>5331</v>
      </c>
      <c r="Z2732" s="28"/>
      <c r="AA2732" s="27"/>
      <c r="AB2732" s="27"/>
      <c r="AC2732" s="27"/>
      <c r="AD2732" s="30"/>
      <c r="AE2732" s="1"/>
      <c r="AF2732" s="23" t="s">
        <v>5331</v>
      </c>
      <c r="AG2732" s="26"/>
      <c r="AH2732" s="53"/>
    </row>
    <row r="2733" spans="1:34" ht="51.6" customHeight="1" x14ac:dyDescent="0.45">
      <c r="A2733" s="23">
        <v>2727</v>
      </c>
      <c r="B2733" s="25"/>
      <c r="C2733" s="25"/>
      <c r="D2733" s="29"/>
      <c r="E2733" s="1"/>
      <c r="F2733" s="1"/>
      <c r="G2733" s="25"/>
      <c r="H2733" s="71"/>
      <c r="I2733" s="83"/>
      <c r="J2733" s="50" t="str">
        <f t="shared" si="86"/>
        <v/>
      </c>
      <c r="K2733" s="23" t="s">
        <v>7120</v>
      </c>
      <c r="L2733" s="49" t="e">
        <f>VLOOKUP(E2733&amp;F2733,団体コード!$A$1:$C$1743,3,FALSE)</f>
        <v>#N/A</v>
      </c>
      <c r="M2733" s="49" t="e">
        <f>VLOOKUP(E2733&amp;F2733,団体コード!$A$1:$C$1743,2,FALSE)</f>
        <v>#N/A</v>
      </c>
      <c r="N2733" s="51" t="e">
        <f>VLOOKUP(E2733,団体コード!$E$1:$F$48,2,FALSE)</f>
        <v>#N/A</v>
      </c>
      <c r="O2733" s="51" t="e">
        <f t="shared" si="87"/>
        <v>#N/A</v>
      </c>
      <c r="P2733" s="51">
        <v>1</v>
      </c>
      <c r="Q2733" s="51" t="s">
        <v>5341</v>
      </c>
      <c r="R2733" s="54" t="b">
        <v>1</v>
      </c>
      <c r="S2733" s="52" t="s">
        <v>7126</v>
      </c>
      <c r="T2733" s="67" t="s">
        <v>7127</v>
      </c>
      <c r="U2733" s="75" t="s">
        <v>5331</v>
      </c>
      <c r="V2733" s="47" t="s">
        <v>5331</v>
      </c>
      <c r="W2733" s="47" t="s">
        <v>5331</v>
      </c>
      <c r="X2733" s="47" t="s">
        <v>5331</v>
      </c>
      <c r="Y2733" s="47" t="s">
        <v>5331</v>
      </c>
      <c r="Z2733" s="28"/>
      <c r="AA2733" s="27"/>
      <c r="AB2733" s="27"/>
      <c r="AC2733" s="27"/>
      <c r="AD2733" s="30"/>
      <c r="AE2733" s="1"/>
      <c r="AF2733" s="23" t="s">
        <v>5331</v>
      </c>
      <c r="AG2733" s="26"/>
      <c r="AH2733" s="53"/>
    </row>
    <row r="2734" spans="1:34" ht="51.6" customHeight="1" x14ac:dyDescent="0.45">
      <c r="A2734" s="23">
        <v>2728</v>
      </c>
      <c r="B2734" s="25"/>
      <c r="C2734" s="25"/>
      <c r="D2734" s="29"/>
      <c r="E2734" s="1"/>
      <c r="F2734" s="1"/>
      <c r="G2734" s="25"/>
      <c r="H2734" s="71"/>
      <c r="I2734" s="83"/>
      <c r="J2734" s="50" t="str">
        <f t="shared" si="86"/>
        <v/>
      </c>
      <c r="K2734" s="23" t="s">
        <v>7120</v>
      </c>
      <c r="L2734" s="49" t="e">
        <f>VLOOKUP(E2734&amp;F2734,団体コード!$A$1:$C$1743,3,FALSE)</f>
        <v>#N/A</v>
      </c>
      <c r="M2734" s="49" t="e">
        <f>VLOOKUP(E2734&amp;F2734,団体コード!$A$1:$C$1743,2,FALSE)</f>
        <v>#N/A</v>
      </c>
      <c r="N2734" s="51" t="e">
        <f>VLOOKUP(E2734,団体コード!$E$1:$F$48,2,FALSE)</f>
        <v>#N/A</v>
      </c>
      <c r="O2734" s="51" t="e">
        <f t="shared" si="87"/>
        <v>#N/A</v>
      </c>
      <c r="P2734" s="51">
        <v>1</v>
      </c>
      <c r="Q2734" s="51" t="s">
        <v>5341</v>
      </c>
      <c r="R2734" s="54" t="b">
        <v>1</v>
      </c>
      <c r="S2734" s="52" t="s">
        <v>7126</v>
      </c>
      <c r="T2734" s="67" t="s">
        <v>7127</v>
      </c>
      <c r="U2734" s="75" t="s">
        <v>5331</v>
      </c>
      <c r="V2734" s="47" t="s">
        <v>5331</v>
      </c>
      <c r="W2734" s="47" t="s">
        <v>5331</v>
      </c>
      <c r="X2734" s="47" t="s">
        <v>5331</v>
      </c>
      <c r="Y2734" s="47" t="s">
        <v>5331</v>
      </c>
      <c r="Z2734" s="28"/>
      <c r="AA2734" s="27"/>
      <c r="AB2734" s="27"/>
      <c r="AC2734" s="27"/>
      <c r="AD2734" s="30"/>
      <c r="AE2734" s="1"/>
      <c r="AF2734" s="23" t="s">
        <v>5331</v>
      </c>
      <c r="AG2734" s="26"/>
      <c r="AH2734" s="53"/>
    </row>
    <row r="2735" spans="1:34" ht="51.6" customHeight="1" x14ac:dyDescent="0.45">
      <c r="A2735" s="23">
        <v>2729</v>
      </c>
      <c r="B2735" s="25"/>
      <c r="C2735" s="25"/>
      <c r="D2735" s="29"/>
      <c r="E2735" s="1"/>
      <c r="F2735" s="1"/>
      <c r="G2735" s="25"/>
      <c r="H2735" s="71"/>
      <c r="I2735" s="83"/>
      <c r="J2735" s="50" t="str">
        <f t="shared" si="86"/>
        <v/>
      </c>
      <c r="K2735" s="23" t="s">
        <v>7120</v>
      </c>
      <c r="L2735" s="49" t="e">
        <f>VLOOKUP(E2735&amp;F2735,団体コード!$A$1:$C$1743,3,FALSE)</f>
        <v>#N/A</v>
      </c>
      <c r="M2735" s="49" t="e">
        <f>VLOOKUP(E2735&amp;F2735,団体コード!$A$1:$C$1743,2,FALSE)</f>
        <v>#N/A</v>
      </c>
      <c r="N2735" s="51" t="e">
        <f>VLOOKUP(E2735,団体コード!$E$1:$F$48,2,FALSE)</f>
        <v>#N/A</v>
      </c>
      <c r="O2735" s="51" t="e">
        <f t="shared" si="87"/>
        <v>#N/A</v>
      </c>
      <c r="P2735" s="51">
        <v>1</v>
      </c>
      <c r="Q2735" s="51" t="s">
        <v>5341</v>
      </c>
      <c r="R2735" s="54" t="b">
        <v>1</v>
      </c>
      <c r="S2735" s="52" t="s">
        <v>7126</v>
      </c>
      <c r="T2735" s="67" t="s">
        <v>7127</v>
      </c>
      <c r="U2735" s="75" t="s">
        <v>5331</v>
      </c>
      <c r="V2735" s="47" t="s">
        <v>5331</v>
      </c>
      <c r="W2735" s="47" t="s">
        <v>5331</v>
      </c>
      <c r="X2735" s="47" t="s">
        <v>5331</v>
      </c>
      <c r="Y2735" s="47" t="s">
        <v>5331</v>
      </c>
      <c r="Z2735" s="28"/>
      <c r="AA2735" s="27"/>
      <c r="AB2735" s="27"/>
      <c r="AC2735" s="27"/>
      <c r="AD2735" s="30"/>
      <c r="AE2735" s="1"/>
      <c r="AF2735" s="23" t="s">
        <v>5331</v>
      </c>
      <c r="AG2735" s="26"/>
      <c r="AH2735" s="53"/>
    </row>
    <row r="2736" spans="1:34" ht="51.6" customHeight="1" x14ac:dyDescent="0.45">
      <c r="A2736" s="23">
        <v>2730</v>
      </c>
      <c r="B2736" s="25"/>
      <c r="C2736" s="25"/>
      <c r="D2736" s="29"/>
      <c r="E2736" s="1"/>
      <c r="F2736" s="1"/>
      <c r="G2736" s="25"/>
      <c r="H2736" s="71"/>
      <c r="I2736" s="83"/>
      <c r="J2736" s="50" t="str">
        <f t="shared" si="86"/>
        <v/>
      </c>
      <c r="K2736" s="23" t="s">
        <v>7120</v>
      </c>
      <c r="L2736" s="49" t="e">
        <f>VLOOKUP(E2736&amp;F2736,団体コード!$A$1:$C$1743,3,FALSE)</f>
        <v>#N/A</v>
      </c>
      <c r="M2736" s="49" t="e">
        <f>VLOOKUP(E2736&amp;F2736,団体コード!$A$1:$C$1743,2,FALSE)</f>
        <v>#N/A</v>
      </c>
      <c r="N2736" s="51" t="e">
        <f>VLOOKUP(E2736,団体コード!$E$1:$F$48,2,FALSE)</f>
        <v>#N/A</v>
      </c>
      <c r="O2736" s="51" t="e">
        <f t="shared" si="87"/>
        <v>#N/A</v>
      </c>
      <c r="P2736" s="51">
        <v>1</v>
      </c>
      <c r="Q2736" s="51" t="s">
        <v>5341</v>
      </c>
      <c r="R2736" s="54" t="b">
        <v>1</v>
      </c>
      <c r="S2736" s="52" t="s">
        <v>7126</v>
      </c>
      <c r="T2736" s="67" t="s">
        <v>7127</v>
      </c>
      <c r="U2736" s="75" t="s">
        <v>5331</v>
      </c>
      <c r="V2736" s="47" t="s">
        <v>5331</v>
      </c>
      <c r="W2736" s="47" t="s">
        <v>5331</v>
      </c>
      <c r="X2736" s="47" t="s">
        <v>5331</v>
      </c>
      <c r="Y2736" s="47" t="s">
        <v>5331</v>
      </c>
      <c r="Z2736" s="28"/>
      <c r="AA2736" s="27"/>
      <c r="AB2736" s="27"/>
      <c r="AC2736" s="27"/>
      <c r="AD2736" s="30"/>
      <c r="AE2736" s="1"/>
      <c r="AF2736" s="23" t="s">
        <v>5331</v>
      </c>
      <c r="AG2736" s="26"/>
      <c r="AH2736" s="53"/>
    </row>
    <row r="2737" spans="1:34" ht="51.6" customHeight="1" x14ac:dyDescent="0.45">
      <c r="A2737" s="23">
        <v>2731</v>
      </c>
      <c r="B2737" s="25"/>
      <c r="C2737" s="25"/>
      <c r="D2737" s="29"/>
      <c r="E2737" s="1"/>
      <c r="F2737" s="1"/>
      <c r="G2737" s="25"/>
      <c r="H2737" s="71"/>
      <c r="I2737" s="83"/>
      <c r="J2737" s="50" t="str">
        <f t="shared" si="86"/>
        <v/>
      </c>
      <c r="K2737" s="23" t="s">
        <v>7120</v>
      </c>
      <c r="L2737" s="49" t="e">
        <f>VLOOKUP(E2737&amp;F2737,団体コード!$A$1:$C$1743,3,FALSE)</f>
        <v>#N/A</v>
      </c>
      <c r="M2737" s="49" t="e">
        <f>VLOOKUP(E2737&amp;F2737,団体コード!$A$1:$C$1743,2,FALSE)</f>
        <v>#N/A</v>
      </c>
      <c r="N2737" s="51" t="e">
        <f>VLOOKUP(E2737,団体コード!$E$1:$F$48,2,FALSE)</f>
        <v>#N/A</v>
      </c>
      <c r="O2737" s="51" t="e">
        <f t="shared" si="87"/>
        <v>#N/A</v>
      </c>
      <c r="P2737" s="51">
        <v>1</v>
      </c>
      <c r="Q2737" s="51" t="s">
        <v>5341</v>
      </c>
      <c r="R2737" s="54" t="b">
        <v>1</v>
      </c>
      <c r="S2737" s="52" t="s">
        <v>7126</v>
      </c>
      <c r="T2737" s="67" t="s">
        <v>7127</v>
      </c>
      <c r="U2737" s="75" t="s">
        <v>5331</v>
      </c>
      <c r="V2737" s="47" t="s">
        <v>5331</v>
      </c>
      <c r="W2737" s="47" t="s">
        <v>5331</v>
      </c>
      <c r="X2737" s="47" t="s">
        <v>5331</v>
      </c>
      <c r="Y2737" s="47" t="s">
        <v>5331</v>
      </c>
      <c r="Z2737" s="28"/>
      <c r="AA2737" s="27"/>
      <c r="AB2737" s="27"/>
      <c r="AC2737" s="27"/>
      <c r="AD2737" s="30"/>
      <c r="AE2737" s="1"/>
      <c r="AF2737" s="23" t="s">
        <v>5331</v>
      </c>
      <c r="AG2737" s="26"/>
      <c r="AH2737" s="53"/>
    </row>
    <row r="2738" spans="1:34" ht="51.6" customHeight="1" x14ac:dyDescent="0.45">
      <c r="A2738" s="23">
        <v>2732</v>
      </c>
      <c r="B2738" s="25"/>
      <c r="C2738" s="25"/>
      <c r="D2738" s="29"/>
      <c r="E2738" s="1"/>
      <c r="F2738" s="1"/>
      <c r="G2738" s="25"/>
      <c r="H2738" s="71"/>
      <c r="I2738" s="83"/>
      <c r="J2738" s="50" t="str">
        <f t="shared" si="86"/>
        <v/>
      </c>
      <c r="K2738" s="23" t="s">
        <v>7120</v>
      </c>
      <c r="L2738" s="49" t="e">
        <f>VLOOKUP(E2738&amp;F2738,団体コード!$A$1:$C$1743,3,FALSE)</f>
        <v>#N/A</v>
      </c>
      <c r="M2738" s="49" t="e">
        <f>VLOOKUP(E2738&amp;F2738,団体コード!$A$1:$C$1743,2,FALSE)</f>
        <v>#N/A</v>
      </c>
      <c r="N2738" s="51" t="e">
        <f>VLOOKUP(E2738,団体コード!$E$1:$F$48,2,FALSE)</f>
        <v>#N/A</v>
      </c>
      <c r="O2738" s="51" t="e">
        <f t="shared" si="87"/>
        <v>#N/A</v>
      </c>
      <c r="P2738" s="51">
        <v>1</v>
      </c>
      <c r="Q2738" s="51" t="s">
        <v>5341</v>
      </c>
      <c r="R2738" s="54" t="b">
        <v>1</v>
      </c>
      <c r="S2738" s="52" t="s">
        <v>7126</v>
      </c>
      <c r="T2738" s="67" t="s">
        <v>7127</v>
      </c>
      <c r="U2738" s="75" t="s">
        <v>5331</v>
      </c>
      <c r="V2738" s="47" t="s">
        <v>5331</v>
      </c>
      <c r="W2738" s="47" t="s">
        <v>5331</v>
      </c>
      <c r="X2738" s="47" t="s">
        <v>5331</v>
      </c>
      <c r="Y2738" s="47" t="s">
        <v>5331</v>
      </c>
      <c r="Z2738" s="28"/>
      <c r="AA2738" s="27"/>
      <c r="AB2738" s="27"/>
      <c r="AC2738" s="27"/>
      <c r="AD2738" s="30"/>
      <c r="AE2738" s="1"/>
      <c r="AF2738" s="23" t="s">
        <v>5331</v>
      </c>
      <c r="AG2738" s="26"/>
      <c r="AH2738" s="53"/>
    </row>
    <row r="2739" spans="1:34" ht="51.6" customHeight="1" x14ac:dyDescent="0.45">
      <c r="A2739" s="23">
        <v>2733</v>
      </c>
      <c r="B2739" s="25"/>
      <c r="C2739" s="25"/>
      <c r="D2739" s="29"/>
      <c r="E2739" s="1"/>
      <c r="F2739" s="1"/>
      <c r="G2739" s="25"/>
      <c r="H2739" s="71"/>
      <c r="I2739" s="83"/>
      <c r="J2739" s="50" t="str">
        <f t="shared" si="86"/>
        <v/>
      </c>
      <c r="K2739" s="23" t="s">
        <v>7120</v>
      </c>
      <c r="L2739" s="49" t="e">
        <f>VLOOKUP(E2739&amp;F2739,団体コード!$A$1:$C$1743,3,FALSE)</f>
        <v>#N/A</v>
      </c>
      <c r="M2739" s="49" t="e">
        <f>VLOOKUP(E2739&amp;F2739,団体コード!$A$1:$C$1743,2,FALSE)</f>
        <v>#N/A</v>
      </c>
      <c r="N2739" s="51" t="e">
        <f>VLOOKUP(E2739,団体コード!$E$1:$F$48,2,FALSE)</f>
        <v>#N/A</v>
      </c>
      <c r="O2739" s="51" t="e">
        <f t="shared" si="87"/>
        <v>#N/A</v>
      </c>
      <c r="P2739" s="51">
        <v>1</v>
      </c>
      <c r="Q2739" s="51" t="s">
        <v>5341</v>
      </c>
      <c r="R2739" s="54" t="b">
        <v>1</v>
      </c>
      <c r="S2739" s="52" t="s">
        <v>7126</v>
      </c>
      <c r="T2739" s="67" t="s">
        <v>7127</v>
      </c>
      <c r="U2739" s="75" t="s">
        <v>5331</v>
      </c>
      <c r="V2739" s="47" t="s">
        <v>5331</v>
      </c>
      <c r="W2739" s="47" t="s">
        <v>5331</v>
      </c>
      <c r="X2739" s="47" t="s">
        <v>5331</v>
      </c>
      <c r="Y2739" s="47" t="s">
        <v>5331</v>
      </c>
      <c r="Z2739" s="28"/>
      <c r="AA2739" s="27"/>
      <c r="AB2739" s="27"/>
      <c r="AC2739" s="27"/>
      <c r="AD2739" s="30"/>
      <c r="AE2739" s="1"/>
      <c r="AF2739" s="23" t="s">
        <v>5331</v>
      </c>
      <c r="AG2739" s="26"/>
      <c r="AH2739" s="53"/>
    </row>
    <row r="2740" spans="1:34" ht="51.6" customHeight="1" x14ac:dyDescent="0.45">
      <c r="A2740" s="23">
        <v>2734</v>
      </c>
      <c r="B2740" s="25"/>
      <c r="C2740" s="25"/>
      <c r="D2740" s="29"/>
      <c r="E2740" s="1"/>
      <c r="F2740" s="1"/>
      <c r="G2740" s="25"/>
      <c r="H2740" s="71"/>
      <c r="I2740" s="83"/>
      <c r="J2740" s="50" t="str">
        <f t="shared" si="86"/>
        <v/>
      </c>
      <c r="K2740" s="23" t="s">
        <v>7120</v>
      </c>
      <c r="L2740" s="49" t="e">
        <f>VLOOKUP(E2740&amp;F2740,団体コード!$A$1:$C$1743,3,FALSE)</f>
        <v>#N/A</v>
      </c>
      <c r="M2740" s="49" t="e">
        <f>VLOOKUP(E2740&amp;F2740,団体コード!$A$1:$C$1743,2,FALSE)</f>
        <v>#N/A</v>
      </c>
      <c r="N2740" s="51" t="e">
        <f>VLOOKUP(E2740,団体コード!$E$1:$F$48,2,FALSE)</f>
        <v>#N/A</v>
      </c>
      <c r="O2740" s="51" t="e">
        <f t="shared" si="87"/>
        <v>#N/A</v>
      </c>
      <c r="P2740" s="51">
        <v>1</v>
      </c>
      <c r="Q2740" s="51" t="s">
        <v>5341</v>
      </c>
      <c r="R2740" s="54" t="b">
        <v>1</v>
      </c>
      <c r="S2740" s="52" t="s">
        <v>7126</v>
      </c>
      <c r="T2740" s="67" t="s">
        <v>7127</v>
      </c>
      <c r="U2740" s="75" t="s">
        <v>5331</v>
      </c>
      <c r="V2740" s="47" t="s">
        <v>5331</v>
      </c>
      <c r="W2740" s="47" t="s">
        <v>5331</v>
      </c>
      <c r="X2740" s="47" t="s">
        <v>5331</v>
      </c>
      <c r="Y2740" s="47" t="s">
        <v>5331</v>
      </c>
      <c r="Z2740" s="28"/>
      <c r="AA2740" s="27"/>
      <c r="AB2740" s="27"/>
      <c r="AC2740" s="27"/>
      <c r="AD2740" s="30"/>
      <c r="AE2740" s="1"/>
      <c r="AF2740" s="23" t="s">
        <v>5331</v>
      </c>
      <c r="AG2740" s="26"/>
      <c r="AH2740" s="53"/>
    </row>
    <row r="2741" spans="1:34" ht="51.6" customHeight="1" x14ac:dyDescent="0.45">
      <c r="A2741" s="23">
        <v>2735</v>
      </c>
      <c r="B2741" s="25"/>
      <c r="C2741" s="25"/>
      <c r="D2741" s="29"/>
      <c r="E2741" s="1"/>
      <c r="F2741" s="1"/>
      <c r="G2741" s="25"/>
      <c r="H2741" s="71"/>
      <c r="I2741" s="83"/>
      <c r="J2741" s="50" t="str">
        <f t="shared" si="86"/>
        <v/>
      </c>
      <c r="K2741" s="23" t="s">
        <v>7120</v>
      </c>
      <c r="L2741" s="49" t="e">
        <f>VLOOKUP(E2741&amp;F2741,団体コード!$A$1:$C$1743,3,FALSE)</f>
        <v>#N/A</v>
      </c>
      <c r="M2741" s="49" t="e">
        <f>VLOOKUP(E2741&amp;F2741,団体コード!$A$1:$C$1743,2,FALSE)</f>
        <v>#N/A</v>
      </c>
      <c r="N2741" s="51" t="e">
        <f>VLOOKUP(E2741,団体コード!$E$1:$F$48,2,FALSE)</f>
        <v>#N/A</v>
      </c>
      <c r="O2741" s="51" t="e">
        <f t="shared" si="87"/>
        <v>#N/A</v>
      </c>
      <c r="P2741" s="51">
        <v>1</v>
      </c>
      <c r="Q2741" s="51" t="s">
        <v>5341</v>
      </c>
      <c r="R2741" s="54" t="b">
        <v>1</v>
      </c>
      <c r="S2741" s="52" t="s">
        <v>7126</v>
      </c>
      <c r="T2741" s="67" t="s">
        <v>7127</v>
      </c>
      <c r="U2741" s="75" t="s">
        <v>5331</v>
      </c>
      <c r="V2741" s="47" t="s">
        <v>5331</v>
      </c>
      <c r="W2741" s="47" t="s">
        <v>5331</v>
      </c>
      <c r="X2741" s="47" t="s">
        <v>5331</v>
      </c>
      <c r="Y2741" s="47" t="s">
        <v>5331</v>
      </c>
      <c r="Z2741" s="28"/>
      <c r="AA2741" s="27"/>
      <c r="AB2741" s="27"/>
      <c r="AC2741" s="27"/>
      <c r="AD2741" s="30"/>
      <c r="AE2741" s="1"/>
      <c r="AF2741" s="23" t="s">
        <v>5331</v>
      </c>
      <c r="AG2741" s="26"/>
      <c r="AH2741" s="53"/>
    </row>
    <row r="2742" spans="1:34" ht="51.6" customHeight="1" x14ac:dyDescent="0.45">
      <c r="A2742" s="23">
        <v>2736</v>
      </c>
      <c r="B2742" s="25"/>
      <c r="C2742" s="25"/>
      <c r="D2742" s="29"/>
      <c r="E2742" s="1"/>
      <c r="F2742" s="1"/>
      <c r="G2742" s="25"/>
      <c r="H2742" s="71"/>
      <c r="I2742" s="83"/>
      <c r="J2742" s="50" t="str">
        <f t="shared" si="86"/>
        <v/>
      </c>
      <c r="K2742" s="23" t="s">
        <v>7120</v>
      </c>
      <c r="L2742" s="49" t="e">
        <f>VLOOKUP(E2742&amp;F2742,団体コード!$A$1:$C$1743,3,FALSE)</f>
        <v>#N/A</v>
      </c>
      <c r="M2742" s="49" t="e">
        <f>VLOOKUP(E2742&amp;F2742,団体コード!$A$1:$C$1743,2,FALSE)</f>
        <v>#N/A</v>
      </c>
      <c r="N2742" s="51" t="e">
        <f>VLOOKUP(E2742,団体コード!$E$1:$F$48,2,FALSE)</f>
        <v>#N/A</v>
      </c>
      <c r="O2742" s="51" t="e">
        <f t="shared" si="87"/>
        <v>#N/A</v>
      </c>
      <c r="P2742" s="51">
        <v>1</v>
      </c>
      <c r="Q2742" s="51" t="s">
        <v>5341</v>
      </c>
      <c r="R2742" s="54" t="b">
        <v>1</v>
      </c>
      <c r="S2742" s="52" t="s">
        <v>7126</v>
      </c>
      <c r="T2742" s="67" t="s">
        <v>7127</v>
      </c>
      <c r="U2742" s="75" t="s">
        <v>5331</v>
      </c>
      <c r="V2742" s="47" t="s">
        <v>5331</v>
      </c>
      <c r="W2742" s="47" t="s">
        <v>5331</v>
      </c>
      <c r="X2742" s="47" t="s">
        <v>5331</v>
      </c>
      <c r="Y2742" s="47" t="s">
        <v>5331</v>
      </c>
      <c r="Z2742" s="28"/>
      <c r="AA2742" s="27"/>
      <c r="AB2742" s="27"/>
      <c r="AC2742" s="27"/>
      <c r="AD2742" s="30"/>
      <c r="AE2742" s="1"/>
      <c r="AF2742" s="23" t="s">
        <v>5331</v>
      </c>
      <c r="AG2742" s="26"/>
      <c r="AH2742" s="53"/>
    </row>
    <row r="2743" spans="1:34" ht="51.6" customHeight="1" x14ac:dyDescent="0.45">
      <c r="A2743" s="23">
        <v>2737</v>
      </c>
      <c r="B2743" s="25"/>
      <c r="C2743" s="25"/>
      <c r="D2743" s="29"/>
      <c r="E2743" s="1"/>
      <c r="F2743" s="1"/>
      <c r="G2743" s="25"/>
      <c r="H2743" s="71"/>
      <c r="I2743" s="83"/>
      <c r="J2743" s="50" t="str">
        <f t="shared" si="86"/>
        <v/>
      </c>
      <c r="K2743" s="23" t="s">
        <v>7120</v>
      </c>
      <c r="L2743" s="49" t="e">
        <f>VLOOKUP(E2743&amp;F2743,団体コード!$A$1:$C$1743,3,FALSE)</f>
        <v>#N/A</v>
      </c>
      <c r="M2743" s="49" t="e">
        <f>VLOOKUP(E2743&amp;F2743,団体コード!$A$1:$C$1743,2,FALSE)</f>
        <v>#N/A</v>
      </c>
      <c r="N2743" s="51" t="e">
        <f>VLOOKUP(E2743,団体コード!$E$1:$F$48,2,FALSE)</f>
        <v>#N/A</v>
      </c>
      <c r="O2743" s="51" t="e">
        <f t="shared" si="87"/>
        <v>#N/A</v>
      </c>
      <c r="P2743" s="51">
        <v>1</v>
      </c>
      <c r="Q2743" s="51" t="s">
        <v>5341</v>
      </c>
      <c r="R2743" s="54" t="b">
        <v>1</v>
      </c>
      <c r="S2743" s="52" t="s">
        <v>7126</v>
      </c>
      <c r="T2743" s="67" t="s">
        <v>7127</v>
      </c>
      <c r="U2743" s="75" t="s">
        <v>5331</v>
      </c>
      <c r="V2743" s="47" t="s">
        <v>5331</v>
      </c>
      <c r="W2743" s="47" t="s">
        <v>5331</v>
      </c>
      <c r="X2743" s="47" t="s">
        <v>5331</v>
      </c>
      <c r="Y2743" s="47" t="s">
        <v>5331</v>
      </c>
      <c r="Z2743" s="28"/>
      <c r="AA2743" s="27"/>
      <c r="AB2743" s="27"/>
      <c r="AC2743" s="27"/>
      <c r="AD2743" s="30"/>
      <c r="AE2743" s="1"/>
      <c r="AF2743" s="23" t="s">
        <v>5331</v>
      </c>
      <c r="AG2743" s="26"/>
      <c r="AH2743" s="53"/>
    </row>
    <row r="2744" spans="1:34" ht="51.6" customHeight="1" x14ac:dyDescent="0.45">
      <c r="A2744" s="23">
        <v>2738</v>
      </c>
      <c r="B2744" s="25"/>
      <c r="C2744" s="25"/>
      <c r="D2744" s="29"/>
      <c r="E2744" s="1"/>
      <c r="F2744" s="1"/>
      <c r="G2744" s="25"/>
      <c r="H2744" s="71"/>
      <c r="I2744" s="83"/>
      <c r="J2744" s="50" t="str">
        <f t="shared" si="86"/>
        <v/>
      </c>
      <c r="K2744" s="23" t="s">
        <v>7120</v>
      </c>
      <c r="L2744" s="49" t="e">
        <f>VLOOKUP(E2744&amp;F2744,団体コード!$A$1:$C$1743,3,FALSE)</f>
        <v>#N/A</v>
      </c>
      <c r="M2744" s="49" t="e">
        <f>VLOOKUP(E2744&amp;F2744,団体コード!$A$1:$C$1743,2,FALSE)</f>
        <v>#N/A</v>
      </c>
      <c r="N2744" s="51" t="e">
        <f>VLOOKUP(E2744,団体コード!$E$1:$F$48,2,FALSE)</f>
        <v>#N/A</v>
      </c>
      <c r="O2744" s="51" t="e">
        <f t="shared" si="87"/>
        <v>#N/A</v>
      </c>
      <c r="P2744" s="51">
        <v>1</v>
      </c>
      <c r="Q2744" s="51" t="s">
        <v>5341</v>
      </c>
      <c r="R2744" s="54" t="b">
        <v>1</v>
      </c>
      <c r="S2744" s="52" t="s">
        <v>7126</v>
      </c>
      <c r="T2744" s="67" t="s">
        <v>7127</v>
      </c>
      <c r="U2744" s="75" t="s">
        <v>5331</v>
      </c>
      <c r="V2744" s="47" t="s">
        <v>5331</v>
      </c>
      <c r="W2744" s="47" t="s">
        <v>5331</v>
      </c>
      <c r="X2744" s="47" t="s">
        <v>5331</v>
      </c>
      <c r="Y2744" s="47" t="s">
        <v>5331</v>
      </c>
      <c r="Z2744" s="28"/>
      <c r="AA2744" s="27"/>
      <c r="AB2744" s="27"/>
      <c r="AC2744" s="27"/>
      <c r="AD2744" s="30"/>
      <c r="AE2744" s="1"/>
      <c r="AF2744" s="23" t="s">
        <v>5331</v>
      </c>
      <c r="AG2744" s="26"/>
      <c r="AH2744" s="53"/>
    </row>
    <row r="2745" spans="1:34" ht="51.6" customHeight="1" x14ac:dyDescent="0.45">
      <c r="A2745" s="23">
        <v>2739</v>
      </c>
      <c r="B2745" s="25"/>
      <c r="C2745" s="25"/>
      <c r="D2745" s="29"/>
      <c r="E2745" s="1"/>
      <c r="F2745" s="1"/>
      <c r="G2745" s="25"/>
      <c r="H2745" s="71"/>
      <c r="I2745" s="83"/>
      <c r="J2745" s="50" t="str">
        <f t="shared" si="86"/>
        <v/>
      </c>
      <c r="K2745" s="23" t="s">
        <v>7120</v>
      </c>
      <c r="L2745" s="49" t="e">
        <f>VLOOKUP(E2745&amp;F2745,団体コード!$A$1:$C$1743,3,FALSE)</f>
        <v>#N/A</v>
      </c>
      <c r="M2745" s="49" t="e">
        <f>VLOOKUP(E2745&amp;F2745,団体コード!$A$1:$C$1743,2,FALSE)</f>
        <v>#N/A</v>
      </c>
      <c r="N2745" s="51" t="e">
        <f>VLOOKUP(E2745,団体コード!$E$1:$F$48,2,FALSE)</f>
        <v>#N/A</v>
      </c>
      <c r="O2745" s="51" t="e">
        <f t="shared" si="87"/>
        <v>#N/A</v>
      </c>
      <c r="P2745" s="51">
        <v>1</v>
      </c>
      <c r="Q2745" s="51" t="s">
        <v>5341</v>
      </c>
      <c r="R2745" s="54" t="b">
        <v>1</v>
      </c>
      <c r="S2745" s="52" t="s">
        <v>7126</v>
      </c>
      <c r="T2745" s="67" t="s">
        <v>7127</v>
      </c>
      <c r="U2745" s="75" t="s">
        <v>5331</v>
      </c>
      <c r="V2745" s="47" t="s">
        <v>5331</v>
      </c>
      <c r="W2745" s="47" t="s">
        <v>5331</v>
      </c>
      <c r="X2745" s="47" t="s">
        <v>5331</v>
      </c>
      <c r="Y2745" s="47" t="s">
        <v>5331</v>
      </c>
      <c r="Z2745" s="28"/>
      <c r="AA2745" s="27"/>
      <c r="AB2745" s="27"/>
      <c r="AC2745" s="27"/>
      <c r="AD2745" s="30"/>
      <c r="AE2745" s="1"/>
      <c r="AF2745" s="23" t="s">
        <v>5331</v>
      </c>
      <c r="AG2745" s="26"/>
      <c r="AH2745" s="53"/>
    </row>
    <row r="2746" spans="1:34" ht="51.6" customHeight="1" x14ac:dyDescent="0.45">
      <c r="A2746" s="23">
        <v>2740</v>
      </c>
      <c r="B2746" s="25"/>
      <c r="C2746" s="25"/>
      <c r="D2746" s="29"/>
      <c r="E2746" s="1"/>
      <c r="F2746" s="1"/>
      <c r="G2746" s="25"/>
      <c r="H2746" s="71"/>
      <c r="I2746" s="83"/>
      <c r="J2746" s="50" t="str">
        <f t="shared" si="86"/>
        <v/>
      </c>
      <c r="K2746" s="23" t="s">
        <v>7120</v>
      </c>
      <c r="L2746" s="49" t="e">
        <f>VLOOKUP(E2746&amp;F2746,団体コード!$A$1:$C$1743,3,FALSE)</f>
        <v>#N/A</v>
      </c>
      <c r="M2746" s="49" t="e">
        <f>VLOOKUP(E2746&amp;F2746,団体コード!$A$1:$C$1743,2,FALSE)</f>
        <v>#N/A</v>
      </c>
      <c r="N2746" s="51" t="e">
        <f>VLOOKUP(E2746,団体コード!$E$1:$F$48,2,FALSE)</f>
        <v>#N/A</v>
      </c>
      <c r="O2746" s="51" t="e">
        <f t="shared" si="87"/>
        <v>#N/A</v>
      </c>
      <c r="P2746" s="51">
        <v>1</v>
      </c>
      <c r="Q2746" s="51" t="s">
        <v>5341</v>
      </c>
      <c r="R2746" s="54" t="b">
        <v>1</v>
      </c>
      <c r="S2746" s="52" t="s">
        <v>7126</v>
      </c>
      <c r="T2746" s="67" t="s">
        <v>7127</v>
      </c>
      <c r="U2746" s="75" t="s">
        <v>5331</v>
      </c>
      <c r="V2746" s="47" t="s">
        <v>5331</v>
      </c>
      <c r="W2746" s="47" t="s">
        <v>5331</v>
      </c>
      <c r="X2746" s="47" t="s">
        <v>5331</v>
      </c>
      <c r="Y2746" s="47" t="s">
        <v>5331</v>
      </c>
      <c r="Z2746" s="28"/>
      <c r="AA2746" s="27"/>
      <c r="AB2746" s="27"/>
      <c r="AC2746" s="27"/>
      <c r="AD2746" s="30"/>
      <c r="AE2746" s="1"/>
      <c r="AF2746" s="23" t="s">
        <v>5331</v>
      </c>
      <c r="AG2746" s="26"/>
      <c r="AH2746" s="53"/>
    </row>
    <row r="2747" spans="1:34" ht="51.6" customHeight="1" x14ac:dyDescent="0.45">
      <c r="A2747" s="23">
        <v>2741</v>
      </c>
      <c r="B2747" s="25"/>
      <c r="C2747" s="25"/>
      <c r="D2747" s="29"/>
      <c r="E2747" s="1"/>
      <c r="F2747" s="1"/>
      <c r="G2747" s="25"/>
      <c r="H2747" s="71"/>
      <c r="I2747" s="83"/>
      <c r="J2747" s="50" t="str">
        <f t="shared" si="86"/>
        <v/>
      </c>
      <c r="K2747" s="23" t="s">
        <v>7120</v>
      </c>
      <c r="L2747" s="49" t="e">
        <f>VLOOKUP(E2747&amp;F2747,団体コード!$A$1:$C$1743,3,FALSE)</f>
        <v>#N/A</v>
      </c>
      <c r="M2747" s="49" t="e">
        <f>VLOOKUP(E2747&amp;F2747,団体コード!$A$1:$C$1743,2,FALSE)</f>
        <v>#N/A</v>
      </c>
      <c r="N2747" s="51" t="e">
        <f>VLOOKUP(E2747,団体コード!$E$1:$F$48,2,FALSE)</f>
        <v>#N/A</v>
      </c>
      <c r="O2747" s="51" t="e">
        <f t="shared" si="87"/>
        <v>#N/A</v>
      </c>
      <c r="P2747" s="51">
        <v>1</v>
      </c>
      <c r="Q2747" s="51" t="s">
        <v>5341</v>
      </c>
      <c r="R2747" s="54" t="b">
        <v>1</v>
      </c>
      <c r="S2747" s="52" t="s">
        <v>7126</v>
      </c>
      <c r="T2747" s="67" t="s">
        <v>7127</v>
      </c>
      <c r="U2747" s="75" t="s">
        <v>5331</v>
      </c>
      <c r="V2747" s="47" t="s">
        <v>5331</v>
      </c>
      <c r="W2747" s="47" t="s">
        <v>5331</v>
      </c>
      <c r="X2747" s="47" t="s">
        <v>5331</v>
      </c>
      <c r="Y2747" s="47" t="s">
        <v>5331</v>
      </c>
      <c r="Z2747" s="28"/>
      <c r="AA2747" s="27"/>
      <c r="AB2747" s="27"/>
      <c r="AC2747" s="27"/>
      <c r="AD2747" s="30"/>
      <c r="AE2747" s="1"/>
      <c r="AF2747" s="23" t="s">
        <v>5331</v>
      </c>
      <c r="AG2747" s="26"/>
      <c r="AH2747" s="53"/>
    </row>
    <row r="2748" spans="1:34" ht="51.6" customHeight="1" x14ac:dyDescent="0.45">
      <c r="A2748" s="23">
        <v>2742</v>
      </c>
      <c r="B2748" s="25"/>
      <c r="C2748" s="25"/>
      <c r="D2748" s="29"/>
      <c r="E2748" s="1"/>
      <c r="F2748" s="1"/>
      <c r="G2748" s="25"/>
      <c r="H2748" s="71"/>
      <c r="I2748" s="83"/>
      <c r="J2748" s="50" t="str">
        <f t="shared" si="86"/>
        <v/>
      </c>
      <c r="K2748" s="23" t="s">
        <v>7120</v>
      </c>
      <c r="L2748" s="49" t="e">
        <f>VLOOKUP(E2748&amp;F2748,団体コード!$A$1:$C$1743,3,FALSE)</f>
        <v>#N/A</v>
      </c>
      <c r="M2748" s="49" t="e">
        <f>VLOOKUP(E2748&amp;F2748,団体コード!$A$1:$C$1743,2,FALSE)</f>
        <v>#N/A</v>
      </c>
      <c r="N2748" s="51" t="e">
        <f>VLOOKUP(E2748,団体コード!$E$1:$F$48,2,FALSE)</f>
        <v>#N/A</v>
      </c>
      <c r="O2748" s="51" t="e">
        <f t="shared" si="87"/>
        <v>#N/A</v>
      </c>
      <c r="P2748" s="51">
        <v>1</v>
      </c>
      <c r="Q2748" s="51" t="s">
        <v>5341</v>
      </c>
      <c r="R2748" s="54" t="b">
        <v>1</v>
      </c>
      <c r="S2748" s="52" t="s">
        <v>7126</v>
      </c>
      <c r="T2748" s="67" t="s">
        <v>7127</v>
      </c>
      <c r="U2748" s="75" t="s">
        <v>5331</v>
      </c>
      <c r="V2748" s="47" t="s">
        <v>5331</v>
      </c>
      <c r="W2748" s="47" t="s">
        <v>5331</v>
      </c>
      <c r="X2748" s="47" t="s">
        <v>5331</v>
      </c>
      <c r="Y2748" s="47" t="s">
        <v>5331</v>
      </c>
      <c r="Z2748" s="28"/>
      <c r="AA2748" s="27"/>
      <c r="AB2748" s="27"/>
      <c r="AC2748" s="27"/>
      <c r="AD2748" s="30"/>
      <c r="AE2748" s="1"/>
      <c r="AF2748" s="23" t="s">
        <v>5331</v>
      </c>
      <c r="AG2748" s="26"/>
      <c r="AH2748" s="53"/>
    </row>
    <row r="2749" spans="1:34" ht="51.6" customHeight="1" x14ac:dyDescent="0.45">
      <c r="A2749" s="23">
        <v>2743</v>
      </c>
      <c r="B2749" s="25"/>
      <c r="C2749" s="25"/>
      <c r="D2749" s="29"/>
      <c r="E2749" s="1"/>
      <c r="F2749" s="1"/>
      <c r="G2749" s="25"/>
      <c r="H2749" s="71"/>
      <c r="I2749" s="83"/>
      <c r="J2749" s="50" t="str">
        <f t="shared" si="86"/>
        <v/>
      </c>
      <c r="K2749" s="23" t="s">
        <v>7120</v>
      </c>
      <c r="L2749" s="49" t="e">
        <f>VLOOKUP(E2749&amp;F2749,団体コード!$A$1:$C$1743,3,FALSE)</f>
        <v>#N/A</v>
      </c>
      <c r="M2749" s="49" t="e">
        <f>VLOOKUP(E2749&amp;F2749,団体コード!$A$1:$C$1743,2,FALSE)</f>
        <v>#N/A</v>
      </c>
      <c r="N2749" s="51" t="e">
        <f>VLOOKUP(E2749,団体コード!$E$1:$F$48,2,FALSE)</f>
        <v>#N/A</v>
      </c>
      <c r="O2749" s="51" t="e">
        <f t="shared" si="87"/>
        <v>#N/A</v>
      </c>
      <c r="P2749" s="51">
        <v>1</v>
      </c>
      <c r="Q2749" s="51" t="s">
        <v>5341</v>
      </c>
      <c r="R2749" s="54" t="b">
        <v>1</v>
      </c>
      <c r="S2749" s="52" t="s">
        <v>7126</v>
      </c>
      <c r="T2749" s="67" t="s">
        <v>7127</v>
      </c>
      <c r="U2749" s="75" t="s">
        <v>5331</v>
      </c>
      <c r="V2749" s="47" t="s">
        <v>5331</v>
      </c>
      <c r="W2749" s="47" t="s">
        <v>5331</v>
      </c>
      <c r="X2749" s="47" t="s">
        <v>5331</v>
      </c>
      <c r="Y2749" s="47" t="s">
        <v>5331</v>
      </c>
      <c r="Z2749" s="28"/>
      <c r="AA2749" s="27"/>
      <c r="AB2749" s="27"/>
      <c r="AC2749" s="27"/>
      <c r="AD2749" s="30"/>
      <c r="AE2749" s="1"/>
      <c r="AF2749" s="23" t="s">
        <v>5331</v>
      </c>
      <c r="AG2749" s="26"/>
      <c r="AH2749" s="53"/>
    </row>
    <row r="2750" spans="1:34" ht="51.6" customHeight="1" x14ac:dyDescent="0.45">
      <c r="A2750" s="23">
        <v>2744</v>
      </c>
      <c r="B2750" s="25"/>
      <c r="C2750" s="25"/>
      <c r="D2750" s="29"/>
      <c r="E2750" s="1"/>
      <c r="F2750" s="1"/>
      <c r="G2750" s="25"/>
      <c r="H2750" s="71"/>
      <c r="I2750" s="83"/>
      <c r="J2750" s="50" t="str">
        <f t="shared" si="86"/>
        <v/>
      </c>
      <c r="K2750" s="23" t="s">
        <v>7120</v>
      </c>
      <c r="L2750" s="49" t="e">
        <f>VLOOKUP(E2750&amp;F2750,団体コード!$A$1:$C$1743,3,FALSE)</f>
        <v>#N/A</v>
      </c>
      <c r="M2750" s="49" t="e">
        <f>VLOOKUP(E2750&amp;F2750,団体コード!$A$1:$C$1743,2,FALSE)</f>
        <v>#N/A</v>
      </c>
      <c r="N2750" s="51" t="e">
        <f>VLOOKUP(E2750,団体コード!$E$1:$F$48,2,FALSE)</f>
        <v>#N/A</v>
      </c>
      <c r="O2750" s="51" t="e">
        <f t="shared" si="87"/>
        <v>#N/A</v>
      </c>
      <c r="P2750" s="51">
        <v>1</v>
      </c>
      <c r="Q2750" s="51" t="s">
        <v>5341</v>
      </c>
      <c r="R2750" s="54" t="b">
        <v>1</v>
      </c>
      <c r="S2750" s="52" t="s">
        <v>7126</v>
      </c>
      <c r="T2750" s="67" t="s">
        <v>7127</v>
      </c>
      <c r="U2750" s="75" t="s">
        <v>5331</v>
      </c>
      <c r="V2750" s="47" t="s">
        <v>5331</v>
      </c>
      <c r="W2750" s="47" t="s">
        <v>5331</v>
      </c>
      <c r="X2750" s="47" t="s">
        <v>5331</v>
      </c>
      <c r="Y2750" s="47" t="s">
        <v>5331</v>
      </c>
      <c r="Z2750" s="28"/>
      <c r="AA2750" s="27"/>
      <c r="AB2750" s="27"/>
      <c r="AC2750" s="27"/>
      <c r="AD2750" s="30"/>
      <c r="AE2750" s="1"/>
      <c r="AF2750" s="23" t="s">
        <v>5331</v>
      </c>
      <c r="AG2750" s="26"/>
      <c r="AH2750" s="53"/>
    </row>
    <row r="2751" spans="1:34" ht="51.6" customHeight="1" x14ac:dyDescent="0.45">
      <c r="A2751" s="23">
        <v>2745</v>
      </c>
      <c r="B2751" s="25"/>
      <c r="C2751" s="25"/>
      <c r="D2751" s="29"/>
      <c r="E2751" s="1"/>
      <c r="F2751" s="1"/>
      <c r="G2751" s="25"/>
      <c r="H2751" s="71"/>
      <c r="I2751" s="83"/>
      <c r="J2751" s="50" t="str">
        <f t="shared" si="86"/>
        <v/>
      </c>
      <c r="K2751" s="23" t="s">
        <v>7120</v>
      </c>
      <c r="L2751" s="49" t="e">
        <f>VLOOKUP(E2751&amp;F2751,団体コード!$A$1:$C$1743,3,FALSE)</f>
        <v>#N/A</v>
      </c>
      <c r="M2751" s="49" t="e">
        <f>VLOOKUP(E2751&amp;F2751,団体コード!$A$1:$C$1743,2,FALSE)</f>
        <v>#N/A</v>
      </c>
      <c r="N2751" s="51" t="e">
        <f>VLOOKUP(E2751,団体コード!$E$1:$F$48,2,FALSE)</f>
        <v>#N/A</v>
      </c>
      <c r="O2751" s="51" t="e">
        <f t="shared" si="87"/>
        <v>#N/A</v>
      </c>
      <c r="P2751" s="51">
        <v>1</v>
      </c>
      <c r="Q2751" s="51" t="s">
        <v>5341</v>
      </c>
      <c r="R2751" s="54" t="b">
        <v>1</v>
      </c>
      <c r="S2751" s="52" t="s">
        <v>7126</v>
      </c>
      <c r="T2751" s="67" t="s">
        <v>7127</v>
      </c>
      <c r="U2751" s="75" t="s">
        <v>5331</v>
      </c>
      <c r="V2751" s="47" t="s">
        <v>5331</v>
      </c>
      <c r="W2751" s="47" t="s">
        <v>5331</v>
      </c>
      <c r="X2751" s="47" t="s">
        <v>5331</v>
      </c>
      <c r="Y2751" s="47" t="s">
        <v>5331</v>
      </c>
      <c r="Z2751" s="28"/>
      <c r="AA2751" s="27"/>
      <c r="AB2751" s="27"/>
      <c r="AC2751" s="27"/>
      <c r="AD2751" s="30"/>
      <c r="AE2751" s="1"/>
      <c r="AF2751" s="23" t="s">
        <v>5331</v>
      </c>
      <c r="AG2751" s="26"/>
      <c r="AH2751" s="53"/>
    </row>
    <row r="2752" spans="1:34" ht="51.6" customHeight="1" x14ac:dyDescent="0.45">
      <c r="A2752" s="23">
        <v>2746</v>
      </c>
      <c r="B2752" s="25"/>
      <c r="C2752" s="25"/>
      <c r="D2752" s="29"/>
      <c r="E2752" s="1"/>
      <c r="F2752" s="1"/>
      <c r="G2752" s="25"/>
      <c r="H2752" s="71"/>
      <c r="I2752" s="83"/>
      <c r="J2752" s="50" t="str">
        <f t="shared" si="86"/>
        <v/>
      </c>
      <c r="K2752" s="23" t="s">
        <v>7120</v>
      </c>
      <c r="L2752" s="49" t="e">
        <f>VLOOKUP(E2752&amp;F2752,団体コード!$A$1:$C$1743,3,FALSE)</f>
        <v>#N/A</v>
      </c>
      <c r="M2752" s="49" t="e">
        <f>VLOOKUP(E2752&amp;F2752,団体コード!$A$1:$C$1743,2,FALSE)</f>
        <v>#N/A</v>
      </c>
      <c r="N2752" s="51" t="e">
        <f>VLOOKUP(E2752,団体コード!$E$1:$F$48,2,FALSE)</f>
        <v>#N/A</v>
      </c>
      <c r="O2752" s="51" t="e">
        <f t="shared" si="87"/>
        <v>#N/A</v>
      </c>
      <c r="P2752" s="51">
        <v>1</v>
      </c>
      <c r="Q2752" s="51" t="s">
        <v>5341</v>
      </c>
      <c r="R2752" s="54" t="b">
        <v>1</v>
      </c>
      <c r="S2752" s="52" t="s">
        <v>7126</v>
      </c>
      <c r="T2752" s="67" t="s">
        <v>7127</v>
      </c>
      <c r="U2752" s="75" t="s">
        <v>5331</v>
      </c>
      <c r="V2752" s="47" t="s">
        <v>5331</v>
      </c>
      <c r="W2752" s="47" t="s">
        <v>5331</v>
      </c>
      <c r="X2752" s="47" t="s">
        <v>5331</v>
      </c>
      <c r="Y2752" s="47" t="s">
        <v>5331</v>
      </c>
      <c r="Z2752" s="28"/>
      <c r="AA2752" s="27"/>
      <c r="AB2752" s="27"/>
      <c r="AC2752" s="27"/>
      <c r="AD2752" s="30"/>
      <c r="AE2752" s="1"/>
      <c r="AF2752" s="23" t="s">
        <v>5331</v>
      </c>
      <c r="AG2752" s="26"/>
      <c r="AH2752" s="53"/>
    </row>
    <row r="2753" spans="1:34" ht="51.6" customHeight="1" x14ac:dyDescent="0.45">
      <c r="A2753" s="23">
        <v>2747</v>
      </c>
      <c r="B2753" s="25"/>
      <c r="C2753" s="25"/>
      <c r="D2753" s="29"/>
      <c r="E2753" s="1"/>
      <c r="F2753" s="1"/>
      <c r="G2753" s="25"/>
      <c r="H2753" s="71"/>
      <c r="I2753" s="83"/>
      <c r="J2753" s="50" t="str">
        <f t="shared" si="86"/>
        <v/>
      </c>
      <c r="K2753" s="23" t="s">
        <v>7120</v>
      </c>
      <c r="L2753" s="49" t="e">
        <f>VLOOKUP(E2753&amp;F2753,団体コード!$A$1:$C$1743,3,FALSE)</f>
        <v>#N/A</v>
      </c>
      <c r="M2753" s="49" t="e">
        <f>VLOOKUP(E2753&amp;F2753,団体コード!$A$1:$C$1743,2,FALSE)</f>
        <v>#N/A</v>
      </c>
      <c r="N2753" s="51" t="e">
        <f>VLOOKUP(E2753,団体コード!$E$1:$F$48,2,FALSE)</f>
        <v>#N/A</v>
      </c>
      <c r="O2753" s="51" t="e">
        <f t="shared" si="87"/>
        <v>#N/A</v>
      </c>
      <c r="P2753" s="51">
        <v>1</v>
      </c>
      <c r="Q2753" s="51" t="s">
        <v>5341</v>
      </c>
      <c r="R2753" s="54" t="b">
        <v>1</v>
      </c>
      <c r="S2753" s="52" t="s">
        <v>7126</v>
      </c>
      <c r="T2753" s="67" t="s">
        <v>7127</v>
      </c>
      <c r="U2753" s="75" t="s">
        <v>5331</v>
      </c>
      <c r="V2753" s="47" t="s">
        <v>5331</v>
      </c>
      <c r="W2753" s="47" t="s">
        <v>5331</v>
      </c>
      <c r="X2753" s="47" t="s">
        <v>5331</v>
      </c>
      <c r="Y2753" s="47" t="s">
        <v>5331</v>
      </c>
      <c r="Z2753" s="28"/>
      <c r="AA2753" s="27"/>
      <c r="AB2753" s="27"/>
      <c r="AC2753" s="27"/>
      <c r="AD2753" s="30"/>
      <c r="AE2753" s="1"/>
      <c r="AF2753" s="23" t="s">
        <v>5331</v>
      </c>
      <c r="AG2753" s="26"/>
      <c r="AH2753" s="53"/>
    </row>
    <row r="2754" spans="1:34" ht="51.6" customHeight="1" x14ac:dyDescent="0.45">
      <c r="A2754" s="23">
        <v>2748</v>
      </c>
      <c r="B2754" s="25"/>
      <c r="C2754" s="25"/>
      <c r="D2754" s="29"/>
      <c r="E2754" s="1"/>
      <c r="F2754" s="1"/>
      <c r="G2754" s="25"/>
      <c r="H2754" s="71"/>
      <c r="I2754" s="83"/>
      <c r="J2754" s="50" t="str">
        <f t="shared" si="86"/>
        <v/>
      </c>
      <c r="K2754" s="23" t="s">
        <v>7120</v>
      </c>
      <c r="L2754" s="49" t="e">
        <f>VLOOKUP(E2754&amp;F2754,団体コード!$A$1:$C$1743,3,FALSE)</f>
        <v>#N/A</v>
      </c>
      <c r="M2754" s="49" t="e">
        <f>VLOOKUP(E2754&amp;F2754,団体コード!$A$1:$C$1743,2,FALSE)</f>
        <v>#N/A</v>
      </c>
      <c r="N2754" s="51" t="e">
        <f>VLOOKUP(E2754,団体コード!$E$1:$F$48,2,FALSE)</f>
        <v>#N/A</v>
      </c>
      <c r="O2754" s="51" t="e">
        <f t="shared" si="87"/>
        <v>#N/A</v>
      </c>
      <c r="P2754" s="51">
        <v>1</v>
      </c>
      <c r="Q2754" s="51" t="s">
        <v>5341</v>
      </c>
      <c r="R2754" s="54" t="b">
        <v>1</v>
      </c>
      <c r="S2754" s="52" t="s">
        <v>7126</v>
      </c>
      <c r="T2754" s="67" t="s">
        <v>7127</v>
      </c>
      <c r="U2754" s="75" t="s">
        <v>5331</v>
      </c>
      <c r="V2754" s="47" t="s">
        <v>5331</v>
      </c>
      <c r="W2754" s="47" t="s">
        <v>5331</v>
      </c>
      <c r="X2754" s="47" t="s">
        <v>5331</v>
      </c>
      <c r="Y2754" s="47" t="s">
        <v>5331</v>
      </c>
      <c r="Z2754" s="28"/>
      <c r="AA2754" s="27"/>
      <c r="AB2754" s="27"/>
      <c r="AC2754" s="27"/>
      <c r="AD2754" s="30"/>
      <c r="AE2754" s="1"/>
      <c r="AF2754" s="23" t="s">
        <v>5331</v>
      </c>
      <c r="AG2754" s="26"/>
      <c r="AH2754" s="53"/>
    </row>
    <row r="2755" spans="1:34" ht="51.6" customHeight="1" x14ac:dyDescent="0.45">
      <c r="A2755" s="23">
        <v>2749</v>
      </c>
      <c r="B2755" s="25"/>
      <c r="C2755" s="25"/>
      <c r="D2755" s="29"/>
      <c r="E2755" s="1"/>
      <c r="F2755" s="1"/>
      <c r="G2755" s="25"/>
      <c r="H2755" s="71"/>
      <c r="I2755" s="83"/>
      <c r="J2755" s="50" t="str">
        <f t="shared" si="86"/>
        <v/>
      </c>
      <c r="K2755" s="23" t="s">
        <v>7120</v>
      </c>
      <c r="L2755" s="49" t="e">
        <f>VLOOKUP(E2755&amp;F2755,団体コード!$A$1:$C$1743,3,FALSE)</f>
        <v>#N/A</v>
      </c>
      <c r="M2755" s="49" t="e">
        <f>VLOOKUP(E2755&amp;F2755,団体コード!$A$1:$C$1743,2,FALSE)</f>
        <v>#N/A</v>
      </c>
      <c r="N2755" s="51" t="e">
        <f>VLOOKUP(E2755,団体コード!$E$1:$F$48,2,FALSE)</f>
        <v>#N/A</v>
      </c>
      <c r="O2755" s="51" t="e">
        <f t="shared" si="87"/>
        <v>#N/A</v>
      </c>
      <c r="P2755" s="51">
        <v>1</v>
      </c>
      <c r="Q2755" s="51" t="s">
        <v>5341</v>
      </c>
      <c r="R2755" s="54" t="b">
        <v>1</v>
      </c>
      <c r="S2755" s="52" t="s">
        <v>7126</v>
      </c>
      <c r="T2755" s="67" t="s">
        <v>7127</v>
      </c>
      <c r="U2755" s="75" t="s">
        <v>5331</v>
      </c>
      <c r="V2755" s="47" t="s">
        <v>5331</v>
      </c>
      <c r="W2755" s="47" t="s">
        <v>5331</v>
      </c>
      <c r="X2755" s="47" t="s">
        <v>5331</v>
      </c>
      <c r="Y2755" s="47" t="s">
        <v>5331</v>
      </c>
      <c r="Z2755" s="28"/>
      <c r="AA2755" s="27"/>
      <c r="AB2755" s="27"/>
      <c r="AC2755" s="27"/>
      <c r="AD2755" s="30"/>
      <c r="AE2755" s="1"/>
      <c r="AF2755" s="23" t="s">
        <v>5331</v>
      </c>
      <c r="AG2755" s="26"/>
      <c r="AH2755" s="53"/>
    </row>
    <row r="2756" spans="1:34" ht="51.6" customHeight="1" x14ac:dyDescent="0.45">
      <c r="A2756" s="23">
        <v>2750</v>
      </c>
      <c r="B2756" s="25"/>
      <c r="C2756" s="25"/>
      <c r="D2756" s="29"/>
      <c r="E2756" s="1"/>
      <c r="F2756" s="1"/>
      <c r="G2756" s="25"/>
      <c r="H2756" s="71"/>
      <c r="I2756" s="83"/>
      <c r="J2756" s="50" t="str">
        <f t="shared" si="86"/>
        <v/>
      </c>
      <c r="K2756" s="23" t="s">
        <v>7120</v>
      </c>
      <c r="L2756" s="49" t="e">
        <f>VLOOKUP(E2756&amp;F2756,団体コード!$A$1:$C$1743,3,FALSE)</f>
        <v>#N/A</v>
      </c>
      <c r="M2756" s="49" t="e">
        <f>VLOOKUP(E2756&amp;F2756,団体コード!$A$1:$C$1743,2,FALSE)</f>
        <v>#N/A</v>
      </c>
      <c r="N2756" s="51" t="e">
        <f>VLOOKUP(E2756,団体コード!$E$1:$F$48,2,FALSE)</f>
        <v>#N/A</v>
      </c>
      <c r="O2756" s="51" t="e">
        <f t="shared" si="87"/>
        <v>#N/A</v>
      </c>
      <c r="P2756" s="51">
        <v>1</v>
      </c>
      <c r="Q2756" s="51" t="s">
        <v>5341</v>
      </c>
      <c r="R2756" s="54" t="b">
        <v>1</v>
      </c>
      <c r="S2756" s="52" t="s">
        <v>7126</v>
      </c>
      <c r="T2756" s="67" t="s">
        <v>7127</v>
      </c>
      <c r="U2756" s="75" t="s">
        <v>5331</v>
      </c>
      <c r="V2756" s="47" t="s">
        <v>5331</v>
      </c>
      <c r="W2756" s="47" t="s">
        <v>5331</v>
      </c>
      <c r="X2756" s="47" t="s">
        <v>5331</v>
      </c>
      <c r="Y2756" s="47" t="s">
        <v>5331</v>
      </c>
      <c r="Z2756" s="28"/>
      <c r="AA2756" s="27"/>
      <c r="AB2756" s="27"/>
      <c r="AC2756" s="27"/>
      <c r="AD2756" s="30"/>
      <c r="AE2756" s="1"/>
      <c r="AF2756" s="23" t="s">
        <v>5331</v>
      </c>
      <c r="AG2756" s="26"/>
      <c r="AH2756" s="53"/>
    </row>
    <row r="2757" spans="1:34" ht="51.6" customHeight="1" x14ac:dyDescent="0.45">
      <c r="A2757" s="23">
        <v>2751</v>
      </c>
      <c r="B2757" s="25"/>
      <c r="C2757" s="25"/>
      <c r="D2757" s="29"/>
      <c r="E2757" s="1"/>
      <c r="F2757" s="1"/>
      <c r="G2757" s="25"/>
      <c r="H2757" s="71"/>
      <c r="I2757" s="83"/>
      <c r="J2757" s="50" t="str">
        <f t="shared" si="86"/>
        <v/>
      </c>
      <c r="K2757" s="23" t="s">
        <v>7120</v>
      </c>
      <c r="L2757" s="49" t="e">
        <f>VLOOKUP(E2757&amp;F2757,団体コード!$A$1:$C$1743,3,FALSE)</f>
        <v>#N/A</v>
      </c>
      <c r="M2757" s="49" t="e">
        <f>VLOOKUP(E2757&amp;F2757,団体コード!$A$1:$C$1743,2,FALSE)</f>
        <v>#N/A</v>
      </c>
      <c r="N2757" s="51" t="e">
        <f>VLOOKUP(E2757,団体コード!$E$1:$F$48,2,FALSE)</f>
        <v>#N/A</v>
      </c>
      <c r="O2757" s="51" t="e">
        <f t="shared" si="87"/>
        <v>#N/A</v>
      </c>
      <c r="P2757" s="51">
        <v>1</v>
      </c>
      <c r="Q2757" s="51" t="s">
        <v>5341</v>
      </c>
      <c r="R2757" s="54" t="b">
        <v>1</v>
      </c>
      <c r="S2757" s="52" t="s">
        <v>7126</v>
      </c>
      <c r="T2757" s="67" t="s">
        <v>7127</v>
      </c>
      <c r="U2757" s="75" t="s">
        <v>5331</v>
      </c>
      <c r="V2757" s="47" t="s">
        <v>5331</v>
      </c>
      <c r="W2757" s="47" t="s">
        <v>5331</v>
      </c>
      <c r="X2757" s="47" t="s">
        <v>5331</v>
      </c>
      <c r="Y2757" s="47" t="s">
        <v>5331</v>
      </c>
      <c r="Z2757" s="28"/>
      <c r="AA2757" s="27"/>
      <c r="AB2757" s="27"/>
      <c r="AC2757" s="27"/>
      <c r="AD2757" s="30"/>
      <c r="AE2757" s="1"/>
      <c r="AF2757" s="23" t="s">
        <v>5331</v>
      </c>
      <c r="AG2757" s="26"/>
      <c r="AH2757" s="53"/>
    </row>
    <row r="2758" spans="1:34" ht="51.6" customHeight="1" x14ac:dyDescent="0.45">
      <c r="A2758" s="23">
        <v>2752</v>
      </c>
      <c r="B2758" s="25"/>
      <c r="C2758" s="25"/>
      <c r="D2758" s="29"/>
      <c r="E2758" s="1"/>
      <c r="F2758" s="1"/>
      <c r="G2758" s="25"/>
      <c r="H2758" s="71"/>
      <c r="I2758" s="83"/>
      <c r="J2758" s="50" t="str">
        <f t="shared" si="86"/>
        <v/>
      </c>
      <c r="K2758" s="23" t="s">
        <v>7120</v>
      </c>
      <c r="L2758" s="49" t="e">
        <f>VLOOKUP(E2758&amp;F2758,団体コード!$A$1:$C$1743,3,FALSE)</f>
        <v>#N/A</v>
      </c>
      <c r="M2758" s="49" t="e">
        <f>VLOOKUP(E2758&amp;F2758,団体コード!$A$1:$C$1743,2,FALSE)</f>
        <v>#N/A</v>
      </c>
      <c r="N2758" s="51" t="e">
        <f>VLOOKUP(E2758,団体コード!$E$1:$F$48,2,FALSE)</f>
        <v>#N/A</v>
      </c>
      <c r="O2758" s="51" t="e">
        <f t="shared" si="87"/>
        <v>#N/A</v>
      </c>
      <c r="P2758" s="51">
        <v>1</v>
      </c>
      <c r="Q2758" s="51" t="s">
        <v>5341</v>
      </c>
      <c r="R2758" s="54" t="b">
        <v>1</v>
      </c>
      <c r="S2758" s="52" t="s">
        <v>7126</v>
      </c>
      <c r="T2758" s="67" t="s">
        <v>7127</v>
      </c>
      <c r="U2758" s="75" t="s">
        <v>5331</v>
      </c>
      <c r="V2758" s="47" t="s">
        <v>5331</v>
      </c>
      <c r="W2758" s="47" t="s">
        <v>5331</v>
      </c>
      <c r="X2758" s="47" t="s">
        <v>5331</v>
      </c>
      <c r="Y2758" s="47" t="s">
        <v>5331</v>
      </c>
      <c r="Z2758" s="28"/>
      <c r="AA2758" s="27"/>
      <c r="AB2758" s="27"/>
      <c r="AC2758" s="27"/>
      <c r="AD2758" s="30"/>
      <c r="AE2758" s="1"/>
      <c r="AF2758" s="23" t="s">
        <v>5331</v>
      </c>
      <c r="AG2758" s="26"/>
      <c r="AH2758" s="53"/>
    </row>
    <row r="2759" spans="1:34" ht="51.6" customHeight="1" x14ac:dyDescent="0.45">
      <c r="A2759" s="23">
        <v>2753</v>
      </c>
      <c r="B2759" s="25"/>
      <c r="C2759" s="25"/>
      <c r="D2759" s="29"/>
      <c r="E2759" s="1"/>
      <c r="F2759" s="1"/>
      <c r="G2759" s="25"/>
      <c r="H2759" s="71"/>
      <c r="I2759" s="83"/>
      <c r="J2759" s="50" t="str">
        <f t="shared" si="86"/>
        <v/>
      </c>
      <c r="K2759" s="23" t="s">
        <v>7120</v>
      </c>
      <c r="L2759" s="49" t="e">
        <f>VLOOKUP(E2759&amp;F2759,団体コード!$A$1:$C$1743,3,FALSE)</f>
        <v>#N/A</v>
      </c>
      <c r="M2759" s="49" t="e">
        <f>VLOOKUP(E2759&amp;F2759,団体コード!$A$1:$C$1743,2,FALSE)</f>
        <v>#N/A</v>
      </c>
      <c r="N2759" s="51" t="e">
        <f>VLOOKUP(E2759,団体コード!$E$1:$F$48,2,FALSE)</f>
        <v>#N/A</v>
      </c>
      <c r="O2759" s="51" t="e">
        <f t="shared" si="87"/>
        <v>#N/A</v>
      </c>
      <c r="P2759" s="51">
        <v>1</v>
      </c>
      <c r="Q2759" s="51" t="s">
        <v>5341</v>
      </c>
      <c r="R2759" s="54" t="b">
        <v>1</v>
      </c>
      <c r="S2759" s="52" t="s">
        <v>7126</v>
      </c>
      <c r="T2759" s="67" t="s">
        <v>7127</v>
      </c>
      <c r="U2759" s="75" t="s">
        <v>5331</v>
      </c>
      <c r="V2759" s="47" t="s">
        <v>5331</v>
      </c>
      <c r="W2759" s="47" t="s">
        <v>5331</v>
      </c>
      <c r="X2759" s="47" t="s">
        <v>5331</v>
      </c>
      <c r="Y2759" s="47" t="s">
        <v>5331</v>
      </c>
      <c r="Z2759" s="28"/>
      <c r="AA2759" s="27"/>
      <c r="AB2759" s="27"/>
      <c r="AC2759" s="27"/>
      <c r="AD2759" s="30"/>
      <c r="AE2759" s="1"/>
      <c r="AF2759" s="23" t="s">
        <v>5331</v>
      </c>
      <c r="AG2759" s="26"/>
      <c r="AH2759" s="53"/>
    </row>
    <row r="2760" spans="1:34" ht="51.6" customHeight="1" x14ac:dyDescent="0.45">
      <c r="A2760" s="23">
        <v>2754</v>
      </c>
      <c r="B2760" s="25"/>
      <c r="C2760" s="25"/>
      <c r="D2760" s="29"/>
      <c r="E2760" s="1"/>
      <c r="F2760" s="1"/>
      <c r="G2760" s="25"/>
      <c r="H2760" s="71"/>
      <c r="I2760" s="83"/>
      <c r="J2760" s="50" t="str">
        <f t="shared" ref="J2760:J2823" si="88">E2760&amp;F2760&amp;G2760</f>
        <v/>
      </c>
      <c r="K2760" s="23" t="s">
        <v>7120</v>
      </c>
      <c r="L2760" s="49" t="e">
        <f>VLOOKUP(E2760&amp;F2760,団体コード!$A$1:$C$1743,3,FALSE)</f>
        <v>#N/A</v>
      </c>
      <c r="M2760" s="49" t="e">
        <f>VLOOKUP(E2760&amp;F2760,団体コード!$A$1:$C$1743,2,FALSE)</f>
        <v>#N/A</v>
      </c>
      <c r="N2760" s="51" t="e">
        <f>VLOOKUP(E2760,団体コード!$E$1:$F$48,2,FALSE)</f>
        <v>#N/A</v>
      </c>
      <c r="O2760" s="51" t="e">
        <f t="shared" ref="O2760:O2823" si="89">N2760</f>
        <v>#N/A</v>
      </c>
      <c r="P2760" s="51">
        <v>1</v>
      </c>
      <c r="Q2760" s="51" t="s">
        <v>5341</v>
      </c>
      <c r="R2760" s="54" t="b">
        <v>1</v>
      </c>
      <c r="S2760" s="52" t="s">
        <v>7126</v>
      </c>
      <c r="T2760" s="67" t="s">
        <v>7127</v>
      </c>
      <c r="U2760" s="75" t="s">
        <v>5331</v>
      </c>
      <c r="V2760" s="47" t="s">
        <v>5331</v>
      </c>
      <c r="W2760" s="47" t="s">
        <v>5331</v>
      </c>
      <c r="X2760" s="47" t="s">
        <v>5331</v>
      </c>
      <c r="Y2760" s="47" t="s">
        <v>5331</v>
      </c>
      <c r="Z2760" s="28"/>
      <c r="AA2760" s="27"/>
      <c r="AB2760" s="27"/>
      <c r="AC2760" s="27"/>
      <c r="AD2760" s="30"/>
      <c r="AE2760" s="1"/>
      <c r="AF2760" s="23" t="s">
        <v>5331</v>
      </c>
      <c r="AG2760" s="26"/>
      <c r="AH2760" s="53"/>
    </row>
    <row r="2761" spans="1:34" ht="51.6" customHeight="1" x14ac:dyDescent="0.45">
      <c r="A2761" s="23">
        <v>2755</v>
      </c>
      <c r="B2761" s="25"/>
      <c r="C2761" s="25"/>
      <c r="D2761" s="29"/>
      <c r="E2761" s="1"/>
      <c r="F2761" s="1"/>
      <c r="G2761" s="25"/>
      <c r="H2761" s="71"/>
      <c r="I2761" s="83"/>
      <c r="J2761" s="50" t="str">
        <f t="shared" si="88"/>
        <v/>
      </c>
      <c r="K2761" s="23" t="s">
        <v>7120</v>
      </c>
      <c r="L2761" s="49" t="e">
        <f>VLOOKUP(E2761&amp;F2761,団体コード!$A$1:$C$1743,3,FALSE)</f>
        <v>#N/A</v>
      </c>
      <c r="M2761" s="49" t="e">
        <f>VLOOKUP(E2761&amp;F2761,団体コード!$A$1:$C$1743,2,FALSE)</f>
        <v>#N/A</v>
      </c>
      <c r="N2761" s="51" t="e">
        <f>VLOOKUP(E2761,団体コード!$E$1:$F$48,2,FALSE)</f>
        <v>#N/A</v>
      </c>
      <c r="O2761" s="51" t="e">
        <f t="shared" si="89"/>
        <v>#N/A</v>
      </c>
      <c r="P2761" s="51">
        <v>1</v>
      </c>
      <c r="Q2761" s="51" t="s">
        <v>5341</v>
      </c>
      <c r="R2761" s="54" t="b">
        <v>1</v>
      </c>
      <c r="S2761" s="52" t="s">
        <v>7126</v>
      </c>
      <c r="T2761" s="67" t="s">
        <v>7127</v>
      </c>
      <c r="U2761" s="75" t="s">
        <v>5331</v>
      </c>
      <c r="V2761" s="47" t="s">
        <v>5331</v>
      </c>
      <c r="W2761" s="47" t="s">
        <v>5331</v>
      </c>
      <c r="X2761" s="47" t="s">
        <v>5331</v>
      </c>
      <c r="Y2761" s="47" t="s">
        <v>5331</v>
      </c>
      <c r="Z2761" s="28"/>
      <c r="AA2761" s="27"/>
      <c r="AB2761" s="27"/>
      <c r="AC2761" s="27"/>
      <c r="AD2761" s="30"/>
      <c r="AE2761" s="1"/>
      <c r="AF2761" s="23" t="s">
        <v>5331</v>
      </c>
      <c r="AG2761" s="26"/>
      <c r="AH2761" s="53"/>
    </row>
    <row r="2762" spans="1:34" ht="51.6" customHeight="1" x14ac:dyDescent="0.45">
      <c r="A2762" s="23">
        <v>2756</v>
      </c>
      <c r="B2762" s="25"/>
      <c r="C2762" s="25"/>
      <c r="D2762" s="29"/>
      <c r="E2762" s="1"/>
      <c r="F2762" s="1"/>
      <c r="G2762" s="25"/>
      <c r="H2762" s="71"/>
      <c r="I2762" s="83"/>
      <c r="J2762" s="50" t="str">
        <f t="shared" si="88"/>
        <v/>
      </c>
      <c r="K2762" s="23" t="s">
        <v>7120</v>
      </c>
      <c r="L2762" s="49" t="e">
        <f>VLOOKUP(E2762&amp;F2762,団体コード!$A$1:$C$1743,3,FALSE)</f>
        <v>#N/A</v>
      </c>
      <c r="M2762" s="49" t="e">
        <f>VLOOKUP(E2762&amp;F2762,団体コード!$A$1:$C$1743,2,FALSE)</f>
        <v>#N/A</v>
      </c>
      <c r="N2762" s="51" t="e">
        <f>VLOOKUP(E2762,団体コード!$E$1:$F$48,2,FALSE)</f>
        <v>#N/A</v>
      </c>
      <c r="O2762" s="51" t="e">
        <f t="shared" si="89"/>
        <v>#N/A</v>
      </c>
      <c r="P2762" s="51">
        <v>1</v>
      </c>
      <c r="Q2762" s="51" t="s">
        <v>5341</v>
      </c>
      <c r="R2762" s="54" t="b">
        <v>1</v>
      </c>
      <c r="S2762" s="52" t="s">
        <v>7126</v>
      </c>
      <c r="T2762" s="67" t="s">
        <v>7127</v>
      </c>
      <c r="U2762" s="75" t="s">
        <v>5331</v>
      </c>
      <c r="V2762" s="47" t="s">
        <v>5331</v>
      </c>
      <c r="W2762" s="47" t="s">
        <v>5331</v>
      </c>
      <c r="X2762" s="47" t="s">
        <v>5331</v>
      </c>
      <c r="Y2762" s="47" t="s">
        <v>5331</v>
      </c>
      <c r="Z2762" s="28"/>
      <c r="AA2762" s="27"/>
      <c r="AB2762" s="27"/>
      <c r="AC2762" s="27"/>
      <c r="AD2762" s="30"/>
      <c r="AE2762" s="1"/>
      <c r="AF2762" s="23" t="s">
        <v>5331</v>
      </c>
      <c r="AG2762" s="26"/>
      <c r="AH2762" s="53"/>
    </row>
    <row r="2763" spans="1:34" ht="51.6" customHeight="1" x14ac:dyDescent="0.45">
      <c r="A2763" s="23">
        <v>2757</v>
      </c>
      <c r="B2763" s="25"/>
      <c r="C2763" s="25"/>
      <c r="D2763" s="29"/>
      <c r="E2763" s="1"/>
      <c r="F2763" s="1"/>
      <c r="G2763" s="25"/>
      <c r="H2763" s="71"/>
      <c r="I2763" s="83"/>
      <c r="J2763" s="50" t="str">
        <f t="shared" si="88"/>
        <v/>
      </c>
      <c r="K2763" s="23" t="s">
        <v>7120</v>
      </c>
      <c r="L2763" s="49" t="e">
        <f>VLOOKUP(E2763&amp;F2763,団体コード!$A$1:$C$1743,3,FALSE)</f>
        <v>#N/A</v>
      </c>
      <c r="M2763" s="49" t="e">
        <f>VLOOKUP(E2763&amp;F2763,団体コード!$A$1:$C$1743,2,FALSE)</f>
        <v>#N/A</v>
      </c>
      <c r="N2763" s="51" t="e">
        <f>VLOOKUP(E2763,団体コード!$E$1:$F$48,2,FALSE)</f>
        <v>#N/A</v>
      </c>
      <c r="O2763" s="51" t="e">
        <f t="shared" si="89"/>
        <v>#N/A</v>
      </c>
      <c r="P2763" s="51">
        <v>1</v>
      </c>
      <c r="Q2763" s="51" t="s">
        <v>5341</v>
      </c>
      <c r="R2763" s="54" t="b">
        <v>1</v>
      </c>
      <c r="S2763" s="52" t="s">
        <v>7126</v>
      </c>
      <c r="T2763" s="67" t="s">
        <v>7127</v>
      </c>
      <c r="U2763" s="75" t="s">
        <v>5331</v>
      </c>
      <c r="V2763" s="47" t="s">
        <v>5331</v>
      </c>
      <c r="W2763" s="47" t="s">
        <v>5331</v>
      </c>
      <c r="X2763" s="47" t="s">
        <v>5331</v>
      </c>
      <c r="Y2763" s="47" t="s">
        <v>5331</v>
      </c>
      <c r="Z2763" s="28"/>
      <c r="AA2763" s="27"/>
      <c r="AB2763" s="27"/>
      <c r="AC2763" s="27"/>
      <c r="AD2763" s="30"/>
      <c r="AE2763" s="1"/>
      <c r="AF2763" s="23" t="s">
        <v>5331</v>
      </c>
      <c r="AG2763" s="26"/>
      <c r="AH2763" s="53"/>
    </row>
    <row r="2764" spans="1:34" ht="51.6" customHeight="1" x14ac:dyDescent="0.45">
      <c r="A2764" s="23">
        <v>2758</v>
      </c>
      <c r="B2764" s="25"/>
      <c r="C2764" s="25"/>
      <c r="D2764" s="29"/>
      <c r="E2764" s="1"/>
      <c r="F2764" s="1"/>
      <c r="G2764" s="25"/>
      <c r="H2764" s="71"/>
      <c r="I2764" s="83"/>
      <c r="J2764" s="50" t="str">
        <f t="shared" si="88"/>
        <v/>
      </c>
      <c r="K2764" s="23" t="s">
        <v>7120</v>
      </c>
      <c r="L2764" s="49" t="e">
        <f>VLOOKUP(E2764&amp;F2764,団体コード!$A$1:$C$1743,3,FALSE)</f>
        <v>#N/A</v>
      </c>
      <c r="M2764" s="49" t="e">
        <f>VLOOKUP(E2764&amp;F2764,団体コード!$A$1:$C$1743,2,FALSE)</f>
        <v>#N/A</v>
      </c>
      <c r="N2764" s="51" t="e">
        <f>VLOOKUP(E2764,団体コード!$E$1:$F$48,2,FALSE)</f>
        <v>#N/A</v>
      </c>
      <c r="O2764" s="51" t="e">
        <f t="shared" si="89"/>
        <v>#N/A</v>
      </c>
      <c r="P2764" s="51">
        <v>1</v>
      </c>
      <c r="Q2764" s="51" t="s">
        <v>5341</v>
      </c>
      <c r="R2764" s="54" t="b">
        <v>1</v>
      </c>
      <c r="S2764" s="52" t="s">
        <v>7126</v>
      </c>
      <c r="T2764" s="67" t="s">
        <v>7127</v>
      </c>
      <c r="U2764" s="75" t="s">
        <v>5331</v>
      </c>
      <c r="V2764" s="47" t="s">
        <v>5331</v>
      </c>
      <c r="W2764" s="47" t="s">
        <v>5331</v>
      </c>
      <c r="X2764" s="47" t="s">
        <v>5331</v>
      </c>
      <c r="Y2764" s="47" t="s">
        <v>5331</v>
      </c>
      <c r="Z2764" s="28"/>
      <c r="AA2764" s="27"/>
      <c r="AB2764" s="27"/>
      <c r="AC2764" s="27"/>
      <c r="AD2764" s="30"/>
      <c r="AE2764" s="1"/>
      <c r="AF2764" s="23" t="s">
        <v>5331</v>
      </c>
      <c r="AG2764" s="26"/>
      <c r="AH2764" s="53"/>
    </row>
    <row r="2765" spans="1:34" ht="51.6" customHeight="1" x14ac:dyDescent="0.45">
      <c r="A2765" s="23">
        <v>2759</v>
      </c>
      <c r="B2765" s="25"/>
      <c r="C2765" s="25"/>
      <c r="D2765" s="29"/>
      <c r="E2765" s="1"/>
      <c r="F2765" s="1"/>
      <c r="G2765" s="25"/>
      <c r="H2765" s="71"/>
      <c r="I2765" s="83"/>
      <c r="J2765" s="50" t="str">
        <f t="shared" si="88"/>
        <v/>
      </c>
      <c r="K2765" s="23" t="s">
        <v>7120</v>
      </c>
      <c r="L2765" s="49" t="e">
        <f>VLOOKUP(E2765&amp;F2765,団体コード!$A$1:$C$1743,3,FALSE)</f>
        <v>#N/A</v>
      </c>
      <c r="M2765" s="49" t="e">
        <f>VLOOKUP(E2765&amp;F2765,団体コード!$A$1:$C$1743,2,FALSE)</f>
        <v>#N/A</v>
      </c>
      <c r="N2765" s="51" t="e">
        <f>VLOOKUP(E2765,団体コード!$E$1:$F$48,2,FALSE)</f>
        <v>#N/A</v>
      </c>
      <c r="O2765" s="51" t="e">
        <f t="shared" si="89"/>
        <v>#N/A</v>
      </c>
      <c r="P2765" s="51">
        <v>1</v>
      </c>
      <c r="Q2765" s="51" t="s">
        <v>5341</v>
      </c>
      <c r="R2765" s="54" t="b">
        <v>1</v>
      </c>
      <c r="S2765" s="52" t="s">
        <v>7126</v>
      </c>
      <c r="T2765" s="67" t="s">
        <v>7127</v>
      </c>
      <c r="U2765" s="75" t="s">
        <v>5331</v>
      </c>
      <c r="V2765" s="47" t="s">
        <v>5331</v>
      </c>
      <c r="W2765" s="47" t="s">
        <v>5331</v>
      </c>
      <c r="X2765" s="47" t="s">
        <v>5331</v>
      </c>
      <c r="Y2765" s="47" t="s">
        <v>5331</v>
      </c>
      <c r="Z2765" s="28"/>
      <c r="AA2765" s="27"/>
      <c r="AB2765" s="27"/>
      <c r="AC2765" s="27"/>
      <c r="AD2765" s="30"/>
      <c r="AE2765" s="1"/>
      <c r="AF2765" s="23" t="s">
        <v>5331</v>
      </c>
      <c r="AG2765" s="26"/>
      <c r="AH2765" s="53"/>
    </row>
    <row r="2766" spans="1:34" ht="51.6" customHeight="1" x14ac:dyDescent="0.45">
      <c r="A2766" s="23">
        <v>2760</v>
      </c>
      <c r="B2766" s="25"/>
      <c r="C2766" s="25"/>
      <c r="D2766" s="29"/>
      <c r="E2766" s="1"/>
      <c r="F2766" s="1"/>
      <c r="G2766" s="25"/>
      <c r="H2766" s="71"/>
      <c r="I2766" s="83"/>
      <c r="J2766" s="50" t="str">
        <f t="shared" si="88"/>
        <v/>
      </c>
      <c r="K2766" s="23" t="s">
        <v>7120</v>
      </c>
      <c r="L2766" s="49" t="e">
        <f>VLOOKUP(E2766&amp;F2766,団体コード!$A$1:$C$1743,3,FALSE)</f>
        <v>#N/A</v>
      </c>
      <c r="M2766" s="49" t="e">
        <f>VLOOKUP(E2766&amp;F2766,団体コード!$A$1:$C$1743,2,FALSE)</f>
        <v>#N/A</v>
      </c>
      <c r="N2766" s="51" t="e">
        <f>VLOOKUP(E2766,団体コード!$E$1:$F$48,2,FALSE)</f>
        <v>#N/A</v>
      </c>
      <c r="O2766" s="51" t="e">
        <f t="shared" si="89"/>
        <v>#N/A</v>
      </c>
      <c r="P2766" s="51">
        <v>1</v>
      </c>
      <c r="Q2766" s="51" t="s">
        <v>5341</v>
      </c>
      <c r="R2766" s="54" t="b">
        <v>1</v>
      </c>
      <c r="S2766" s="52" t="s">
        <v>7126</v>
      </c>
      <c r="T2766" s="67" t="s">
        <v>7127</v>
      </c>
      <c r="U2766" s="75" t="s">
        <v>5331</v>
      </c>
      <c r="V2766" s="47" t="s">
        <v>5331</v>
      </c>
      <c r="W2766" s="47" t="s">
        <v>5331</v>
      </c>
      <c r="X2766" s="47" t="s">
        <v>5331</v>
      </c>
      <c r="Y2766" s="47" t="s">
        <v>5331</v>
      </c>
      <c r="Z2766" s="28"/>
      <c r="AA2766" s="27"/>
      <c r="AB2766" s="27"/>
      <c r="AC2766" s="27"/>
      <c r="AD2766" s="30"/>
      <c r="AE2766" s="1"/>
      <c r="AF2766" s="23" t="s">
        <v>5331</v>
      </c>
      <c r="AG2766" s="26"/>
      <c r="AH2766" s="53"/>
    </row>
    <row r="2767" spans="1:34" ht="51.6" customHeight="1" x14ac:dyDescent="0.45">
      <c r="A2767" s="23">
        <v>2761</v>
      </c>
      <c r="B2767" s="25"/>
      <c r="C2767" s="25"/>
      <c r="D2767" s="29"/>
      <c r="E2767" s="1"/>
      <c r="F2767" s="1"/>
      <c r="G2767" s="25"/>
      <c r="H2767" s="71"/>
      <c r="I2767" s="83"/>
      <c r="J2767" s="50" t="str">
        <f t="shared" si="88"/>
        <v/>
      </c>
      <c r="K2767" s="23" t="s">
        <v>7120</v>
      </c>
      <c r="L2767" s="49" t="e">
        <f>VLOOKUP(E2767&amp;F2767,団体コード!$A$1:$C$1743,3,FALSE)</f>
        <v>#N/A</v>
      </c>
      <c r="M2767" s="49" t="e">
        <f>VLOOKUP(E2767&amp;F2767,団体コード!$A$1:$C$1743,2,FALSE)</f>
        <v>#N/A</v>
      </c>
      <c r="N2767" s="51" t="e">
        <f>VLOOKUP(E2767,団体コード!$E$1:$F$48,2,FALSE)</f>
        <v>#N/A</v>
      </c>
      <c r="O2767" s="51" t="e">
        <f t="shared" si="89"/>
        <v>#N/A</v>
      </c>
      <c r="P2767" s="51">
        <v>1</v>
      </c>
      <c r="Q2767" s="51" t="s">
        <v>5341</v>
      </c>
      <c r="R2767" s="54" t="b">
        <v>1</v>
      </c>
      <c r="S2767" s="52" t="s">
        <v>7126</v>
      </c>
      <c r="T2767" s="67" t="s">
        <v>7127</v>
      </c>
      <c r="U2767" s="75" t="s">
        <v>5331</v>
      </c>
      <c r="V2767" s="47" t="s">
        <v>5331</v>
      </c>
      <c r="W2767" s="47" t="s">
        <v>5331</v>
      </c>
      <c r="X2767" s="47" t="s">
        <v>5331</v>
      </c>
      <c r="Y2767" s="47" t="s">
        <v>5331</v>
      </c>
      <c r="Z2767" s="28"/>
      <c r="AA2767" s="27"/>
      <c r="AB2767" s="27"/>
      <c r="AC2767" s="27"/>
      <c r="AD2767" s="30"/>
      <c r="AE2767" s="1"/>
      <c r="AF2767" s="23" t="s">
        <v>5331</v>
      </c>
      <c r="AG2767" s="26"/>
      <c r="AH2767" s="53"/>
    </row>
    <row r="2768" spans="1:34" ht="51.6" customHeight="1" x14ac:dyDescent="0.45">
      <c r="A2768" s="23">
        <v>2762</v>
      </c>
      <c r="B2768" s="25"/>
      <c r="C2768" s="25"/>
      <c r="D2768" s="29"/>
      <c r="E2768" s="1"/>
      <c r="F2768" s="1"/>
      <c r="G2768" s="25"/>
      <c r="H2768" s="71"/>
      <c r="I2768" s="83"/>
      <c r="J2768" s="50" t="str">
        <f t="shared" si="88"/>
        <v/>
      </c>
      <c r="K2768" s="23" t="s">
        <v>7120</v>
      </c>
      <c r="L2768" s="49" t="e">
        <f>VLOOKUP(E2768&amp;F2768,団体コード!$A$1:$C$1743,3,FALSE)</f>
        <v>#N/A</v>
      </c>
      <c r="M2768" s="49" t="e">
        <f>VLOOKUP(E2768&amp;F2768,団体コード!$A$1:$C$1743,2,FALSE)</f>
        <v>#N/A</v>
      </c>
      <c r="N2768" s="51" t="e">
        <f>VLOOKUP(E2768,団体コード!$E$1:$F$48,2,FALSE)</f>
        <v>#N/A</v>
      </c>
      <c r="O2768" s="51" t="e">
        <f t="shared" si="89"/>
        <v>#N/A</v>
      </c>
      <c r="P2768" s="51">
        <v>1</v>
      </c>
      <c r="Q2768" s="51" t="s">
        <v>5341</v>
      </c>
      <c r="R2768" s="54" t="b">
        <v>1</v>
      </c>
      <c r="S2768" s="52" t="s">
        <v>7126</v>
      </c>
      <c r="T2768" s="67" t="s">
        <v>7127</v>
      </c>
      <c r="U2768" s="75" t="s">
        <v>5331</v>
      </c>
      <c r="V2768" s="47" t="s">
        <v>5331</v>
      </c>
      <c r="W2768" s="47" t="s">
        <v>5331</v>
      </c>
      <c r="X2768" s="47" t="s">
        <v>5331</v>
      </c>
      <c r="Y2768" s="47" t="s">
        <v>5331</v>
      </c>
      <c r="Z2768" s="28"/>
      <c r="AA2768" s="27"/>
      <c r="AB2768" s="27"/>
      <c r="AC2768" s="27"/>
      <c r="AD2768" s="30"/>
      <c r="AE2768" s="1"/>
      <c r="AF2768" s="23" t="s">
        <v>5331</v>
      </c>
      <c r="AG2768" s="26"/>
      <c r="AH2768" s="53"/>
    </row>
    <row r="2769" spans="1:34" ht="51.6" customHeight="1" x14ac:dyDescent="0.45">
      <c r="A2769" s="23">
        <v>2763</v>
      </c>
      <c r="B2769" s="25"/>
      <c r="C2769" s="25"/>
      <c r="D2769" s="29"/>
      <c r="E2769" s="1"/>
      <c r="F2769" s="1"/>
      <c r="G2769" s="25"/>
      <c r="H2769" s="71"/>
      <c r="I2769" s="83"/>
      <c r="J2769" s="50" t="str">
        <f t="shared" si="88"/>
        <v/>
      </c>
      <c r="K2769" s="23" t="s">
        <v>7120</v>
      </c>
      <c r="L2769" s="49" t="e">
        <f>VLOOKUP(E2769&amp;F2769,団体コード!$A$1:$C$1743,3,FALSE)</f>
        <v>#N/A</v>
      </c>
      <c r="M2769" s="49" t="e">
        <f>VLOOKUP(E2769&amp;F2769,団体コード!$A$1:$C$1743,2,FALSE)</f>
        <v>#N/A</v>
      </c>
      <c r="N2769" s="51" t="e">
        <f>VLOOKUP(E2769,団体コード!$E$1:$F$48,2,FALSE)</f>
        <v>#N/A</v>
      </c>
      <c r="O2769" s="51" t="e">
        <f t="shared" si="89"/>
        <v>#N/A</v>
      </c>
      <c r="P2769" s="51">
        <v>1</v>
      </c>
      <c r="Q2769" s="51" t="s">
        <v>5341</v>
      </c>
      <c r="R2769" s="54" t="b">
        <v>1</v>
      </c>
      <c r="S2769" s="52" t="s">
        <v>7126</v>
      </c>
      <c r="T2769" s="67" t="s">
        <v>7127</v>
      </c>
      <c r="U2769" s="75" t="s">
        <v>5331</v>
      </c>
      <c r="V2769" s="47" t="s">
        <v>5331</v>
      </c>
      <c r="W2769" s="47" t="s">
        <v>5331</v>
      </c>
      <c r="X2769" s="47" t="s">
        <v>5331</v>
      </c>
      <c r="Y2769" s="47" t="s">
        <v>5331</v>
      </c>
      <c r="Z2769" s="28"/>
      <c r="AA2769" s="27"/>
      <c r="AB2769" s="27"/>
      <c r="AC2769" s="27"/>
      <c r="AD2769" s="30"/>
      <c r="AE2769" s="1"/>
      <c r="AF2769" s="23" t="s">
        <v>5331</v>
      </c>
      <c r="AG2769" s="26"/>
      <c r="AH2769" s="53"/>
    </row>
    <row r="2770" spans="1:34" ht="51.6" customHeight="1" x14ac:dyDescent="0.45">
      <c r="A2770" s="23">
        <v>2764</v>
      </c>
      <c r="B2770" s="25"/>
      <c r="C2770" s="25"/>
      <c r="D2770" s="29"/>
      <c r="E2770" s="1"/>
      <c r="F2770" s="1"/>
      <c r="G2770" s="25"/>
      <c r="H2770" s="71"/>
      <c r="I2770" s="83"/>
      <c r="J2770" s="50" t="str">
        <f t="shared" si="88"/>
        <v/>
      </c>
      <c r="K2770" s="23" t="s">
        <v>7120</v>
      </c>
      <c r="L2770" s="49" t="e">
        <f>VLOOKUP(E2770&amp;F2770,団体コード!$A$1:$C$1743,3,FALSE)</f>
        <v>#N/A</v>
      </c>
      <c r="M2770" s="49" t="e">
        <f>VLOOKUP(E2770&amp;F2770,団体コード!$A$1:$C$1743,2,FALSE)</f>
        <v>#N/A</v>
      </c>
      <c r="N2770" s="51" t="e">
        <f>VLOOKUP(E2770,団体コード!$E$1:$F$48,2,FALSE)</f>
        <v>#N/A</v>
      </c>
      <c r="O2770" s="51" t="e">
        <f t="shared" si="89"/>
        <v>#N/A</v>
      </c>
      <c r="P2770" s="51">
        <v>1</v>
      </c>
      <c r="Q2770" s="51" t="s">
        <v>5341</v>
      </c>
      <c r="R2770" s="54" t="b">
        <v>1</v>
      </c>
      <c r="S2770" s="52" t="s">
        <v>7126</v>
      </c>
      <c r="T2770" s="67" t="s">
        <v>7127</v>
      </c>
      <c r="U2770" s="75" t="s">
        <v>5331</v>
      </c>
      <c r="V2770" s="47" t="s">
        <v>5331</v>
      </c>
      <c r="W2770" s="47" t="s">
        <v>5331</v>
      </c>
      <c r="X2770" s="47" t="s">
        <v>5331</v>
      </c>
      <c r="Y2770" s="47" t="s">
        <v>5331</v>
      </c>
      <c r="Z2770" s="28"/>
      <c r="AA2770" s="27"/>
      <c r="AB2770" s="27"/>
      <c r="AC2770" s="27"/>
      <c r="AD2770" s="30"/>
      <c r="AE2770" s="1"/>
      <c r="AF2770" s="23" t="s">
        <v>5331</v>
      </c>
      <c r="AG2770" s="26"/>
      <c r="AH2770" s="53"/>
    </row>
    <row r="2771" spans="1:34" ht="51.6" customHeight="1" x14ac:dyDescent="0.45">
      <c r="A2771" s="23">
        <v>2765</v>
      </c>
      <c r="B2771" s="25"/>
      <c r="C2771" s="25"/>
      <c r="D2771" s="29"/>
      <c r="E2771" s="1"/>
      <c r="F2771" s="1"/>
      <c r="G2771" s="25"/>
      <c r="H2771" s="71"/>
      <c r="I2771" s="83"/>
      <c r="J2771" s="50" t="str">
        <f t="shared" si="88"/>
        <v/>
      </c>
      <c r="K2771" s="23" t="s">
        <v>7120</v>
      </c>
      <c r="L2771" s="49" t="e">
        <f>VLOOKUP(E2771&amp;F2771,団体コード!$A$1:$C$1743,3,FALSE)</f>
        <v>#N/A</v>
      </c>
      <c r="M2771" s="49" t="e">
        <f>VLOOKUP(E2771&amp;F2771,団体コード!$A$1:$C$1743,2,FALSE)</f>
        <v>#N/A</v>
      </c>
      <c r="N2771" s="51" t="e">
        <f>VLOOKUP(E2771,団体コード!$E$1:$F$48,2,FALSE)</f>
        <v>#N/A</v>
      </c>
      <c r="O2771" s="51" t="e">
        <f t="shared" si="89"/>
        <v>#N/A</v>
      </c>
      <c r="P2771" s="51">
        <v>1</v>
      </c>
      <c r="Q2771" s="51" t="s">
        <v>5341</v>
      </c>
      <c r="R2771" s="54" t="b">
        <v>1</v>
      </c>
      <c r="S2771" s="52" t="s">
        <v>7126</v>
      </c>
      <c r="T2771" s="67" t="s">
        <v>7127</v>
      </c>
      <c r="U2771" s="75" t="s">
        <v>5331</v>
      </c>
      <c r="V2771" s="47" t="s">
        <v>5331</v>
      </c>
      <c r="W2771" s="47" t="s">
        <v>5331</v>
      </c>
      <c r="X2771" s="47" t="s">
        <v>5331</v>
      </c>
      <c r="Y2771" s="47" t="s">
        <v>5331</v>
      </c>
      <c r="Z2771" s="28"/>
      <c r="AA2771" s="27"/>
      <c r="AB2771" s="27"/>
      <c r="AC2771" s="27"/>
      <c r="AD2771" s="30"/>
      <c r="AE2771" s="1"/>
      <c r="AF2771" s="23" t="s">
        <v>5331</v>
      </c>
      <c r="AG2771" s="26"/>
      <c r="AH2771" s="53"/>
    </row>
    <row r="2772" spans="1:34" ht="51.6" customHeight="1" x14ac:dyDescent="0.45">
      <c r="A2772" s="23">
        <v>2766</v>
      </c>
      <c r="B2772" s="25"/>
      <c r="C2772" s="25"/>
      <c r="D2772" s="29"/>
      <c r="E2772" s="1"/>
      <c r="F2772" s="1"/>
      <c r="G2772" s="25"/>
      <c r="H2772" s="71"/>
      <c r="I2772" s="83"/>
      <c r="J2772" s="50" t="str">
        <f t="shared" si="88"/>
        <v/>
      </c>
      <c r="K2772" s="23" t="s">
        <v>7120</v>
      </c>
      <c r="L2772" s="49" t="e">
        <f>VLOOKUP(E2772&amp;F2772,団体コード!$A$1:$C$1743,3,FALSE)</f>
        <v>#N/A</v>
      </c>
      <c r="M2772" s="49" t="e">
        <f>VLOOKUP(E2772&amp;F2772,団体コード!$A$1:$C$1743,2,FALSE)</f>
        <v>#N/A</v>
      </c>
      <c r="N2772" s="51" t="e">
        <f>VLOOKUP(E2772,団体コード!$E$1:$F$48,2,FALSE)</f>
        <v>#N/A</v>
      </c>
      <c r="O2772" s="51" t="e">
        <f t="shared" si="89"/>
        <v>#N/A</v>
      </c>
      <c r="P2772" s="51">
        <v>1</v>
      </c>
      <c r="Q2772" s="51" t="s">
        <v>5341</v>
      </c>
      <c r="R2772" s="54" t="b">
        <v>1</v>
      </c>
      <c r="S2772" s="52" t="s">
        <v>7126</v>
      </c>
      <c r="T2772" s="67" t="s">
        <v>7127</v>
      </c>
      <c r="U2772" s="75" t="s">
        <v>5331</v>
      </c>
      <c r="V2772" s="47" t="s">
        <v>5331</v>
      </c>
      <c r="W2772" s="47" t="s">
        <v>5331</v>
      </c>
      <c r="X2772" s="47" t="s">
        <v>5331</v>
      </c>
      <c r="Y2772" s="47" t="s">
        <v>5331</v>
      </c>
      <c r="Z2772" s="28"/>
      <c r="AA2772" s="27"/>
      <c r="AB2772" s="27"/>
      <c r="AC2772" s="27"/>
      <c r="AD2772" s="30"/>
      <c r="AE2772" s="1"/>
      <c r="AF2772" s="23" t="s">
        <v>5331</v>
      </c>
      <c r="AG2772" s="26"/>
      <c r="AH2772" s="53"/>
    </row>
    <row r="2773" spans="1:34" ht="51.6" customHeight="1" x14ac:dyDescent="0.45">
      <c r="A2773" s="23">
        <v>2767</v>
      </c>
      <c r="B2773" s="25"/>
      <c r="C2773" s="25"/>
      <c r="D2773" s="29"/>
      <c r="E2773" s="1"/>
      <c r="F2773" s="1"/>
      <c r="G2773" s="25"/>
      <c r="H2773" s="71"/>
      <c r="I2773" s="83"/>
      <c r="J2773" s="50" t="str">
        <f t="shared" si="88"/>
        <v/>
      </c>
      <c r="K2773" s="23" t="s">
        <v>7120</v>
      </c>
      <c r="L2773" s="49" t="e">
        <f>VLOOKUP(E2773&amp;F2773,団体コード!$A$1:$C$1743,3,FALSE)</f>
        <v>#N/A</v>
      </c>
      <c r="M2773" s="49" t="e">
        <f>VLOOKUP(E2773&amp;F2773,団体コード!$A$1:$C$1743,2,FALSE)</f>
        <v>#N/A</v>
      </c>
      <c r="N2773" s="51" t="e">
        <f>VLOOKUP(E2773,団体コード!$E$1:$F$48,2,FALSE)</f>
        <v>#N/A</v>
      </c>
      <c r="O2773" s="51" t="e">
        <f t="shared" si="89"/>
        <v>#N/A</v>
      </c>
      <c r="P2773" s="51">
        <v>1</v>
      </c>
      <c r="Q2773" s="51" t="s">
        <v>5341</v>
      </c>
      <c r="R2773" s="54" t="b">
        <v>1</v>
      </c>
      <c r="S2773" s="52" t="s">
        <v>7126</v>
      </c>
      <c r="T2773" s="67" t="s">
        <v>7127</v>
      </c>
      <c r="U2773" s="75" t="s">
        <v>5331</v>
      </c>
      <c r="V2773" s="47" t="s">
        <v>5331</v>
      </c>
      <c r="W2773" s="47" t="s">
        <v>5331</v>
      </c>
      <c r="X2773" s="47" t="s">
        <v>5331</v>
      </c>
      <c r="Y2773" s="47" t="s">
        <v>5331</v>
      </c>
      <c r="Z2773" s="28"/>
      <c r="AA2773" s="27"/>
      <c r="AB2773" s="27"/>
      <c r="AC2773" s="27"/>
      <c r="AD2773" s="30"/>
      <c r="AE2773" s="1"/>
      <c r="AF2773" s="23" t="s">
        <v>5331</v>
      </c>
      <c r="AG2773" s="26"/>
      <c r="AH2773" s="53"/>
    </row>
    <row r="2774" spans="1:34" ht="51.6" customHeight="1" x14ac:dyDescent="0.45">
      <c r="A2774" s="23">
        <v>2768</v>
      </c>
      <c r="B2774" s="25"/>
      <c r="C2774" s="25"/>
      <c r="D2774" s="29"/>
      <c r="E2774" s="1"/>
      <c r="F2774" s="1"/>
      <c r="G2774" s="25"/>
      <c r="H2774" s="71"/>
      <c r="I2774" s="83"/>
      <c r="J2774" s="50" t="str">
        <f t="shared" si="88"/>
        <v/>
      </c>
      <c r="K2774" s="23" t="s">
        <v>7120</v>
      </c>
      <c r="L2774" s="49" t="e">
        <f>VLOOKUP(E2774&amp;F2774,団体コード!$A$1:$C$1743,3,FALSE)</f>
        <v>#N/A</v>
      </c>
      <c r="M2774" s="49" t="e">
        <f>VLOOKUP(E2774&amp;F2774,団体コード!$A$1:$C$1743,2,FALSE)</f>
        <v>#N/A</v>
      </c>
      <c r="N2774" s="51" t="e">
        <f>VLOOKUP(E2774,団体コード!$E$1:$F$48,2,FALSE)</f>
        <v>#N/A</v>
      </c>
      <c r="O2774" s="51" t="e">
        <f t="shared" si="89"/>
        <v>#N/A</v>
      </c>
      <c r="P2774" s="51">
        <v>1</v>
      </c>
      <c r="Q2774" s="51" t="s">
        <v>5341</v>
      </c>
      <c r="R2774" s="54" t="b">
        <v>1</v>
      </c>
      <c r="S2774" s="52" t="s">
        <v>7126</v>
      </c>
      <c r="T2774" s="67" t="s">
        <v>7127</v>
      </c>
      <c r="U2774" s="75" t="s">
        <v>5331</v>
      </c>
      <c r="V2774" s="47" t="s">
        <v>5331</v>
      </c>
      <c r="W2774" s="47" t="s">
        <v>5331</v>
      </c>
      <c r="X2774" s="47" t="s">
        <v>5331</v>
      </c>
      <c r="Y2774" s="47" t="s">
        <v>5331</v>
      </c>
      <c r="Z2774" s="28"/>
      <c r="AA2774" s="27"/>
      <c r="AB2774" s="27"/>
      <c r="AC2774" s="27"/>
      <c r="AD2774" s="30"/>
      <c r="AE2774" s="1"/>
      <c r="AF2774" s="23" t="s">
        <v>5331</v>
      </c>
      <c r="AG2774" s="26"/>
      <c r="AH2774" s="53"/>
    </row>
    <row r="2775" spans="1:34" ht="51.6" customHeight="1" x14ac:dyDescent="0.45">
      <c r="A2775" s="23">
        <v>2769</v>
      </c>
      <c r="B2775" s="25"/>
      <c r="C2775" s="25"/>
      <c r="D2775" s="29"/>
      <c r="E2775" s="1"/>
      <c r="F2775" s="1"/>
      <c r="G2775" s="25"/>
      <c r="H2775" s="71"/>
      <c r="I2775" s="83"/>
      <c r="J2775" s="50" t="str">
        <f t="shared" si="88"/>
        <v/>
      </c>
      <c r="K2775" s="23" t="s">
        <v>7120</v>
      </c>
      <c r="L2775" s="49" t="e">
        <f>VLOOKUP(E2775&amp;F2775,団体コード!$A$1:$C$1743,3,FALSE)</f>
        <v>#N/A</v>
      </c>
      <c r="M2775" s="49" t="e">
        <f>VLOOKUP(E2775&amp;F2775,団体コード!$A$1:$C$1743,2,FALSE)</f>
        <v>#N/A</v>
      </c>
      <c r="N2775" s="51" t="e">
        <f>VLOOKUP(E2775,団体コード!$E$1:$F$48,2,FALSE)</f>
        <v>#N/A</v>
      </c>
      <c r="O2775" s="51" t="e">
        <f t="shared" si="89"/>
        <v>#N/A</v>
      </c>
      <c r="P2775" s="51">
        <v>1</v>
      </c>
      <c r="Q2775" s="51" t="s">
        <v>5341</v>
      </c>
      <c r="R2775" s="54" t="b">
        <v>1</v>
      </c>
      <c r="S2775" s="52" t="s">
        <v>7126</v>
      </c>
      <c r="T2775" s="67" t="s">
        <v>7127</v>
      </c>
      <c r="U2775" s="75" t="s">
        <v>5331</v>
      </c>
      <c r="V2775" s="47" t="s">
        <v>5331</v>
      </c>
      <c r="W2775" s="47" t="s">
        <v>5331</v>
      </c>
      <c r="X2775" s="47" t="s">
        <v>5331</v>
      </c>
      <c r="Y2775" s="47" t="s">
        <v>5331</v>
      </c>
      <c r="Z2775" s="28"/>
      <c r="AA2775" s="27"/>
      <c r="AB2775" s="27"/>
      <c r="AC2775" s="27"/>
      <c r="AD2775" s="30"/>
      <c r="AE2775" s="1"/>
      <c r="AF2775" s="23" t="s">
        <v>5331</v>
      </c>
      <c r="AG2775" s="26"/>
      <c r="AH2775" s="53"/>
    </row>
    <row r="2776" spans="1:34" ht="51.6" customHeight="1" x14ac:dyDescent="0.45">
      <c r="A2776" s="23">
        <v>2770</v>
      </c>
      <c r="B2776" s="25"/>
      <c r="C2776" s="25"/>
      <c r="D2776" s="29"/>
      <c r="E2776" s="1"/>
      <c r="F2776" s="1"/>
      <c r="G2776" s="25"/>
      <c r="H2776" s="71"/>
      <c r="I2776" s="83"/>
      <c r="J2776" s="50" t="str">
        <f t="shared" si="88"/>
        <v/>
      </c>
      <c r="K2776" s="23" t="s">
        <v>7120</v>
      </c>
      <c r="L2776" s="49" t="e">
        <f>VLOOKUP(E2776&amp;F2776,団体コード!$A$1:$C$1743,3,FALSE)</f>
        <v>#N/A</v>
      </c>
      <c r="M2776" s="49" t="e">
        <f>VLOOKUP(E2776&amp;F2776,団体コード!$A$1:$C$1743,2,FALSE)</f>
        <v>#N/A</v>
      </c>
      <c r="N2776" s="51" t="e">
        <f>VLOOKUP(E2776,団体コード!$E$1:$F$48,2,FALSE)</f>
        <v>#N/A</v>
      </c>
      <c r="O2776" s="51" t="e">
        <f t="shared" si="89"/>
        <v>#N/A</v>
      </c>
      <c r="P2776" s="51">
        <v>1</v>
      </c>
      <c r="Q2776" s="51" t="s">
        <v>5341</v>
      </c>
      <c r="R2776" s="54" t="b">
        <v>1</v>
      </c>
      <c r="S2776" s="52" t="s">
        <v>7126</v>
      </c>
      <c r="T2776" s="67" t="s">
        <v>7127</v>
      </c>
      <c r="U2776" s="75" t="s">
        <v>5331</v>
      </c>
      <c r="V2776" s="47" t="s">
        <v>5331</v>
      </c>
      <c r="W2776" s="47" t="s">
        <v>5331</v>
      </c>
      <c r="X2776" s="47" t="s">
        <v>5331</v>
      </c>
      <c r="Y2776" s="47" t="s">
        <v>5331</v>
      </c>
      <c r="Z2776" s="28"/>
      <c r="AA2776" s="27"/>
      <c r="AB2776" s="27"/>
      <c r="AC2776" s="27"/>
      <c r="AD2776" s="30"/>
      <c r="AE2776" s="1"/>
      <c r="AF2776" s="23" t="s">
        <v>5331</v>
      </c>
      <c r="AG2776" s="26"/>
      <c r="AH2776" s="53"/>
    </row>
    <row r="2777" spans="1:34" ht="51.6" customHeight="1" x14ac:dyDescent="0.45">
      <c r="A2777" s="23">
        <v>2771</v>
      </c>
      <c r="B2777" s="25"/>
      <c r="C2777" s="25"/>
      <c r="D2777" s="29"/>
      <c r="E2777" s="1"/>
      <c r="F2777" s="1"/>
      <c r="G2777" s="25"/>
      <c r="H2777" s="71"/>
      <c r="I2777" s="83"/>
      <c r="J2777" s="50" t="str">
        <f t="shared" si="88"/>
        <v/>
      </c>
      <c r="K2777" s="23" t="s">
        <v>7120</v>
      </c>
      <c r="L2777" s="49" t="e">
        <f>VLOOKUP(E2777&amp;F2777,団体コード!$A$1:$C$1743,3,FALSE)</f>
        <v>#N/A</v>
      </c>
      <c r="M2777" s="49" t="e">
        <f>VLOOKUP(E2777&amp;F2777,団体コード!$A$1:$C$1743,2,FALSE)</f>
        <v>#N/A</v>
      </c>
      <c r="N2777" s="51" t="e">
        <f>VLOOKUP(E2777,団体コード!$E$1:$F$48,2,FALSE)</f>
        <v>#N/A</v>
      </c>
      <c r="O2777" s="51" t="e">
        <f t="shared" si="89"/>
        <v>#N/A</v>
      </c>
      <c r="P2777" s="51">
        <v>1</v>
      </c>
      <c r="Q2777" s="51" t="s">
        <v>5341</v>
      </c>
      <c r="R2777" s="54" t="b">
        <v>1</v>
      </c>
      <c r="S2777" s="52" t="s">
        <v>7126</v>
      </c>
      <c r="T2777" s="67" t="s">
        <v>7127</v>
      </c>
      <c r="U2777" s="75" t="s">
        <v>5331</v>
      </c>
      <c r="V2777" s="47" t="s">
        <v>5331</v>
      </c>
      <c r="W2777" s="47" t="s">
        <v>5331</v>
      </c>
      <c r="X2777" s="47" t="s">
        <v>5331</v>
      </c>
      <c r="Y2777" s="47" t="s">
        <v>5331</v>
      </c>
      <c r="Z2777" s="28"/>
      <c r="AA2777" s="27"/>
      <c r="AB2777" s="27"/>
      <c r="AC2777" s="27"/>
      <c r="AD2777" s="30"/>
      <c r="AE2777" s="1"/>
      <c r="AF2777" s="23" t="s">
        <v>5331</v>
      </c>
      <c r="AG2777" s="26"/>
      <c r="AH2777" s="53"/>
    </row>
    <row r="2778" spans="1:34" ht="51.6" customHeight="1" x14ac:dyDescent="0.45">
      <c r="A2778" s="23">
        <v>2772</v>
      </c>
      <c r="B2778" s="25"/>
      <c r="C2778" s="25"/>
      <c r="D2778" s="29"/>
      <c r="E2778" s="1"/>
      <c r="F2778" s="1"/>
      <c r="G2778" s="25"/>
      <c r="H2778" s="71"/>
      <c r="I2778" s="83"/>
      <c r="J2778" s="50" t="str">
        <f t="shared" si="88"/>
        <v/>
      </c>
      <c r="K2778" s="23" t="s">
        <v>7120</v>
      </c>
      <c r="L2778" s="49" t="e">
        <f>VLOOKUP(E2778&amp;F2778,団体コード!$A$1:$C$1743,3,FALSE)</f>
        <v>#N/A</v>
      </c>
      <c r="M2778" s="49" t="e">
        <f>VLOOKUP(E2778&amp;F2778,団体コード!$A$1:$C$1743,2,FALSE)</f>
        <v>#N/A</v>
      </c>
      <c r="N2778" s="51" t="e">
        <f>VLOOKUP(E2778,団体コード!$E$1:$F$48,2,FALSE)</f>
        <v>#N/A</v>
      </c>
      <c r="O2778" s="51" t="e">
        <f t="shared" si="89"/>
        <v>#N/A</v>
      </c>
      <c r="P2778" s="51">
        <v>1</v>
      </c>
      <c r="Q2778" s="51" t="s">
        <v>5341</v>
      </c>
      <c r="R2778" s="54" t="b">
        <v>1</v>
      </c>
      <c r="S2778" s="52" t="s">
        <v>7126</v>
      </c>
      <c r="T2778" s="67" t="s">
        <v>7127</v>
      </c>
      <c r="U2778" s="75" t="s">
        <v>5331</v>
      </c>
      <c r="V2778" s="47" t="s">
        <v>5331</v>
      </c>
      <c r="W2778" s="47" t="s">
        <v>5331</v>
      </c>
      <c r="X2778" s="47" t="s">
        <v>5331</v>
      </c>
      <c r="Y2778" s="47" t="s">
        <v>5331</v>
      </c>
      <c r="Z2778" s="28"/>
      <c r="AA2778" s="27"/>
      <c r="AB2778" s="27"/>
      <c r="AC2778" s="27"/>
      <c r="AD2778" s="30"/>
      <c r="AE2778" s="1"/>
      <c r="AF2778" s="23" t="s">
        <v>5331</v>
      </c>
      <c r="AG2778" s="26"/>
      <c r="AH2778" s="53"/>
    </row>
    <row r="2779" spans="1:34" ht="51.6" customHeight="1" x14ac:dyDescent="0.45">
      <c r="A2779" s="23">
        <v>2773</v>
      </c>
      <c r="B2779" s="25"/>
      <c r="C2779" s="25"/>
      <c r="D2779" s="29"/>
      <c r="E2779" s="1"/>
      <c r="F2779" s="1"/>
      <c r="G2779" s="25"/>
      <c r="H2779" s="71"/>
      <c r="I2779" s="83"/>
      <c r="J2779" s="50" t="str">
        <f t="shared" si="88"/>
        <v/>
      </c>
      <c r="K2779" s="23" t="s">
        <v>7120</v>
      </c>
      <c r="L2779" s="49" t="e">
        <f>VLOOKUP(E2779&amp;F2779,団体コード!$A$1:$C$1743,3,FALSE)</f>
        <v>#N/A</v>
      </c>
      <c r="M2779" s="49" t="e">
        <f>VLOOKUP(E2779&amp;F2779,団体コード!$A$1:$C$1743,2,FALSE)</f>
        <v>#N/A</v>
      </c>
      <c r="N2779" s="51" t="e">
        <f>VLOOKUP(E2779,団体コード!$E$1:$F$48,2,FALSE)</f>
        <v>#N/A</v>
      </c>
      <c r="O2779" s="51" t="e">
        <f t="shared" si="89"/>
        <v>#N/A</v>
      </c>
      <c r="P2779" s="51">
        <v>1</v>
      </c>
      <c r="Q2779" s="51" t="s">
        <v>5341</v>
      </c>
      <c r="R2779" s="54" t="b">
        <v>1</v>
      </c>
      <c r="S2779" s="52" t="s">
        <v>7126</v>
      </c>
      <c r="T2779" s="67" t="s">
        <v>7127</v>
      </c>
      <c r="U2779" s="75" t="s">
        <v>5331</v>
      </c>
      <c r="V2779" s="47" t="s">
        <v>5331</v>
      </c>
      <c r="W2779" s="47" t="s">
        <v>5331</v>
      </c>
      <c r="X2779" s="47" t="s">
        <v>5331</v>
      </c>
      <c r="Y2779" s="47" t="s">
        <v>5331</v>
      </c>
      <c r="Z2779" s="28"/>
      <c r="AA2779" s="27"/>
      <c r="AB2779" s="27"/>
      <c r="AC2779" s="27"/>
      <c r="AD2779" s="30"/>
      <c r="AE2779" s="1"/>
      <c r="AF2779" s="23" t="s">
        <v>5331</v>
      </c>
      <c r="AG2779" s="26"/>
      <c r="AH2779" s="53"/>
    </row>
    <row r="2780" spans="1:34" ht="51.6" customHeight="1" x14ac:dyDescent="0.45">
      <c r="A2780" s="23">
        <v>2774</v>
      </c>
      <c r="B2780" s="25"/>
      <c r="C2780" s="25"/>
      <c r="D2780" s="29"/>
      <c r="E2780" s="1"/>
      <c r="F2780" s="1"/>
      <c r="G2780" s="25"/>
      <c r="H2780" s="71"/>
      <c r="I2780" s="83"/>
      <c r="J2780" s="50" t="str">
        <f t="shared" si="88"/>
        <v/>
      </c>
      <c r="K2780" s="23" t="s">
        <v>7120</v>
      </c>
      <c r="L2780" s="49" t="e">
        <f>VLOOKUP(E2780&amp;F2780,団体コード!$A$1:$C$1743,3,FALSE)</f>
        <v>#N/A</v>
      </c>
      <c r="M2780" s="49" t="e">
        <f>VLOOKUP(E2780&amp;F2780,団体コード!$A$1:$C$1743,2,FALSE)</f>
        <v>#N/A</v>
      </c>
      <c r="N2780" s="51" t="e">
        <f>VLOOKUP(E2780,団体コード!$E$1:$F$48,2,FALSE)</f>
        <v>#N/A</v>
      </c>
      <c r="O2780" s="51" t="e">
        <f t="shared" si="89"/>
        <v>#N/A</v>
      </c>
      <c r="P2780" s="51">
        <v>1</v>
      </c>
      <c r="Q2780" s="51" t="s">
        <v>5341</v>
      </c>
      <c r="R2780" s="54" t="b">
        <v>1</v>
      </c>
      <c r="S2780" s="52" t="s">
        <v>7126</v>
      </c>
      <c r="T2780" s="67" t="s">
        <v>7127</v>
      </c>
      <c r="U2780" s="75" t="s">
        <v>5331</v>
      </c>
      <c r="V2780" s="47" t="s">
        <v>5331</v>
      </c>
      <c r="W2780" s="47" t="s">
        <v>5331</v>
      </c>
      <c r="X2780" s="47" t="s">
        <v>5331</v>
      </c>
      <c r="Y2780" s="47" t="s">
        <v>5331</v>
      </c>
      <c r="Z2780" s="28"/>
      <c r="AA2780" s="27"/>
      <c r="AB2780" s="27"/>
      <c r="AC2780" s="27"/>
      <c r="AD2780" s="30"/>
      <c r="AE2780" s="1"/>
      <c r="AF2780" s="23" t="s">
        <v>5331</v>
      </c>
      <c r="AG2780" s="26"/>
      <c r="AH2780" s="53"/>
    </row>
    <row r="2781" spans="1:34" ht="51.6" customHeight="1" x14ac:dyDescent="0.45">
      <c r="A2781" s="23">
        <v>2775</v>
      </c>
      <c r="B2781" s="25"/>
      <c r="C2781" s="25"/>
      <c r="D2781" s="29"/>
      <c r="E2781" s="1"/>
      <c r="F2781" s="1"/>
      <c r="G2781" s="25"/>
      <c r="H2781" s="71"/>
      <c r="I2781" s="83"/>
      <c r="J2781" s="50" t="str">
        <f t="shared" si="88"/>
        <v/>
      </c>
      <c r="K2781" s="23" t="s">
        <v>7120</v>
      </c>
      <c r="L2781" s="49" t="e">
        <f>VLOOKUP(E2781&amp;F2781,団体コード!$A$1:$C$1743,3,FALSE)</f>
        <v>#N/A</v>
      </c>
      <c r="M2781" s="49" t="e">
        <f>VLOOKUP(E2781&amp;F2781,団体コード!$A$1:$C$1743,2,FALSE)</f>
        <v>#N/A</v>
      </c>
      <c r="N2781" s="51" t="e">
        <f>VLOOKUP(E2781,団体コード!$E$1:$F$48,2,FALSE)</f>
        <v>#N/A</v>
      </c>
      <c r="O2781" s="51" t="e">
        <f t="shared" si="89"/>
        <v>#N/A</v>
      </c>
      <c r="P2781" s="51">
        <v>1</v>
      </c>
      <c r="Q2781" s="51" t="s">
        <v>5341</v>
      </c>
      <c r="R2781" s="54" t="b">
        <v>1</v>
      </c>
      <c r="S2781" s="52" t="s">
        <v>7126</v>
      </c>
      <c r="T2781" s="67" t="s">
        <v>7127</v>
      </c>
      <c r="U2781" s="75" t="s">
        <v>5331</v>
      </c>
      <c r="V2781" s="47" t="s">
        <v>5331</v>
      </c>
      <c r="W2781" s="47" t="s">
        <v>5331</v>
      </c>
      <c r="X2781" s="47" t="s">
        <v>5331</v>
      </c>
      <c r="Y2781" s="47" t="s">
        <v>5331</v>
      </c>
      <c r="Z2781" s="28"/>
      <c r="AA2781" s="27"/>
      <c r="AB2781" s="27"/>
      <c r="AC2781" s="27"/>
      <c r="AD2781" s="30"/>
      <c r="AE2781" s="1"/>
      <c r="AF2781" s="23" t="s">
        <v>5331</v>
      </c>
      <c r="AG2781" s="26"/>
      <c r="AH2781" s="53"/>
    </row>
    <row r="2782" spans="1:34" ht="51.6" customHeight="1" x14ac:dyDescent="0.45">
      <c r="A2782" s="23">
        <v>2776</v>
      </c>
      <c r="B2782" s="25"/>
      <c r="C2782" s="25"/>
      <c r="D2782" s="29"/>
      <c r="E2782" s="1"/>
      <c r="F2782" s="1"/>
      <c r="G2782" s="25"/>
      <c r="H2782" s="71"/>
      <c r="I2782" s="83"/>
      <c r="J2782" s="50" t="str">
        <f t="shared" si="88"/>
        <v/>
      </c>
      <c r="K2782" s="23" t="s">
        <v>7120</v>
      </c>
      <c r="L2782" s="49" t="e">
        <f>VLOOKUP(E2782&amp;F2782,団体コード!$A$1:$C$1743,3,FALSE)</f>
        <v>#N/A</v>
      </c>
      <c r="M2782" s="49" t="e">
        <f>VLOOKUP(E2782&amp;F2782,団体コード!$A$1:$C$1743,2,FALSE)</f>
        <v>#N/A</v>
      </c>
      <c r="N2782" s="51" t="e">
        <f>VLOOKUP(E2782,団体コード!$E$1:$F$48,2,FALSE)</f>
        <v>#N/A</v>
      </c>
      <c r="O2782" s="51" t="e">
        <f t="shared" si="89"/>
        <v>#N/A</v>
      </c>
      <c r="P2782" s="51">
        <v>1</v>
      </c>
      <c r="Q2782" s="51" t="s">
        <v>5341</v>
      </c>
      <c r="R2782" s="54" t="b">
        <v>1</v>
      </c>
      <c r="S2782" s="52" t="s">
        <v>7126</v>
      </c>
      <c r="T2782" s="67" t="s">
        <v>7127</v>
      </c>
      <c r="U2782" s="75" t="s">
        <v>5331</v>
      </c>
      <c r="V2782" s="47" t="s">
        <v>5331</v>
      </c>
      <c r="W2782" s="47" t="s">
        <v>5331</v>
      </c>
      <c r="X2782" s="47" t="s">
        <v>5331</v>
      </c>
      <c r="Y2782" s="47" t="s">
        <v>5331</v>
      </c>
      <c r="Z2782" s="28"/>
      <c r="AA2782" s="27"/>
      <c r="AB2782" s="27"/>
      <c r="AC2782" s="27"/>
      <c r="AD2782" s="30"/>
      <c r="AE2782" s="1"/>
      <c r="AF2782" s="23" t="s">
        <v>5331</v>
      </c>
      <c r="AG2782" s="26"/>
      <c r="AH2782" s="53"/>
    </row>
    <row r="2783" spans="1:34" ht="51.6" customHeight="1" x14ac:dyDescent="0.45">
      <c r="A2783" s="23">
        <v>2777</v>
      </c>
      <c r="B2783" s="25"/>
      <c r="C2783" s="25"/>
      <c r="D2783" s="29"/>
      <c r="E2783" s="1"/>
      <c r="F2783" s="1"/>
      <c r="G2783" s="25"/>
      <c r="H2783" s="71"/>
      <c r="I2783" s="83"/>
      <c r="J2783" s="50" t="str">
        <f t="shared" si="88"/>
        <v/>
      </c>
      <c r="K2783" s="23" t="s">
        <v>7120</v>
      </c>
      <c r="L2783" s="49" t="e">
        <f>VLOOKUP(E2783&amp;F2783,団体コード!$A$1:$C$1743,3,FALSE)</f>
        <v>#N/A</v>
      </c>
      <c r="M2783" s="49" t="e">
        <f>VLOOKUP(E2783&amp;F2783,団体コード!$A$1:$C$1743,2,FALSE)</f>
        <v>#N/A</v>
      </c>
      <c r="N2783" s="51" t="e">
        <f>VLOOKUP(E2783,団体コード!$E$1:$F$48,2,FALSE)</f>
        <v>#N/A</v>
      </c>
      <c r="O2783" s="51" t="e">
        <f t="shared" si="89"/>
        <v>#N/A</v>
      </c>
      <c r="P2783" s="51">
        <v>1</v>
      </c>
      <c r="Q2783" s="51" t="s">
        <v>5341</v>
      </c>
      <c r="R2783" s="54" t="b">
        <v>1</v>
      </c>
      <c r="S2783" s="52" t="s">
        <v>7126</v>
      </c>
      <c r="T2783" s="67" t="s">
        <v>7127</v>
      </c>
      <c r="U2783" s="75" t="s">
        <v>5331</v>
      </c>
      <c r="V2783" s="47" t="s">
        <v>5331</v>
      </c>
      <c r="W2783" s="47" t="s">
        <v>5331</v>
      </c>
      <c r="X2783" s="47" t="s">
        <v>5331</v>
      </c>
      <c r="Y2783" s="47" t="s">
        <v>5331</v>
      </c>
      <c r="Z2783" s="28"/>
      <c r="AA2783" s="27"/>
      <c r="AB2783" s="27"/>
      <c r="AC2783" s="27"/>
      <c r="AD2783" s="30"/>
      <c r="AE2783" s="1"/>
      <c r="AF2783" s="23" t="s">
        <v>5331</v>
      </c>
      <c r="AG2783" s="26"/>
      <c r="AH2783" s="53"/>
    </row>
    <row r="2784" spans="1:34" ht="51.6" customHeight="1" x14ac:dyDescent="0.45">
      <c r="A2784" s="23">
        <v>2778</v>
      </c>
      <c r="B2784" s="25"/>
      <c r="C2784" s="25"/>
      <c r="D2784" s="29"/>
      <c r="E2784" s="1"/>
      <c r="F2784" s="1"/>
      <c r="G2784" s="25"/>
      <c r="H2784" s="71"/>
      <c r="I2784" s="83"/>
      <c r="J2784" s="50" t="str">
        <f t="shared" si="88"/>
        <v/>
      </c>
      <c r="K2784" s="23" t="s">
        <v>7120</v>
      </c>
      <c r="L2784" s="49" t="e">
        <f>VLOOKUP(E2784&amp;F2784,団体コード!$A$1:$C$1743,3,FALSE)</f>
        <v>#N/A</v>
      </c>
      <c r="M2784" s="49" t="e">
        <f>VLOOKUP(E2784&amp;F2784,団体コード!$A$1:$C$1743,2,FALSE)</f>
        <v>#N/A</v>
      </c>
      <c r="N2784" s="51" t="e">
        <f>VLOOKUP(E2784,団体コード!$E$1:$F$48,2,FALSE)</f>
        <v>#N/A</v>
      </c>
      <c r="O2784" s="51" t="e">
        <f t="shared" si="89"/>
        <v>#N/A</v>
      </c>
      <c r="P2784" s="51">
        <v>1</v>
      </c>
      <c r="Q2784" s="51" t="s">
        <v>5341</v>
      </c>
      <c r="R2784" s="54" t="b">
        <v>1</v>
      </c>
      <c r="S2784" s="52" t="s">
        <v>7126</v>
      </c>
      <c r="T2784" s="67" t="s">
        <v>7127</v>
      </c>
      <c r="U2784" s="75" t="s">
        <v>5331</v>
      </c>
      <c r="V2784" s="47" t="s">
        <v>5331</v>
      </c>
      <c r="W2784" s="47" t="s">
        <v>5331</v>
      </c>
      <c r="X2784" s="47" t="s">
        <v>5331</v>
      </c>
      <c r="Y2784" s="47" t="s">
        <v>5331</v>
      </c>
      <c r="Z2784" s="28"/>
      <c r="AA2784" s="27"/>
      <c r="AB2784" s="27"/>
      <c r="AC2784" s="27"/>
      <c r="AD2784" s="30"/>
      <c r="AE2784" s="1"/>
      <c r="AF2784" s="23" t="s">
        <v>5331</v>
      </c>
      <c r="AG2784" s="26"/>
      <c r="AH2784" s="53"/>
    </row>
    <row r="2785" spans="1:34" ht="51.6" customHeight="1" x14ac:dyDescent="0.45">
      <c r="A2785" s="23">
        <v>2779</v>
      </c>
      <c r="B2785" s="25"/>
      <c r="C2785" s="25"/>
      <c r="D2785" s="29"/>
      <c r="E2785" s="1"/>
      <c r="F2785" s="1"/>
      <c r="G2785" s="25"/>
      <c r="H2785" s="71"/>
      <c r="I2785" s="83"/>
      <c r="J2785" s="50" t="str">
        <f t="shared" si="88"/>
        <v/>
      </c>
      <c r="K2785" s="23" t="s">
        <v>7120</v>
      </c>
      <c r="L2785" s="49" t="e">
        <f>VLOOKUP(E2785&amp;F2785,団体コード!$A$1:$C$1743,3,FALSE)</f>
        <v>#N/A</v>
      </c>
      <c r="M2785" s="49" t="e">
        <f>VLOOKUP(E2785&amp;F2785,団体コード!$A$1:$C$1743,2,FALSE)</f>
        <v>#N/A</v>
      </c>
      <c r="N2785" s="51" t="e">
        <f>VLOOKUP(E2785,団体コード!$E$1:$F$48,2,FALSE)</f>
        <v>#N/A</v>
      </c>
      <c r="O2785" s="51" t="e">
        <f t="shared" si="89"/>
        <v>#N/A</v>
      </c>
      <c r="P2785" s="51">
        <v>1</v>
      </c>
      <c r="Q2785" s="51" t="s">
        <v>5341</v>
      </c>
      <c r="R2785" s="54" t="b">
        <v>1</v>
      </c>
      <c r="S2785" s="52" t="s">
        <v>7126</v>
      </c>
      <c r="T2785" s="67" t="s">
        <v>7127</v>
      </c>
      <c r="U2785" s="75" t="s">
        <v>5331</v>
      </c>
      <c r="V2785" s="47" t="s">
        <v>5331</v>
      </c>
      <c r="W2785" s="47" t="s">
        <v>5331</v>
      </c>
      <c r="X2785" s="47" t="s">
        <v>5331</v>
      </c>
      <c r="Y2785" s="47" t="s">
        <v>5331</v>
      </c>
      <c r="Z2785" s="28"/>
      <c r="AA2785" s="27"/>
      <c r="AB2785" s="27"/>
      <c r="AC2785" s="27"/>
      <c r="AD2785" s="30"/>
      <c r="AE2785" s="1"/>
      <c r="AF2785" s="23" t="s">
        <v>5331</v>
      </c>
      <c r="AG2785" s="26"/>
      <c r="AH2785" s="53"/>
    </row>
    <row r="2786" spans="1:34" ht="51.6" customHeight="1" x14ac:dyDescent="0.45">
      <c r="A2786" s="23">
        <v>2780</v>
      </c>
      <c r="B2786" s="25"/>
      <c r="C2786" s="25"/>
      <c r="D2786" s="29"/>
      <c r="E2786" s="1"/>
      <c r="F2786" s="1"/>
      <c r="G2786" s="25"/>
      <c r="H2786" s="71"/>
      <c r="I2786" s="83"/>
      <c r="J2786" s="50" t="str">
        <f t="shared" si="88"/>
        <v/>
      </c>
      <c r="K2786" s="23" t="s">
        <v>7120</v>
      </c>
      <c r="L2786" s="49" t="e">
        <f>VLOOKUP(E2786&amp;F2786,団体コード!$A$1:$C$1743,3,FALSE)</f>
        <v>#N/A</v>
      </c>
      <c r="M2786" s="49" t="e">
        <f>VLOOKUP(E2786&amp;F2786,団体コード!$A$1:$C$1743,2,FALSE)</f>
        <v>#N/A</v>
      </c>
      <c r="N2786" s="51" t="e">
        <f>VLOOKUP(E2786,団体コード!$E$1:$F$48,2,FALSE)</f>
        <v>#N/A</v>
      </c>
      <c r="O2786" s="51" t="e">
        <f t="shared" si="89"/>
        <v>#N/A</v>
      </c>
      <c r="P2786" s="51">
        <v>1</v>
      </c>
      <c r="Q2786" s="51" t="s">
        <v>5341</v>
      </c>
      <c r="R2786" s="54" t="b">
        <v>1</v>
      </c>
      <c r="S2786" s="52" t="s">
        <v>7126</v>
      </c>
      <c r="T2786" s="67" t="s">
        <v>7127</v>
      </c>
      <c r="U2786" s="75" t="s">
        <v>5331</v>
      </c>
      <c r="V2786" s="47" t="s">
        <v>5331</v>
      </c>
      <c r="W2786" s="47" t="s">
        <v>5331</v>
      </c>
      <c r="X2786" s="47" t="s">
        <v>5331</v>
      </c>
      <c r="Y2786" s="47" t="s">
        <v>5331</v>
      </c>
      <c r="Z2786" s="28"/>
      <c r="AA2786" s="27"/>
      <c r="AB2786" s="27"/>
      <c r="AC2786" s="27"/>
      <c r="AD2786" s="30"/>
      <c r="AE2786" s="1"/>
      <c r="AF2786" s="23" t="s">
        <v>5331</v>
      </c>
      <c r="AG2786" s="26"/>
      <c r="AH2786" s="53"/>
    </row>
    <row r="2787" spans="1:34" ht="51.6" customHeight="1" x14ac:dyDescent="0.45">
      <c r="A2787" s="23">
        <v>2781</v>
      </c>
      <c r="B2787" s="25"/>
      <c r="C2787" s="25"/>
      <c r="D2787" s="29"/>
      <c r="E2787" s="1"/>
      <c r="F2787" s="1"/>
      <c r="G2787" s="25"/>
      <c r="H2787" s="71"/>
      <c r="I2787" s="83"/>
      <c r="J2787" s="50" t="str">
        <f t="shared" si="88"/>
        <v/>
      </c>
      <c r="K2787" s="23" t="s">
        <v>7120</v>
      </c>
      <c r="L2787" s="49" t="e">
        <f>VLOOKUP(E2787&amp;F2787,団体コード!$A$1:$C$1743,3,FALSE)</f>
        <v>#N/A</v>
      </c>
      <c r="M2787" s="49" t="e">
        <f>VLOOKUP(E2787&amp;F2787,団体コード!$A$1:$C$1743,2,FALSE)</f>
        <v>#N/A</v>
      </c>
      <c r="N2787" s="51" t="e">
        <f>VLOOKUP(E2787,団体コード!$E$1:$F$48,2,FALSE)</f>
        <v>#N/A</v>
      </c>
      <c r="O2787" s="51" t="e">
        <f t="shared" si="89"/>
        <v>#N/A</v>
      </c>
      <c r="P2787" s="51">
        <v>1</v>
      </c>
      <c r="Q2787" s="51" t="s">
        <v>5341</v>
      </c>
      <c r="R2787" s="54" t="b">
        <v>1</v>
      </c>
      <c r="S2787" s="52" t="s">
        <v>7126</v>
      </c>
      <c r="T2787" s="67" t="s">
        <v>7127</v>
      </c>
      <c r="U2787" s="75" t="s">
        <v>5331</v>
      </c>
      <c r="V2787" s="47" t="s">
        <v>5331</v>
      </c>
      <c r="W2787" s="47" t="s">
        <v>5331</v>
      </c>
      <c r="X2787" s="47" t="s">
        <v>5331</v>
      </c>
      <c r="Y2787" s="47" t="s">
        <v>5331</v>
      </c>
      <c r="Z2787" s="28"/>
      <c r="AA2787" s="27"/>
      <c r="AB2787" s="27"/>
      <c r="AC2787" s="27"/>
      <c r="AD2787" s="30"/>
      <c r="AE2787" s="1"/>
      <c r="AF2787" s="23" t="s">
        <v>5331</v>
      </c>
      <c r="AG2787" s="26"/>
      <c r="AH2787" s="53"/>
    </row>
    <row r="2788" spans="1:34" ht="51.6" customHeight="1" x14ac:dyDescent="0.45">
      <c r="A2788" s="23">
        <v>2782</v>
      </c>
      <c r="B2788" s="25"/>
      <c r="C2788" s="25"/>
      <c r="D2788" s="29"/>
      <c r="E2788" s="1"/>
      <c r="F2788" s="1"/>
      <c r="G2788" s="25"/>
      <c r="H2788" s="71"/>
      <c r="I2788" s="83"/>
      <c r="J2788" s="50" t="str">
        <f t="shared" si="88"/>
        <v/>
      </c>
      <c r="K2788" s="23" t="s">
        <v>7120</v>
      </c>
      <c r="L2788" s="49" t="e">
        <f>VLOOKUP(E2788&amp;F2788,団体コード!$A$1:$C$1743,3,FALSE)</f>
        <v>#N/A</v>
      </c>
      <c r="M2788" s="49" t="e">
        <f>VLOOKUP(E2788&amp;F2788,団体コード!$A$1:$C$1743,2,FALSE)</f>
        <v>#N/A</v>
      </c>
      <c r="N2788" s="51" t="e">
        <f>VLOOKUP(E2788,団体コード!$E$1:$F$48,2,FALSE)</f>
        <v>#N/A</v>
      </c>
      <c r="O2788" s="51" t="e">
        <f t="shared" si="89"/>
        <v>#N/A</v>
      </c>
      <c r="P2788" s="51">
        <v>1</v>
      </c>
      <c r="Q2788" s="51" t="s">
        <v>5341</v>
      </c>
      <c r="R2788" s="54" t="b">
        <v>1</v>
      </c>
      <c r="S2788" s="52" t="s">
        <v>7126</v>
      </c>
      <c r="T2788" s="67" t="s">
        <v>7127</v>
      </c>
      <c r="U2788" s="75" t="s">
        <v>5331</v>
      </c>
      <c r="V2788" s="47" t="s">
        <v>5331</v>
      </c>
      <c r="W2788" s="47" t="s">
        <v>5331</v>
      </c>
      <c r="X2788" s="47" t="s">
        <v>5331</v>
      </c>
      <c r="Y2788" s="47" t="s">
        <v>5331</v>
      </c>
      <c r="Z2788" s="28"/>
      <c r="AA2788" s="27"/>
      <c r="AB2788" s="27"/>
      <c r="AC2788" s="27"/>
      <c r="AD2788" s="30"/>
      <c r="AE2788" s="1"/>
      <c r="AF2788" s="23" t="s">
        <v>5331</v>
      </c>
      <c r="AG2788" s="26"/>
      <c r="AH2788" s="53"/>
    </row>
    <row r="2789" spans="1:34" ht="51.6" customHeight="1" x14ac:dyDescent="0.45">
      <c r="A2789" s="23">
        <v>2783</v>
      </c>
      <c r="B2789" s="25"/>
      <c r="C2789" s="25"/>
      <c r="D2789" s="29"/>
      <c r="E2789" s="1"/>
      <c r="F2789" s="1"/>
      <c r="G2789" s="25"/>
      <c r="H2789" s="71"/>
      <c r="I2789" s="83"/>
      <c r="J2789" s="50" t="str">
        <f t="shared" si="88"/>
        <v/>
      </c>
      <c r="K2789" s="23" t="s">
        <v>7120</v>
      </c>
      <c r="L2789" s="49" t="e">
        <f>VLOOKUP(E2789&amp;F2789,団体コード!$A$1:$C$1743,3,FALSE)</f>
        <v>#N/A</v>
      </c>
      <c r="M2789" s="49" t="e">
        <f>VLOOKUP(E2789&amp;F2789,団体コード!$A$1:$C$1743,2,FALSE)</f>
        <v>#N/A</v>
      </c>
      <c r="N2789" s="51" t="e">
        <f>VLOOKUP(E2789,団体コード!$E$1:$F$48,2,FALSE)</f>
        <v>#N/A</v>
      </c>
      <c r="O2789" s="51" t="e">
        <f t="shared" si="89"/>
        <v>#N/A</v>
      </c>
      <c r="P2789" s="51">
        <v>1</v>
      </c>
      <c r="Q2789" s="51" t="s">
        <v>5341</v>
      </c>
      <c r="R2789" s="54" t="b">
        <v>1</v>
      </c>
      <c r="S2789" s="52" t="s">
        <v>7126</v>
      </c>
      <c r="T2789" s="67" t="s">
        <v>7127</v>
      </c>
      <c r="U2789" s="75" t="s">
        <v>5331</v>
      </c>
      <c r="V2789" s="47" t="s">
        <v>5331</v>
      </c>
      <c r="W2789" s="47" t="s">
        <v>5331</v>
      </c>
      <c r="X2789" s="47" t="s">
        <v>5331</v>
      </c>
      <c r="Y2789" s="47" t="s">
        <v>5331</v>
      </c>
      <c r="Z2789" s="28"/>
      <c r="AA2789" s="27"/>
      <c r="AB2789" s="27"/>
      <c r="AC2789" s="27"/>
      <c r="AD2789" s="30"/>
      <c r="AE2789" s="1"/>
      <c r="AF2789" s="23" t="s">
        <v>5331</v>
      </c>
      <c r="AG2789" s="26"/>
      <c r="AH2789" s="53"/>
    </row>
    <row r="2790" spans="1:34" ht="51.6" customHeight="1" x14ac:dyDescent="0.45">
      <c r="A2790" s="23">
        <v>2784</v>
      </c>
      <c r="B2790" s="25"/>
      <c r="C2790" s="25"/>
      <c r="D2790" s="29"/>
      <c r="E2790" s="1"/>
      <c r="F2790" s="1"/>
      <c r="G2790" s="25"/>
      <c r="H2790" s="71"/>
      <c r="I2790" s="83"/>
      <c r="J2790" s="50" t="str">
        <f t="shared" si="88"/>
        <v/>
      </c>
      <c r="K2790" s="23" t="s">
        <v>7120</v>
      </c>
      <c r="L2790" s="49" t="e">
        <f>VLOOKUP(E2790&amp;F2790,団体コード!$A$1:$C$1743,3,FALSE)</f>
        <v>#N/A</v>
      </c>
      <c r="M2790" s="49" t="e">
        <f>VLOOKUP(E2790&amp;F2790,団体コード!$A$1:$C$1743,2,FALSE)</f>
        <v>#N/A</v>
      </c>
      <c r="N2790" s="51" t="e">
        <f>VLOOKUP(E2790,団体コード!$E$1:$F$48,2,FALSE)</f>
        <v>#N/A</v>
      </c>
      <c r="O2790" s="51" t="e">
        <f t="shared" si="89"/>
        <v>#N/A</v>
      </c>
      <c r="P2790" s="51">
        <v>1</v>
      </c>
      <c r="Q2790" s="51" t="s">
        <v>5341</v>
      </c>
      <c r="R2790" s="54" t="b">
        <v>1</v>
      </c>
      <c r="S2790" s="52" t="s">
        <v>7126</v>
      </c>
      <c r="T2790" s="67" t="s">
        <v>7127</v>
      </c>
      <c r="U2790" s="75" t="s">
        <v>5331</v>
      </c>
      <c r="V2790" s="47" t="s">
        <v>5331</v>
      </c>
      <c r="W2790" s="47" t="s">
        <v>5331</v>
      </c>
      <c r="X2790" s="47" t="s">
        <v>5331</v>
      </c>
      <c r="Y2790" s="47" t="s">
        <v>5331</v>
      </c>
      <c r="Z2790" s="28"/>
      <c r="AA2790" s="27"/>
      <c r="AB2790" s="27"/>
      <c r="AC2790" s="27"/>
      <c r="AD2790" s="30"/>
      <c r="AE2790" s="1"/>
      <c r="AF2790" s="23" t="s">
        <v>5331</v>
      </c>
      <c r="AG2790" s="26"/>
      <c r="AH2790" s="53"/>
    </row>
    <row r="2791" spans="1:34" ht="51.6" customHeight="1" x14ac:dyDescent="0.45">
      <c r="A2791" s="23">
        <v>2785</v>
      </c>
      <c r="B2791" s="25"/>
      <c r="C2791" s="25"/>
      <c r="D2791" s="29"/>
      <c r="E2791" s="1"/>
      <c r="F2791" s="1"/>
      <c r="G2791" s="25"/>
      <c r="H2791" s="71"/>
      <c r="I2791" s="83"/>
      <c r="J2791" s="50" t="str">
        <f t="shared" si="88"/>
        <v/>
      </c>
      <c r="K2791" s="23" t="s">
        <v>7120</v>
      </c>
      <c r="L2791" s="49" t="e">
        <f>VLOOKUP(E2791&amp;F2791,団体コード!$A$1:$C$1743,3,FALSE)</f>
        <v>#N/A</v>
      </c>
      <c r="M2791" s="49" t="e">
        <f>VLOOKUP(E2791&amp;F2791,団体コード!$A$1:$C$1743,2,FALSE)</f>
        <v>#N/A</v>
      </c>
      <c r="N2791" s="51" t="e">
        <f>VLOOKUP(E2791,団体コード!$E$1:$F$48,2,FALSE)</f>
        <v>#N/A</v>
      </c>
      <c r="O2791" s="51" t="e">
        <f t="shared" si="89"/>
        <v>#N/A</v>
      </c>
      <c r="P2791" s="51">
        <v>1</v>
      </c>
      <c r="Q2791" s="51" t="s">
        <v>5341</v>
      </c>
      <c r="R2791" s="54" t="b">
        <v>1</v>
      </c>
      <c r="S2791" s="52" t="s">
        <v>7126</v>
      </c>
      <c r="T2791" s="67" t="s">
        <v>7127</v>
      </c>
      <c r="U2791" s="75" t="s">
        <v>5331</v>
      </c>
      <c r="V2791" s="47" t="s">
        <v>5331</v>
      </c>
      <c r="W2791" s="47" t="s">
        <v>5331</v>
      </c>
      <c r="X2791" s="47" t="s">
        <v>5331</v>
      </c>
      <c r="Y2791" s="47" t="s">
        <v>5331</v>
      </c>
      <c r="Z2791" s="28"/>
      <c r="AA2791" s="27"/>
      <c r="AB2791" s="27"/>
      <c r="AC2791" s="27"/>
      <c r="AD2791" s="30"/>
      <c r="AE2791" s="1"/>
      <c r="AF2791" s="23" t="s">
        <v>5331</v>
      </c>
      <c r="AG2791" s="26"/>
      <c r="AH2791" s="53"/>
    </row>
    <row r="2792" spans="1:34" ht="51.6" customHeight="1" x14ac:dyDescent="0.45">
      <c r="A2792" s="23">
        <v>2786</v>
      </c>
      <c r="B2792" s="25"/>
      <c r="C2792" s="25"/>
      <c r="D2792" s="29"/>
      <c r="E2792" s="1"/>
      <c r="F2792" s="1"/>
      <c r="G2792" s="25"/>
      <c r="H2792" s="71"/>
      <c r="I2792" s="83"/>
      <c r="J2792" s="50" t="str">
        <f t="shared" si="88"/>
        <v/>
      </c>
      <c r="K2792" s="23" t="s">
        <v>7120</v>
      </c>
      <c r="L2792" s="49" t="e">
        <f>VLOOKUP(E2792&amp;F2792,団体コード!$A$1:$C$1743,3,FALSE)</f>
        <v>#N/A</v>
      </c>
      <c r="M2792" s="49" t="e">
        <f>VLOOKUP(E2792&amp;F2792,団体コード!$A$1:$C$1743,2,FALSE)</f>
        <v>#N/A</v>
      </c>
      <c r="N2792" s="51" t="e">
        <f>VLOOKUP(E2792,団体コード!$E$1:$F$48,2,FALSE)</f>
        <v>#N/A</v>
      </c>
      <c r="O2792" s="51" t="e">
        <f t="shared" si="89"/>
        <v>#N/A</v>
      </c>
      <c r="P2792" s="51">
        <v>1</v>
      </c>
      <c r="Q2792" s="51" t="s">
        <v>5341</v>
      </c>
      <c r="R2792" s="54" t="b">
        <v>1</v>
      </c>
      <c r="S2792" s="52" t="s">
        <v>7126</v>
      </c>
      <c r="T2792" s="67" t="s">
        <v>7127</v>
      </c>
      <c r="U2792" s="75" t="s">
        <v>5331</v>
      </c>
      <c r="V2792" s="47" t="s">
        <v>5331</v>
      </c>
      <c r="W2792" s="47" t="s">
        <v>5331</v>
      </c>
      <c r="X2792" s="47" t="s">
        <v>5331</v>
      </c>
      <c r="Y2792" s="47" t="s">
        <v>5331</v>
      </c>
      <c r="Z2792" s="28"/>
      <c r="AA2792" s="27"/>
      <c r="AB2792" s="27"/>
      <c r="AC2792" s="27"/>
      <c r="AD2792" s="30"/>
      <c r="AE2792" s="1"/>
      <c r="AF2792" s="23" t="s">
        <v>5331</v>
      </c>
      <c r="AG2792" s="26"/>
      <c r="AH2792" s="53"/>
    </row>
    <row r="2793" spans="1:34" ht="51.6" customHeight="1" x14ac:dyDescent="0.45">
      <c r="A2793" s="23">
        <v>2787</v>
      </c>
      <c r="B2793" s="25"/>
      <c r="C2793" s="25"/>
      <c r="D2793" s="29"/>
      <c r="E2793" s="1"/>
      <c r="F2793" s="1"/>
      <c r="G2793" s="25"/>
      <c r="H2793" s="71"/>
      <c r="I2793" s="83"/>
      <c r="J2793" s="50" t="str">
        <f t="shared" si="88"/>
        <v/>
      </c>
      <c r="K2793" s="23" t="s">
        <v>7120</v>
      </c>
      <c r="L2793" s="49" t="e">
        <f>VLOOKUP(E2793&amp;F2793,団体コード!$A$1:$C$1743,3,FALSE)</f>
        <v>#N/A</v>
      </c>
      <c r="M2793" s="49" t="e">
        <f>VLOOKUP(E2793&amp;F2793,団体コード!$A$1:$C$1743,2,FALSE)</f>
        <v>#N/A</v>
      </c>
      <c r="N2793" s="51" t="e">
        <f>VLOOKUP(E2793,団体コード!$E$1:$F$48,2,FALSE)</f>
        <v>#N/A</v>
      </c>
      <c r="O2793" s="51" t="e">
        <f t="shared" si="89"/>
        <v>#N/A</v>
      </c>
      <c r="P2793" s="51">
        <v>1</v>
      </c>
      <c r="Q2793" s="51" t="s">
        <v>5341</v>
      </c>
      <c r="R2793" s="54" t="b">
        <v>1</v>
      </c>
      <c r="S2793" s="52" t="s">
        <v>7126</v>
      </c>
      <c r="T2793" s="67" t="s">
        <v>7127</v>
      </c>
      <c r="U2793" s="75" t="s">
        <v>5331</v>
      </c>
      <c r="V2793" s="47" t="s">
        <v>5331</v>
      </c>
      <c r="W2793" s="47" t="s">
        <v>5331</v>
      </c>
      <c r="X2793" s="47" t="s">
        <v>5331</v>
      </c>
      <c r="Y2793" s="47" t="s">
        <v>5331</v>
      </c>
      <c r="Z2793" s="28"/>
      <c r="AA2793" s="27"/>
      <c r="AB2793" s="27"/>
      <c r="AC2793" s="27"/>
      <c r="AD2793" s="30"/>
      <c r="AE2793" s="1"/>
      <c r="AF2793" s="23" t="s">
        <v>5331</v>
      </c>
      <c r="AG2793" s="26"/>
      <c r="AH2793" s="53"/>
    </row>
    <row r="2794" spans="1:34" ht="51.6" customHeight="1" x14ac:dyDescent="0.45">
      <c r="A2794" s="23">
        <v>2788</v>
      </c>
      <c r="B2794" s="25"/>
      <c r="C2794" s="25"/>
      <c r="D2794" s="29"/>
      <c r="E2794" s="1"/>
      <c r="F2794" s="1"/>
      <c r="G2794" s="25"/>
      <c r="H2794" s="71"/>
      <c r="I2794" s="83"/>
      <c r="J2794" s="50" t="str">
        <f t="shared" si="88"/>
        <v/>
      </c>
      <c r="K2794" s="23" t="s">
        <v>7120</v>
      </c>
      <c r="L2794" s="49" t="e">
        <f>VLOOKUP(E2794&amp;F2794,団体コード!$A$1:$C$1743,3,FALSE)</f>
        <v>#N/A</v>
      </c>
      <c r="M2794" s="49" t="e">
        <f>VLOOKUP(E2794&amp;F2794,団体コード!$A$1:$C$1743,2,FALSE)</f>
        <v>#N/A</v>
      </c>
      <c r="N2794" s="51" t="e">
        <f>VLOOKUP(E2794,団体コード!$E$1:$F$48,2,FALSE)</f>
        <v>#N/A</v>
      </c>
      <c r="O2794" s="51" t="e">
        <f t="shared" si="89"/>
        <v>#N/A</v>
      </c>
      <c r="P2794" s="51">
        <v>1</v>
      </c>
      <c r="Q2794" s="51" t="s">
        <v>5341</v>
      </c>
      <c r="R2794" s="54" t="b">
        <v>1</v>
      </c>
      <c r="S2794" s="52" t="s">
        <v>7126</v>
      </c>
      <c r="T2794" s="67" t="s">
        <v>7127</v>
      </c>
      <c r="U2794" s="75" t="s">
        <v>5331</v>
      </c>
      <c r="V2794" s="47" t="s">
        <v>5331</v>
      </c>
      <c r="W2794" s="47" t="s">
        <v>5331</v>
      </c>
      <c r="X2794" s="47" t="s">
        <v>5331</v>
      </c>
      <c r="Y2794" s="47" t="s">
        <v>5331</v>
      </c>
      <c r="Z2794" s="28"/>
      <c r="AA2794" s="27"/>
      <c r="AB2794" s="27"/>
      <c r="AC2794" s="27"/>
      <c r="AD2794" s="30"/>
      <c r="AE2794" s="1"/>
      <c r="AF2794" s="23" t="s">
        <v>5331</v>
      </c>
      <c r="AG2794" s="26"/>
      <c r="AH2794" s="53"/>
    </row>
    <row r="2795" spans="1:34" ht="51.6" customHeight="1" x14ac:dyDescent="0.45">
      <c r="A2795" s="23">
        <v>2789</v>
      </c>
      <c r="B2795" s="25"/>
      <c r="C2795" s="25"/>
      <c r="D2795" s="29"/>
      <c r="E2795" s="1"/>
      <c r="F2795" s="1"/>
      <c r="G2795" s="25"/>
      <c r="H2795" s="71"/>
      <c r="I2795" s="83"/>
      <c r="J2795" s="50" t="str">
        <f t="shared" si="88"/>
        <v/>
      </c>
      <c r="K2795" s="23" t="s">
        <v>7120</v>
      </c>
      <c r="L2795" s="49" t="e">
        <f>VLOOKUP(E2795&amp;F2795,団体コード!$A$1:$C$1743,3,FALSE)</f>
        <v>#N/A</v>
      </c>
      <c r="M2795" s="49" t="e">
        <f>VLOOKUP(E2795&amp;F2795,団体コード!$A$1:$C$1743,2,FALSE)</f>
        <v>#N/A</v>
      </c>
      <c r="N2795" s="51" t="e">
        <f>VLOOKUP(E2795,団体コード!$E$1:$F$48,2,FALSE)</f>
        <v>#N/A</v>
      </c>
      <c r="O2795" s="51" t="e">
        <f t="shared" si="89"/>
        <v>#N/A</v>
      </c>
      <c r="P2795" s="51">
        <v>1</v>
      </c>
      <c r="Q2795" s="51" t="s">
        <v>5341</v>
      </c>
      <c r="R2795" s="54" t="b">
        <v>1</v>
      </c>
      <c r="S2795" s="52" t="s">
        <v>7126</v>
      </c>
      <c r="T2795" s="67" t="s">
        <v>7127</v>
      </c>
      <c r="U2795" s="75" t="s">
        <v>5331</v>
      </c>
      <c r="V2795" s="47" t="s">
        <v>5331</v>
      </c>
      <c r="W2795" s="47" t="s">
        <v>5331</v>
      </c>
      <c r="X2795" s="47" t="s">
        <v>5331</v>
      </c>
      <c r="Y2795" s="47" t="s">
        <v>5331</v>
      </c>
      <c r="Z2795" s="28"/>
      <c r="AA2795" s="27"/>
      <c r="AB2795" s="27"/>
      <c r="AC2795" s="27"/>
      <c r="AD2795" s="30"/>
      <c r="AE2795" s="1"/>
      <c r="AF2795" s="23" t="s">
        <v>5331</v>
      </c>
      <c r="AG2795" s="26"/>
      <c r="AH2795" s="53"/>
    </row>
    <row r="2796" spans="1:34" ht="51.6" customHeight="1" x14ac:dyDescent="0.45">
      <c r="A2796" s="23">
        <v>2790</v>
      </c>
      <c r="B2796" s="25"/>
      <c r="C2796" s="25"/>
      <c r="D2796" s="29"/>
      <c r="E2796" s="1"/>
      <c r="F2796" s="1"/>
      <c r="G2796" s="25"/>
      <c r="H2796" s="71"/>
      <c r="I2796" s="83"/>
      <c r="J2796" s="50" t="str">
        <f t="shared" si="88"/>
        <v/>
      </c>
      <c r="K2796" s="23" t="s">
        <v>7120</v>
      </c>
      <c r="L2796" s="49" t="e">
        <f>VLOOKUP(E2796&amp;F2796,団体コード!$A$1:$C$1743,3,FALSE)</f>
        <v>#N/A</v>
      </c>
      <c r="M2796" s="49" t="e">
        <f>VLOOKUP(E2796&amp;F2796,団体コード!$A$1:$C$1743,2,FALSE)</f>
        <v>#N/A</v>
      </c>
      <c r="N2796" s="51" t="e">
        <f>VLOOKUP(E2796,団体コード!$E$1:$F$48,2,FALSE)</f>
        <v>#N/A</v>
      </c>
      <c r="O2796" s="51" t="e">
        <f t="shared" si="89"/>
        <v>#N/A</v>
      </c>
      <c r="P2796" s="51">
        <v>1</v>
      </c>
      <c r="Q2796" s="51" t="s">
        <v>5341</v>
      </c>
      <c r="R2796" s="54" t="b">
        <v>1</v>
      </c>
      <c r="S2796" s="52" t="s">
        <v>7126</v>
      </c>
      <c r="T2796" s="67" t="s">
        <v>7127</v>
      </c>
      <c r="U2796" s="75" t="s">
        <v>5331</v>
      </c>
      <c r="V2796" s="47" t="s">
        <v>5331</v>
      </c>
      <c r="W2796" s="47" t="s">
        <v>5331</v>
      </c>
      <c r="X2796" s="47" t="s">
        <v>5331</v>
      </c>
      <c r="Y2796" s="47" t="s">
        <v>5331</v>
      </c>
      <c r="Z2796" s="28"/>
      <c r="AA2796" s="27"/>
      <c r="AB2796" s="27"/>
      <c r="AC2796" s="27"/>
      <c r="AD2796" s="30"/>
      <c r="AE2796" s="1"/>
      <c r="AF2796" s="23" t="s">
        <v>5331</v>
      </c>
      <c r="AG2796" s="26"/>
      <c r="AH2796" s="53"/>
    </row>
    <row r="2797" spans="1:34" ht="51.6" customHeight="1" x14ac:dyDescent="0.45">
      <c r="A2797" s="23">
        <v>2791</v>
      </c>
      <c r="B2797" s="25"/>
      <c r="C2797" s="25"/>
      <c r="D2797" s="29"/>
      <c r="E2797" s="1"/>
      <c r="F2797" s="1"/>
      <c r="G2797" s="25"/>
      <c r="H2797" s="71"/>
      <c r="I2797" s="83"/>
      <c r="J2797" s="50" t="str">
        <f t="shared" si="88"/>
        <v/>
      </c>
      <c r="K2797" s="23" t="s">
        <v>7120</v>
      </c>
      <c r="L2797" s="49" t="e">
        <f>VLOOKUP(E2797&amp;F2797,団体コード!$A$1:$C$1743,3,FALSE)</f>
        <v>#N/A</v>
      </c>
      <c r="M2797" s="49" t="e">
        <f>VLOOKUP(E2797&amp;F2797,団体コード!$A$1:$C$1743,2,FALSE)</f>
        <v>#N/A</v>
      </c>
      <c r="N2797" s="51" t="e">
        <f>VLOOKUP(E2797,団体コード!$E$1:$F$48,2,FALSE)</f>
        <v>#N/A</v>
      </c>
      <c r="O2797" s="51" t="e">
        <f t="shared" si="89"/>
        <v>#N/A</v>
      </c>
      <c r="P2797" s="51">
        <v>1</v>
      </c>
      <c r="Q2797" s="51" t="s">
        <v>5341</v>
      </c>
      <c r="R2797" s="54" t="b">
        <v>1</v>
      </c>
      <c r="S2797" s="52" t="s">
        <v>7126</v>
      </c>
      <c r="T2797" s="67" t="s">
        <v>7127</v>
      </c>
      <c r="U2797" s="75" t="s">
        <v>5331</v>
      </c>
      <c r="V2797" s="47" t="s">
        <v>5331</v>
      </c>
      <c r="W2797" s="47" t="s">
        <v>5331</v>
      </c>
      <c r="X2797" s="47" t="s">
        <v>5331</v>
      </c>
      <c r="Y2797" s="47" t="s">
        <v>5331</v>
      </c>
      <c r="Z2797" s="28"/>
      <c r="AA2797" s="27"/>
      <c r="AB2797" s="27"/>
      <c r="AC2797" s="27"/>
      <c r="AD2797" s="30"/>
      <c r="AE2797" s="1"/>
      <c r="AF2797" s="23" t="s">
        <v>5331</v>
      </c>
      <c r="AG2797" s="26"/>
      <c r="AH2797" s="53"/>
    </row>
    <row r="2798" spans="1:34" ht="51.6" customHeight="1" x14ac:dyDescent="0.45">
      <c r="A2798" s="23">
        <v>2792</v>
      </c>
      <c r="B2798" s="25"/>
      <c r="C2798" s="25"/>
      <c r="D2798" s="29"/>
      <c r="E2798" s="1"/>
      <c r="F2798" s="1"/>
      <c r="G2798" s="25"/>
      <c r="H2798" s="71"/>
      <c r="I2798" s="83"/>
      <c r="J2798" s="50" t="str">
        <f t="shared" si="88"/>
        <v/>
      </c>
      <c r="K2798" s="23" t="s">
        <v>7120</v>
      </c>
      <c r="L2798" s="49" t="e">
        <f>VLOOKUP(E2798&amp;F2798,団体コード!$A$1:$C$1743,3,FALSE)</f>
        <v>#N/A</v>
      </c>
      <c r="M2798" s="49" t="e">
        <f>VLOOKUP(E2798&amp;F2798,団体コード!$A$1:$C$1743,2,FALSE)</f>
        <v>#N/A</v>
      </c>
      <c r="N2798" s="51" t="e">
        <f>VLOOKUP(E2798,団体コード!$E$1:$F$48,2,FALSE)</f>
        <v>#N/A</v>
      </c>
      <c r="O2798" s="51" t="e">
        <f t="shared" si="89"/>
        <v>#N/A</v>
      </c>
      <c r="P2798" s="51">
        <v>1</v>
      </c>
      <c r="Q2798" s="51" t="s">
        <v>5341</v>
      </c>
      <c r="R2798" s="54" t="b">
        <v>1</v>
      </c>
      <c r="S2798" s="52" t="s">
        <v>7126</v>
      </c>
      <c r="T2798" s="67" t="s">
        <v>7127</v>
      </c>
      <c r="U2798" s="75" t="s">
        <v>5331</v>
      </c>
      <c r="V2798" s="47" t="s">
        <v>5331</v>
      </c>
      <c r="W2798" s="47" t="s">
        <v>5331</v>
      </c>
      <c r="X2798" s="47" t="s">
        <v>5331</v>
      </c>
      <c r="Y2798" s="47" t="s">
        <v>5331</v>
      </c>
      <c r="Z2798" s="28"/>
      <c r="AA2798" s="27"/>
      <c r="AB2798" s="27"/>
      <c r="AC2798" s="27"/>
      <c r="AD2798" s="30"/>
      <c r="AE2798" s="1"/>
      <c r="AF2798" s="23" t="s">
        <v>5331</v>
      </c>
      <c r="AG2798" s="26"/>
      <c r="AH2798" s="53"/>
    </row>
    <row r="2799" spans="1:34" ht="51.6" customHeight="1" x14ac:dyDescent="0.45">
      <c r="A2799" s="23">
        <v>2793</v>
      </c>
      <c r="B2799" s="25"/>
      <c r="C2799" s="25"/>
      <c r="D2799" s="29"/>
      <c r="E2799" s="1"/>
      <c r="F2799" s="1"/>
      <c r="G2799" s="25"/>
      <c r="H2799" s="71"/>
      <c r="I2799" s="83"/>
      <c r="J2799" s="50" t="str">
        <f t="shared" si="88"/>
        <v/>
      </c>
      <c r="K2799" s="23" t="s">
        <v>7120</v>
      </c>
      <c r="L2799" s="49" t="e">
        <f>VLOOKUP(E2799&amp;F2799,団体コード!$A$1:$C$1743,3,FALSE)</f>
        <v>#N/A</v>
      </c>
      <c r="M2799" s="49" t="e">
        <f>VLOOKUP(E2799&amp;F2799,団体コード!$A$1:$C$1743,2,FALSE)</f>
        <v>#N/A</v>
      </c>
      <c r="N2799" s="51" t="e">
        <f>VLOOKUP(E2799,団体コード!$E$1:$F$48,2,FALSE)</f>
        <v>#N/A</v>
      </c>
      <c r="O2799" s="51" t="e">
        <f t="shared" si="89"/>
        <v>#N/A</v>
      </c>
      <c r="P2799" s="51">
        <v>1</v>
      </c>
      <c r="Q2799" s="51" t="s">
        <v>5341</v>
      </c>
      <c r="R2799" s="54" t="b">
        <v>1</v>
      </c>
      <c r="S2799" s="52" t="s">
        <v>7126</v>
      </c>
      <c r="T2799" s="67" t="s">
        <v>7127</v>
      </c>
      <c r="U2799" s="75" t="s">
        <v>5331</v>
      </c>
      <c r="V2799" s="47" t="s">
        <v>5331</v>
      </c>
      <c r="W2799" s="47" t="s">
        <v>5331</v>
      </c>
      <c r="X2799" s="47" t="s">
        <v>5331</v>
      </c>
      <c r="Y2799" s="47" t="s">
        <v>5331</v>
      </c>
      <c r="Z2799" s="28"/>
      <c r="AA2799" s="27"/>
      <c r="AB2799" s="27"/>
      <c r="AC2799" s="27"/>
      <c r="AD2799" s="30"/>
      <c r="AE2799" s="1"/>
      <c r="AF2799" s="23" t="s">
        <v>5331</v>
      </c>
      <c r="AG2799" s="26"/>
      <c r="AH2799" s="53"/>
    </row>
    <row r="2800" spans="1:34" ht="51.6" customHeight="1" x14ac:dyDescent="0.45">
      <c r="A2800" s="23">
        <v>2794</v>
      </c>
      <c r="B2800" s="25"/>
      <c r="C2800" s="25"/>
      <c r="D2800" s="29"/>
      <c r="E2800" s="1"/>
      <c r="F2800" s="1"/>
      <c r="G2800" s="25"/>
      <c r="H2800" s="71"/>
      <c r="I2800" s="83"/>
      <c r="J2800" s="50" t="str">
        <f t="shared" si="88"/>
        <v/>
      </c>
      <c r="K2800" s="23" t="s">
        <v>7120</v>
      </c>
      <c r="L2800" s="49" t="e">
        <f>VLOOKUP(E2800&amp;F2800,団体コード!$A$1:$C$1743,3,FALSE)</f>
        <v>#N/A</v>
      </c>
      <c r="M2800" s="49" t="e">
        <f>VLOOKUP(E2800&amp;F2800,団体コード!$A$1:$C$1743,2,FALSE)</f>
        <v>#N/A</v>
      </c>
      <c r="N2800" s="51" t="e">
        <f>VLOOKUP(E2800,団体コード!$E$1:$F$48,2,FALSE)</f>
        <v>#N/A</v>
      </c>
      <c r="O2800" s="51" t="e">
        <f t="shared" si="89"/>
        <v>#N/A</v>
      </c>
      <c r="P2800" s="51">
        <v>1</v>
      </c>
      <c r="Q2800" s="51" t="s">
        <v>5341</v>
      </c>
      <c r="R2800" s="54" t="b">
        <v>1</v>
      </c>
      <c r="S2800" s="52" t="s">
        <v>7126</v>
      </c>
      <c r="T2800" s="67" t="s">
        <v>7127</v>
      </c>
      <c r="U2800" s="75" t="s">
        <v>5331</v>
      </c>
      <c r="V2800" s="47" t="s">
        <v>5331</v>
      </c>
      <c r="W2800" s="47" t="s">
        <v>5331</v>
      </c>
      <c r="X2800" s="47" t="s">
        <v>5331</v>
      </c>
      <c r="Y2800" s="47" t="s">
        <v>5331</v>
      </c>
      <c r="Z2800" s="28"/>
      <c r="AA2800" s="27"/>
      <c r="AB2800" s="27"/>
      <c r="AC2800" s="27"/>
      <c r="AD2800" s="30"/>
      <c r="AE2800" s="1"/>
      <c r="AF2800" s="23" t="s">
        <v>5331</v>
      </c>
      <c r="AG2800" s="26"/>
      <c r="AH2800" s="53"/>
    </row>
    <row r="2801" spans="1:34" ht="51.6" customHeight="1" x14ac:dyDescent="0.45">
      <c r="A2801" s="23">
        <v>2795</v>
      </c>
      <c r="B2801" s="25"/>
      <c r="C2801" s="25"/>
      <c r="D2801" s="29"/>
      <c r="E2801" s="1"/>
      <c r="F2801" s="1"/>
      <c r="G2801" s="25"/>
      <c r="H2801" s="71"/>
      <c r="I2801" s="83"/>
      <c r="J2801" s="50" t="str">
        <f t="shared" si="88"/>
        <v/>
      </c>
      <c r="K2801" s="23" t="s">
        <v>7120</v>
      </c>
      <c r="L2801" s="49" t="e">
        <f>VLOOKUP(E2801&amp;F2801,団体コード!$A$1:$C$1743,3,FALSE)</f>
        <v>#N/A</v>
      </c>
      <c r="M2801" s="49" t="e">
        <f>VLOOKUP(E2801&amp;F2801,団体コード!$A$1:$C$1743,2,FALSE)</f>
        <v>#N/A</v>
      </c>
      <c r="N2801" s="51" t="e">
        <f>VLOOKUP(E2801,団体コード!$E$1:$F$48,2,FALSE)</f>
        <v>#N/A</v>
      </c>
      <c r="O2801" s="51" t="e">
        <f t="shared" si="89"/>
        <v>#N/A</v>
      </c>
      <c r="P2801" s="51">
        <v>1</v>
      </c>
      <c r="Q2801" s="51" t="s">
        <v>5341</v>
      </c>
      <c r="R2801" s="54" t="b">
        <v>1</v>
      </c>
      <c r="S2801" s="52" t="s">
        <v>7126</v>
      </c>
      <c r="T2801" s="67" t="s">
        <v>7127</v>
      </c>
      <c r="U2801" s="75" t="s">
        <v>5331</v>
      </c>
      <c r="V2801" s="47" t="s">
        <v>5331</v>
      </c>
      <c r="W2801" s="47" t="s">
        <v>5331</v>
      </c>
      <c r="X2801" s="47" t="s">
        <v>5331</v>
      </c>
      <c r="Y2801" s="47" t="s">
        <v>5331</v>
      </c>
      <c r="Z2801" s="28"/>
      <c r="AA2801" s="27"/>
      <c r="AB2801" s="27"/>
      <c r="AC2801" s="27"/>
      <c r="AD2801" s="30"/>
      <c r="AE2801" s="1"/>
      <c r="AF2801" s="23" t="s">
        <v>5331</v>
      </c>
      <c r="AG2801" s="26"/>
      <c r="AH2801" s="53"/>
    </row>
    <row r="2802" spans="1:34" ht="51.6" customHeight="1" x14ac:dyDescent="0.45">
      <c r="A2802" s="23">
        <v>2796</v>
      </c>
      <c r="B2802" s="25"/>
      <c r="C2802" s="25"/>
      <c r="D2802" s="29"/>
      <c r="E2802" s="1"/>
      <c r="F2802" s="1"/>
      <c r="G2802" s="25"/>
      <c r="H2802" s="71"/>
      <c r="I2802" s="83"/>
      <c r="J2802" s="50" t="str">
        <f t="shared" si="88"/>
        <v/>
      </c>
      <c r="K2802" s="23" t="s">
        <v>7120</v>
      </c>
      <c r="L2802" s="49" t="e">
        <f>VLOOKUP(E2802&amp;F2802,団体コード!$A$1:$C$1743,3,FALSE)</f>
        <v>#N/A</v>
      </c>
      <c r="M2802" s="49" t="e">
        <f>VLOOKUP(E2802&amp;F2802,団体コード!$A$1:$C$1743,2,FALSE)</f>
        <v>#N/A</v>
      </c>
      <c r="N2802" s="51" t="e">
        <f>VLOOKUP(E2802,団体コード!$E$1:$F$48,2,FALSE)</f>
        <v>#N/A</v>
      </c>
      <c r="O2802" s="51" t="e">
        <f t="shared" si="89"/>
        <v>#N/A</v>
      </c>
      <c r="P2802" s="51">
        <v>1</v>
      </c>
      <c r="Q2802" s="51" t="s">
        <v>5341</v>
      </c>
      <c r="R2802" s="54" t="b">
        <v>1</v>
      </c>
      <c r="S2802" s="52" t="s">
        <v>7126</v>
      </c>
      <c r="T2802" s="67" t="s">
        <v>7127</v>
      </c>
      <c r="U2802" s="75" t="s">
        <v>5331</v>
      </c>
      <c r="V2802" s="47" t="s">
        <v>5331</v>
      </c>
      <c r="W2802" s="47" t="s">
        <v>5331</v>
      </c>
      <c r="X2802" s="47" t="s">
        <v>5331</v>
      </c>
      <c r="Y2802" s="47" t="s">
        <v>5331</v>
      </c>
      <c r="Z2802" s="28"/>
      <c r="AA2802" s="27"/>
      <c r="AB2802" s="27"/>
      <c r="AC2802" s="27"/>
      <c r="AD2802" s="30"/>
      <c r="AE2802" s="1"/>
      <c r="AF2802" s="23" t="s">
        <v>5331</v>
      </c>
      <c r="AG2802" s="26"/>
      <c r="AH2802" s="53"/>
    </row>
    <row r="2803" spans="1:34" ht="51.6" customHeight="1" x14ac:dyDescent="0.45">
      <c r="A2803" s="23">
        <v>2797</v>
      </c>
      <c r="B2803" s="25"/>
      <c r="C2803" s="25"/>
      <c r="D2803" s="29"/>
      <c r="E2803" s="1"/>
      <c r="F2803" s="1"/>
      <c r="G2803" s="25"/>
      <c r="H2803" s="71"/>
      <c r="I2803" s="83"/>
      <c r="J2803" s="50" t="str">
        <f t="shared" si="88"/>
        <v/>
      </c>
      <c r="K2803" s="23" t="s">
        <v>7120</v>
      </c>
      <c r="L2803" s="49" t="e">
        <f>VLOOKUP(E2803&amp;F2803,団体コード!$A$1:$C$1743,3,FALSE)</f>
        <v>#N/A</v>
      </c>
      <c r="M2803" s="49" t="e">
        <f>VLOOKUP(E2803&amp;F2803,団体コード!$A$1:$C$1743,2,FALSE)</f>
        <v>#N/A</v>
      </c>
      <c r="N2803" s="51" t="e">
        <f>VLOOKUP(E2803,団体コード!$E$1:$F$48,2,FALSE)</f>
        <v>#N/A</v>
      </c>
      <c r="O2803" s="51" t="e">
        <f t="shared" si="89"/>
        <v>#N/A</v>
      </c>
      <c r="P2803" s="51">
        <v>1</v>
      </c>
      <c r="Q2803" s="51" t="s">
        <v>5341</v>
      </c>
      <c r="R2803" s="54" t="b">
        <v>1</v>
      </c>
      <c r="S2803" s="52" t="s">
        <v>7126</v>
      </c>
      <c r="T2803" s="67" t="s">
        <v>7127</v>
      </c>
      <c r="U2803" s="75" t="s">
        <v>5331</v>
      </c>
      <c r="V2803" s="47" t="s">
        <v>5331</v>
      </c>
      <c r="W2803" s="47" t="s">
        <v>5331</v>
      </c>
      <c r="X2803" s="47" t="s">
        <v>5331</v>
      </c>
      <c r="Y2803" s="47" t="s">
        <v>5331</v>
      </c>
      <c r="Z2803" s="28"/>
      <c r="AA2803" s="27"/>
      <c r="AB2803" s="27"/>
      <c r="AC2803" s="27"/>
      <c r="AD2803" s="30"/>
      <c r="AE2803" s="1"/>
      <c r="AF2803" s="23" t="s">
        <v>5331</v>
      </c>
      <c r="AG2803" s="26"/>
      <c r="AH2803" s="53"/>
    </row>
    <row r="2804" spans="1:34" ht="51.6" customHeight="1" x14ac:dyDescent="0.45">
      <c r="A2804" s="23">
        <v>2798</v>
      </c>
      <c r="B2804" s="25"/>
      <c r="C2804" s="25"/>
      <c r="D2804" s="29"/>
      <c r="E2804" s="1"/>
      <c r="F2804" s="1"/>
      <c r="G2804" s="25"/>
      <c r="H2804" s="71"/>
      <c r="I2804" s="83"/>
      <c r="J2804" s="50" t="str">
        <f t="shared" si="88"/>
        <v/>
      </c>
      <c r="K2804" s="23" t="s">
        <v>7120</v>
      </c>
      <c r="L2804" s="49" t="e">
        <f>VLOOKUP(E2804&amp;F2804,団体コード!$A$1:$C$1743,3,FALSE)</f>
        <v>#N/A</v>
      </c>
      <c r="M2804" s="49" t="e">
        <f>VLOOKUP(E2804&amp;F2804,団体コード!$A$1:$C$1743,2,FALSE)</f>
        <v>#N/A</v>
      </c>
      <c r="N2804" s="51" t="e">
        <f>VLOOKUP(E2804,団体コード!$E$1:$F$48,2,FALSE)</f>
        <v>#N/A</v>
      </c>
      <c r="O2804" s="51" t="e">
        <f t="shared" si="89"/>
        <v>#N/A</v>
      </c>
      <c r="P2804" s="51">
        <v>1</v>
      </c>
      <c r="Q2804" s="51" t="s">
        <v>5341</v>
      </c>
      <c r="R2804" s="54" t="b">
        <v>1</v>
      </c>
      <c r="S2804" s="52" t="s">
        <v>7126</v>
      </c>
      <c r="T2804" s="67" t="s">
        <v>7127</v>
      </c>
      <c r="U2804" s="75" t="s">
        <v>5331</v>
      </c>
      <c r="V2804" s="47" t="s">
        <v>5331</v>
      </c>
      <c r="W2804" s="47" t="s">
        <v>5331</v>
      </c>
      <c r="X2804" s="47" t="s">
        <v>5331</v>
      </c>
      <c r="Y2804" s="47" t="s">
        <v>5331</v>
      </c>
      <c r="Z2804" s="28"/>
      <c r="AA2804" s="27"/>
      <c r="AB2804" s="27"/>
      <c r="AC2804" s="27"/>
      <c r="AD2804" s="30"/>
      <c r="AE2804" s="1"/>
      <c r="AF2804" s="23" t="s">
        <v>5331</v>
      </c>
      <c r="AG2804" s="26"/>
      <c r="AH2804" s="53"/>
    </row>
    <row r="2805" spans="1:34" ht="51.6" customHeight="1" x14ac:dyDescent="0.45">
      <c r="A2805" s="23">
        <v>2799</v>
      </c>
      <c r="B2805" s="25"/>
      <c r="C2805" s="25"/>
      <c r="D2805" s="29"/>
      <c r="E2805" s="1"/>
      <c r="F2805" s="1"/>
      <c r="G2805" s="25"/>
      <c r="H2805" s="71"/>
      <c r="I2805" s="83"/>
      <c r="J2805" s="50" t="str">
        <f t="shared" si="88"/>
        <v/>
      </c>
      <c r="K2805" s="23" t="s">
        <v>7120</v>
      </c>
      <c r="L2805" s="49" t="e">
        <f>VLOOKUP(E2805&amp;F2805,団体コード!$A$1:$C$1743,3,FALSE)</f>
        <v>#N/A</v>
      </c>
      <c r="M2805" s="49" t="e">
        <f>VLOOKUP(E2805&amp;F2805,団体コード!$A$1:$C$1743,2,FALSE)</f>
        <v>#N/A</v>
      </c>
      <c r="N2805" s="51" t="e">
        <f>VLOOKUP(E2805,団体コード!$E$1:$F$48,2,FALSE)</f>
        <v>#N/A</v>
      </c>
      <c r="O2805" s="51" t="e">
        <f t="shared" si="89"/>
        <v>#N/A</v>
      </c>
      <c r="P2805" s="51">
        <v>1</v>
      </c>
      <c r="Q2805" s="51" t="s">
        <v>5341</v>
      </c>
      <c r="R2805" s="54" t="b">
        <v>1</v>
      </c>
      <c r="S2805" s="52" t="s">
        <v>7126</v>
      </c>
      <c r="T2805" s="67" t="s">
        <v>7127</v>
      </c>
      <c r="U2805" s="75" t="s">
        <v>5331</v>
      </c>
      <c r="V2805" s="47" t="s">
        <v>5331</v>
      </c>
      <c r="W2805" s="47" t="s">
        <v>5331</v>
      </c>
      <c r="X2805" s="47" t="s">
        <v>5331</v>
      </c>
      <c r="Y2805" s="47" t="s">
        <v>5331</v>
      </c>
      <c r="Z2805" s="28"/>
      <c r="AA2805" s="27"/>
      <c r="AB2805" s="27"/>
      <c r="AC2805" s="27"/>
      <c r="AD2805" s="30"/>
      <c r="AE2805" s="1"/>
      <c r="AF2805" s="23" t="s">
        <v>5331</v>
      </c>
      <c r="AG2805" s="26"/>
      <c r="AH2805" s="53"/>
    </row>
    <row r="2806" spans="1:34" ht="51.6" customHeight="1" x14ac:dyDescent="0.45">
      <c r="A2806" s="23">
        <v>2800</v>
      </c>
      <c r="B2806" s="25"/>
      <c r="C2806" s="25"/>
      <c r="D2806" s="29"/>
      <c r="E2806" s="1"/>
      <c r="F2806" s="1"/>
      <c r="G2806" s="25"/>
      <c r="H2806" s="71"/>
      <c r="I2806" s="83"/>
      <c r="J2806" s="50" t="str">
        <f t="shared" si="88"/>
        <v/>
      </c>
      <c r="K2806" s="23" t="s">
        <v>7120</v>
      </c>
      <c r="L2806" s="49" t="e">
        <f>VLOOKUP(E2806&amp;F2806,団体コード!$A$1:$C$1743,3,FALSE)</f>
        <v>#N/A</v>
      </c>
      <c r="M2806" s="49" t="e">
        <f>VLOOKUP(E2806&amp;F2806,団体コード!$A$1:$C$1743,2,FALSE)</f>
        <v>#N/A</v>
      </c>
      <c r="N2806" s="51" t="e">
        <f>VLOOKUP(E2806,団体コード!$E$1:$F$48,2,FALSE)</f>
        <v>#N/A</v>
      </c>
      <c r="O2806" s="51" t="e">
        <f t="shared" si="89"/>
        <v>#N/A</v>
      </c>
      <c r="P2806" s="51">
        <v>1</v>
      </c>
      <c r="Q2806" s="51" t="s">
        <v>5341</v>
      </c>
      <c r="R2806" s="54" t="b">
        <v>1</v>
      </c>
      <c r="S2806" s="52" t="s">
        <v>7126</v>
      </c>
      <c r="T2806" s="67" t="s">
        <v>7127</v>
      </c>
      <c r="U2806" s="75" t="s">
        <v>5331</v>
      </c>
      <c r="V2806" s="47" t="s">
        <v>5331</v>
      </c>
      <c r="W2806" s="47" t="s">
        <v>5331</v>
      </c>
      <c r="X2806" s="47" t="s">
        <v>5331</v>
      </c>
      <c r="Y2806" s="47" t="s">
        <v>5331</v>
      </c>
      <c r="Z2806" s="28"/>
      <c r="AA2806" s="27"/>
      <c r="AB2806" s="27"/>
      <c r="AC2806" s="27"/>
      <c r="AD2806" s="30"/>
      <c r="AE2806" s="1"/>
      <c r="AF2806" s="23" t="s">
        <v>5331</v>
      </c>
      <c r="AG2806" s="26"/>
      <c r="AH2806" s="53"/>
    </row>
    <row r="2807" spans="1:34" ht="51.6" customHeight="1" x14ac:dyDescent="0.45">
      <c r="A2807" s="23">
        <v>2801</v>
      </c>
      <c r="B2807" s="25"/>
      <c r="C2807" s="25"/>
      <c r="D2807" s="29"/>
      <c r="E2807" s="1"/>
      <c r="F2807" s="1"/>
      <c r="G2807" s="25"/>
      <c r="H2807" s="71"/>
      <c r="I2807" s="83"/>
      <c r="J2807" s="50" t="str">
        <f t="shared" si="88"/>
        <v/>
      </c>
      <c r="K2807" s="23" t="s">
        <v>7120</v>
      </c>
      <c r="L2807" s="49" t="e">
        <f>VLOOKUP(E2807&amp;F2807,団体コード!$A$1:$C$1743,3,FALSE)</f>
        <v>#N/A</v>
      </c>
      <c r="M2807" s="49" t="e">
        <f>VLOOKUP(E2807&amp;F2807,団体コード!$A$1:$C$1743,2,FALSE)</f>
        <v>#N/A</v>
      </c>
      <c r="N2807" s="51" t="e">
        <f>VLOOKUP(E2807,団体コード!$E$1:$F$48,2,FALSE)</f>
        <v>#N/A</v>
      </c>
      <c r="O2807" s="51" t="e">
        <f t="shared" si="89"/>
        <v>#N/A</v>
      </c>
      <c r="P2807" s="51">
        <v>1</v>
      </c>
      <c r="Q2807" s="51" t="s">
        <v>5341</v>
      </c>
      <c r="R2807" s="54" t="b">
        <v>1</v>
      </c>
      <c r="S2807" s="52" t="s">
        <v>7126</v>
      </c>
      <c r="T2807" s="67" t="s">
        <v>7127</v>
      </c>
      <c r="U2807" s="75" t="s">
        <v>5331</v>
      </c>
      <c r="V2807" s="47" t="s">
        <v>5331</v>
      </c>
      <c r="W2807" s="47" t="s">
        <v>5331</v>
      </c>
      <c r="X2807" s="47" t="s">
        <v>5331</v>
      </c>
      <c r="Y2807" s="47" t="s">
        <v>5331</v>
      </c>
      <c r="Z2807" s="28"/>
      <c r="AA2807" s="27"/>
      <c r="AB2807" s="27"/>
      <c r="AC2807" s="27"/>
      <c r="AD2807" s="30"/>
      <c r="AE2807" s="1"/>
      <c r="AF2807" s="23" t="s">
        <v>5331</v>
      </c>
      <c r="AG2807" s="26"/>
      <c r="AH2807" s="53"/>
    </row>
    <row r="2808" spans="1:34" ht="51.6" customHeight="1" x14ac:dyDescent="0.45">
      <c r="A2808" s="23">
        <v>2802</v>
      </c>
      <c r="B2808" s="25"/>
      <c r="C2808" s="25"/>
      <c r="D2808" s="29"/>
      <c r="E2808" s="1"/>
      <c r="F2808" s="1"/>
      <c r="G2808" s="25"/>
      <c r="H2808" s="71"/>
      <c r="I2808" s="83"/>
      <c r="J2808" s="50" t="str">
        <f t="shared" si="88"/>
        <v/>
      </c>
      <c r="K2808" s="23" t="s">
        <v>7120</v>
      </c>
      <c r="L2808" s="49" t="e">
        <f>VLOOKUP(E2808&amp;F2808,団体コード!$A$1:$C$1743,3,FALSE)</f>
        <v>#N/A</v>
      </c>
      <c r="M2808" s="49" t="e">
        <f>VLOOKUP(E2808&amp;F2808,団体コード!$A$1:$C$1743,2,FALSE)</f>
        <v>#N/A</v>
      </c>
      <c r="N2808" s="51" t="e">
        <f>VLOOKUP(E2808,団体コード!$E$1:$F$48,2,FALSE)</f>
        <v>#N/A</v>
      </c>
      <c r="O2808" s="51" t="e">
        <f t="shared" si="89"/>
        <v>#N/A</v>
      </c>
      <c r="P2808" s="51">
        <v>1</v>
      </c>
      <c r="Q2808" s="51" t="s">
        <v>5341</v>
      </c>
      <c r="R2808" s="54" t="b">
        <v>1</v>
      </c>
      <c r="S2808" s="52" t="s">
        <v>7126</v>
      </c>
      <c r="T2808" s="67" t="s">
        <v>7127</v>
      </c>
      <c r="U2808" s="75" t="s">
        <v>5331</v>
      </c>
      <c r="V2808" s="47" t="s">
        <v>5331</v>
      </c>
      <c r="W2808" s="47" t="s">
        <v>5331</v>
      </c>
      <c r="X2808" s="47" t="s">
        <v>5331</v>
      </c>
      <c r="Y2808" s="47" t="s">
        <v>5331</v>
      </c>
      <c r="Z2808" s="28"/>
      <c r="AA2808" s="27"/>
      <c r="AB2808" s="27"/>
      <c r="AC2808" s="27"/>
      <c r="AD2808" s="30"/>
      <c r="AE2808" s="1"/>
      <c r="AF2808" s="23" t="s">
        <v>5331</v>
      </c>
      <c r="AG2808" s="26"/>
      <c r="AH2808" s="53"/>
    </row>
    <row r="2809" spans="1:34" ht="51.6" customHeight="1" x14ac:dyDescent="0.45">
      <c r="A2809" s="23">
        <v>2803</v>
      </c>
      <c r="B2809" s="25"/>
      <c r="C2809" s="25"/>
      <c r="D2809" s="29"/>
      <c r="E2809" s="1"/>
      <c r="F2809" s="1"/>
      <c r="G2809" s="25"/>
      <c r="H2809" s="71"/>
      <c r="I2809" s="83"/>
      <c r="J2809" s="50" t="str">
        <f t="shared" si="88"/>
        <v/>
      </c>
      <c r="K2809" s="23" t="s">
        <v>7120</v>
      </c>
      <c r="L2809" s="49" t="e">
        <f>VLOOKUP(E2809&amp;F2809,団体コード!$A$1:$C$1743,3,FALSE)</f>
        <v>#N/A</v>
      </c>
      <c r="M2809" s="49" t="e">
        <f>VLOOKUP(E2809&amp;F2809,団体コード!$A$1:$C$1743,2,FALSE)</f>
        <v>#N/A</v>
      </c>
      <c r="N2809" s="51" t="e">
        <f>VLOOKUP(E2809,団体コード!$E$1:$F$48,2,FALSE)</f>
        <v>#N/A</v>
      </c>
      <c r="O2809" s="51" t="e">
        <f t="shared" si="89"/>
        <v>#N/A</v>
      </c>
      <c r="P2809" s="51">
        <v>1</v>
      </c>
      <c r="Q2809" s="51" t="s">
        <v>5341</v>
      </c>
      <c r="R2809" s="54" t="b">
        <v>1</v>
      </c>
      <c r="S2809" s="52" t="s">
        <v>7126</v>
      </c>
      <c r="T2809" s="67" t="s">
        <v>7127</v>
      </c>
      <c r="U2809" s="75" t="s">
        <v>5331</v>
      </c>
      <c r="V2809" s="47" t="s">
        <v>5331</v>
      </c>
      <c r="W2809" s="47" t="s">
        <v>5331</v>
      </c>
      <c r="X2809" s="47" t="s">
        <v>5331</v>
      </c>
      <c r="Y2809" s="47" t="s">
        <v>5331</v>
      </c>
      <c r="Z2809" s="28"/>
      <c r="AA2809" s="27"/>
      <c r="AB2809" s="27"/>
      <c r="AC2809" s="27"/>
      <c r="AD2809" s="30"/>
      <c r="AE2809" s="1"/>
      <c r="AF2809" s="23" t="s">
        <v>5331</v>
      </c>
      <c r="AG2809" s="26"/>
      <c r="AH2809" s="53"/>
    </row>
    <row r="2810" spans="1:34" ht="51.6" customHeight="1" x14ac:dyDescent="0.45">
      <c r="A2810" s="23">
        <v>2804</v>
      </c>
      <c r="B2810" s="25"/>
      <c r="C2810" s="25"/>
      <c r="D2810" s="29"/>
      <c r="E2810" s="1"/>
      <c r="F2810" s="1"/>
      <c r="G2810" s="25"/>
      <c r="H2810" s="71"/>
      <c r="I2810" s="83"/>
      <c r="J2810" s="50" t="str">
        <f t="shared" si="88"/>
        <v/>
      </c>
      <c r="K2810" s="23" t="s">
        <v>7120</v>
      </c>
      <c r="L2810" s="49" t="e">
        <f>VLOOKUP(E2810&amp;F2810,団体コード!$A$1:$C$1743,3,FALSE)</f>
        <v>#N/A</v>
      </c>
      <c r="M2810" s="49" t="e">
        <f>VLOOKUP(E2810&amp;F2810,団体コード!$A$1:$C$1743,2,FALSE)</f>
        <v>#N/A</v>
      </c>
      <c r="N2810" s="51" t="e">
        <f>VLOOKUP(E2810,団体コード!$E$1:$F$48,2,FALSE)</f>
        <v>#N/A</v>
      </c>
      <c r="O2810" s="51" t="e">
        <f t="shared" si="89"/>
        <v>#N/A</v>
      </c>
      <c r="P2810" s="51">
        <v>1</v>
      </c>
      <c r="Q2810" s="51" t="s">
        <v>5341</v>
      </c>
      <c r="R2810" s="54" t="b">
        <v>1</v>
      </c>
      <c r="S2810" s="52" t="s">
        <v>7126</v>
      </c>
      <c r="T2810" s="67" t="s">
        <v>7127</v>
      </c>
      <c r="U2810" s="75" t="s">
        <v>5331</v>
      </c>
      <c r="V2810" s="47" t="s">
        <v>5331</v>
      </c>
      <c r="W2810" s="47" t="s">
        <v>5331</v>
      </c>
      <c r="X2810" s="47" t="s">
        <v>5331</v>
      </c>
      <c r="Y2810" s="47" t="s">
        <v>5331</v>
      </c>
      <c r="Z2810" s="28"/>
      <c r="AA2810" s="27"/>
      <c r="AB2810" s="27"/>
      <c r="AC2810" s="27"/>
      <c r="AD2810" s="30"/>
      <c r="AE2810" s="1"/>
      <c r="AF2810" s="23" t="s">
        <v>5331</v>
      </c>
      <c r="AG2810" s="26"/>
      <c r="AH2810" s="53"/>
    </row>
    <row r="2811" spans="1:34" ht="51.6" customHeight="1" x14ac:dyDescent="0.45">
      <c r="A2811" s="23">
        <v>2805</v>
      </c>
      <c r="B2811" s="25"/>
      <c r="C2811" s="25"/>
      <c r="D2811" s="29"/>
      <c r="E2811" s="1"/>
      <c r="F2811" s="1"/>
      <c r="G2811" s="25"/>
      <c r="H2811" s="71"/>
      <c r="I2811" s="83"/>
      <c r="J2811" s="50" t="str">
        <f t="shared" si="88"/>
        <v/>
      </c>
      <c r="K2811" s="23" t="s">
        <v>7120</v>
      </c>
      <c r="L2811" s="49" t="e">
        <f>VLOOKUP(E2811&amp;F2811,団体コード!$A$1:$C$1743,3,FALSE)</f>
        <v>#N/A</v>
      </c>
      <c r="M2811" s="49" t="e">
        <f>VLOOKUP(E2811&amp;F2811,団体コード!$A$1:$C$1743,2,FALSE)</f>
        <v>#N/A</v>
      </c>
      <c r="N2811" s="51" t="e">
        <f>VLOOKUP(E2811,団体コード!$E$1:$F$48,2,FALSE)</f>
        <v>#N/A</v>
      </c>
      <c r="O2811" s="51" t="e">
        <f t="shared" si="89"/>
        <v>#N/A</v>
      </c>
      <c r="P2811" s="51">
        <v>1</v>
      </c>
      <c r="Q2811" s="51" t="s">
        <v>5341</v>
      </c>
      <c r="R2811" s="54" t="b">
        <v>1</v>
      </c>
      <c r="S2811" s="52" t="s">
        <v>7126</v>
      </c>
      <c r="T2811" s="67" t="s">
        <v>7127</v>
      </c>
      <c r="U2811" s="75" t="s">
        <v>5331</v>
      </c>
      <c r="V2811" s="47" t="s">
        <v>5331</v>
      </c>
      <c r="W2811" s="47" t="s">
        <v>5331</v>
      </c>
      <c r="X2811" s="47" t="s">
        <v>5331</v>
      </c>
      <c r="Y2811" s="47" t="s">
        <v>5331</v>
      </c>
      <c r="Z2811" s="28"/>
      <c r="AA2811" s="27"/>
      <c r="AB2811" s="27"/>
      <c r="AC2811" s="27"/>
      <c r="AD2811" s="30"/>
      <c r="AE2811" s="1"/>
      <c r="AF2811" s="23" t="s">
        <v>5331</v>
      </c>
      <c r="AG2811" s="26"/>
      <c r="AH2811" s="53"/>
    </row>
    <row r="2812" spans="1:34" ht="51.6" customHeight="1" x14ac:dyDescent="0.45">
      <c r="A2812" s="23">
        <v>2806</v>
      </c>
      <c r="B2812" s="25"/>
      <c r="C2812" s="25"/>
      <c r="D2812" s="29"/>
      <c r="E2812" s="1"/>
      <c r="F2812" s="1"/>
      <c r="G2812" s="25"/>
      <c r="H2812" s="71"/>
      <c r="I2812" s="83"/>
      <c r="J2812" s="50" t="str">
        <f t="shared" si="88"/>
        <v/>
      </c>
      <c r="K2812" s="23" t="s">
        <v>7120</v>
      </c>
      <c r="L2812" s="49" t="e">
        <f>VLOOKUP(E2812&amp;F2812,団体コード!$A$1:$C$1743,3,FALSE)</f>
        <v>#N/A</v>
      </c>
      <c r="M2812" s="49" t="e">
        <f>VLOOKUP(E2812&amp;F2812,団体コード!$A$1:$C$1743,2,FALSE)</f>
        <v>#N/A</v>
      </c>
      <c r="N2812" s="51" t="e">
        <f>VLOOKUP(E2812,団体コード!$E$1:$F$48,2,FALSE)</f>
        <v>#N/A</v>
      </c>
      <c r="O2812" s="51" t="e">
        <f t="shared" si="89"/>
        <v>#N/A</v>
      </c>
      <c r="P2812" s="51">
        <v>1</v>
      </c>
      <c r="Q2812" s="51" t="s">
        <v>5341</v>
      </c>
      <c r="R2812" s="54" t="b">
        <v>1</v>
      </c>
      <c r="S2812" s="52" t="s">
        <v>7126</v>
      </c>
      <c r="T2812" s="67" t="s">
        <v>7127</v>
      </c>
      <c r="U2812" s="75" t="s">
        <v>5331</v>
      </c>
      <c r="V2812" s="47" t="s">
        <v>5331</v>
      </c>
      <c r="W2812" s="47" t="s">
        <v>5331</v>
      </c>
      <c r="X2812" s="47" t="s">
        <v>5331</v>
      </c>
      <c r="Y2812" s="47" t="s">
        <v>5331</v>
      </c>
      <c r="Z2812" s="28"/>
      <c r="AA2812" s="27"/>
      <c r="AB2812" s="27"/>
      <c r="AC2812" s="27"/>
      <c r="AD2812" s="30"/>
      <c r="AE2812" s="1"/>
      <c r="AF2812" s="23" t="s">
        <v>5331</v>
      </c>
      <c r="AG2812" s="26"/>
      <c r="AH2812" s="53"/>
    </row>
    <row r="2813" spans="1:34" ht="51.6" customHeight="1" x14ac:dyDescent="0.45">
      <c r="A2813" s="23">
        <v>2807</v>
      </c>
      <c r="B2813" s="25"/>
      <c r="C2813" s="25"/>
      <c r="D2813" s="29"/>
      <c r="E2813" s="1"/>
      <c r="F2813" s="1"/>
      <c r="G2813" s="25"/>
      <c r="H2813" s="71"/>
      <c r="I2813" s="83"/>
      <c r="J2813" s="50" t="str">
        <f t="shared" si="88"/>
        <v/>
      </c>
      <c r="K2813" s="23" t="s">
        <v>7120</v>
      </c>
      <c r="L2813" s="49" t="e">
        <f>VLOOKUP(E2813&amp;F2813,団体コード!$A$1:$C$1743,3,FALSE)</f>
        <v>#N/A</v>
      </c>
      <c r="M2813" s="49" t="e">
        <f>VLOOKUP(E2813&amp;F2813,団体コード!$A$1:$C$1743,2,FALSE)</f>
        <v>#N/A</v>
      </c>
      <c r="N2813" s="51" t="e">
        <f>VLOOKUP(E2813,団体コード!$E$1:$F$48,2,FALSE)</f>
        <v>#N/A</v>
      </c>
      <c r="O2813" s="51" t="e">
        <f t="shared" si="89"/>
        <v>#N/A</v>
      </c>
      <c r="P2813" s="51">
        <v>1</v>
      </c>
      <c r="Q2813" s="51" t="s">
        <v>5341</v>
      </c>
      <c r="R2813" s="54" t="b">
        <v>1</v>
      </c>
      <c r="S2813" s="52" t="s">
        <v>7126</v>
      </c>
      <c r="T2813" s="67" t="s">
        <v>7127</v>
      </c>
      <c r="U2813" s="75" t="s">
        <v>5331</v>
      </c>
      <c r="V2813" s="47" t="s">
        <v>5331</v>
      </c>
      <c r="W2813" s="47" t="s">
        <v>5331</v>
      </c>
      <c r="X2813" s="47" t="s">
        <v>5331</v>
      </c>
      <c r="Y2813" s="47" t="s">
        <v>5331</v>
      </c>
      <c r="Z2813" s="28"/>
      <c r="AA2813" s="27"/>
      <c r="AB2813" s="27"/>
      <c r="AC2813" s="27"/>
      <c r="AD2813" s="30"/>
      <c r="AE2813" s="1"/>
      <c r="AF2813" s="23" t="s">
        <v>5331</v>
      </c>
      <c r="AG2813" s="26"/>
      <c r="AH2813" s="53"/>
    </row>
    <row r="2814" spans="1:34" ht="51.6" customHeight="1" x14ac:dyDescent="0.45">
      <c r="A2814" s="23">
        <v>2808</v>
      </c>
      <c r="B2814" s="25"/>
      <c r="C2814" s="25"/>
      <c r="D2814" s="29"/>
      <c r="E2814" s="1"/>
      <c r="F2814" s="1"/>
      <c r="G2814" s="25"/>
      <c r="H2814" s="71"/>
      <c r="I2814" s="83"/>
      <c r="J2814" s="50" t="str">
        <f t="shared" si="88"/>
        <v/>
      </c>
      <c r="K2814" s="23" t="s">
        <v>7120</v>
      </c>
      <c r="L2814" s="49" t="e">
        <f>VLOOKUP(E2814&amp;F2814,団体コード!$A$1:$C$1743,3,FALSE)</f>
        <v>#N/A</v>
      </c>
      <c r="M2814" s="49" t="e">
        <f>VLOOKUP(E2814&amp;F2814,団体コード!$A$1:$C$1743,2,FALSE)</f>
        <v>#N/A</v>
      </c>
      <c r="N2814" s="51" t="e">
        <f>VLOOKUP(E2814,団体コード!$E$1:$F$48,2,FALSE)</f>
        <v>#N/A</v>
      </c>
      <c r="O2814" s="51" t="e">
        <f t="shared" si="89"/>
        <v>#N/A</v>
      </c>
      <c r="P2814" s="51">
        <v>1</v>
      </c>
      <c r="Q2814" s="51" t="s">
        <v>5341</v>
      </c>
      <c r="R2814" s="54" t="b">
        <v>1</v>
      </c>
      <c r="S2814" s="52" t="s">
        <v>7126</v>
      </c>
      <c r="T2814" s="67" t="s">
        <v>7127</v>
      </c>
      <c r="U2814" s="75" t="s">
        <v>5331</v>
      </c>
      <c r="V2814" s="47" t="s">
        <v>5331</v>
      </c>
      <c r="W2814" s="47" t="s">
        <v>5331</v>
      </c>
      <c r="X2814" s="47" t="s">
        <v>5331</v>
      </c>
      <c r="Y2814" s="47" t="s">
        <v>5331</v>
      </c>
      <c r="Z2814" s="28"/>
      <c r="AA2814" s="27"/>
      <c r="AB2814" s="27"/>
      <c r="AC2814" s="27"/>
      <c r="AD2814" s="30"/>
      <c r="AE2814" s="1"/>
      <c r="AF2814" s="23" t="s">
        <v>5331</v>
      </c>
      <c r="AG2814" s="26"/>
      <c r="AH2814" s="53"/>
    </row>
    <row r="2815" spans="1:34" ht="51.6" customHeight="1" x14ac:dyDescent="0.45">
      <c r="A2815" s="23">
        <v>2809</v>
      </c>
      <c r="B2815" s="25"/>
      <c r="C2815" s="25"/>
      <c r="D2815" s="29"/>
      <c r="E2815" s="1"/>
      <c r="F2815" s="1"/>
      <c r="G2815" s="25"/>
      <c r="H2815" s="71"/>
      <c r="I2815" s="83"/>
      <c r="J2815" s="50" t="str">
        <f t="shared" si="88"/>
        <v/>
      </c>
      <c r="K2815" s="23" t="s">
        <v>7120</v>
      </c>
      <c r="L2815" s="49" t="e">
        <f>VLOOKUP(E2815&amp;F2815,団体コード!$A$1:$C$1743,3,FALSE)</f>
        <v>#N/A</v>
      </c>
      <c r="M2815" s="49" t="e">
        <f>VLOOKUP(E2815&amp;F2815,団体コード!$A$1:$C$1743,2,FALSE)</f>
        <v>#N/A</v>
      </c>
      <c r="N2815" s="51" t="e">
        <f>VLOOKUP(E2815,団体コード!$E$1:$F$48,2,FALSE)</f>
        <v>#N/A</v>
      </c>
      <c r="O2815" s="51" t="e">
        <f t="shared" si="89"/>
        <v>#N/A</v>
      </c>
      <c r="P2815" s="51">
        <v>1</v>
      </c>
      <c r="Q2815" s="51" t="s">
        <v>5341</v>
      </c>
      <c r="R2815" s="54" t="b">
        <v>1</v>
      </c>
      <c r="S2815" s="52" t="s">
        <v>7126</v>
      </c>
      <c r="T2815" s="67" t="s">
        <v>7127</v>
      </c>
      <c r="U2815" s="75" t="s">
        <v>5331</v>
      </c>
      <c r="V2815" s="47" t="s">
        <v>5331</v>
      </c>
      <c r="W2815" s="47" t="s">
        <v>5331</v>
      </c>
      <c r="X2815" s="47" t="s">
        <v>5331</v>
      </c>
      <c r="Y2815" s="47" t="s">
        <v>5331</v>
      </c>
      <c r="Z2815" s="28"/>
      <c r="AA2815" s="27"/>
      <c r="AB2815" s="27"/>
      <c r="AC2815" s="27"/>
      <c r="AD2815" s="30"/>
      <c r="AE2815" s="1"/>
      <c r="AF2815" s="23" t="s">
        <v>5331</v>
      </c>
      <c r="AG2815" s="26"/>
      <c r="AH2815" s="53"/>
    </row>
    <row r="2816" spans="1:34" ht="51.6" customHeight="1" x14ac:dyDescent="0.45">
      <c r="A2816" s="23">
        <v>2810</v>
      </c>
      <c r="B2816" s="25"/>
      <c r="C2816" s="25"/>
      <c r="D2816" s="29"/>
      <c r="E2816" s="1"/>
      <c r="F2816" s="1"/>
      <c r="G2816" s="25"/>
      <c r="H2816" s="71"/>
      <c r="I2816" s="83"/>
      <c r="J2816" s="50" t="str">
        <f t="shared" si="88"/>
        <v/>
      </c>
      <c r="K2816" s="23" t="s">
        <v>7120</v>
      </c>
      <c r="L2816" s="49" t="e">
        <f>VLOOKUP(E2816&amp;F2816,団体コード!$A$1:$C$1743,3,FALSE)</f>
        <v>#N/A</v>
      </c>
      <c r="M2816" s="49" t="e">
        <f>VLOOKUP(E2816&amp;F2816,団体コード!$A$1:$C$1743,2,FALSE)</f>
        <v>#N/A</v>
      </c>
      <c r="N2816" s="51" t="e">
        <f>VLOOKUP(E2816,団体コード!$E$1:$F$48,2,FALSE)</f>
        <v>#N/A</v>
      </c>
      <c r="O2816" s="51" t="e">
        <f t="shared" si="89"/>
        <v>#N/A</v>
      </c>
      <c r="P2816" s="51">
        <v>1</v>
      </c>
      <c r="Q2816" s="51" t="s">
        <v>5341</v>
      </c>
      <c r="R2816" s="54" t="b">
        <v>1</v>
      </c>
      <c r="S2816" s="52" t="s">
        <v>7126</v>
      </c>
      <c r="T2816" s="67" t="s">
        <v>7127</v>
      </c>
      <c r="U2816" s="75" t="s">
        <v>5331</v>
      </c>
      <c r="V2816" s="47" t="s">
        <v>5331</v>
      </c>
      <c r="W2816" s="47" t="s">
        <v>5331</v>
      </c>
      <c r="X2816" s="47" t="s">
        <v>5331</v>
      </c>
      <c r="Y2816" s="47" t="s">
        <v>5331</v>
      </c>
      <c r="Z2816" s="28"/>
      <c r="AA2816" s="27"/>
      <c r="AB2816" s="27"/>
      <c r="AC2816" s="27"/>
      <c r="AD2816" s="30"/>
      <c r="AE2816" s="1"/>
      <c r="AF2816" s="23" t="s">
        <v>5331</v>
      </c>
      <c r="AG2816" s="26"/>
      <c r="AH2816" s="53"/>
    </row>
    <row r="2817" spans="1:34" ht="51.6" customHeight="1" x14ac:dyDescent="0.45">
      <c r="A2817" s="23">
        <v>2811</v>
      </c>
      <c r="B2817" s="25"/>
      <c r="C2817" s="25"/>
      <c r="D2817" s="29"/>
      <c r="E2817" s="1"/>
      <c r="F2817" s="1"/>
      <c r="G2817" s="25"/>
      <c r="H2817" s="71"/>
      <c r="I2817" s="83"/>
      <c r="J2817" s="50" t="str">
        <f t="shared" si="88"/>
        <v/>
      </c>
      <c r="K2817" s="23" t="s">
        <v>7120</v>
      </c>
      <c r="L2817" s="49" t="e">
        <f>VLOOKUP(E2817&amp;F2817,団体コード!$A$1:$C$1743,3,FALSE)</f>
        <v>#N/A</v>
      </c>
      <c r="M2817" s="49" t="e">
        <f>VLOOKUP(E2817&amp;F2817,団体コード!$A$1:$C$1743,2,FALSE)</f>
        <v>#N/A</v>
      </c>
      <c r="N2817" s="51" t="e">
        <f>VLOOKUP(E2817,団体コード!$E$1:$F$48,2,FALSE)</f>
        <v>#N/A</v>
      </c>
      <c r="O2817" s="51" t="e">
        <f t="shared" si="89"/>
        <v>#N/A</v>
      </c>
      <c r="P2817" s="51">
        <v>1</v>
      </c>
      <c r="Q2817" s="51" t="s">
        <v>5341</v>
      </c>
      <c r="R2817" s="54" t="b">
        <v>1</v>
      </c>
      <c r="S2817" s="52" t="s">
        <v>7126</v>
      </c>
      <c r="T2817" s="67" t="s">
        <v>7127</v>
      </c>
      <c r="U2817" s="75" t="s">
        <v>5331</v>
      </c>
      <c r="V2817" s="47" t="s">
        <v>5331</v>
      </c>
      <c r="W2817" s="47" t="s">
        <v>5331</v>
      </c>
      <c r="X2817" s="47" t="s">
        <v>5331</v>
      </c>
      <c r="Y2817" s="47" t="s">
        <v>5331</v>
      </c>
      <c r="Z2817" s="28"/>
      <c r="AA2817" s="27"/>
      <c r="AB2817" s="27"/>
      <c r="AC2817" s="27"/>
      <c r="AD2817" s="30"/>
      <c r="AE2817" s="1"/>
      <c r="AF2817" s="23" t="s">
        <v>5331</v>
      </c>
      <c r="AG2817" s="26"/>
      <c r="AH2817" s="53"/>
    </row>
    <row r="2818" spans="1:34" ht="51.6" customHeight="1" x14ac:dyDescent="0.45">
      <c r="A2818" s="23">
        <v>2812</v>
      </c>
      <c r="B2818" s="25"/>
      <c r="C2818" s="25"/>
      <c r="D2818" s="29"/>
      <c r="E2818" s="1"/>
      <c r="F2818" s="1"/>
      <c r="G2818" s="25"/>
      <c r="H2818" s="71"/>
      <c r="I2818" s="83"/>
      <c r="J2818" s="50" t="str">
        <f t="shared" si="88"/>
        <v/>
      </c>
      <c r="K2818" s="23" t="s">
        <v>7120</v>
      </c>
      <c r="L2818" s="49" t="e">
        <f>VLOOKUP(E2818&amp;F2818,団体コード!$A$1:$C$1743,3,FALSE)</f>
        <v>#N/A</v>
      </c>
      <c r="M2818" s="49" t="e">
        <f>VLOOKUP(E2818&amp;F2818,団体コード!$A$1:$C$1743,2,FALSE)</f>
        <v>#N/A</v>
      </c>
      <c r="N2818" s="51" t="e">
        <f>VLOOKUP(E2818,団体コード!$E$1:$F$48,2,FALSE)</f>
        <v>#N/A</v>
      </c>
      <c r="O2818" s="51" t="e">
        <f t="shared" si="89"/>
        <v>#N/A</v>
      </c>
      <c r="P2818" s="51">
        <v>1</v>
      </c>
      <c r="Q2818" s="51" t="s">
        <v>5341</v>
      </c>
      <c r="R2818" s="54" t="b">
        <v>1</v>
      </c>
      <c r="S2818" s="52" t="s">
        <v>7126</v>
      </c>
      <c r="T2818" s="67" t="s">
        <v>7127</v>
      </c>
      <c r="U2818" s="75" t="s">
        <v>5331</v>
      </c>
      <c r="V2818" s="47" t="s">
        <v>5331</v>
      </c>
      <c r="W2818" s="47" t="s">
        <v>5331</v>
      </c>
      <c r="X2818" s="47" t="s">
        <v>5331</v>
      </c>
      <c r="Y2818" s="47" t="s">
        <v>5331</v>
      </c>
      <c r="Z2818" s="28"/>
      <c r="AA2818" s="27"/>
      <c r="AB2818" s="27"/>
      <c r="AC2818" s="27"/>
      <c r="AD2818" s="30"/>
      <c r="AE2818" s="1"/>
      <c r="AF2818" s="23" t="s">
        <v>5331</v>
      </c>
      <c r="AG2818" s="26"/>
      <c r="AH2818" s="53"/>
    </row>
    <row r="2819" spans="1:34" ht="51.6" customHeight="1" x14ac:dyDescent="0.45">
      <c r="A2819" s="23">
        <v>2813</v>
      </c>
      <c r="B2819" s="25"/>
      <c r="C2819" s="25"/>
      <c r="D2819" s="29"/>
      <c r="E2819" s="1"/>
      <c r="F2819" s="1"/>
      <c r="G2819" s="25"/>
      <c r="H2819" s="71"/>
      <c r="I2819" s="83"/>
      <c r="J2819" s="50" t="str">
        <f t="shared" si="88"/>
        <v/>
      </c>
      <c r="K2819" s="23" t="s">
        <v>7120</v>
      </c>
      <c r="L2819" s="49" t="e">
        <f>VLOOKUP(E2819&amp;F2819,団体コード!$A$1:$C$1743,3,FALSE)</f>
        <v>#N/A</v>
      </c>
      <c r="M2819" s="49" t="e">
        <f>VLOOKUP(E2819&amp;F2819,団体コード!$A$1:$C$1743,2,FALSE)</f>
        <v>#N/A</v>
      </c>
      <c r="N2819" s="51" t="e">
        <f>VLOOKUP(E2819,団体コード!$E$1:$F$48,2,FALSE)</f>
        <v>#N/A</v>
      </c>
      <c r="O2819" s="51" t="e">
        <f t="shared" si="89"/>
        <v>#N/A</v>
      </c>
      <c r="P2819" s="51">
        <v>1</v>
      </c>
      <c r="Q2819" s="51" t="s">
        <v>5341</v>
      </c>
      <c r="R2819" s="54" t="b">
        <v>1</v>
      </c>
      <c r="S2819" s="52" t="s">
        <v>7126</v>
      </c>
      <c r="T2819" s="67" t="s">
        <v>7127</v>
      </c>
      <c r="U2819" s="75" t="s">
        <v>5331</v>
      </c>
      <c r="V2819" s="47" t="s">
        <v>5331</v>
      </c>
      <c r="W2819" s="47" t="s">
        <v>5331</v>
      </c>
      <c r="X2819" s="47" t="s">
        <v>5331</v>
      </c>
      <c r="Y2819" s="47" t="s">
        <v>5331</v>
      </c>
      <c r="Z2819" s="28"/>
      <c r="AA2819" s="27"/>
      <c r="AB2819" s="27"/>
      <c r="AC2819" s="27"/>
      <c r="AD2819" s="30"/>
      <c r="AE2819" s="1"/>
      <c r="AF2819" s="23" t="s">
        <v>5331</v>
      </c>
      <c r="AG2819" s="26"/>
      <c r="AH2819" s="53"/>
    </row>
    <row r="2820" spans="1:34" ht="51.6" customHeight="1" x14ac:dyDescent="0.45">
      <c r="A2820" s="23">
        <v>2814</v>
      </c>
      <c r="B2820" s="25"/>
      <c r="C2820" s="25"/>
      <c r="D2820" s="29"/>
      <c r="E2820" s="1"/>
      <c r="F2820" s="1"/>
      <c r="G2820" s="25"/>
      <c r="H2820" s="71"/>
      <c r="I2820" s="83"/>
      <c r="J2820" s="50" t="str">
        <f t="shared" si="88"/>
        <v/>
      </c>
      <c r="K2820" s="23" t="s">
        <v>7120</v>
      </c>
      <c r="L2820" s="49" t="e">
        <f>VLOOKUP(E2820&amp;F2820,団体コード!$A$1:$C$1743,3,FALSE)</f>
        <v>#N/A</v>
      </c>
      <c r="M2820" s="49" t="e">
        <f>VLOOKUP(E2820&amp;F2820,団体コード!$A$1:$C$1743,2,FALSE)</f>
        <v>#N/A</v>
      </c>
      <c r="N2820" s="51" t="e">
        <f>VLOOKUP(E2820,団体コード!$E$1:$F$48,2,FALSE)</f>
        <v>#N/A</v>
      </c>
      <c r="O2820" s="51" t="e">
        <f t="shared" si="89"/>
        <v>#N/A</v>
      </c>
      <c r="P2820" s="51">
        <v>1</v>
      </c>
      <c r="Q2820" s="51" t="s">
        <v>5341</v>
      </c>
      <c r="R2820" s="54" t="b">
        <v>1</v>
      </c>
      <c r="S2820" s="52" t="s">
        <v>7126</v>
      </c>
      <c r="T2820" s="67" t="s">
        <v>7127</v>
      </c>
      <c r="U2820" s="75" t="s">
        <v>5331</v>
      </c>
      <c r="V2820" s="47" t="s">
        <v>5331</v>
      </c>
      <c r="W2820" s="47" t="s">
        <v>5331</v>
      </c>
      <c r="X2820" s="47" t="s">
        <v>5331</v>
      </c>
      <c r="Y2820" s="47" t="s">
        <v>5331</v>
      </c>
      <c r="Z2820" s="28"/>
      <c r="AA2820" s="27"/>
      <c r="AB2820" s="27"/>
      <c r="AC2820" s="27"/>
      <c r="AD2820" s="30"/>
      <c r="AE2820" s="1"/>
      <c r="AF2820" s="23" t="s">
        <v>5331</v>
      </c>
      <c r="AG2820" s="26"/>
      <c r="AH2820" s="53"/>
    </row>
    <row r="2821" spans="1:34" ht="51.6" customHeight="1" x14ac:dyDescent="0.45">
      <c r="A2821" s="23">
        <v>2815</v>
      </c>
      <c r="B2821" s="25"/>
      <c r="C2821" s="25"/>
      <c r="D2821" s="29"/>
      <c r="E2821" s="1"/>
      <c r="F2821" s="1"/>
      <c r="G2821" s="25"/>
      <c r="H2821" s="71"/>
      <c r="I2821" s="83"/>
      <c r="J2821" s="50" t="str">
        <f t="shared" si="88"/>
        <v/>
      </c>
      <c r="K2821" s="23" t="s">
        <v>7120</v>
      </c>
      <c r="L2821" s="49" t="e">
        <f>VLOOKUP(E2821&amp;F2821,団体コード!$A$1:$C$1743,3,FALSE)</f>
        <v>#N/A</v>
      </c>
      <c r="M2821" s="49" t="e">
        <f>VLOOKUP(E2821&amp;F2821,団体コード!$A$1:$C$1743,2,FALSE)</f>
        <v>#N/A</v>
      </c>
      <c r="N2821" s="51" t="e">
        <f>VLOOKUP(E2821,団体コード!$E$1:$F$48,2,FALSE)</f>
        <v>#N/A</v>
      </c>
      <c r="O2821" s="51" t="e">
        <f t="shared" si="89"/>
        <v>#N/A</v>
      </c>
      <c r="P2821" s="51">
        <v>1</v>
      </c>
      <c r="Q2821" s="51" t="s">
        <v>5341</v>
      </c>
      <c r="R2821" s="54" t="b">
        <v>1</v>
      </c>
      <c r="S2821" s="52" t="s">
        <v>7126</v>
      </c>
      <c r="T2821" s="67" t="s">
        <v>7127</v>
      </c>
      <c r="U2821" s="75" t="s">
        <v>5331</v>
      </c>
      <c r="V2821" s="47" t="s">
        <v>5331</v>
      </c>
      <c r="W2821" s="47" t="s">
        <v>5331</v>
      </c>
      <c r="X2821" s="47" t="s">
        <v>5331</v>
      </c>
      <c r="Y2821" s="47" t="s">
        <v>5331</v>
      </c>
      <c r="Z2821" s="28"/>
      <c r="AA2821" s="27"/>
      <c r="AB2821" s="27"/>
      <c r="AC2821" s="27"/>
      <c r="AD2821" s="30"/>
      <c r="AE2821" s="1"/>
      <c r="AF2821" s="23" t="s">
        <v>5331</v>
      </c>
      <c r="AG2821" s="26"/>
      <c r="AH2821" s="53"/>
    </row>
    <row r="2822" spans="1:34" ht="51.6" customHeight="1" x14ac:dyDescent="0.45">
      <c r="A2822" s="23">
        <v>2816</v>
      </c>
      <c r="B2822" s="25"/>
      <c r="C2822" s="25"/>
      <c r="D2822" s="29"/>
      <c r="E2822" s="1"/>
      <c r="F2822" s="1"/>
      <c r="G2822" s="25"/>
      <c r="H2822" s="71"/>
      <c r="I2822" s="83"/>
      <c r="J2822" s="50" t="str">
        <f t="shared" si="88"/>
        <v/>
      </c>
      <c r="K2822" s="23" t="s">
        <v>7120</v>
      </c>
      <c r="L2822" s="49" t="e">
        <f>VLOOKUP(E2822&amp;F2822,団体コード!$A$1:$C$1743,3,FALSE)</f>
        <v>#N/A</v>
      </c>
      <c r="M2822" s="49" t="e">
        <f>VLOOKUP(E2822&amp;F2822,団体コード!$A$1:$C$1743,2,FALSE)</f>
        <v>#N/A</v>
      </c>
      <c r="N2822" s="51" t="e">
        <f>VLOOKUP(E2822,団体コード!$E$1:$F$48,2,FALSE)</f>
        <v>#N/A</v>
      </c>
      <c r="O2822" s="51" t="e">
        <f t="shared" si="89"/>
        <v>#N/A</v>
      </c>
      <c r="P2822" s="51">
        <v>1</v>
      </c>
      <c r="Q2822" s="51" t="s">
        <v>5341</v>
      </c>
      <c r="R2822" s="54" t="b">
        <v>1</v>
      </c>
      <c r="S2822" s="52" t="s">
        <v>7126</v>
      </c>
      <c r="T2822" s="67" t="s">
        <v>7127</v>
      </c>
      <c r="U2822" s="75" t="s">
        <v>5331</v>
      </c>
      <c r="V2822" s="47" t="s">
        <v>5331</v>
      </c>
      <c r="W2822" s="47" t="s">
        <v>5331</v>
      </c>
      <c r="X2822" s="47" t="s">
        <v>5331</v>
      </c>
      <c r="Y2822" s="47" t="s">
        <v>5331</v>
      </c>
      <c r="Z2822" s="28"/>
      <c r="AA2822" s="27"/>
      <c r="AB2822" s="27"/>
      <c r="AC2822" s="27"/>
      <c r="AD2822" s="30"/>
      <c r="AE2822" s="1"/>
      <c r="AF2822" s="23" t="s">
        <v>5331</v>
      </c>
      <c r="AG2822" s="26"/>
      <c r="AH2822" s="53"/>
    </row>
    <row r="2823" spans="1:34" ht="51.6" customHeight="1" x14ac:dyDescent="0.45">
      <c r="A2823" s="23">
        <v>2817</v>
      </c>
      <c r="B2823" s="25"/>
      <c r="C2823" s="25"/>
      <c r="D2823" s="29"/>
      <c r="E2823" s="1"/>
      <c r="F2823" s="1"/>
      <c r="G2823" s="25"/>
      <c r="H2823" s="71"/>
      <c r="I2823" s="83"/>
      <c r="J2823" s="50" t="str">
        <f t="shared" si="88"/>
        <v/>
      </c>
      <c r="K2823" s="23" t="s">
        <v>7120</v>
      </c>
      <c r="L2823" s="49" t="e">
        <f>VLOOKUP(E2823&amp;F2823,団体コード!$A$1:$C$1743,3,FALSE)</f>
        <v>#N/A</v>
      </c>
      <c r="M2823" s="49" t="e">
        <f>VLOOKUP(E2823&amp;F2823,団体コード!$A$1:$C$1743,2,FALSE)</f>
        <v>#N/A</v>
      </c>
      <c r="N2823" s="51" t="e">
        <f>VLOOKUP(E2823,団体コード!$E$1:$F$48,2,FALSE)</f>
        <v>#N/A</v>
      </c>
      <c r="O2823" s="51" t="e">
        <f t="shared" si="89"/>
        <v>#N/A</v>
      </c>
      <c r="P2823" s="51">
        <v>1</v>
      </c>
      <c r="Q2823" s="51" t="s">
        <v>5341</v>
      </c>
      <c r="R2823" s="54" t="b">
        <v>1</v>
      </c>
      <c r="S2823" s="52" t="s">
        <v>7126</v>
      </c>
      <c r="T2823" s="67" t="s">
        <v>7127</v>
      </c>
      <c r="U2823" s="75" t="s">
        <v>5331</v>
      </c>
      <c r="V2823" s="47" t="s">
        <v>5331</v>
      </c>
      <c r="W2823" s="47" t="s">
        <v>5331</v>
      </c>
      <c r="X2823" s="47" t="s">
        <v>5331</v>
      </c>
      <c r="Y2823" s="47" t="s">
        <v>5331</v>
      </c>
      <c r="Z2823" s="28"/>
      <c r="AA2823" s="27"/>
      <c r="AB2823" s="27"/>
      <c r="AC2823" s="27"/>
      <c r="AD2823" s="30"/>
      <c r="AE2823" s="1"/>
      <c r="AF2823" s="23" t="s">
        <v>5331</v>
      </c>
      <c r="AG2823" s="26"/>
      <c r="AH2823" s="53"/>
    </row>
    <row r="2824" spans="1:34" ht="51.6" customHeight="1" x14ac:dyDescent="0.45">
      <c r="A2824" s="23">
        <v>2818</v>
      </c>
      <c r="B2824" s="25"/>
      <c r="C2824" s="25"/>
      <c r="D2824" s="29"/>
      <c r="E2824" s="1"/>
      <c r="F2824" s="1"/>
      <c r="G2824" s="25"/>
      <c r="H2824" s="71"/>
      <c r="I2824" s="83"/>
      <c r="J2824" s="50" t="str">
        <f t="shared" ref="J2824:J2887" si="90">E2824&amp;F2824&amp;G2824</f>
        <v/>
      </c>
      <c r="K2824" s="23" t="s">
        <v>7120</v>
      </c>
      <c r="L2824" s="49" t="e">
        <f>VLOOKUP(E2824&amp;F2824,団体コード!$A$1:$C$1743,3,FALSE)</f>
        <v>#N/A</v>
      </c>
      <c r="M2824" s="49" t="e">
        <f>VLOOKUP(E2824&amp;F2824,団体コード!$A$1:$C$1743,2,FALSE)</f>
        <v>#N/A</v>
      </c>
      <c r="N2824" s="51" t="e">
        <f>VLOOKUP(E2824,団体コード!$E$1:$F$48,2,FALSE)</f>
        <v>#N/A</v>
      </c>
      <c r="O2824" s="51" t="e">
        <f t="shared" ref="O2824:O2887" si="91">N2824</f>
        <v>#N/A</v>
      </c>
      <c r="P2824" s="51">
        <v>1</v>
      </c>
      <c r="Q2824" s="51" t="s">
        <v>5341</v>
      </c>
      <c r="R2824" s="54" t="b">
        <v>1</v>
      </c>
      <c r="S2824" s="52" t="s">
        <v>7126</v>
      </c>
      <c r="T2824" s="67" t="s">
        <v>7127</v>
      </c>
      <c r="U2824" s="75" t="s">
        <v>5331</v>
      </c>
      <c r="V2824" s="47" t="s">
        <v>5331</v>
      </c>
      <c r="W2824" s="47" t="s">
        <v>5331</v>
      </c>
      <c r="X2824" s="47" t="s">
        <v>5331</v>
      </c>
      <c r="Y2824" s="47" t="s">
        <v>5331</v>
      </c>
      <c r="Z2824" s="28"/>
      <c r="AA2824" s="27"/>
      <c r="AB2824" s="27"/>
      <c r="AC2824" s="27"/>
      <c r="AD2824" s="30"/>
      <c r="AE2824" s="1"/>
      <c r="AF2824" s="23" t="s">
        <v>5331</v>
      </c>
      <c r="AG2824" s="26"/>
      <c r="AH2824" s="53"/>
    </row>
    <row r="2825" spans="1:34" ht="51.6" customHeight="1" x14ac:dyDescent="0.45">
      <c r="A2825" s="23">
        <v>2819</v>
      </c>
      <c r="B2825" s="25"/>
      <c r="C2825" s="25"/>
      <c r="D2825" s="29"/>
      <c r="E2825" s="1"/>
      <c r="F2825" s="1"/>
      <c r="G2825" s="25"/>
      <c r="H2825" s="71"/>
      <c r="I2825" s="83"/>
      <c r="J2825" s="50" t="str">
        <f t="shared" si="90"/>
        <v/>
      </c>
      <c r="K2825" s="23" t="s">
        <v>7120</v>
      </c>
      <c r="L2825" s="49" t="e">
        <f>VLOOKUP(E2825&amp;F2825,団体コード!$A$1:$C$1743,3,FALSE)</f>
        <v>#N/A</v>
      </c>
      <c r="M2825" s="49" t="e">
        <f>VLOOKUP(E2825&amp;F2825,団体コード!$A$1:$C$1743,2,FALSE)</f>
        <v>#N/A</v>
      </c>
      <c r="N2825" s="51" t="e">
        <f>VLOOKUP(E2825,団体コード!$E$1:$F$48,2,FALSE)</f>
        <v>#N/A</v>
      </c>
      <c r="O2825" s="51" t="e">
        <f t="shared" si="91"/>
        <v>#N/A</v>
      </c>
      <c r="P2825" s="51">
        <v>1</v>
      </c>
      <c r="Q2825" s="51" t="s">
        <v>5341</v>
      </c>
      <c r="R2825" s="54" t="b">
        <v>1</v>
      </c>
      <c r="S2825" s="52" t="s">
        <v>7126</v>
      </c>
      <c r="T2825" s="67" t="s">
        <v>7127</v>
      </c>
      <c r="U2825" s="75" t="s">
        <v>5331</v>
      </c>
      <c r="V2825" s="47" t="s">
        <v>5331</v>
      </c>
      <c r="W2825" s="47" t="s">
        <v>5331</v>
      </c>
      <c r="X2825" s="47" t="s">
        <v>5331</v>
      </c>
      <c r="Y2825" s="47" t="s">
        <v>5331</v>
      </c>
      <c r="Z2825" s="28"/>
      <c r="AA2825" s="27"/>
      <c r="AB2825" s="27"/>
      <c r="AC2825" s="27"/>
      <c r="AD2825" s="30"/>
      <c r="AE2825" s="1"/>
      <c r="AF2825" s="23" t="s">
        <v>5331</v>
      </c>
      <c r="AG2825" s="26"/>
      <c r="AH2825" s="53"/>
    </row>
    <row r="2826" spans="1:34" ht="51.6" customHeight="1" x14ac:dyDescent="0.45">
      <c r="A2826" s="23">
        <v>2820</v>
      </c>
      <c r="B2826" s="25"/>
      <c r="C2826" s="25"/>
      <c r="D2826" s="29"/>
      <c r="E2826" s="1"/>
      <c r="F2826" s="1"/>
      <c r="G2826" s="25"/>
      <c r="H2826" s="71"/>
      <c r="I2826" s="83"/>
      <c r="J2826" s="50" t="str">
        <f t="shared" si="90"/>
        <v/>
      </c>
      <c r="K2826" s="23" t="s">
        <v>7120</v>
      </c>
      <c r="L2826" s="49" t="e">
        <f>VLOOKUP(E2826&amp;F2826,団体コード!$A$1:$C$1743,3,FALSE)</f>
        <v>#N/A</v>
      </c>
      <c r="M2826" s="49" t="e">
        <f>VLOOKUP(E2826&amp;F2826,団体コード!$A$1:$C$1743,2,FALSE)</f>
        <v>#N/A</v>
      </c>
      <c r="N2826" s="51" t="e">
        <f>VLOOKUP(E2826,団体コード!$E$1:$F$48,2,FALSE)</f>
        <v>#N/A</v>
      </c>
      <c r="O2826" s="51" t="e">
        <f t="shared" si="91"/>
        <v>#N/A</v>
      </c>
      <c r="P2826" s="51">
        <v>1</v>
      </c>
      <c r="Q2826" s="51" t="s">
        <v>5341</v>
      </c>
      <c r="R2826" s="54" t="b">
        <v>1</v>
      </c>
      <c r="S2826" s="52" t="s">
        <v>7126</v>
      </c>
      <c r="T2826" s="67" t="s">
        <v>7127</v>
      </c>
      <c r="U2826" s="75" t="s">
        <v>5331</v>
      </c>
      <c r="V2826" s="47" t="s">
        <v>5331</v>
      </c>
      <c r="W2826" s="47" t="s">
        <v>5331</v>
      </c>
      <c r="X2826" s="47" t="s">
        <v>5331</v>
      </c>
      <c r="Y2826" s="47" t="s">
        <v>5331</v>
      </c>
      <c r="Z2826" s="28"/>
      <c r="AA2826" s="27"/>
      <c r="AB2826" s="27"/>
      <c r="AC2826" s="27"/>
      <c r="AD2826" s="30"/>
      <c r="AE2826" s="1"/>
      <c r="AF2826" s="23" t="s">
        <v>5331</v>
      </c>
      <c r="AG2826" s="26"/>
      <c r="AH2826" s="53"/>
    </row>
    <row r="2827" spans="1:34" ht="51.6" customHeight="1" x14ac:dyDescent="0.45">
      <c r="A2827" s="23">
        <v>2821</v>
      </c>
      <c r="B2827" s="25"/>
      <c r="C2827" s="25"/>
      <c r="D2827" s="29"/>
      <c r="E2827" s="1"/>
      <c r="F2827" s="1"/>
      <c r="G2827" s="25"/>
      <c r="H2827" s="71"/>
      <c r="I2827" s="83"/>
      <c r="J2827" s="50" t="str">
        <f t="shared" si="90"/>
        <v/>
      </c>
      <c r="K2827" s="23" t="s">
        <v>7120</v>
      </c>
      <c r="L2827" s="49" t="e">
        <f>VLOOKUP(E2827&amp;F2827,団体コード!$A$1:$C$1743,3,FALSE)</f>
        <v>#N/A</v>
      </c>
      <c r="M2827" s="49" t="e">
        <f>VLOOKUP(E2827&amp;F2827,団体コード!$A$1:$C$1743,2,FALSE)</f>
        <v>#N/A</v>
      </c>
      <c r="N2827" s="51" t="e">
        <f>VLOOKUP(E2827,団体コード!$E$1:$F$48,2,FALSE)</f>
        <v>#N/A</v>
      </c>
      <c r="O2827" s="51" t="e">
        <f t="shared" si="91"/>
        <v>#N/A</v>
      </c>
      <c r="P2827" s="51">
        <v>1</v>
      </c>
      <c r="Q2827" s="51" t="s">
        <v>5341</v>
      </c>
      <c r="R2827" s="54" t="b">
        <v>1</v>
      </c>
      <c r="S2827" s="52" t="s">
        <v>7126</v>
      </c>
      <c r="T2827" s="67" t="s">
        <v>7127</v>
      </c>
      <c r="U2827" s="75" t="s">
        <v>5331</v>
      </c>
      <c r="V2827" s="47" t="s">
        <v>5331</v>
      </c>
      <c r="W2827" s="47" t="s">
        <v>5331</v>
      </c>
      <c r="X2827" s="47" t="s">
        <v>5331</v>
      </c>
      <c r="Y2827" s="47" t="s">
        <v>5331</v>
      </c>
      <c r="Z2827" s="28"/>
      <c r="AA2827" s="27"/>
      <c r="AB2827" s="27"/>
      <c r="AC2827" s="27"/>
      <c r="AD2827" s="30"/>
      <c r="AE2827" s="1"/>
      <c r="AF2827" s="23" t="s">
        <v>5331</v>
      </c>
      <c r="AG2827" s="26"/>
      <c r="AH2827" s="53"/>
    </row>
    <row r="2828" spans="1:34" ht="51.6" customHeight="1" x14ac:dyDescent="0.45">
      <c r="A2828" s="23">
        <v>2822</v>
      </c>
      <c r="B2828" s="25"/>
      <c r="C2828" s="25"/>
      <c r="D2828" s="29"/>
      <c r="E2828" s="1"/>
      <c r="F2828" s="1"/>
      <c r="G2828" s="25"/>
      <c r="H2828" s="71"/>
      <c r="I2828" s="83"/>
      <c r="J2828" s="50" t="str">
        <f t="shared" si="90"/>
        <v/>
      </c>
      <c r="K2828" s="23" t="s">
        <v>7120</v>
      </c>
      <c r="L2828" s="49" t="e">
        <f>VLOOKUP(E2828&amp;F2828,団体コード!$A$1:$C$1743,3,FALSE)</f>
        <v>#N/A</v>
      </c>
      <c r="M2828" s="49" t="e">
        <f>VLOOKUP(E2828&amp;F2828,団体コード!$A$1:$C$1743,2,FALSE)</f>
        <v>#N/A</v>
      </c>
      <c r="N2828" s="51" t="e">
        <f>VLOOKUP(E2828,団体コード!$E$1:$F$48,2,FALSE)</f>
        <v>#N/A</v>
      </c>
      <c r="O2828" s="51" t="e">
        <f t="shared" si="91"/>
        <v>#N/A</v>
      </c>
      <c r="P2828" s="51">
        <v>1</v>
      </c>
      <c r="Q2828" s="51" t="s">
        <v>5341</v>
      </c>
      <c r="R2828" s="54" t="b">
        <v>1</v>
      </c>
      <c r="S2828" s="52" t="s">
        <v>7126</v>
      </c>
      <c r="T2828" s="67" t="s">
        <v>7127</v>
      </c>
      <c r="U2828" s="75" t="s">
        <v>5331</v>
      </c>
      <c r="V2828" s="47" t="s">
        <v>5331</v>
      </c>
      <c r="W2828" s="47" t="s">
        <v>5331</v>
      </c>
      <c r="X2828" s="47" t="s">
        <v>5331</v>
      </c>
      <c r="Y2828" s="47" t="s">
        <v>5331</v>
      </c>
      <c r="Z2828" s="28"/>
      <c r="AA2828" s="27"/>
      <c r="AB2828" s="27"/>
      <c r="AC2828" s="27"/>
      <c r="AD2828" s="30"/>
      <c r="AE2828" s="1"/>
      <c r="AF2828" s="23" t="s">
        <v>5331</v>
      </c>
      <c r="AG2828" s="26"/>
      <c r="AH2828" s="53"/>
    </row>
    <row r="2829" spans="1:34" ht="51.6" customHeight="1" x14ac:dyDescent="0.45">
      <c r="A2829" s="23">
        <v>2823</v>
      </c>
      <c r="B2829" s="25"/>
      <c r="C2829" s="25"/>
      <c r="D2829" s="29"/>
      <c r="E2829" s="1"/>
      <c r="F2829" s="1"/>
      <c r="G2829" s="25"/>
      <c r="H2829" s="71"/>
      <c r="I2829" s="83"/>
      <c r="J2829" s="50" t="str">
        <f t="shared" si="90"/>
        <v/>
      </c>
      <c r="K2829" s="23" t="s">
        <v>7120</v>
      </c>
      <c r="L2829" s="49" t="e">
        <f>VLOOKUP(E2829&amp;F2829,団体コード!$A$1:$C$1743,3,FALSE)</f>
        <v>#N/A</v>
      </c>
      <c r="M2829" s="49" t="e">
        <f>VLOOKUP(E2829&amp;F2829,団体コード!$A$1:$C$1743,2,FALSE)</f>
        <v>#N/A</v>
      </c>
      <c r="N2829" s="51" t="e">
        <f>VLOOKUP(E2829,団体コード!$E$1:$F$48,2,FALSE)</f>
        <v>#N/A</v>
      </c>
      <c r="O2829" s="51" t="e">
        <f t="shared" si="91"/>
        <v>#N/A</v>
      </c>
      <c r="P2829" s="51">
        <v>1</v>
      </c>
      <c r="Q2829" s="51" t="s">
        <v>5341</v>
      </c>
      <c r="R2829" s="54" t="b">
        <v>1</v>
      </c>
      <c r="S2829" s="52" t="s">
        <v>7126</v>
      </c>
      <c r="T2829" s="67" t="s">
        <v>7127</v>
      </c>
      <c r="U2829" s="75" t="s">
        <v>5331</v>
      </c>
      <c r="V2829" s="47" t="s">
        <v>5331</v>
      </c>
      <c r="W2829" s="47" t="s">
        <v>5331</v>
      </c>
      <c r="X2829" s="47" t="s">
        <v>5331</v>
      </c>
      <c r="Y2829" s="47" t="s">
        <v>5331</v>
      </c>
      <c r="Z2829" s="28"/>
      <c r="AA2829" s="27"/>
      <c r="AB2829" s="27"/>
      <c r="AC2829" s="27"/>
      <c r="AD2829" s="30"/>
      <c r="AE2829" s="1"/>
      <c r="AF2829" s="23" t="s">
        <v>5331</v>
      </c>
      <c r="AG2829" s="26"/>
      <c r="AH2829" s="53"/>
    </row>
    <row r="2830" spans="1:34" ht="51.6" customHeight="1" x14ac:dyDescent="0.45">
      <c r="A2830" s="23">
        <v>2824</v>
      </c>
      <c r="B2830" s="25"/>
      <c r="C2830" s="25"/>
      <c r="D2830" s="29"/>
      <c r="E2830" s="1"/>
      <c r="F2830" s="1"/>
      <c r="G2830" s="25"/>
      <c r="H2830" s="71"/>
      <c r="I2830" s="83"/>
      <c r="J2830" s="50" t="str">
        <f t="shared" si="90"/>
        <v/>
      </c>
      <c r="K2830" s="23" t="s">
        <v>7120</v>
      </c>
      <c r="L2830" s="49" t="e">
        <f>VLOOKUP(E2830&amp;F2830,団体コード!$A$1:$C$1743,3,FALSE)</f>
        <v>#N/A</v>
      </c>
      <c r="M2830" s="49" t="e">
        <f>VLOOKUP(E2830&amp;F2830,団体コード!$A$1:$C$1743,2,FALSE)</f>
        <v>#N/A</v>
      </c>
      <c r="N2830" s="51" t="e">
        <f>VLOOKUP(E2830,団体コード!$E$1:$F$48,2,FALSE)</f>
        <v>#N/A</v>
      </c>
      <c r="O2830" s="51" t="e">
        <f t="shared" si="91"/>
        <v>#N/A</v>
      </c>
      <c r="P2830" s="51">
        <v>1</v>
      </c>
      <c r="Q2830" s="51" t="s">
        <v>5341</v>
      </c>
      <c r="R2830" s="54" t="b">
        <v>1</v>
      </c>
      <c r="S2830" s="52" t="s">
        <v>7126</v>
      </c>
      <c r="T2830" s="67" t="s">
        <v>7127</v>
      </c>
      <c r="U2830" s="75" t="s">
        <v>5331</v>
      </c>
      <c r="V2830" s="47" t="s">
        <v>5331</v>
      </c>
      <c r="W2830" s="47" t="s">
        <v>5331</v>
      </c>
      <c r="X2830" s="47" t="s">
        <v>5331</v>
      </c>
      <c r="Y2830" s="47" t="s">
        <v>5331</v>
      </c>
      <c r="Z2830" s="28"/>
      <c r="AA2830" s="27"/>
      <c r="AB2830" s="27"/>
      <c r="AC2830" s="27"/>
      <c r="AD2830" s="30"/>
      <c r="AE2830" s="1"/>
      <c r="AF2830" s="23" t="s">
        <v>5331</v>
      </c>
      <c r="AG2830" s="26"/>
      <c r="AH2830" s="53"/>
    </row>
    <row r="2831" spans="1:34" ht="51.6" customHeight="1" x14ac:dyDescent="0.45">
      <c r="A2831" s="23">
        <v>2825</v>
      </c>
      <c r="B2831" s="25"/>
      <c r="C2831" s="25"/>
      <c r="D2831" s="29"/>
      <c r="E2831" s="1"/>
      <c r="F2831" s="1"/>
      <c r="G2831" s="25"/>
      <c r="H2831" s="71"/>
      <c r="I2831" s="83"/>
      <c r="J2831" s="50" t="str">
        <f t="shared" si="90"/>
        <v/>
      </c>
      <c r="K2831" s="23" t="s">
        <v>7120</v>
      </c>
      <c r="L2831" s="49" t="e">
        <f>VLOOKUP(E2831&amp;F2831,団体コード!$A$1:$C$1743,3,FALSE)</f>
        <v>#N/A</v>
      </c>
      <c r="M2831" s="49" t="e">
        <f>VLOOKUP(E2831&amp;F2831,団体コード!$A$1:$C$1743,2,FALSE)</f>
        <v>#N/A</v>
      </c>
      <c r="N2831" s="51" t="e">
        <f>VLOOKUP(E2831,団体コード!$E$1:$F$48,2,FALSE)</f>
        <v>#N/A</v>
      </c>
      <c r="O2831" s="51" t="e">
        <f t="shared" si="91"/>
        <v>#N/A</v>
      </c>
      <c r="P2831" s="51">
        <v>1</v>
      </c>
      <c r="Q2831" s="51" t="s">
        <v>5341</v>
      </c>
      <c r="R2831" s="54" t="b">
        <v>1</v>
      </c>
      <c r="S2831" s="52" t="s">
        <v>7126</v>
      </c>
      <c r="T2831" s="67" t="s">
        <v>7127</v>
      </c>
      <c r="U2831" s="75" t="s">
        <v>5331</v>
      </c>
      <c r="V2831" s="47" t="s">
        <v>5331</v>
      </c>
      <c r="W2831" s="47" t="s">
        <v>5331</v>
      </c>
      <c r="X2831" s="47" t="s">
        <v>5331</v>
      </c>
      <c r="Y2831" s="47" t="s">
        <v>5331</v>
      </c>
      <c r="Z2831" s="28"/>
      <c r="AA2831" s="27"/>
      <c r="AB2831" s="27"/>
      <c r="AC2831" s="27"/>
      <c r="AD2831" s="30"/>
      <c r="AE2831" s="1"/>
      <c r="AF2831" s="23" t="s">
        <v>5331</v>
      </c>
      <c r="AG2831" s="26"/>
      <c r="AH2831" s="53"/>
    </row>
    <row r="2832" spans="1:34" ht="51.6" customHeight="1" x14ac:dyDescent="0.45">
      <c r="A2832" s="23">
        <v>2826</v>
      </c>
      <c r="B2832" s="25"/>
      <c r="C2832" s="25"/>
      <c r="D2832" s="29"/>
      <c r="E2832" s="1"/>
      <c r="F2832" s="1"/>
      <c r="G2832" s="25"/>
      <c r="H2832" s="71"/>
      <c r="I2832" s="83"/>
      <c r="J2832" s="50" t="str">
        <f t="shared" si="90"/>
        <v/>
      </c>
      <c r="K2832" s="23" t="s">
        <v>7120</v>
      </c>
      <c r="L2832" s="49" t="e">
        <f>VLOOKUP(E2832&amp;F2832,団体コード!$A$1:$C$1743,3,FALSE)</f>
        <v>#N/A</v>
      </c>
      <c r="M2832" s="49" t="e">
        <f>VLOOKUP(E2832&amp;F2832,団体コード!$A$1:$C$1743,2,FALSE)</f>
        <v>#N/A</v>
      </c>
      <c r="N2832" s="51" t="e">
        <f>VLOOKUP(E2832,団体コード!$E$1:$F$48,2,FALSE)</f>
        <v>#N/A</v>
      </c>
      <c r="O2832" s="51" t="e">
        <f t="shared" si="91"/>
        <v>#N/A</v>
      </c>
      <c r="P2832" s="51">
        <v>1</v>
      </c>
      <c r="Q2832" s="51" t="s">
        <v>5341</v>
      </c>
      <c r="R2832" s="54" t="b">
        <v>1</v>
      </c>
      <c r="S2832" s="52" t="s">
        <v>7126</v>
      </c>
      <c r="T2832" s="67" t="s">
        <v>7127</v>
      </c>
      <c r="U2832" s="75" t="s">
        <v>5331</v>
      </c>
      <c r="V2832" s="47" t="s">
        <v>5331</v>
      </c>
      <c r="W2832" s="47" t="s">
        <v>5331</v>
      </c>
      <c r="X2832" s="47" t="s">
        <v>5331</v>
      </c>
      <c r="Y2832" s="47" t="s">
        <v>5331</v>
      </c>
      <c r="Z2832" s="28"/>
      <c r="AA2832" s="27"/>
      <c r="AB2832" s="27"/>
      <c r="AC2832" s="27"/>
      <c r="AD2832" s="30"/>
      <c r="AE2832" s="1"/>
      <c r="AF2832" s="23" t="s">
        <v>5331</v>
      </c>
      <c r="AG2832" s="26"/>
      <c r="AH2832" s="53"/>
    </row>
    <row r="2833" spans="1:34" ht="51.6" customHeight="1" x14ac:dyDescent="0.45">
      <c r="A2833" s="23">
        <v>2827</v>
      </c>
      <c r="B2833" s="25"/>
      <c r="C2833" s="25"/>
      <c r="D2833" s="29"/>
      <c r="E2833" s="1"/>
      <c r="F2833" s="1"/>
      <c r="G2833" s="25"/>
      <c r="H2833" s="71"/>
      <c r="I2833" s="83"/>
      <c r="J2833" s="50" t="str">
        <f t="shared" si="90"/>
        <v/>
      </c>
      <c r="K2833" s="23" t="s">
        <v>7120</v>
      </c>
      <c r="L2833" s="49" t="e">
        <f>VLOOKUP(E2833&amp;F2833,団体コード!$A$1:$C$1743,3,FALSE)</f>
        <v>#N/A</v>
      </c>
      <c r="M2833" s="49" t="e">
        <f>VLOOKUP(E2833&amp;F2833,団体コード!$A$1:$C$1743,2,FALSE)</f>
        <v>#N/A</v>
      </c>
      <c r="N2833" s="51" t="e">
        <f>VLOOKUP(E2833,団体コード!$E$1:$F$48,2,FALSE)</f>
        <v>#N/A</v>
      </c>
      <c r="O2833" s="51" t="e">
        <f t="shared" si="91"/>
        <v>#N/A</v>
      </c>
      <c r="P2833" s="51">
        <v>1</v>
      </c>
      <c r="Q2833" s="51" t="s">
        <v>5341</v>
      </c>
      <c r="R2833" s="54" t="b">
        <v>1</v>
      </c>
      <c r="S2833" s="52" t="s">
        <v>7126</v>
      </c>
      <c r="T2833" s="67" t="s">
        <v>7127</v>
      </c>
      <c r="U2833" s="75" t="s">
        <v>5331</v>
      </c>
      <c r="V2833" s="47" t="s">
        <v>5331</v>
      </c>
      <c r="W2833" s="47" t="s">
        <v>5331</v>
      </c>
      <c r="X2833" s="47" t="s">
        <v>5331</v>
      </c>
      <c r="Y2833" s="47" t="s">
        <v>5331</v>
      </c>
      <c r="Z2833" s="28"/>
      <c r="AA2833" s="27"/>
      <c r="AB2833" s="27"/>
      <c r="AC2833" s="27"/>
      <c r="AD2833" s="30"/>
      <c r="AE2833" s="1"/>
      <c r="AF2833" s="23" t="s">
        <v>5331</v>
      </c>
      <c r="AG2833" s="26"/>
      <c r="AH2833" s="53"/>
    </row>
    <row r="2834" spans="1:34" ht="51.6" customHeight="1" x14ac:dyDescent="0.45">
      <c r="A2834" s="23">
        <v>2828</v>
      </c>
      <c r="B2834" s="25"/>
      <c r="C2834" s="25"/>
      <c r="D2834" s="29"/>
      <c r="E2834" s="1"/>
      <c r="F2834" s="1"/>
      <c r="G2834" s="25"/>
      <c r="H2834" s="71"/>
      <c r="I2834" s="83"/>
      <c r="J2834" s="50" t="str">
        <f t="shared" si="90"/>
        <v/>
      </c>
      <c r="K2834" s="23" t="s">
        <v>7120</v>
      </c>
      <c r="L2834" s="49" t="e">
        <f>VLOOKUP(E2834&amp;F2834,団体コード!$A$1:$C$1743,3,FALSE)</f>
        <v>#N/A</v>
      </c>
      <c r="M2834" s="49" t="e">
        <f>VLOOKUP(E2834&amp;F2834,団体コード!$A$1:$C$1743,2,FALSE)</f>
        <v>#N/A</v>
      </c>
      <c r="N2834" s="51" t="e">
        <f>VLOOKUP(E2834,団体コード!$E$1:$F$48,2,FALSE)</f>
        <v>#N/A</v>
      </c>
      <c r="O2834" s="51" t="e">
        <f t="shared" si="91"/>
        <v>#N/A</v>
      </c>
      <c r="P2834" s="51">
        <v>1</v>
      </c>
      <c r="Q2834" s="51" t="s">
        <v>5341</v>
      </c>
      <c r="R2834" s="54" t="b">
        <v>1</v>
      </c>
      <c r="S2834" s="52" t="s">
        <v>7126</v>
      </c>
      <c r="T2834" s="67" t="s">
        <v>7127</v>
      </c>
      <c r="U2834" s="75" t="s">
        <v>5331</v>
      </c>
      <c r="V2834" s="47" t="s">
        <v>5331</v>
      </c>
      <c r="W2834" s="47" t="s">
        <v>5331</v>
      </c>
      <c r="X2834" s="47" t="s">
        <v>5331</v>
      </c>
      <c r="Y2834" s="47" t="s">
        <v>5331</v>
      </c>
      <c r="Z2834" s="28"/>
      <c r="AA2834" s="27"/>
      <c r="AB2834" s="27"/>
      <c r="AC2834" s="27"/>
      <c r="AD2834" s="30"/>
      <c r="AE2834" s="1"/>
      <c r="AF2834" s="23" t="s">
        <v>5331</v>
      </c>
      <c r="AG2834" s="26"/>
      <c r="AH2834" s="53"/>
    </row>
    <row r="2835" spans="1:34" ht="51.6" customHeight="1" x14ac:dyDescent="0.45">
      <c r="A2835" s="23">
        <v>2829</v>
      </c>
      <c r="B2835" s="25"/>
      <c r="C2835" s="25"/>
      <c r="D2835" s="29"/>
      <c r="E2835" s="1"/>
      <c r="F2835" s="1"/>
      <c r="G2835" s="25"/>
      <c r="H2835" s="71"/>
      <c r="I2835" s="83"/>
      <c r="J2835" s="50" t="str">
        <f t="shared" si="90"/>
        <v/>
      </c>
      <c r="K2835" s="23" t="s">
        <v>7120</v>
      </c>
      <c r="L2835" s="49" t="e">
        <f>VLOOKUP(E2835&amp;F2835,団体コード!$A$1:$C$1743,3,FALSE)</f>
        <v>#N/A</v>
      </c>
      <c r="M2835" s="49" t="e">
        <f>VLOOKUP(E2835&amp;F2835,団体コード!$A$1:$C$1743,2,FALSE)</f>
        <v>#N/A</v>
      </c>
      <c r="N2835" s="51" t="e">
        <f>VLOOKUP(E2835,団体コード!$E$1:$F$48,2,FALSE)</f>
        <v>#N/A</v>
      </c>
      <c r="O2835" s="51" t="e">
        <f t="shared" si="91"/>
        <v>#N/A</v>
      </c>
      <c r="P2835" s="51">
        <v>1</v>
      </c>
      <c r="Q2835" s="51" t="s">
        <v>5341</v>
      </c>
      <c r="R2835" s="54" t="b">
        <v>1</v>
      </c>
      <c r="S2835" s="52" t="s">
        <v>7126</v>
      </c>
      <c r="T2835" s="67" t="s">
        <v>7127</v>
      </c>
      <c r="U2835" s="75" t="s">
        <v>5331</v>
      </c>
      <c r="V2835" s="47" t="s">
        <v>5331</v>
      </c>
      <c r="W2835" s="47" t="s">
        <v>5331</v>
      </c>
      <c r="X2835" s="47" t="s">
        <v>5331</v>
      </c>
      <c r="Y2835" s="47" t="s">
        <v>5331</v>
      </c>
      <c r="Z2835" s="28"/>
      <c r="AA2835" s="27"/>
      <c r="AB2835" s="27"/>
      <c r="AC2835" s="27"/>
      <c r="AD2835" s="30"/>
      <c r="AE2835" s="1"/>
      <c r="AF2835" s="23" t="s">
        <v>5331</v>
      </c>
      <c r="AG2835" s="26"/>
      <c r="AH2835" s="53"/>
    </row>
    <row r="2836" spans="1:34" ht="51.6" customHeight="1" x14ac:dyDescent="0.45">
      <c r="A2836" s="23">
        <v>2830</v>
      </c>
      <c r="B2836" s="25"/>
      <c r="C2836" s="25"/>
      <c r="D2836" s="29"/>
      <c r="E2836" s="1"/>
      <c r="F2836" s="1"/>
      <c r="G2836" s="25"/>
      <c r="H2836" s="71"/>
      <c r="I2836" s="83"/>
      <c r="J2836" s="50" t="str">
        <f t="shared" si="90"/>
        <v/>
      </c>
      <c r="K2836" s="23" t="s">
        <v>7120</v>
      </c>
      <c r="L2836" s="49" t="e">
        <f>VLOOKUP(E2836&amp;F2836,団体コード!$A$1:$C$1743,3,FALSE)</f>
        <v>#N/A</v>
      </c>
      <c r="M2836" s="49" t="e">
        <f>VLOOKUP(E2836&amp;F2836,団体コード!$A$1:$C$1743,2,FALSE)</f>
        <v>#N/A</v>
      </c>
      <c r="N2836" s="51" t="e">
        <f>VLOOKUP(E2836,団体コード!$E$1:$F$48,2,FALSE)</f>
        <v>#N/A</v>
      </c>
      <c r="O2836" s="51" t="e">
        <f t="shared" si="91"/>
        <v>#N/A</v>
      </c>
      <c r="P2836" s="51">
        <v>1</v>
      </c>
      <c r="Q2836" s="51" t="s">
        <v>5341</v>
      </c>
      <c r="R2836" s="54" t="b">
        <v>1</v>
      </c>
      <c r="S2836" s="52" t="s">
        <v>7126</v>
      </c>
      <c r="T2836" s="67" t="s">
        <v>7127</v>
      </c>
      <c r="U2836" s="75" t="s">
        <v>5331</v>
      </c>
      <c r="V2836" s="47" t="s">
        <v>5331</v>
      </c>
      <c r="W2836" s="47" t="s">
        <v>5331</v>
      </c>
      <c r="X2836" s="47" t="s">
        <v>5331</v>
      </c>
      <c r="Y2836" s="47" t="s">
        <v>5331</v>
      </c>
      <c r="Z2836" s="28"/>
      <c r="AA2836" s="27"/>
      <c r="AB2836" s="27"/>
      <c r="AC2836" s="27"/>
      <c r="AD2836" s="30"/>
      <c r="AE2836" s="1"/>
      <c r="AF2836" s="23" t="s">
        <v>5331</v>
      </c>
      <c r="AG2836" s="26"/>
      <c r="AH2836" s="53"/>
    </row>
    <row r="2837" spans="1:34" ht="51.6" customHeight="1" x14ac:dyDescent="0.45">
      <c r="A2837" s="23">
        <v>2831</v>
      </c>
      <c r="B2837" s="25"/>
      <c r="C2837" s="25"/>
      <c r="D2837" s="29"/>
      <c r="E2837" s="1"/>
      <c r="F2837" s="1"/>
      <c r="G2837" s="25"/>
      <c r="H2837" s="71"/>
      <c r="I2837" s="83"/>
      <c r="J2837" s="50" t="str">
        <f t="shared" si="90"/>
        <v/>
      </c>
      <c r="K2837" s="23" t="s">
        <v>7120</v>
      </c>
      <c r="L2837" s="49" t="e">
        <f>VLOOKUP(E2837&amp;F2837,団体コード!$A$1:$C$1743,3,FALSE)</f>
        <v>#N/A</v>
      </c>
      <c r="M2837" s="49" t="e">
        <f>VLOOKUP(E2837&amp;F2837,団体コード!$A$1:$C$1743,2,FALSE)</f>
        <v>#N/A</v>
      </c>
      <c r="N2837" s="51" t="e">
        <f>VLOOKUP(E2837,団体コード!$E$1:$F$48,2,FALSE)</f>
        <v>#N/A</v>
      </c>
      <c r="O2837" s="51" t="e">
        <f t="shared" si="91"/>
        <v>#N/A</v>
      </c>
      <c r="P2837" s="51">
        <v>1</v>
      </c>
      <c r="Q2837" s="51" t="s">
        <v>5341</v>
      </c>
      <c r="R2837" s="54" t="b">
        <v>1</v>
      </c>
      <c r="S2837" s="52" t="s">
        <v>7126</v>
      </c>
      <c r="T2837" s="67" t="s">
        <v>7127</v>
      </c>
      <c r="U2837" s="75" t="s">
        <v>5331</v>
      </c>
      <c r="V2837" s="47" t="s">
        <v>5331</v>
      </c>
      <c r="W2837" s="47" t="s">
        <v>5331</v>
      </c>
      <c r="X2837" s="47" t="s">
        <v>5331</v>
      </c>
      <c r="Y2837" s="47" t="s">
        <v>5331</v>
      </c>
      <c r="Z2837" s="28"/>
      <c r="AA2837" s="27"/>
      <c r="AB2837" s="27"/>
      <c r="AC2837" s="27"/>
      <c r="AD2837" s="30"/>
      <c r="AE2837" s="1"/>
      <c r="AF2837" s="23" t="s">
        <v>5331</v>
      </c>
      <c r="AG2837" s="26"/>
      <c r="AH2837" s="53"/>
    </row>
    <row r="2838" spans="1:34" ht="51.6" customHeight="1" x14ac:dyDescent="0.45">
      <c r="A2838" s="23">
        <v>2832</v>
      </c>
      <c r="B2838" s="25"/>
      <c r="C2838" s="25"/>
      <c r="D2838" s="29"/>
      <c r="E2838" s="1"/>
      <c r="F2838" s="1"/>
      <c r="G2838" s="25"/>
      <c r="H2838" s="71"/>
      <c r="I2838" s="83"/>
      <c r="J2838" s="50" t="str">
        <f t="shared" si="90"/>
        <v/>
      </c>
      <c r="K2838" s="23" t="s">
        <v>7120</v>
      </c>
      <c r="L2838" s="49" t="e">
        <f>VLOOKUP(E2838&amp;F2838,団体コード!$A$1:$C$1743,3,FALSE)</f>
        <v>#N/A</v>
      </c>
      <c r="M2838" s="49" t="e">
        <f>VLOOKUP(E2838&amp;F2838,団体コード!$A$1:$C$1743,2,FALSE)</f>
        <v>#N/A</v>
      </c>
      <c r="N2838" s="51" t="e">
        <f>VLOOKUP(E2838,団体コード!$E$1:$F$48,2,FALSE)</f>
        <v>#N/A</v>
      </c>
      <c r="O2838" s="51" t="e">
        <f t="shared" si="91"/>
        <v>#N/A</v>
      </c>
      <c r="P2838" s="51">
        <v>1</v>
      </c>
      <c r="Q2838" s="51" t="s">
        <v>5341</v>
      </c>
      <c r="R2838" s="54" t="b">
        <v>1</v>
      </c>
      <c r="S2838" s="52" t="s">
        <v>7126</v>
      </c>
      <c r="T2838" s="67" t="s">
        <v>7127</v>
      </c>
      <c r="U2838" s="75" t="s">
        <v>5331</v>
      </c>
      <c r="V2838" s="47" t="s">
        <v>5331</v>
      </c>
      <c r="W2838" s="47" t="s">
        <v>5331</v>
      </c>
      <c r="X2838" s="47" t="s">
        <v>5331</v>
      </c>
      <c r="Y2838" s="47" t="s">
        <v>5331</v>
      </c>
      <c r="Z2838" s="28"/>
      <c r="AA2838" s="27"/>
      <c r="AB2838" s="27"/>
      <c r="AC2838" s="27"/>
      <c r="AD2838" s="30"/>
      <c r="AE2838" s="1"/>
      <c r="AF2838" s="23" t="s">
        <v>5331</v>
      </c>
      <c r="AG2838" s="26"/>
      <c r="AH2838" s="53"/>
    </row>
    <row r="2839" spans="1:34" ht="51.6" customHeight="1" x14ac:dyDescent="0.45">
      <c r="A2839" s="23">
        <v>2833</v>
      </c>
      <c r="B2839" s="25"/>
      <c r="C2839" s="25"/>
      <c r="D2839" s="29"/>
      <c r="E2839" s="1"/>
      <c r="F2839" s="1"/>
      <c r="G2839" s="25"/>
      <c r="H2839" s="71"/>
      <c r="I2839" s="83"/>
      <c r="J2839" s="50" t="str">
        <f t="shared" si="90"/>
        <v/>
      </c>
      <c r="K2839" s="23" t="s">
        <v>7120</v>
      </c>
      <c r="L2839" s="49" t="e">
        <f>VLOOKUP(E2839&amp;F2839,団体コード!$A$1:$C$1743,3,FALSE)</f>
        <v>#N/A</v>
      </c>
      <c r="M2839" s="49" t="e">
        <f>VLOOKUP(E2839&amp;F2839,団体コード!$A$1:$C$1743,2,FALSE)</f>
        <v>#N/A</v>
      </c>
      <c r="N2839" s="51" t="e">
        <f>VLOOKUP(E2839,団体コード!$E$1:$F$48,2,FALSE)</f>
        <v>#N/A</v>
      </c>
      <c r="O2839" s="51" t="e">
        <f t="shared" si="91"/>
        <v>#N/A</v>
      </c>
      <c r="P2839" s="51">
        <v>1</v>
      </c>
      <c r="Q2839" s="51" t="s">
        <v>5341</v>
      </c>
      <c r="R2839" s="54" t="b">
        <v>1</v>
      </c>
      <c r="S2839" s="52" t="s">
        <v>7126</v>
      </c>
      <c r="T2839" s="67" t="s">
        <v>7127</v>
      </c>
      <c r="U2839" s="75" t="s">
        <v>5331</v>
      </c>
      <c r="V2839" s="47" t="s">
        <v>5331</v>
      </c>
      <c r="W2839" s="47" t="s">
        <v>5331</v>
      </c>
      <c r="X2839" s="47" t="s">
        <v>5331</v>
      </c>
      <c r="Y2839" s="47" t="s">
        <v>5331</v>
      </c>
      <c r="Z2839" s="28"/>
      <c r="AA2839" s="27"/>
      <c r="AB2839" s="27"/>
      <c r="AC2839" s="27"/>
      <c r="AD2839" s="30"/>
      <c r="AE2839" s="1"/>
      <c r="AF2839" s="23" t="s">
        <v>5331</v>
      </c>
      <c r="AG2839" s="26"/>
      <c r="AH2839" s="53"/>
    </row>
    <row r="2840" spans="1:34" ht="51.6" customHeight="1" x14ac:dyDescent="0.45">
      <c r="A2840" s="23">
        <v>2834</v>
      </c>
      <c r="B2840" s="25"/>
      <c r="C2840" s="25"/>
      <c r="D2840" s="29"/>
      <c r="E2840" s="1"/>
      <c r="F2840" s="1"/>
      <c r="G2840" s="25"/>
      <c r="H2840" s="71"/>
      <c r="I2840" s="83"/>
      <c r="J2840" s="50" t="str">
        <f t="shared" si="90"/>
        <v/>
      </c>
      <c r="K2840" s="23" t="s">
        <v>7120</v>
      </c>
      <c r="L2840" s="49" t="e">
        <f>VLOOKUP(E2840&amp;F2840,団体コード!$A$1:$C$1743,3,FALSE)</f>
        <v>#N/A</v>
      </c>
      <c r="M2840" s="49" t="e">
        <f>VLOOKUP(E2840&amp;F2840,団体コード!$A$1:$C$1743,2,FALSE)</f>
        <v>#N/A</v>
      </c>
      <c r="N2840" s="51" t="e">
        <f>VLOOKUP(E2840,団体コード!$E$1:$F$48,2,FALSE)</f>
        <v>#N/A</v>
      </c>
      <c r="O2840" s="51" t="e">
        <f t="shared" si="91"/>
        <v>#N/A</v>
      </c>
      <c r="P2840" s="51">
        <v>1</v>
      </c>
      <c r="Q2840" s="51" t="s">
        <v>5341</v>
      </c>
      <c r="R2840" s="54" t="b">
        <v>1</v>
      </c>
      <c r="S2840" s="52" t="s">
        <v>7126</v>
      </c>
      <c r="T2840" s="67" t="s">
        <v>7127</v>
      </c>
      <c r="U2840" s="75" t="s">
        <v>5331</v>
      </c>
      <c r="V2840" s="47" t="s">
        <v>5331</v>
      </c>
      <c r="W2840" s="47" t="s">
        <v>5331</v>
      </c>
      <c r="X2840" s="47" t="s">
        <v>5331</v>
      </c>
      <c r="Y2840" s="47" t="s">
        <v>5331</v>
      </c>
      <c r="Z2840" s="28"/>
      <c r="AA2840" s="27"/>
      <c r="AB2840" s="27"/>
      <c r="AC2840" s="27"/>
      <c r="AD2840" s="30"/>
      <c r="AE2840" s="1"/>
      <c r="AF2840" s="23" t="s">
        <v>5331</v>
      </c>
      <c r="AG2840" s="26"/>
      <c r="AH2840" s="53"/>
    </row>
    <row r="2841" spans="1:34" ht="51.6" customHeight="1" x14ac:dyDescent="0.45">
      <c r="A2841" s="23">
        <v>2835</v>
      </c>
      <c r="B2841" s="25"/>
      <c r="C2841" s="25"/>
      <c r="D2841" s="29"/>
      <c r="E2841" s="1"/>
      <c r="F2841" s="1"/>
      <c r="G2841" s="25"/>
      <c r="H2841" s="71"/>
      <c r="I2841" s="83"/>
      <c r="J2841" s="50" t="str">
        <f t="shared" si="90"/>
        <v/>
      </c>
      <c r="K2841" s="23" t="s">
        <v>7120</v>
      </c>
      <c r="L2841" s="49" t="e">
        <f>VLOOKUP(E2841&amp;F2841,団体コード!$A$1:$C$1743,3,FALSE)</f>
        <v>#N/A</v>
      </c>
      <c r="M2841" s="49" t="e">
        <f>VLOOKUP(E2841&amp;F2841,団体コード!$A$1:$C$1743,2,FALSE)</f>
        <v>#N/A</v>
      </c>
      <c r="N2841" s="51" t="e">
        <f>VLOOKUP(E2841,団体コード!$E$1:$F$48,2,FALSE)</f>
        <v>#N/A</v>
      </c>
      <c r="O2841" s="51" t="e">
        <f t="shared" si="91"/>
        <v>#N/A</v>
      </c>
      <c r="P2841" s="51">
        <v>1</v>
      </c>
      <c r="Q2841" s="51" t="s">
        <v>5341</v>
      </c>
      <c r="R2841" s="54" t="b">
        <v>1</v>
      </c>
      <c r="S2841" s="52" t="s">
        <v>7126</v>
      </c>
      <c r="T2841" s="67" t="s">
        <v>7127</v>
      </c>
      <c r="U2841" s="75" t="s">
        <v>5331</v>
      </c>
      <c r="V2841" s="47" t="s">
        <v>5331</v>
      </c>
      <c r="W2841" s="47" t="s">
        <v>5331</v>
      </c>
      <c r="X2841" s="47" t="s">
        <v>5331</v>
      </c>
      <c r="Y2841" s="47" t="s">
        <v>5331</v>
      </c>
      <c r="Z2841" s="28"/>
      <c r="AA2841" s="27"/>
      <c r="AB2841" s="27"/>
      <c r="AC2841" s="27"/>
      <c r="AD2841" s="30"/>
      <c r="AE2841" s="1"/>
      <c r="AF2841" s="23" t="s">
        <v>5331</v>
      </c>
      <c r="AG2841" s="26"/>
      <c r="AH2841" s="53"/>
    </row>
    <row r="2842" spans="1:34" ht="51.6" customHeight="1" x14ac:dyDescent="0.45">
      <c r="A2842" s="23">
        <v>2836</v>
      </c>
      <c r="B2842" s="25"/>
      <c r="C2842" s="25"/>
      <c r="D2842" s="29"/>
      <c r="E2842" s="1"/>
      <c r="F2842" s="1"/>
      <c r="G2842" s="25"/>
      <c r="H2842" s="71"/>
      <c r="I2842" s="83"/>
      <c r="J2842" s="50" t="str">
        <f t="shared" si="90"/>
        <v/>
      </c>
      <c r="K2842" s="23" t="s">
        <v>7120</v>
      </c>
      <c r="L2842" s="49" t="e">
        <f>VLOOKUP(E2842&amp;F2842,団体コード!$A$1:$C$1743,3,FALSE)</f>
        <v>#N/A</v>
      </c>
      <c r="M2842" s="49" t="e">
        <f>VLOOKUP(E2842&amp;F2842,団体コード!$A$1:$C$1743,2,FALSE)</f>
        <v>#N/A</v>
      </c>
      <c r="N2842" s="51" t="e">
        <f>VLOOKUP(E2842,団体コード!$E$1:$F$48,2,FALSE)</f>
        <v>#N/A</v>
      </c>
      <c r="O2842" s="51" t="e">
        <f t="shared" si="91"/>
        <v>#N/A</v>
      </c>
      <c r="P2842" s="51">
        <v>1</v>
      </c>
      <c r="Q2842" s="51" t="s">
        <v>5341</v>
      </c>
      <c r="R2842" s="54" t="b">
        <v>1</v>
      </c>
      <c r="S2842" s="52" t="s">
        <v>7126</v>
      </c>
      <c r="T2842" s="67" t="s">
        <v>7127</v>
      </c>
      <c r="U2842" s="75" t="s">
        <v>5331</v>
      </c>
      <c r="V2842" s="47" t="s">
        <v>5331</v>
      </c>
      <c r="W2842" s="47" t="s">
        <v>5331</v>
      </c>
      <c r="X2842" s="47" t="s">
        <v>5331</v>
      </c>
      <c r="Y2842" s="47" t="s">
        <v>5331</v>
      </c>
      <c r="Z2842" s="28"/>
      <c r="AA2842" s="27"/>
      <c r="AB2842" s="27"/>
      <c r="AC2842" s="27"/>
      <c r="AD2842" s="30"/>
      <c r="AE2842" s="1"/>
      <c r="AF2842" s="23" t="s">
        <v>5331</v>
      </c>
      <c r="AG2842" s="26"/>
      <c r="AH2842" s="53"/>
    </row>
    <row r="2843" spans="1:34" ht="51.6" customHeight="1" x14ac:dyDescent="0.45">
      <c r="A2843" s="23">
        <v>2837</v>
      </c>
      <c r="B2843" s="25"/>
      <c r="C2843" s="25"/>
      <c r="D2843" s="29"/>
      <c r="E2843" s="1"/>
      <c r="F2843" s="1"/>
      <c r="G2843" s="25"/>
      <c r="H2843" s="71"/>
      <c r="I2843" s="83"/>
      <c r="J2843" s="50" t="str">
        <f t="shared" si="90"/>
        <v/>
      </c>
      <c r="K2843" s="23" t="s">
        <v>7120</v>
      </c>
      <c r="L2843" s="49" t="e">
        <f>VLOOKUP(E2843&amp;F2843,団体コード!$A$1:$C$1743,3,FALSE)</f>
        <v>#N/A</v>
      </c>
      <c r="M2843" s="49" t="e">
        <f>VLOOKUP(E2843&amp;F2843,団体コード!$A$1:$C$1743,2,FALSE)</f>
        <v>#N/A</v>
      </c>
      <c r="N2843" s="51" t="e">
        <f>VLOOKUP(E2843,団体コード!$E$1:$F$48,2,FALSE)</f>
        <v>#N/A</v>
      </c>
      <c r="O2843" s="51" t="e">
        <f t="shared" si="91"/>
        <v>#N/A</v>
      </c>
      <c r="P2843" s="51">
        <v>1</v>
      </c>
      <c r="Q2843" s="51" t="s">
        <v>5341</v>
      </c>
      <c r="R2843" s="54" t="b">
        <v>1</v>
      </c>
      <c r="S2843" s="52" t="s">
        <v>7126</v>
      </c>
      <c r="T2843" s="67" t="s">
        <v>7127</v>
      </c>
      <c r="U2843" s="75" t="s">
        <v>5331</v>
      </c>
      <c r="V2843" s="47" t="s">
        <v>5331</v>
      </c>
      <c r="W2843" s="47" t="s">
        <v>5331</v>
      </c>
      <c r="X2843" s="47" t="s">
        <v>5331</v>
      </c>
      <c r="Y2843" s="47" t="s">
        <v>5331</v>
      </c>
      <c r="Z2843" s="28"/>
      <c r="AA2843" s="27"/>
      <c r="AB2843" s="27"/>
      <c r="AC2843" s="27"/>
      <c r="AD2843" s="30"/>
      <c r="AE2843" s="1"/>
      <c r="AF2843" s="23" t="s">
        <v>5331</v>
      </c>
      <c r="AG2843" s="26"/>
      <c r="AH2843" s="53"/>
    </row>
    <row r="2844" spans="1:34" ht="51.6" customHeight="1" x14ac:dyDescent="0.45">
      <c r="A2844" s="23">
        <v>2838</v>
      </c>
      <c r="B2844" s="25"/>
      <c r="C2844" s="25"/>
      <c r="D2844" s="29"/>
      <c r="E2844" s="1"/>
      <c r="F2844" s="1"/>
      <c r="G2844" s="25"/>
      <c r="H2844" s="71"/>
      <c r="I2844" s="83"/>
      <c r="J2844" s="50" t="str">
        <f t="shared" si="90"/>
        <v/>
      </c>
      <c r="K2844" s="23" t="s">
        <v>7120</v>
      </c>
      <c r="L2844" s="49" t="e">
        <f>VLOOKUP(E2844&amp;F2844,団体コード!$A$1:$C$1743,3,FALSE)</f>
        <v>#N/A</v>
      </c>
      <c r="M2844" s="49" t="e">
        <f>VLOOKUP(E2844&amp;F2844,団体コード!$A$1:$C$1743,2,FALSE)</f>
        <v>#N/A</v>
      </c>
      <c r="N2844" s="51" t="e">
        <f>VLOOKUP(E2844,団体コード!$E$1:$F$48,2,FALSE)</f>
        <v>#N/A</v>
      </c>
      <c r="O2844" s="51" t="e">
        <f t="shared" si="91"/>
        <v>#N/A</v>
      </c>
      <c r="P2844" s="51">
        <v>1</v>
      </c>
      <c r="Q2844" s="51" t="s">
        <v>5341</v>
      </c>
      <c r="R2844" s="54" t="b">
        <v>1</v>
      </c>
      <c r="S2844" s="52" t="s">
        <v>7126</v>
      </c>
      <c r="T2844" s="67" t="s">
        <v>7127</v>
      </c>
      <c r="U2844" s="75" t="s">
        <v>5331</v>
      </c>
      <c r="V2844" s="47" t="s">
        <v>5331</v>
      </c>
      <c r="W2844" s="47" t="s">
        <v>5331</v>
      </c>
      <c r="X2844" s="47" t="s">
        <v>5331</v>
      </c>
      <c r="Y2844" s="47" t="s">
        <v>5331</v>
      </c>
      <c r="Z2844" s="28"/>
      <c r="AA2844" s="27"/>
      <c r="AB2844" s="27"/>
      <c r="AC2844" s="27"/>
      <c r="AD2844" s="30"/>
      <c r="AE2844" s="1"/>
      <c r="AF2844" s="23" t="s">
        <v>5331</v>
      </c>
      <c r="AG2844" s="26"/>
      <c r="AH2844" s="53"/>
    </row>
    <row r="2845" spans="1:34" ht="51.6" customHeight="1" x14ac:dyDescent="0.45">
      <c r="A2845" s="23">
        <v>2839</v>
      </c>
      <c r="B2845" s="25"/>
      <c r="C2845" s="25"/>
      <c r="D2845" s="29"/>
      <c r="E2845" s="1"/>
      <c r="F2845" s="1"/>
      <c r="G2845" s="25"/>
      <c r="H2845" s="71"/>
      <c r="I2845" s="83"/>
      <c r="J2845" s="50" t="str">
        <f t="shared" si="90"/>
        <v/>
      </c>
      <c r="K2845" s="23" t="s">
        <v>7120</v>
      </c>
      <c r="L2845" s="49" t="e">
        <f>VLOOKUP(E2845&amp;F2845,団体コード!$A$1:$C$1743,3,FALSE)</f>
        <v>#N/A</v>
      </c>
      <c r="M2845" s="49" t="e">
        <f>VLOOKUP(E2845&amp;F2845,団体コード!$A$1:$C$1743,2,FALSE)</f>
        <v>#N/A</v>
      </c>
      <c r="N2845" s="51" t="e">
        <f>VLOOKUP(E2845,団体コード!$E$1:$F$48,2,FALSE)</f>
        <v>#N/A</v>
      </c>
      <c r="O2845" s="51" t="e">
        <f t="shared" si="91"/>
        <v>#N/A</v>
      </c>
      <c r="P2845" s="51">
        <v>1</v>
      </c>
      <c r="Q2845" s="51" t="s">
        <v>5341</v>
      </c>
      <c r="R2845" s="54" t="b">
        <v>1</v>
      </c>
      <c r="S2845" s="52" t="s">
        <v>7126</v>
      </c>
      <c r="T2845" s="67" t="s">
        <v>7127</v>
      </c>
      <c r="U2845" s="75" t="s">
        <v>5331</v>
      </c>
      <c r="V2845" s="47" t="s">
        <v>5331</v>
      </c>
      <c r="W2845" s="47" t="s">
        <v>5331</v>
      </c>
      <c r="X2845" s="47" t="s">
        <v>5331</v>
      </c>
      <c r="Y2845" s="47" t="s">
        <v>5331</v>
      </c>
      <c r="Z2845" s="28"/>
      <c r="AA2845" s="27"/>
      <c r="AB2845" s="27"/>
      <c r="AC2845" s="27"/>
      <c r="AD2845" s="30"/>
      <c r="AE2845" s="1"/>
      <c r="AF2845" s="23" t="s">
        <v>5331</v>
      </c>
      <c r="AG2845" s="26"/>
      <c r="AH2845" s="53"/>
    </row>
    <row r="2846" spans="1:34" ht="51.6" customHeight="1" x14ac:dyDescent="0.45">
      <c r="A2846" s="23">
        <v>2840</v>
      </c>
      <c r="B2846" s="25"/>
      <c r="C2846" s="25"/>
      <c r="D2846" s="29"/>
      <c r="E2846" s="1"/>
      <c r="F2846" s="1"/>
      <c r="G2846" s="25"/>
      <c r="H2846" s="71"/>
      <c r="I2846" s="83"/>
      <c r="J2846" s="50" t="str">
        <f t="shared" si="90"/>
        <v/>
      </c>
      <c r="K2846" s="23" t="s">
        <v>7120</v>
      </c>
      <c r="L2846" s="49" t="e">
        <f>VLOOKUP(E2846&amp;F2846,団体コード!$A$1:$C$1743,3,FALSE)</f>
        <v>#N/A</v>
      </c>
      <c r="M2846" s="49" t="e">
        <f>VLOOKUP(E2846&amp;F2846,団体コード!$A$1:$C$1743,2,FALSE)</f>
        <v>#N/A</v>
      </c>
      <c r="N2846" s="51" t="e">
        <f>VLOOKUP(E2846,団体コード!$E$1:$F$48,2,FALSE)</f>
        <v>#N/A</v>
      </c>
      <c r="O2846" s="51" t="e">
        <f t="shared" si="91"/>
        <v>#N/A</v>
      </c>
      <c r="P2846" s="51">
        <v>1</v>
      </c>
      <c r="Q2846" s="51" t="s">
        <v>5341</v>
      </c>
      <c r="R2846" s="54" t="b">
        <v>1</v>
      </c>
      <c r="S2846" s="52" t="s">
        <v>7126</v>
      </c>
      <c r="T2846" s="67" t="s">
        <v>7127</v>
      </c>
      <c r="U2846" s="75" t="s">
        <v>5331</v>
      </c>
      <c r="V2846" s="47" t="s">
        <v>5331</v>
      </c>
      <c r="W2846" s="47" t="s">
        <v>5331</v>
      </c>
      <c r="X2846" s="47" t="s">
        <v>5331</v>
      </c>
      <c r="Y2846" s="47" t="s">
        <v>5331</v>
      </c>
      <c r="Z2846" s="28"/>
      <c r="AA2846" s="27"/>
      <c r="AB2846" s="27"/>
      <c r="AC2846" s="27"/>
      <c r="AD2846" s="30"/>
      <c r="AE2846" s="1"/>
      <c r="AF2846" s="23" t="s">
        <v>5331</v>
      </c>
      <c r="AG2846" s="26"/>
      <c r="AH2846" s="53"/>
    </row>
    <row r="2847" spans="1:34" ht="51.6" customHeight="1" x14ac:dyDescent="0.45">
      <c r="A2847" s="23">
        <v>2841</v>
      </c>
      <c r="B2847" s="25"/>
      <c r="C2847" s="25"/>
      <c r="D2847" s="29"/>
      <c r="E2847" s="1"/>
      <c r="F2847" s="1"/>
      <c r="G2847" s="25"/>
      <c r="H2847" s="71"/>
      <c r="I2847" s="83"/>
      <c r="J2847" s="50" t="str">
        <f t="shared" si="90"/>
        <v/>
      </c>
      <c r="K2847" s="23" t="s">
        <v>7120</v>
      </c>
      <c r="L2847" s="49" t="e">
        <f>VLOOKUP(E2847&amp;F2847,団体コード!$A$1:$C$1743,3,FALSE)</f>
        <v>#N/A</v>
      </c>
      <c r="M2847" s="49" t="e">
        <f>VLOOKUP(E2847&amp;F2847,団体コード!$A$1:$C$1743,2,FALSE)</f>
        <v>#N/A</v>
      </c>
      <c r="N2847" s="51" t="e">
        <f>VLOOKUP(E2847,団体コード!$E$1:$F$48,2,FALSE)</f>
        <v>#N/A</v>
      </c>
      <c r="O2847" s="51" t="e">
        <f t="shared" si="91"/>
        <v>#N/A</v>
      </c>
      <c r="P2847" s="51">
        <v>1</v>
      </c>
      <c r="Q2847" s="51" t="s">
        <v>5341</v>
      </c>
      <c r="R2847" s="54" t="b">
        <v>1</v>
      </c>
      <c r="S2847" s="52" t="s">
        <v>7126</v>
      </c>
      <c r="T2847" s="67" t="s">
        <v>7127</v>
      </c>
      <c r="U2847" s="75" t="s">
        <v>5331</v>
      </c>
      <c r="V2847" s="47" t="s">
        <v>5331</v>
      </c>
      <c r="W2847" s="47" t="s">
        <v>5331</v>
      </c>
      <c r="X2847" s="47" t="s">
        <v>5331</v>
      </c>
      <c r="Y2847" s="47" t="s">
        <v>5331</v>
      </c>
      <c r="Z2847" s="28"/>
      <c r="AA2847" s="27"/>
      <c r="AB2847" s="27"/>
      <c r="AC2847" s="27"/>
      <c r="AD2847" s="30"/>
      <c r="AE2847" s="1"/>
      <c r="AF2847" s="23" t="s">
        <v>5331</v>
      </c>
      <c r="AG2847" s="26"/>
      <c r="AH2847" s="53"/>
    </row>
    <row r="2848" spans="1:34" ht="51.6" customHeight="1" x14ac:dyDescent="0.45">
      <c r="A2848" s="23">
        <v>2842</v>
      </c>
      <c r="B2848" s="25"/>
      <c r="C2848" s="25"/>
      <c r="D2848" s="29"/>
      <c r="E2848" s="1"/>
      <c r="F2848" s="1"/>
      <c r="G2848" s="25"/>
      <c r="H2848" s="71"/>
      <c r="I2848" s="83"/>
      <c r="J2848" s="50" t="str">
        <f t="shared" si="90"/>
        <v/>
      </c>
      <c r="K2848" s="23" t="s">
        <v>7120</v>
      </c>
      <c r="L2848" s="49" t="e">
        <f>VLOOKUP(E2848&amp;F2848,団体コード!$A$1:$C$1743,3,FALSE)</f>
        <v>#N/A</v>
      </c>
      <c r="M2848" s="49" t="e">
        <f>VLOOKUP(E2848&amp;F2848,団体コード!$A$1:$C$1743,2,FALSE)</f>
        <v>#N/A</v>
      </c>
      <c r="N2848" s="51" t="e">
        <f>VLOOKUP(E2848,団体コード!$E$1:$F$48,2,FALSE)</f>
        <v>#N/A</v>
      </c>
      <c r="O2848" s="51" t="e">
        <f t="shared" si="91"/>
        <v>#N/A</v>
      </c>
      <c r="P2848" s="51">
        <v>1</v>
      </c>
      <c r="Q2848" s="51" t="s">
        <v>5341</v>
      </c>
      <c r="R2848" s="54" t="b">
        <v>1</v>
      </c>
      <c r="S2848" s="52" t="s">
        <v>7126</v>
      </c>
      <c r="T2848" s="67" t="s">
        <v>7127</v>
      </c>
      <c r="U2848" s="75" t="s">
        <v>5331</v>
      </c>
      <c r="V2848" s="47" t="s">
        <v>5331</v>
      </c>
      <c r="W2848" s="47" t="s">
        <v>5331</v>
      </c>
      <c r="X2848" s="47" t="s">
        <v>5331</v>
      </c>
      <c r="Y2848" s="47" t="s">
        <v>5331</v>
      </c>
      <c r="Z2848" s="28"/>
      <c r="AA2848" s="27"/>
      <c r="AB2848" s="27"/>
      <c r="AC2848" s="27"/>
      <c r="AD2848" s="30"/>
      <c r="AE2848" s="1"/>
      <c r="AF2848" s="23" t="s">
        <v>5331</v>
      </c>
      <c r="AG2848" s="26"/>
      <c r="AH2848" s="53"/>
    </row>
    <row r="2849" spans="1:34" ht="51.6" customHeight="1" x14ac:dyDescent="0.45">
      <c r="A2849" s="23">
        <v>2843</v>
      </c>
      <c r="B2849" s="25"/>
      <c r="C2849" s="25"/>
      <c r="D2849" s="29"/>
      <c r="E2849" s="1"/>
      <c r="F2849" s="1"/>
      <c r="G2849" s="25"/>
      <c r="H2849" s="71"/>
      <c r="I2849" s="83"/>
      <c r="J2849" s="50" t="str">
        <f t="shared" si="90"/>
        <v/>
      </c>
      <c r="K2849" s="23" t="s">
        <v>7120</v>
      </c>
      <c r="L2849" s="49" t="e">
        <f>VLOOKUP(E2849&amp;F2849,団体コード!$A$1:$C$1743,3,FALSE)</f>
        <v>#N/A</v>
      </c>
      <c r="M2849" s="49" t="e">
        <f>VLOOKUP(E2849&amp;F2849,団体コード!$A$1:$C$1743,2,FALSE)</f>
        <v>#N/A</v>
      </c>
      <c r="N2849" s="51" t="e">
        <f>VLOOKUP(E2849,団体コード!$E$1:$F$48,2,FALSE)</f>
        <v>#N/A</v>
      </c>
      <c r="O2849" s="51" t="e">
        <f t="shared" si="91"/>
        <v>#N/A</v>
      </c>
      <c r="P2849" s="51">
        <v>1</v>
      </c>
      <c r="Q2849" s="51" t="s">
        <v>5341</v>
      </c>
      <c r="R2849" s="54" t="b">
        <v>1</v>
      </c>
      <c r="S2849" s="52" t="s">
        <v>7126</v>
      </c>
      <c r="T2849" s="67" t="s">
        <v>7127</v>
      </c>
      <c r="U2849" s="75" t="s">
        <v>5331</v>
      </c>
      <c r="V2849" s="47" t="s">
        <v>5331</v>
      </c>
      <c r="W2849" s="47" t="s">
        <v>5331</v>
      </c>
      <c r="X2849" s="47" t="s">
        <v>5331</v>
      </c>
      <c r="Y2849" s="47" t="s">
        <v>5331</v>
      </c>
      <c r="Z2849" s="28"/>
      <c r="AA2849" s="27"/>
      <c r="AB2849" s="27"/>
      <c r="AC2849" s="27"/>
      <c r="AD2849" s="30"/>
      <c r="AE2849" s="1"/>
      <c r="AF2849" s="23" t="s">
        <v>5331</v>
      </c>
      <c r="AG2849" s="26"/>
      <c r="AH2849" s="53"/>
    </row>
    <row r="2850" spans="1:34" ht="51.6" customHeight="1" x14ac:dyDescent="0.45">
      <c r="A2850" s="23">
        <v>2844</v>
      </c>
      <c r="B2850" s="25"/>
      <c r="C2850" s="25"/>
      <c r="D2850" s="29"/>
      <c r="E2850" s="1"/>
      <c r="F2850" s="1"/>
      <c r="G2850" s="25"/>
      <c r="H2850" s="71"/>
      <c r="I2850" s="83"/>
      <c r="J2850" s="50" t="str">
        <f t="shared" si="90"/>
        <v/>
      </c>
      <c r="K2850" s="23" t="s">
        <v>7120</v>
      </c>
      <c r="L2850" s="49" t="e">
        <f>VLOOKUP(E2850&amp;F2850,団体コード!$A$1:$C$1743,3,FALSE)</f>
        <v>#N/A</v>
      </c>
      <c r="M2850" s="49" t="e">
        <f>VLOOKUP(E2850&amp;F2850,団体コード!$A$1:$C$1743,2,FALSE)</f>
        <v>#N/A</v>
      </c>
      <c r="N2850" s="51" t="e">
        <f>VLOOKUP(E2850,団体コード!$E$1:$F$48,2,FALSE)</f>
        <v>#N/A</v>
      </c>
      <c r="O2850" s="51" t="e">
        <f t="shared" si="91"/>
        <v>#N/A</v>
      </c>
      <c r="P2850" s="51">
        <v>1</v>
      </c>
      <c r="Q2850" s="51" t="s">
        <v>5341</v>
      </c>
      <c r="R2850" s="54" t="b">
        <v>1</v>
      </c>
      <c r="S2850" s="52" t="s">
        <v>7126</v>
      </c>
      <c r="T2850" s="67" t="s">
        <v>7127</v>
      </c>
      <c r="U2850" s="75" t="s">
        <v>5331</v>
      </c>
      <c r="V2850" s="47" t="s">
        <v>5331</v>
      </c>
      <c r="W2850" s="47" t="s">
        <v>5331</v>
      </c>
      <c r="X2850" s="47" t="s">
        <v>5331</v>
      </c>
      <c r="Y2850" s="47" t="s">
        <v>5331</v>
      </c>
      <c r="Z2850" s="28"/>
      <c r="AA2850" s="27"/>
      <c r="AB2850" s="27"/>
      <c r="AC2850" s="27"/>
      <c r="AD2850" s="30"/>
      <c r="AE2850" s="1"/>
      <c r="AF2850" s="23" t="s">
        <v>5331</v>
      </c>
      <c r="AG2850" s="26"/>
      <c r="AH2850" s="53"/>
    </row>
    <row r="2851" spans="1:34" ht="51.6" customHeight="1" x14ac:dyDescent="0.45">
      <c r="A2851" s="23">
        <v>2845</v>
      </c>
      <c r="B2851" s="25"/>
      <c r="C2851" s="25"/>
      <c r="D2851" s="29"/>
      <c r="E2851" s="1"/>
      <c r="F2851" s="1"/>
      <c r="G2851" s="25"/>
      <c r="H2851" s="71"/>
      <c r="I2851" s="83"/>
      <c r="J2851" s="50" t="str">
        <f t="shared" si="90"/>
        <v/>
      </c>
      <c r="K2851" s="23" t="s">
        <v>7120</v>
      </c>
      <c r="L2851" s="49" t="e">
        <f>VLOOKUP(E2851&amp;F2851,団体コード!$A$1:$C$1743,3,FALSE)</f>
        <v>#N/A</v>
      </c>
      <c r="M2851" s="49" t="e">
        <f>VLOOKUP(E2851&amp;F2851,団体コード!$A$1:$C$1743,2,FALSE)</f>
        <v>#N/A</v>
      </c>
      <c r="N2851" s="51" t="e">
        <f>VLOOKUP(E2851,団体コード!$E$1:$F$48,2,FALSE)</f>
        <v>#N/A</v>
      </c>
      <c r="O2851" s="51" t="e">
        <f t="shared" si="91"/>
        <v>#N/A</v>
      </c>
      <c r="P2851" s="51">
        <v>1</v>
      </c>
      <c r="Q2851" s="51" t="s">
        <v>5341</v>
      </c>
      <c r="R2851" s="54" t="b">
        <v>1</v>
      </c>
      <c r="S2851" s="52" t="s">
        <v>7126</v>
      </c>
      <c r="T2851" s="67" t="s">
        <v>7127</v>
      </c>
      <c r="U2851" s="75" t="s">
        <v>5331</v>
      </c>
      <c r="V2851" s="47" t="s">
        <v>5331</v>
      </c>
      <c r="W2851" s="47" t="s">
        <v>5331</v>
      </c>
      <c r="X2851" s="47" t="s">
        <v>5331</v>
      </c>
      <c r="Y2851" s="47" t="s">
        <v>5331</v>
      </c>
      <c r="Z2851" s="28"/>
      <c r="AA2851" s="27"/>
      <c r="AB2851" s="27"/>
      <c r="AC2851" s="27"/>
      <c r="AD2851" s="30"/>
      <c r="AE2851" s="1"/>
      <c r="AF2851" s="23" t="s">
        <v>5331</v>
      </c>
      <c r="AG2851" s="26"/>
      <c r="AH2851" s="53"/>
    </row>
    <row r="2852" spans="1:34" ht="51.6" customHeight="1" x14ac:dyDescent="0.45">
      <c r="A2852" s="23">
        <v>2846</v>
      </c>
      <c r="B2852" s="25"/>
      <c r="C2852" s="25"/>
      <c r="D2852" s="29"/>
      <c r="E2852" s="1"/>
      <c r="F2852" s="1"/>
      <c r="G2852" s="25"/>
      <c r="H2852" s="71"/>
      <c r="I2852" s="83"/>
      <c r="J2852" s="50" t="str">
        <f t="shared" si="90"/>
        <v/>
      </c>
      <c r="K2852" s="23" t="s">
        <v>7120</v>
      </c>
      <c r="L2852" s="49" t="e">
        <f>VLOOKUP(E2852&amp;F2852,団体コード!$A$1:$C$1743,3,FALSE)</f>
        <v>#N/A</v>
      </c>
      <c r="M2852" s="49" t="e">
        <f>VLOOKUP(E2852&amp;F2852,団体コード!$A$1:$C$1743,2,FALSE)</f>
        <v>#N/A</v>
      </c>
      <c r="N2852" s="51" t="e">
        <f>VLOOKUP(E2852,団体コード!$E$1:$F$48,2,FALSE)</f>
        <v>#N/A</v>
      </c>
      <c r="O2852" s="51" t="e">
        <f t="shared" si="91"/>
        <v>#N/A</v>
      </c>
      <c r="P2852" s="51">
        <v>1</v>
      </c>
      <c r="Q2852" s="51" t="s">
        <v>5341</v>
      </c>
      <c r="R2852" s="54" t="b">
        <v>1</v>
      </c>
      <c r="S2852" s="52" t="s">
        <v>7126</v>
      </c>
      <c r="T2852" s="67" t="s">
        <v>7127</v>
      </c>
      <c r="U2852" s="75" t="s">
        <v>5331</v>
      </c>
      <c r="V2852" s="47" t="s">
        <v>5331</v>
      </c>
      <c r="W2852" s="47" t="s">
        <v>5331</v>
      </c>
      <c r="X2852" s="47" t="s">
        <v>5331</v>
      </c>
      <c r="Y2852" s="47" t="s">
        <v>5331</v>
      </c>
      <c r="Z2852" s="28"/>
      <c r="AA2852" s="27"/>
      <c r="AB2852" s="27"/>
      <c r="AC2852" s="27"/>
      <c r="AD2852" s="30"/>
      <c r="AE2852" s="1"/>
      <c r="AF2852" s="23" t="s">
        <v>5331</v>
      </c>
      <c r="AG2852" s="26"/>
      <c r="AH2852" s="53"/>
    </row>
    <row r="2853" spans="1:34" ht="51.6" customHeight="1" x14ac:dyDescent="0.45">
      <c r="A2853" s="23">
        <v>2847</v>
      </c>
      <c r="B2853" s="25"/>
      <c r="C2853" s="25"/>
      <c r="D2853" s="29"/>
      <c r="E2853" s="1"/>
      <c r="F2853" s="1"/>
      <c r="G2853" s="25"/>
      <c r="H2853" s="71"/>
      <c r="I2853" s="83"/>
      <c r="J2853" s="50" t="str">
        <f t="shared" si="90"/>
        <v/>
      </c>
      <c r="K2853" s="23" t="s">
        <v>7120</v>
      </c>
      <c r="L2853" s="49" t="e">
        <f>VLOOKUP(E2853&amp;F2853,団体コード!$A$1:$C$1743,3,FALSE)</f>
        <v>#N/A</v>
      </c>
      <c r="M2853" s="49" t="e">
        <f>VLOOKUP(E2853&amp;F2853,団体コード!$A$1:$C$1743,2,FALSE)</f>
        <v>#N/A</v>
      </c>
      <c r="N2853" s="51" t="e">
        <f>VLOOKUP(E2853,団体コード!$E$1:$F$48,2,FALSE)</f>
        <v>#N/A</v>
      </c>
      <c r="O2853" s="51" t="e">
        <f t="shared" si="91"/>
        <v>#N/A</v>
      </c>
      <c r="P2853" s="51">
        <v>1</v>
      </c>
      <c r="Q2853" s="51" t="s">
        <v>5341</v>
      </c>
      <c r="R2853" s="54" t="b">
        <v>1</v>
      </c>
      <c r="S2853" s="52" t="s">
        <v>7126</v>
      </c>
      <c r="T2853" s="67" t="s">
        <v>7127</v>
      </c>
      <c r="U2853" s="75" t="s">
        <v>5331</v>
      </c>
      <c r="V2853" s="47" t="s">
        <v>5331</v>
      </c>
      <c r="W2853" s="47" t="s">
        <v>5331</v>
      </c>
      <c r="X2853" s="47" t="s">
        <v>5331</v>
      </c>
      <c r="Y2853" s="47" t="s">
        <v>5331</v>
      </c>
      <c r="Z2853" s="28"/>
      <c r="AA2853" s="27"/>
      <c r="AB2853" s="27"/>
      <c r="AC2853" s="27"/>
      <c r="AD2853" s="30"/>
      <c r="AE2853" s="1"/>
      <c r="AF2853" s="23" t="s">
        <v>5331</v>
      </c>
      <c r="AG2853" s="26"/>
      <c r="AH2853" s="53"/>
    </row>
    <row r="2854" spans="1:34" ht="51.6" customHeight="1" x14ac:dyDescent="0.45">
      <c r="A2854" s="23">
        <v>2848</v>
      </c>
      <c r="B2854" s="25"/>
      <c r="C2854" s="25"/>
      <c r="D2854" s="29"/>
      <c r="E2854" s="1"/>
      <c r="F2854" s="1"/>
      <c r="G2854" s="25"/>
      <c r="H2854" s="71"/>
      <c r="I2854" s="83"/>
      <c r="J2854" s="50" t="str">
        <f t="shared" si="90"/>
        <v/>
      </c>
      <c r="K2854" s="23" t="s">
        <v>7120</v>
      </c>
      <c r="L2854" s="49" t="e">
        <f>VLOOKUP(E2854&amp;F2854,団体コード!$A$1:$C$1743,3,FALSE)</f>
        <v>#N/A</v>
      </c>
      <c r="M2854" s="49" t="e">
        <f>VLOOKUP(E2854&amp;F2854,団体コード!$A$1:$C$1743,2,FALSE)</f>
        <v>#N/A</v>
      </c>
      <c r="N2854" s="51" t="e">
        <f>VLOOKUP(E2854,団体コード!$E$1:$F$48,2,FALSE)</f>
        <v>#N/A</v>
      </c>
      <c r="O2854" s="51" t="e">
        <f t="shared" si="91"/>
        <v>#N/A</v>
      </c>
      <c r="P2854" s="51">
        <v>1</v>
      </c>
      <c r="Q2854" s="51" t="s">
        <v>5341</v>
      </c>
      <c r="R2854" s="54" t="b">
        <v>1</v>
      </c>
      <c r="S2854" s="52" t="s">
        <v>7126</v>
      </c>
      <c r="T2854" s="67" t="s">
        <v>7127</v>
      </c>
      <c r="U2854" s="75" t="s">
        <v>5331</v>
      </c>
      <c r="V2854" s="47" t="s">
        <v>5331</v>
      </c>
      <c r="W2854" s="47" t="s">
        <v>5331</v>
      </c>
      <c r="X2854" s="47" t="s">
        <v>5331</v>
      </c>
      <c r="Y2854" s="47" t="s">
        <v>5331</v>
      </c>
      <c r="Z2854" s="28"/>
      <c r="AA2854" s="27"/>
      <c r="AB2854" s="27"/>
      <c r="AC2854" s="27"/>
      <c r="AD2854" s="30"/>
      <c r="AE2854" s="1"/>
      <c r="AF2854" s="23" t="s">
        <v>5331</v>
      </c>
      <c r="AG2854" s="26"/>
      <c r="AH2854" s="53"/>
    </row>
    <row r="2855" spans="1:34" ht="51.6" customHeight="1" x14ac:dyDescent="0.45">
      <c r="A2855" s="23">
        <v>2849</v>
      </c>
      <c r="B2855" s="25"/>
      <c r="C2855" s="25"/>
      <c r="D2855" s="29"/>
      <c r="E2855" s="1"/>
      <c r="F2855" s="1"/>
      <c r="G2855" s="25"/>
      <c r="H2855" s="71"/>
      <c r="I2855" s="83"/>
      <c r="J2855" s="50" t="str">
        <f t="shared" si="90"/>
        <v/>
      </c>
      <c r="K2855" s="23" t="s">
        <v>7120</v>
      </c>
      <c r="L2855" s="49" t="e">
        <f>VLOOKUP(E2855&amp;F2855,団体コード!$A$1:$C$1743,3,FALSE)</f>
        <v>#N/A</v>
      </c>
      <c r="M2855" s="49" t="e">
        <f>VLOOKUP(E2855&amp;F2855,団体コード!$A$1:$C$1743,2,FALSE)</f>
        <v>#N/A</v>
      </c>
      <c r="N2855" s="51" t="e">
        <f>VLOOKUP(E2855,団体コード!$E$1:$F$48,2,FALSE)</f>
        <v>#N/A</v>
      </c>
      <c r="O2855" s="51" t="e">
        <f t="shared" si="91"/>
        <v>#N/A</v>
      </c>
      <c r="P2855" s="51">
        <v>1</v>
      </c>
      <c r="Q2855" s="51" t="s">
        <v>5341</v>
      </c>
      <c r="R2855" s="54" t="b">
        <v>1</v>
      </c>
      <c r="S2855" s="52" t="s">
        <v>7126</v>
      </c>
      <c r="T2855" s="67" t="s">
        <v>7127</v>
      </c>
      <c r="U2855" s="75" t="s">
        <v>5331</v>
      </c>
      <c r="V2855" s="47" t="s">
        <v>5331</v>
      </c>
      <c r="W2855" s="47" t="s">
        <v>5331</v>
      </c>
      <c r="X2855" s="47" t="s">
        <v>5331</v>
      </c>
      <c r="Y2855" s="47" t="s">
        <v>5331</v>
      </c>
      <c r="Z2855" s="28"/>
      <c r="AA2855" s="27"/>
      <c r="AB2855" s="27"/>
      <c r="AC2855" s="27"/>
      <c r="AD2855" s="30"/>
      <c r="AE2855" s="1"/>
      <c r="AF2855" s="23" t="s">
        <v>5331</v>
      </c>
      <c r="AG2855" s="26"/>
      <c r="AH2855" s="53"/>
    </row>
    <row r="2856" spans="1:34" ht="51.6" customHeight="1" x14ac:dyDescent="0.45">
      <c r="A2856" s="23">
        <v>2850</v>
      </c>
      <c r="B2856" s="25"/>
      <c r="C2856" s="25"/>
      <c r="D2856" s="29"/>
      <c r="E2856" s="1"/>
      <c r="F2856" s="1"/>
      <c r="G2856" s="25"/>
      <c r="H2856" s="71"/>
      <c r="I2856" s="83"/>
      <c r="J2856" s="50" t="str">
        <f t="shared" si="90"/>
        <v/>
      </c>
      <c r="K2856" s="23" t="s">
        <v>7120</v>
      </c>
      <c r="L2856" s="49" t="e">
        <f>VLOOKUP(E2856&amp;F2856,団体コード!$A$1:$C$1743,3,FALSE)</f>
        <v>#N/A</v>
      </c>
      <c r="M2856" s="49" t="e">
        <f>VLOOKUP(E2856&amp;F2856,団体コード!$A$1:$C$1743,2,FALSE)</f>
        <v>#N/A</v>
      </c>
      <c r="N2856" s="51" t="e">
        <f>VLOOKUP(E2856,団体コード!$E$1:$F$48,2,FALSE)</f>
        <v>#N/A</v>
      </c>
      <c r="O2856" s="51" t="e">
        <f t="shared" si="91"/>
        <v>#N/A</v>
      </c>
      <c r="P2856" s="51">
        <v>1</v>
      </c>
      <c r="Q2856" s="51" t="s">
        <v>5341</v>
      </c>
      <c r="R2856" s="54" t="b">
        <v>1</v>
      </c>
      <c r="S2856" s="52" t="s">
        <v>7126</v>
      </c>
      <c r="T2856" s="67" t="s">
        <v>7127</v>
      </c>
      <c r="U2856" s="75" t="s">
        <v>5331</v>
      </c>
      <c r="V2856" s="47" t="s">
        <v>5331</v>
      </c>
      <c r="W2856" s="47" t="s">
        <v>5331</v>
      </c>
      <c r="X2856" s="47" t="s">
        <v>5331</v>
      </c>
      <c r="Y2856" s="47" t="s">
        <v>5331</v>
      </c>
      <c r="Z2856" s="28"/>
      <c r="AA2856" s="27"/>
      <c r="AB2856" s="27"/>
      <c r="AC2856" s="27"/>
      <c r="AD2856" s="30"/>
      <c r="AE2856" s="1"/>
      <c r="AF2856" s="23" t="s">
        <v>5331</v>
      </c>
      <c r="AG2856" s="26"/>
      <c r="AH2856" s="53"/>
    </row>
    <row r="2857" spans="1:34" ht="51.6" customHeight="1" x14ac:dyDescent="0.45">
      <c r="A2857" s="23">
        <v>2851</v>
      </c>
      <c r="B2857" s="25"/>
      <c r="C2857" s="25"/>
      <c r="D2857" s="29"/>
      <c r="E2857" s="1"/>
      <c r="F2857" s="1"/>
      <c r="G2857" s="25"/>
      <c r="H2857" s="71"/>
      <c r="I2857" s="83"/>
      <c r="J2857" s="50" t="str">
        <f t="shared" si="90"/>
        <v/>
      </c>
      <c r="K2857" s="23" t="s">
        <v>7120</v>
      </c>
      <c r="L2857" s="49" t="e">
        <f>VLOOKUP(E2857&amp;F2857,団体コード!$A$1:$C$1743,3,FALSE)</f>
        <v>#N/A</v>
      </c>
      <c r="M2857" s="49" t="e">
        <f>VLOOKUP(E2857&amp;F2857,団体コード!$A$1:$C$1743,2,FALSE)</f>
        <v>#N/A</v>
      </c>
      <c r="N2857" s="51" t="e">
        <f>VLOOKUP(E2857,団体コード!$E$1:$F$48,2,FALSE)</f>
        <v>#N/A</v>
      </c>
      <c r="O2857" s="51" t="e">
        <f t="shared" si="91"/>
        <v>#N/A</v>
      </c>
      <c r="P2857" s="51">
        <v>1</v>
      </c>
      <c r="Q2857" s="51" t="s">
        <v>5341</v>
      </c>
      <c r="R2857" s="54" t="b">
        <v>1</v>
      </c>
      <c r="S2857" s="52" t="s">
        <v>7126</v>
      </c>
      <c r="T2857" s="67" t="s">
        <v>7127</v>
      </c>
      <c r="U2857" s="75" t="s">
        <v>5331</v>
      </c>
      <c r="V2857" s="47" t="s">
        <v>5331</v>
      </c>
      <c r="W2857" s="47" t="s">
        <v>5331</v>
      </c>
      <c r="X2857" s="47" t="s">
        <v>5331</v>
      </c>
      <c r="Y2857" s="47" t="s">
        <v>5331</v>
      </c>
      <c r="Z2857" s="28"/>
      <c r="AA2857" s="27"/>
      <c r="AB2857" s="27"/>
      <c r="AC2857" s="27"/>
      <c r="AD2857" s="30"/>
      <c r="AE2857" s="1"/>
      <c r="AF2857" s="23" t="s">
        <v>5331</v>
      </c>
      <c r="AG2857" s="26"/>
      <c r="AH2857" s="53"/>
    </row>
    <row r="2858" spans="1:34" ht="51.6" customHeight="1" x14ac:dyDescent="0.45">
      <c r="A2858" s="23">
        <v>2852</v>
      </c>
      <c r="B2858" s="25"/>
      <c r="C2858" s="25"/>
      <c r="D2858" s="29"/>
      <c r="E2858" s="1"/>
      <c r="F2858" s="1"/>
      <c r="G2858" s="25"/>
      <c r="H2858" s="71"/>
      <c r="I2858" s="83"/>
      <c r="J2858" s="50" t="str">
        <f t="shared" si="90"/>
        <v/>
      </c>
      <c r="K2858" s="23" t="s">
        <v>7120</v>
      </c>
      <c r="L2858" s="49" t="e">
        <f>VLOOKUP(E2858&amp;F2858,団体コード!$A$1:$C$1743,3,FALSE)</f>
        <v>#N/A</v>
      </c>
      <c r="M2858" s="49" t="e">
        <f>VLOOKUP(E2858&amp;F2858,団体コード!$A$1:$C$1743,2,FALSE)</f>
        <v>#N/A</v>
      </c>
      <c r="N2858" s="51" t="e">
        <f>VLOOKUP(E2858,団体コード!$E$1:$F$48,2,FALSE)</f>
        <v>#N/A</v>
      </c>
      <c r="O2858" s="51" t="e">
        <f t="shared" si="91"/>
        <v>#N/A</v>
      </c>
      <c r="P2858" s="51">
        <v>1</v>
      </c>
      <c r="Q2858" s="51" t="s">
        <v>5341</v>
      </c>
      <c r="R2858" s="54" t="b">
        <v>1</v>
      </c>
      <c r="S2858" s="52" t="s">
        <v>7126</v>
      </c>
      <c r="T2858" s="67" t="s">
        <v>7127</v>
      </c>
      <c r="U2858" s="75" t="s">
        <v>5331</v>
      </c>
      <c r="V2858" s="47" t="s">
        <v>5331</v>
      </c>
      <c r="W2858" s="47" t="s">
        <v>5331</v>
      </c>
      <c r="X2858" s="47" t="s">
        <v>5331</v>
      </c>
      <c r="Y2858" s="47" t="s">
        <v>5331</v>
      </c>
      <c r="Z2858" s="28"/>
      <c r="AA2858" s="27"/>
      <c r="AB2858" s="27"/>
      <c r="AC2858" s="27"/>
      <c r="AD2858" s="30"/>
      <c r="AE2858" s="1"/>
      <c r="AF2858" s="23" t="s">
        <v>5331</v>
      </c>
      <c r="AG2858" s="26"/>
      <c r="AH2858" s="53"/>
    </row>
    <row r="2859" spans="1:34" ht="51.6" customHeight="1" x14ac:dyDescent="0.45">
      <c r="A2859" s="23">
        <v>2853</v>
      </c>
      <c r="B2859" s="25"/>
      <c r="C2859" s="25"/>
      <c r="D2859" s="29"/>
      <c r="E2859" s="1"/>
      <c r="F2859" s="1"/>
      <c r="G2859" s="25"/>
      <c r="H2859" s="71"/>
      <c r="I2859" s="83"/>
      <c r="J2859" s="50" t="str">
        <f t="shared" si="90"/>
        <v/>
      </c>
      <c r="K2859" s="23" t="s">
        <v>7120</v>
      </c>
      <c r="L2859" s="49" t="e">
        <f>VLOOKUP(E2859&amp;F2859,団体コード!$A$1:$C$1743,3,FALSE)</f>
        <v>#N/A</v>
      </c>
      <c r="M2859" s="49" t="e">
        <f>VLOOKUP(E2859&amp;F2859,団体コード!$A$1:$C$1743,2,FALSE)</f>
        <v>#N/A</v>
      </c>
      <c r="N2859" s="51" t="e">
        <f>VLOOKUP(E2859,団体コード!$E$1:$F$48,2,FALSE)</f>
        <v>#N/A</v>
      </c>
      <c r="O2859" s="51" t="e">
        <f t="shared" si="91"/>
        <v>#N/A</v>
      </c>
      <c r="P2859" s="51">
        <v>1</v>
      </c>
      <c r="Q2859" s="51" t="s">
        <v>5341</v>
      </c>
      <c r="R2859" s="54" t="b">
        <v>1</v>
      </c>
      <c r="S2859" s="52" t="s">
        <v>7126</v>
      </c>
      <c r="T2859" s="67" t="s">
        <v>7127</v>
      </c>
      <c r="U2859" s="75" t="s">
        <v>5331</v>
      </c>
      <c r="V2859" s="47" t="s">
        <v>5331</v>
      </c>
      <c r="W2859" s="47" t="s">
        <v>5331</v>
      </c>
      <c r="X2859" s="47" t="s">
        <v>5331</v>
      </c>
      <c r="Y2859" s="47" t="s">
        <v>5331</v>
      </c>
      <c r="Z2859" s="28"/>
      <c r="AA2859" s="27"/>
      <c r="AB2859" s="27"/>
      <c r="AC2859" s="27"/>
      <c r="AD2859" s="30"/>
      <c r="AE2859" s="1"/>
      <c r="AF2859" s="23" t="s">
        <v>5331</v>
      </c>
      <c r="AG2859" s="26"/>
      <c r="AH2859" s="53"/>
    </row>
    <row r="2860" spans="1:34" ht="51.6" customHeight="1" x14ac:dyDescent="0.45">
      <c r="A2860" s="23">
        <v>2854</v>
      </c>
      <c r="B2860" s="25"/>
      <c r="C2860" s="25"/>
      <c r="D2860" s="29"/>
      <c r="E2860" s="1"/>
      <c r="F2860" s="1"/>
      <c r="G2860" s="25"/>
      <c r="H2860" s="71"/>
      <c r="I2860" s="83"/>
      <c r="J2860" s="50" t="str">
        <f t="shared" si="90"/>
        <v/>
      </c>
      <c r="K2860" s="23" t="s">
        <v>7120</v>
      </c>
      <c r="L2860" s="49" t="e">
        <f>VLOOKUP(E2860&amp;F2860,団体コード!$A$1:$C$1743,3,FALSE)</f>
        <v>#N/A</v>
      </c>
      <c r="M2860" s="49" t="e">
        <f>VLOOKUP(E2860&amp;F2860,団体コード!$A$1:$C$1743,2,FALSE)</f>
        <v>#N/A</v>
      </c>
      <c r="N2860" s="51" t="e">
        <f>VLOOKUP(E2860,団体コード!$E$1:$F$48,2,FALSE)</f>
        <v>#N/A</v>
      </c>
      <c r="O2860" s="51" t="e">
        <f t="shared" si="91"/>
        <v>#N/A</v>
      </c>
      <c r="P2860" s="51">
        <v>1</v>
      </c>
      <c r="Q2860" s="51" t="s">
        <v>5341</v>
      </c>
      <c r="R2860" s="54" t="b">
        <v>1</v>
      </c>
      <c r="S2860" s="52" t="s">
        <v>7126</v>
      </c>
      <c r="T2860" s="67" t="s">
        <v>7127</v>
      </c>
      <c r="U2860" s="75" t="s">
        <v>5331</v>
      </c>
      <c r="V2860" s="47" t="s">
        <v>5331</v>
      </c>
      <c r="W2860" s="47" t="s">
        <v>5331</v>
      </c>
      <c r="X2860" s="47" t="s">
        <v>5331</v>
      </c>
      <c r="Y2860" s="47" t="s">
        <v>5331</v>
      </c>
      <c r="Z2860" s="28"/>
      <c r="AA2860" s="27"/>
      <c r="AB2860" s="27"/>
      <c r="AC2860" s="27"/>
      <c r="AD2860" s="30"/>
      <c r="AE2860" s="1"/>
      <c r="AF2860" s="23" t="s">
        <v>5331</v>
      </c>
      <c r="AG2860" s="26"/>
      <c r="AH2860" s="53"/>
    </row>
    <row r="2861" spans="1:34" ht="51.6" customHeight="1" x14ac:dyDescent="0.45">
      <c r="A2861" s="23">
        <v>2855</v>
      </c>
      <c r="B2861" s="25"/>
      <c r="C2861" s="25"/>
      <c r="D2861" s="29"/>
      <c r="E2861" s="1"/>
      <c r="F2861" s="1"/>
      <c r="G2861" s="25"/>
      <c r="H2861" s="71"/>
      <c r="I2861" s="83"/>
      <c r="J2861" s="50" t="str">
        <f t="shared" si="90"/>
        <v/>
      </c>
      <c r="K2861" s="23" t="s">
        <v>7120</v>
      </c>
      <c r="L2861" s="49" t="e">
        <f>VLOOKUP(E2861&amp;F2861,団体コード!$A$1:$C$1743,3,FALSE)</f>
        <v>#N/A</v>
      </c>
      <c r="M2861" s="49" t="e">
        <f>VLOOKUP(E2861&amp;F2861,団体コード!$A$1:$C$1743,2,FALSE)</f>
        <v>#N/A</v>
      </c>
      <c r="N2861" s="51" t="e">
        <f>VLOOKUP(E2861,団体コード!$E$1:$F$48,2,FALSE)</f>
        <v>#N/A</v>
      </c>
      <c r="O2861" s="51" t="e">
        <f t="shared" si="91"/>
        <v>#N/A</v>
      </c>
      <c r="P2861" s="51">
        <v>1</v>
      </c>
      <c r="Q2861" s="51" t="s">
        <v>5341</v>
      </c>
      <c r="R2861" s="54" t="b">
        <v>1</v>
      </c>
      <c r="S2861" s="52" t="s">
        <v>7126</v>
      </c>
      <c r="T2861" s="67" t="s">
        <v>7127</v>
      </c>
      <c r="U2861" s="75" t="s">
        <v>5331</v>
      </c>
      <c r="V2861" s="47" t="s">
        <v>5331</v>
      </c>
      <c r="W2861" s="47" t="s">
        <v>5331</v>
      </c>
      <c r="X2861" s="47" t="s">
        <v>5331</v>
      </c>
      <c r="Y2861" s="47" t="s">
        <v>5331</v>
      </c>
      <c r="Z2861" s="28"/>
      <c r="AA2861" s="27"/>
      <c r="AB2861" s="27"/>
      <c r="AC2861" s="27"/>
      <c r="AD2861" s="30"/>
      <c r="AE2861" s="1"/>
      <c r="AF2861" s="23" t="s">
        <v>5331</v>
      </c>
      <c r="AG2861" s="26"/>
      <c r="AH2861" s="53"/>
    </row>
    <row r="2862" spans="1:34" ht="51.6" customHeight="1" x14ac:dyDescent="0.45">
      <c r="A2862" s="23">
        <v>2856</v>
      </c>
      <c r="B2862" s="25"/>
      <c r="C2862" s="25"/>
      <c r="D2862" s="29"/>
      <c r="E2862" s="1"/>
      <c r="F2862" s="1"/>
      <c r="G2862" s="25"/>
      <c r="H2862" s="71"/>
      <c r="I2862" s="83"/>
      <c r="J2862" s="50" t="str">
        <f t="shared" si="90"/>
        <v/>
      </c>
      <c r="K2862" s="23" t="s">
        <v>7120</v>
      </c>
      <c r="L2862" s="49" t="e">
        <f>VLOOKUP(E2862&amp;F2862,団体コード!$A$1:$C$1743,3,FALSE)</f>
        <v>#N/A</v>
      </c>
      <c r="M2862" s="49" t="e">
        <f>VLOOKUP(E2862&amp;F2862,団体コード!$A$1:$C$1743,2,FALSE)</f>
        <v>#N/A</v>
      </c>
      <c r="N2862" s="51" t="e">
        <f>VLOOKUP(E2862,団体コード!$E$1:$F$48,2,FALSE)</f>
        <v>#N/A</v>
      </c>
      <c r="O2862" s="51" t="e">
        <f t="shared" si="91"/>
        <v>#N/A</v>
      </c>
      <c r="P2862" s="51">
        <v>1</v>
      </c>
      <c r="Q2862" s="51" t="s">
        <v>5341</v>
      </c>
      <c r="R2862" s="54" t="b">
        <v>1</v>
      </c>
      <c r="S2862" s="52" t="s">
        <v>7126</v>
      </c>
      <c r="T2862" s="67" t="s">
        <v>7127</v>
      </c>
      <c r="U2862" s="75" t="s">
        <v>5331</v>
      </c>
      <c r="V2862" s="47" t="s">
        <v>5331</v>
      </c>
      <c r="W2862" s="47" t="s">
        <v>5331</v>
      </c>
      <c r="X2862" s="47" t="s">
        <v>5331</v>
      </c>
      <c r="Y2862" s="47" t="s">
        <v>5331</v>
      </c>
      <c r="Z2862" s="28"/>
      <c r="AA2862" s="27"/>
      <c r="AB2862" s="27"/>
      <c r="AC2862" s="27"/>
      <c r="AD2862" s="30"/>
      <c r="AE2862" s="1"/>
      <c r="AF2862" s="23" t="s">
        <v>5331</v>
      </c>
      <c r="AG2862" s="26"/>
      <c r="AH2862" s="53"/>
    </row>
    <row r="2863" spans="1:34" ht="51.6" customHeight="1" x14ac:dyDescent="0.45">
      <c r="A2863" s="23">
        <v>2857</v>
      </c>
      <c r="B2863" s="25"/>
      <c r="C2863" s="25"/>
      <c r="D2863" s="29"/>
      <c r="E2863" s="1"/>
      <c r="F2863" s="1"/>
      <c r="G2863" s="25"/>
      <c r="H2863" s="71"/>
      <c r="I2863" s="83"/>
      <c r="J2863" s="50" t="str">
        <f t="shared" si="90"/>
        <v/>
      </c>
      <c r="K2863" s="23" t="s">
        <v>7120</v>
      </c>
      <c r="L2863" s="49" t="e">
        <f>VLOOKUP(E2863&amp;F2863,団体コード!$A$1:$C$1743,3,FALSE)</f>
        <v>#N/A</v>
      </c>
      <c r="M2863" s="49" t="e">
        <f>VLOOKUP(E2863&amp;F2863,団体コード!$A$1:$C$1743,2,FALSE)</f>
        <v>#N/A</v>
      </c>
      <c r="N2863" s="51" t="e">
        <f>VLOOKUP(E2863,団体コード!$E$1:$F$48,2,FALSE)</f>
        <v>#N/A</v>
      </c>
      <c r="O2863" s="51" t="e">
        <f t="shared" si="91"/>
        <v>#N/A</v>
      </c>
      <c r="P2863" s="51">
        <v>1</v>
      </c>
      <c r="Q2863" s="51" t="s">
        <v>5341</v>
      </c>
      <c r="R2863" s="54" t="b">
        <v>1</v>
      </c>
      <c r="S2863" s="52" t="s">
        <v>7126</v>
      </c>
      <c r="T2863" s="67" t="s">
        <v>7127</v>
      </c>
      <c r="U2863" s="75" t="s">
        <v>5331</v>
      </c>
      <c r="V2863" s="47" t="s">
        <v>5331</v>
      </c>
      <c r="W2863" s="47" t="s">
        <v>5331</v>
      </c>
      <c r="X2863" s="47" t="s">
        <v>5331</v>
      </c>
      <c r="Y2863" s="47" t="s">
        <v>5331</v>
      </c>
      <c r="Z2863" s="28"/>
      <c r="AA2863" s="27"/>
      <c r="AB2863" s="27"/>
      <c r="AC2863" s="27"/>
      <c r="AD2863" s="30"/>
      <c r="AE2863" s="1"/>
      <c r="AF2863" s="23" t="s">
        <v>5331</v>
      </c>
      <c r="AG2863" s="26"/>
      <c r="AH2863" s="53"/>
    </row>
    <row r="2864" spans="1:34" ht="51.6" customHeight="1" x14ac:dyDescent="0.45">
      <c r="A2864" s="23">
        <v>2858</v>
      </c>
      <c r="B2864" s="25"/>
      <c r="C2864" s="25"/>
      <c r="D2864" s="29"/>
      <c r="E2864" s="1"/>
      <c r="F2864" s="1"/>
      <c r="G2864" s="25"/>
      <c r="H2864" s="71"/>
      <c r="I2864" s="83"/>
      <c r="J2864" s="50" t="str">
        <f t="shared" si="90"/>
        <v/>
      </c>
      <c r="K2864" s="23" t="s">
        <v>7120</v>
      </c>
      <c r="L2864" s="49" t="e">
        <f>VLOOKUP(E2864&amp;F2864,団体コード!$A$1:$C$1743,3,FALSE)</f>
        <v>#N/A</v>
      </c>
      <c r="M2864" s="49" t="e">
        <f>VLOOKUP(E2864&amp;F2864,団体コード!$A$1:$C$1743,2,FALSE)</f>
        <v>#N/A</v>
      </c>
      <c r="N2864" s="51" t="e">
        <f>VLOOKUP(E2864,団体コード!$E$1:$F$48,2,FALSE)</f>
        <v>#N/A</v>
      </c>
      <c r="O2864" s="51" t="e">
        <f t="shared" si="91"/>
        <v>#N/A</v>
      </c>
      <c r="P2864" s="51">
        <v>1</v>
      </c>
      <c r="Q2864" s="51" t="s">
        <v>5341</v>
      </c>
      <c r="R2864" s="54" t="b">
        <v>1</v>
      </c>
      <c r="S2864" s="52" t="s">
        <v>7126</v>
      </c>
      <c r="T2864" s="67" t="s">
        <v>7127</v>
      </c>
      <c r="U2864" s="75" t="s">
        <v>5331</v>
      </c>
      <c r="V2864" s="47" t="s">
        <v>5331</v>
      </c>
      <c r="W2864" s="47" t="s">
        <v>5331</v>
      </c>
      <c r="X2864" s="47" t="s">
        <v>5331</v>
      </c>
      <c r="Y2864" s="47" t="s">
        <v>5331</v>
      </c>
      <c r="Z2864" s="28"/>
      <c r="AA2864" s="27"/>
      <c r="AB2864" s="27"/>
      <c r="AC2864" s="27"/>
      <c r="AD2864" s="30"/>
      <c r="AE2864" s="1"/>
      <c r="AF2864" s="23" t="s">
        <v>5331</v>
      </c>
      <c r="AG2864" s="26"/>
      <c r="AH2864" s="53"/>
    </row>
    <row r="2865" spans="1:34" ht="51.6" customHeight="1" x14ac:dyDescent="0.45">
      <c r="A2865" s="23">
        <v>2859</v>
      </c>
      <c r="B2865" s="25"/>
      <c r="C2865" s="25"/>
      <c r="D2865" s="29"/>
      <c r="E2865" s="1"/>
      <c r="F2865" s="1"/>
      <c r="G2865" s="25"/>
      <c r="H2865" s="71"/>
      <c r="I2865" s="83"/>
      <c r="J2865" s="50" t="str">
        <f t="shared" si="90"/>
        <v/>
      </c>
      <c r="K2865" s="23" t="s">
        <v>7120</v>
      </c>
      <c r="L2865" s="49" t="e">
        <f>VLOOKUP(E2865&amp;F2865,団体コード!$A$1:$C$1743,3,FALSE)</f>
        <v>#N/A</v>
      </c>
      <c r="M2865" s="49" t="e">
        <f>VLOOKUP(E2865&amp;F2865,団体コード!$A$1:$C$1743,2,FALSE)</f>
        <v>#N/A</v>
      </c>
      <c r="N2865" s="51" t="e">
        <f>VLOOKUP(E2865,団体コード!$E$1:$F$48,2,FALSE)</f>
        <v>#N/A</v>
      </c>
      <c r="O2865" s="51" t="e">
        <f t="shared" si="91"/>
        <v>#N/A</v>
      </c>
      <c r="P2865" s="51">
        <v>1</v>
      </c>
      <c r="Q2865" s="51" t="s">
        <v>5341</v>
      </c>
      <c r="R2865" s="54" t="b">
        <v>1</v>
      </c>
      <c r="S2865" s="52" t="s">
        <v>7126</v>
      </c>
      <c r="T2865" s="67" t="s">
        <v>7127</v>
      </c>
      <c r="U2865" s="75" t="s">
        <v>5331</v>
      </c>
      <c r="V2865" s="47" t="s">
        <v>5331</v>
      </c>
      <c r="W2865" s="47" t="s">
        <v>5331</v>
      </c>
      <c r="X2865" s="47" t="s">
        <v>5331</v>
      </c>
      <c r="Y2865" s="47" t="s">
        <v>5331</v>
      </c>
      <c r="Z2865" s="28"/>
      <c r="AA2865" s="27"/>
      <c r="AB2865" s="27"/>
      <c r="AC2865" s="27"/>
      <c r="AD2865" s="30"/>
      <c r="AE2865" s="1"/>
      <c r="AF2865" s="23" t="s">
        <v>5331</v>
      </c>
      <c r="AG2865" s="26"/>
      <c r="AH2865" s="53"/>
    </row>
    <row r="2866" spans="1:34" ht="51.6" customHeight="1" x14ac:dyDescent="0.45">
      <c r="A2866" s="23">
        <v>2860</v>
      </c>
      <c r="B2866" s="25"/>
      <c r="C2866" s="25"/>
      <c r="D2866" s="29"/>
      <c r="E2866" s="1"/>
      <c r="F2866" s="1"/>
      <c r="G2866" s="25"/>
      <c r="H2866" s="71"/>
      <c r="I2866" s="83"/>
      <c r="J2866" s="50" t="str">
        <f t="shared" si="90"/>
        <v/>
      </c>
      <c r="K2866" s="23" t="s">
        <v>7120</v>
      </c>
      <c r="L2866" s="49" t="e">
        <f>VLOOKUP(E2866&amp;F2866,団体コード!$A$1:$C$1743,3,FALSE)</f>
        <v>#N/A</v>
      </c>
      <c r="M2866" s="49" t="e">
        <f>VLOOKUP(E2866&amp;F2866,団体コード!$A$1:$C$1743,2,FALSE)</f>
        <v>#N/A</v>
      </c>
      <c r="N2866" s="51" t="e">
        <f>VLOOKUP(E2866,団体コード!$E$1:$F$48,2,FALSE)</f>
        <v>#N/A</v>
      </c>
      <c r="O2866" s="51" t="e">
        <f t="shared" si="91"/>
        <v>#N/A</v>
      </c>
      <c r="P2866" s="51">
        <v>1</v>
      </c>
      <c r="Q2866" s="51" t="s">
        <v>5341</v>
      </c>
      <c r="R2866" s="54" t="b">
        <v>1</v>
      </c>
      <c r="S2866" s="52" t="s">
        <v>7126</v>
      </c>
      <c r="T2866" s="67" t="s">
        <v>7127</v>
      </c>
      <c r="U2866" s="75" t="s">
        <v>5331</v>
      </c>
      <c r="V2866" s="47" t="s">
        <v>5331</v>
      </c>
      <c r="W2866" s="47" t="s">
        <v>5331</v>
      </c>
      <c r="X2866" s="47" t="s">
        <v>5331</v>
      </c>
      <c r="Y2866" s="47" t="s">
        <v>5331</v>
      </c>
      <c r="Z2866" s="28"/>
      <c r="AA2866" s="27"/>
      <c r="AB2866" s="27"/>
      <c r="AC2866" s="27"/>
      <c r="AD2866" s="30"/>
      <c r="AE2866" s="1"/>
      <c r="AF2866" s="23" t="s">
        <v>5331</v>
      </c>
      <c r="AG2866" s="26"/>
      <c r="AH2866" s="53"/>
    </row>
    <row r="2867" spans="1:34" ht="51.6" customHeight="1" x14ac:dyDescent="0.45">
      <c r="A2867" s="23">
        <v>2861</v>
      </c>
      <c r="B2867" s="25"/>
      <c r="C2867" s="25"/>
      <c r="D2867" s="29"/>
      <c r="E2867" s="1"/>
      <c r="F2867" s="1"/>
      <c r="G2867" s="25"/>
      <c r="H2867" s="71"/>
      <c r="I2867" s="83"/>
      <c r="J2867" s="50" t="str">
        <f t="shared" si="90"/>
        <v/>
      </c>
      <c r="K2867" s="23" t="s">
        <v>7120</v>
      </c>
      <c r="L2867" s="49" t="e">
        <f>VLOOKUP(E2867&amp;F2867,団体コード!$A$1:$C$1743,3,FALSE)</f>
        <v>#N/A</v>
      </c>
      <c r="M2867" s="49" t="e">
        <f>VLOOKUP(E2867&amp;F2867,団体コード!$A$1:$C$1743,2,FALSE)</f>
        <v>#N/A</v>
      </c>
      <c r="N2867" s="51" t="e">
        <f>VLOOKUP(E2867,団体コード!$E$1:$F$48,2,FALSE)</f>
        <v>#N/A</v>
      </c>
      <c r="O2867" s="51" t="e">
        <f t="shared" si="91"/>
        <v>#N/A</v>
      </c>
      <c r="P2867" s="51">
        <v>1</v>
      </c>
      <c r="Q2867" s="51" t="s">
        <v>5341</v>
      </c>
      <c r="R2867" s="54" t="b">
        <v>1</v>
      </c>
      <c r="S2867" s="52" t="s">
        <v>7126</v>
      </c>
      <c r="T2867" s="67" t="s">
        <v>7127</v>
      </c>
      <c r="U2867" s="75" t="s">
        <v>5331</v>
      </c>
      <c r="V2867" s="47" t="s">
        <v>5331</v>
      </c>
      <c r="W2867" s="47" t="s">
        <v>5331</v>
      </c>
      <c r="X2867" s="47" t="s">
        <v>5331</v>
      </c>
      <c r="Y2867" s="47" t="s">
        <v>5331</v>
      </c>
      <c r="Z2867" s="28"/>
      <c r="AA2867" s="27"/>
      <c r="AB2867" s="27"/>
      <c r="AC2867" s="27"/>
      <c r="AD2867" s="30"/>
      <c r="AE2867" s="1"/>
      <c r="AF2867" s="23" t="s">
        <v>5331</v>
      </c>
      <c r="AG2867" s="26"/>
      <c r="AH2867" s="53"/>
    </row>
    <row r="2868" spans="1:34" ht="51.6" customHeight="1" x14ac:dyDescent="0.45">
      <c r="A2868" s="23">
        <v>2862</v>
      </c>
      <c r="B2868" s="25"/>
      <c r="C2868" s="25"/>
      <c r="D2868" s="29"/>
      <c r="E2868" s="1"/>
      <c r="F2868" s="1"/>
      <c r="G2868" s="25"/>
      <c r="H2868" s="71"/>
      <c r="I2868" s="83"/>
      <c r="J2868" s="50" t="str">
        <f t="shared" si="90"/>
        <v/>
      </c>
      <c r="K2868" s="23" t="s">
        <v>7120</v>
      </c>
      <c r="L2868" s="49" t="e">
        <f>VLOOKUP(E2868&amp;F2868,団体コード!$A$1:$C$1743,3,FALSE)</f>
        <v>#N/A</v>
      </c>
      <c r="M2868" s="49" t="e">
        <f>VLOOKUP(E2868&amp;F2868,団体コード!$A$1:$C$1743,2,FALSE)</f>
        <v>#N/A</v>
      </c>
      <c r="N2868" s="51" t="e">
        <f>VLOOKUP(E2868,団体コード!$E$1:$F$48,2,FALSE)</f>
        <v>#N/A</v>
      </c>
      <c r="O2868" s="51" t="e">
        <f t="shared" si="91"/>
        <v>#N/A</v>
      </c>
      <c r="P2868" s="51">
        <v>1</v>
      </c>
      <c r="Q2868" s="51" t="s">
        <v>5341</v>
      </c>
      <c r="R2868" s="54" t="b">
        <v>1</v>
      </c>
      <c r="S2868" s="52" t="s">
        <v>7126</v>
      </c>
      <c r="T2868" s="67" t="s">
        <v>7127</v>
      </c>
      <c r="U2868" s="75" t="s">
        <v>5331</v>
      </c>
      <c r="V2868" s="47" t="s">
        <v>5331</v>
      </c>
      <c r="W2868" s="47" t="s">
        <v>5331</v>
      </c>
      <c r="X2868" s="47" t="s">
        <v>5331</v>
      </c>
      <c r="Y2868" s="47" t="s">
        <v>5331</v>
      </c>
      <c r="Z2868" s="28"/>
      <c r="AA2868" s="27"/>
      <c r="AB2868" s="27"/>
      <c r="AC2868" s="27"/>
      <c r="AD2868" s="30"/>
      <c r="AE2868" s="1"/>
      <c r="AF2868" s="23" t="s">
        <v>5331</v>
      </c>
      <c r="AG2868" s="26"/>
      <c r="AH2868" s="53"/>
    </row>
    <row r="2869" spans="1:34" ht="51.6" customHeight="1" x14ac:dyDescent="0.45">
      <c r="A2869" s="23">
        <v>2863</v>
      </c>
      <c r="B2869" s="25"/>
      <c r="C2869" s="25"/>
      <c r="D2869" s="29"/>
      <c r="E2869" s="1"/>
      <c r="F2869" s="1"/>
      <c r="G2869" s="25"/>
      <c r="H2869" s="71"/>
      <c r="I2869" s="83"/>
      <c r="J2869" s="50" t="str">
        <f t="shared" si="90"/>
        <v/>
      </c>
      <c r="K2869" s="23" t="s">
        <v>7120</v>
      </c>
      <c r="L2869" s="49" t="e">
        <f>VLOOKUP(E2869&amp;F2869,団体コード!$A$1:$C$1743,3,FALSE)</f>
        <v>#N/A</v>
      </c>
      <c r="M2869" s="49" t="e">
        <f>VLOOKUP(E2869&amp;F2869,団体コード!$A$1:$C$1743,2,FALSE)</f>
        <v>#N/A</v>
      </c>
      <c r="N2869" s="51" t="e">
        <f>VLOOKUP(E2869,団体コード!$E$1:$F$48,2,FALSE)</f>
        <v>#N/A</v>
      </c>
      <c r="O2869" s="51" t="e">
        <f t="shared" si="91"/>
        <v>#N/A</v>
      </c>
      <c r="P2869" s="51">
        <v>1</v>
      </c>
      <c r="Q2869" s="51" t="s">
        <v>5341</v>
      </c>
      <c r="R2869" s="54" t="b">
        <v>1</v>
      </c>
      <c r="S2869" s="52" t="s">
        <v>7126</v>
      </c>
      <c r="T2869" s="67" t="s">
        <v>7127</v>
      </c>
      <c r="U2869" s="75" t="s">
        <v>5331</v>
      </c>
      <c r="V2869" s="47" t="s">
        <v>5331</v>
      </c>
      <c r="W2869" s="47" t="s">
        <v>5331</v>
      </c>
      <c r="X2869" s="47" t="s">
        <v>5331</v>
      </c>
      <c r="Y2869" s="47" t="s">
        <v>5331</v>
      </c>
      <c r="Z2869" s="28"/>
      <c r="AA2869" s="27"/>
      <c r="AB2869" s="27"/>
      <c r="AC2869" s="27"/>
      <c r="AD2869" s="30"/>
      <c r="AE2869" s="1"/>
      <c r="AF2869" s="23" t="s">
        <v>5331</v>
      </c>
      <c r="AG2869" s="26"/>
      <c r="AH2869" s="53"/>
    </row>
    <row r="2870" spans="1:34" ht="51.6" customHeight="1" x14ac:dyDescent="0.45">
      <c r="A2870" s="23">
        <v>2864</v>
      </c>
      <c r="B2870" s="25"/>
      <c r="C2870" s="25"/>
      <c r="D2870" s="29"/>
      <c r="E2870" s="1"/>
      <c r="F2870" s="1"/>
      <c r="G2870" s="25"/>
      <c r="H2870" s="71"/>
      <c r="I2870" s="83"/>
      <c r="J2870" s="50" t="str">
        <f t="shared" si="90"/>
        <v/>
      </c>
      <c r="K2870" s="23" t="s">
        <v>7120</v>
      </c>
      <c r="L2870" s="49" t="e">
        <f>VLOOKUP(E2870&amp;F2870,団体コード!$A$1:$C$1743,3,FALSE)</f>
        <v>#N/A</v>
      </c>
      <c r="M2870" s="49" t="e">
        <f>VLOOKUP(E2870&amp;F2870,団体コード!$A$1:$C$1743,2,FALSE)</f>
        <v>#N/A</v>
      </c>
      <c r="N2870" s="51" t="e">
        <f>VLOOKUP(E2870,団体コード!$E$1:$F$48,2,FALSE)</f>
        <v>#N/A</v>
      </c>
      <c r="O2870" s="51" t="e">
        <f t="shared" si="91"/>
        <v>#N/A</v>
      </c>
      <c r="P2870" s="51">
        <v>1</v>
      </c>
      <c r="Q2870" s="51" t="s">
        <v>5341</v>
      </c>
      <c r="R2870" s="54" t="b">
        <v>1</v>
      </c>
      <c r="S2870" s="52" t="s">
        <v>7126</v>
      </c>
      <c r="T2870" s="67" t="s">
        <v>7127</v>
      </c>
      <c r="U2870" s="75" t="s">
        <v>5331</v>
      </c>
      <c r="V2870" s="47" t="s">
        <v>5331</v>
      </c>
      <c r="W2870" s="47" t="s">
        <v>5331</v>
      </c>
      <c r="X2870" s="47" t="s">
        <v>5331</v>
      </c>
      <c r="Y2870" s="47" t="s">
        <v>5331</v>
      </c>
      <c r="Z2870" s="28"/>
      <c r="AA2870" s="27"/>
      <c r="AB2870" s="27"/>
      <c r="AC2870" s="27"/>
      <c r="AD2870" s="30"/>
      <c r="AE2870" s="1"/>
      <c r="AF2870" s="23" t="s">
        <v>5331</v>
      </c>
      <c r="AG2870" s="26"/>
      <c r="AH2870" s="53"/>
    </row>
    <row r="2871" spans="1:34" ht="51.6" customHeight="1" x14ac:dyDescent="0.45">
      <c r="A2871" s="23">
        <v>2865</v>
      </c>
      <c r="B2871" s="25"/>
      <c r="C2871" s="25"/>
      <c r="D2871" s="29"/>
      <c r="E2871" s="1"/>
      <c r="F2871" s="1"/>
      <c r="G2871" s="25"/>
      <c r="H2871" s="71"/>
      <c r="I2871" s="83"/>
      <c r="J2871" s="50" t="str">
        <f t="shared" si="90"/>
        <v/>
      </c>
      <c r="K2871" s="23" t="s">
        <v>7120</v>
      </c>
      <c r="L2871" s="49" t="e">
        <f>VLOOKUP(E2871&amp;F2871,団体コード!$A$1:$C$1743,3,FALSE)</f>
        <v>#N/A</v>
      </c>
      <c r="M2871" s="49" t="e">
        <f>VLOOKUP(E2871&amp;F2871,団体コード!$A$1:$C$1743,2,FALSE)</f>
        <v>#N/A</v>
      </c>
      <c r="N2871" s="51" t="e">
        <f>VLOOKUP(E2871,団体コード!$E$1:$F$48,2,FALSE)</f>
        <v>#N/A</v>
      </c>
      <c r="O2871" s="51" t="e">
        <f t="shared" si="91"/>
        <v>#N/A</v>
      </c>
      <c r="P2871" s="51">
        <v>1</v>
      </c>
      <c r="Q2871" s="51" t="s">
        <v>5341</v>
      </c>
      <c r="R2871" s="54" t="b">
        <v>1</v>
      </c>
      <c r="S2871" s="52" t="s">
        <v>7126</v>
      </c>
      <c r="T2871" s="67" t="s">
        <v>7127</v>
      </c>
      <c r="U2871" s="75" t="s">
        <v>5331</v>
      </c>
      <c r="V2871" s="47" t="s">
        <v>5331</v>
      </c>
      <c r="W2871" s="47" t="s">
        <v>5331</v>
      </c>
      <c r="X2871" s="47" t="s">
        <v>5331</v>
      </c>
      <c r="Y2871" s="47" t="s">
        <v>5331</v>
      </c>
      <c r="Z2871" s="28"/>
      <c r="AA2871" s="27"/>
      <c r="AB2871" s="27"/>
      <c r="AC2871" s="27"/>
      <c r="AD2871" s="30"/>
      <c r="AE2871" s="1"/>
      <c r="AF2871" s="23" t="s">
        <v>5331</v>
      </c>
      <c r="AG2871" s="26"/>
      <c r="AH2871" s="53"/>
    </row>
    <row r="2872" spans="1:34" ht="51.6" customHeight="1" x14ac:dyDescent="0.45">
      <c r="A2872" s="23">
        <v>2866</v>
      </c>
      <c r="B2872" s="25"/>
      <c r="C2872" s="25"/>
      <c r="D2872" s="29"/>
      <c r="E2872" s="1"/>
      <c r="F2872" s="1"/>
      <c r="G2872" s="25"/>
      <c r="H2872" s="71"/>
      <c r="I2872" s="83"/>
      <c r="J2872" s="50" t="str">
        <f t="shared" si="90"/>
        <v/>
      </c>
      <c r="K2872" s="23" t="s">
        <v>7120</v>
      </c>
      <c r="L2872" s="49" t="e">
        <f>VLOOKUP(E2872&amp;F2872,団体コード!$A$1:$C$1743,3,FALSE)</f>
        <v>#N/A</v>
      </c>
      <c r="M2872" s="49" t="e">
        <f>VLOOKUP(E2872&amp;F2872,団体コード!$A$1:$C$1743,2,FALSE)</f>
        <v>#N/A</v>
      </c>
      <c r="N2872" s="51" t="e">
        <f>VLOOKUP(E2872,団体コード!$E$1:$F$48,2,FALSE)</f>
        <v>#N/A</v>
      </c>
      <c r="O2872" s="51" t="e">
        <f t="shared" si="91"/>
        <v>#N/A</v>
      </c>
      <c r="P2872" s="51">
        <v>1</v>
      </c>
      <c r="Q2872" s="51" t="s">
        <v>5341</v>
      </c>
      <c r="R2872" s="54" t="b">
        <v>1</v>
      </c>
      <c r="S2872" s="52" t="s">
        <v>7126</v>
      </c>
      <c r="T2872" s="67" t="s">
        <v>7127</v>
      </c>
      <c r="U2872" s="75" t="s">
        <v>5331</v>
      </c>
      <c r="V2872" s="47" t="s">
        <v>5331</v>
      </c>
      <c r="W2872" s="47" t="s">
        <v>5331</v>
      </c>
      <c r="X2872" s="47" t="s">
        <v>5331</v>
      </c>
      <c r="Y2872" s="47" t="s">
        <v>5331</v>
      </c>
      <c r="Z2872" s="28"/>
      <c r="AA2872" s="27"/>
      <c r="AB2872" s="27"/>
      <c r="AC2872" s="27"/>
      <c r="AD2872" s="30"/>
      <c r="AE2872" s="1"/>
      <c r="AF2872" s="23" t="s">
        <v>5331</v>
      </c>
      <c r="AG2872" s="26"/>
      <c r="AH2872" s="53"/>
    </row>
    <row r="2873" spans="1:34" ht="51.6" customHeight="1" x14ac:dyDescent="0.45">
      <c r="A2873" s="23">
        <v>2867</v>
      </c>
      <c r="B2873" s="25"/>
      <c r="C2873" s="25"/>
      <c r="D2873" s="29"/>
      <c r="E2873" s="1"/>
      <c r="F2873" s="1"/>
      <c r="G2873" s="25"/>
      <c r="H2873" s="71"/>
      <c r="I2873" s="83"/>
      <c r="J2873" s="50" t="str">
        <f t="shared" si="90"/>
        <v/>
      </c>
      <c r="K2873" s="23" t="s">
        <v>7120</v>
      </c>
      <c r="L2873" s="49" t="e">
        <f>VLOOKUP(E2873&amp;F2873,団体コード!$A$1:$C$1743,3,FALSE)</f>
        <v>#N/A</v>
      </c>
      <c r="M2873" s="49" t="e">
        <f>VLOOKUP(E2873&amp;F2873,団体コード!$A$1:$C$1743,2,FALSE)</f>
        <v>#N/A</v>
      </c>
      <c r="N2873" s="51" t="e">
        <f>VLOOKUP(E2873,団体コード!$E$1:$F$48,2,FALSE)</f>
        <v>#N/A</v>
      </c>
      <c r="O2873" s="51" t="e">
        <f t="shared" si="91"/>
        <v>#N/A</v>
      </c>
      <c r="P2873" s="51">
        <v>1</v>
      </c>
      <c r="Q2873" s="51" t="s">
        <v>5341</v>
      </c>
      <c r="R2873" s="54" t="b">
        <v>1</v>
      </c>
      <c r="S2873" s="52" t="s">
        <v>7126</v>
      </c>
      <c r="T2873" s="67" t="s">
        <v>7127</v>
      </c>
      <c r="U2873" s="75" t="s">
        <v>5331</v>
      </c>
      <c r="V2873" s="47" t="s">
        <v>5331</v>
      </c>
      <c r="W2873" s="47" t="s">
        <v>5331</v>
      </c>
      <c r="X2873" s="47" t="s">
        <v>5331</v>
      </c>
      <c r="Y2873" s="47" t="s">
        <v>5331</v>
      </c>
      <c r="Z2873" s="28"/>
      <c r="AA2873" s="27"/>
      <c r="AB2873" s="27"/>
      <c r="AC2873" s="27"/>
      <c r="AD2873" s="30"/>
      <c r="AE2873" s="1"/>
      <c r="AF2873" s="23" t="s">
        <v>5331</v>
      </c>
      <c r="AG2873" s="26"/>
      <c r="AH2873" s="53"/>
    </row>
    <row r="2874" spans="1:34" ht="51.6" customHeight="1" x14ac:dyDescent="0.45">
      <c r="A2874" s="23">
        <v>2868</v>
      </c>
      <c r="B2874" s="25"/>
      <c r="C2874" s="25"/>
      <c r="D2874" s="29"/>
      <c r="E2874" s="1"/>
      <c r="F2874" s="1"/>
      <c r="G2874" s="25"/>
      <c r="H2874" s="71"/>
      <c r="I2874" s="83"/>
      <c r="J2874" s="50" t="str">
        <f t="shared" si="90"/>
        <v/>
      </c>
      <c r="K2874" s="23" t="s">
        <v>7120</v>
      </c>
      <c r="L2874" s="49" t="e">
        <f>VLOOKUP(E2874&amp;F2874,団体コード!$A$1:$C$1743,3,FALSE)</f>
        <v>#N/A</v>
      </c>
      <c r="M2874" s="49" t="e">
        <f>VLOOKUP(E2874&amp;F2874,団体コード!$A$1:$C$1743,2,FALSE)</f>
        <v>#N/A</v>
      </c>
      <c r="N2874" s="51" t="e">
        <f>VLOOKUP(E2874,団体コード!$E$1:$F$48,2,FALSE)</f>
        <v>#N/A</v>
      </c>
      <c r="O2874" s="51" t="e">
        <f t="shared" si="91"/>
        <v>#N/A</v>
      </c>
      <c r="P2874" s="51">
        <v>1</v>
      </c>
      <c r="Q2874" s="51" t="s">
        <v>5341</v>
      </c>
      <c r="R2874" s="54" t="b">
        <v>1</v>
      </c>
      <c r="S2874" s="52" t="s">
        <v>7126</v>
      </c>
      <c r="T2874" s="67" t="s">
        <v>7127</v>
      </c>
      <c r="U2874" s="75" t="s">
        <v>5331</v>
      </c>
      <c r="V2874" s="47" t="s">
        <v>5331</v>
      </c>
      <c r="W2874" s="47" t="s">
        <v>5331</v>
      </c>
      <c r="X2874" s="47" t="s">
        <v>5331</v>
      </c>
      <c r="Y2874" s="47" t="s">
        <v>5331</v>
      </c>
      <c r="Z2874" s="28"/>
      <c r="AA2874" s="27"/>
      <c r="AB2874" s="27"/>
      <c r="AC2874" s="27"/>
      <c r="AD2874" s="30"/>
      <c r="AE2874" s="1"/>
      <c r="AF2874" s="23" t="s">
        <v>5331</v>
      </c>
      <c r="AG2874" s="26"/>
      <c r="AH2874" s="53"/>
    </row>
    <row r="2875" spans="1:34" ht="51.6" customHeight="1" x14ac:dyDescent="0.45">
      <c r="A2875" s="23">
        <v>2869</v>
      </c>
      <c r="B2875" s="25"/>
      <c r="C2875" s="25"/>
      <c r="D2875" s="29"/>
      <c r="E2875" s="1"/>
      <c r="F2875" s="1"/>
      <c r="G2875" s="25"/>
      <c r="H2875" s="71"/>
      <c r="I2875" s="83"/>
      <c r="J2875" s="50" t="str">
        <f t="shared" si="90"/>
        <v/>
      </c>
      <c r="K2875" s="23" t="s">
        <v>7120</v>
      </c>
      <c r="L2875" s="49" t="e">
        <f>VLOOKUP(E2875&amp;F2875,団体コード!$A$1:$C$1743,3,FALSE)</f>
        <v>#N/A</v>
      </c>
      <c r="M2875" s="49" t="e">
        <f>VLOOKUP(E2875&amp;F2875,団体コード!$A$1:$C$1743,2,FALSE)</f>
        <v>#N/A</v>
      </c>
      <c r="N2875" s="51" t="e">
        <f>VLOOKUP(E2875,団体コード!$E$1:$F$48,2,FALSE)</f>
        <v>#N/A</v>
      </c>
      <c r="O2875" s="51" t="e">
        <f t="shared" si="91"/>
        <v>#N/A</v>
      </c>
      <c r="P2875" s="51">
        <v>1</v>
      </c>
      <c r="Q2875" s="51" t="s">
        <v>5341</v>
      </c>
      <c r="R2875" s="54" t="b">
        <v>1</v>
      </c>
      <c r="S2875" s="52" t="s">
        <v>7126</v>
      </c>
      <c r="T2875" s="67" t="s">
        <v>7127</v>
      </c>
      <c r="U2875" s="75" t="s">
        <v>5331</v>
      </c>
      <c r="V2875" s="47" t="s">
        <v>5331</v>
      </c>
      <c r="W2875" s="47" t="s">
        <v>5331</v>
      </c>
      <c r="X2875" s="47" t="s">
        <v>5331</v>
      </c>
      <c r="Y2875" s="47" t="s">
        <v>5331</v>
      </c>
      <c r="Z2875" s="28"/>
      <c r="AA2875" s="27"/>
      <c r="AB2875" s="27"/>
      <c r="AC2875" s="27"/>
      <c r="AD2875" s="30"/>
      <c r="AE2875" s="1"/>
      <c r="AF2875" s="23" t="s">
        <v>5331</v>
      </c>
      <c r="AG2875" s="26"/>
      <c r="AH2875" s="53"/>
    </row>
    <row r="2876" spans="1:34" ht="51.6" customHeight="1" x14ac:dyDescent="0.45">
      <c r="A2876" s="23">
        <v>2870</v>
      </c>
      <c r="B2876" s="25"/>
      <c r="C2876" s="25"/>
      <c r="D2876" s="29"/>
      <c r="E2876" s="1"/>
      <c r="F2876" s="1"/>
      <c r="G2876" s="25"/>
      <c r="H2876" s="71"/>
      <c r="I2876" s="83"/>
      <c r="J2876" s="50" t="str">
        <f t="shared" si="90"/>
        <v/>
      </c>
      <c r="K2876" s="23" t="s">
        <v>7120</v>
      </c>
      <c r="L2876" s="49" t="e">
        <f>VLOOKUP(E2876&amp;F2876,団体コード!$A$1:$C$1743,3,FALSE)</f>
        <v>#N/A</v>
      </c>
      <c r="M2876" s="49" t="e">
        <f>VLOOKUP(E2876&amp;F2876,団体コード!$A$1:$C$1743,2,FALSE)</f>
        <v>#N/A</v>
      </c>
      <c r="N2876" s="51" t="e">
        <f>VLOOKUP(E2876,団体コード!$E$1:$F$48,2,FALSE)</f>
        <v>#N/A</v>
      </c>
      <c r="O2876" s="51" t="e">
        <f t="shared" si="91"/>
        <v>#N/A</v>
      </c>
      <c r="P2876" s="51">
        <v>1</v>
      </c>
      <c r="Q2876" s="51" t="s">
        <v>5341</v>
      </c>
      <c r="R2876" s="54" t="b">
        <v>1</v>
      </c>
      <c r="S2876" s="52" t="s">
        <v>7126</v>
      </c>
      <c r="T2876" s="67" t="s">
        <v>7127</v>
      </c>
      <c r="U2876" s="75" t="s">
        <v>5331</v>
      </c>
      <c r="V2876" s="47" t="s">
        <v>5331</v>
      </c>
      <c r="W2876" s="47" t="s">
        <v>5331</v>
      </c>
      <c r="X2876" s="47" t="s">
        <v>5331</v>
      </c>
      <c r="Y2876" s="47" t="s">
        <v>5331</v>
      </c>
      <c r="Z2876" s="28"/>
      <c r="AA2876" s="27"/>
      <c r="AB2876" s="27"/>
      <c r="AC2876" s="27"/>
      <c r="AD2876" s="30"/>
      <c r="AE2876" s="1"/>
      <c r="AF2876" s="23" t="s">
        <v>5331</v>
      </c>
      <c r="AG2876" s="26"/>
      <c r="AH2876" s="53"/>
    </row>
    <row r="2877" spans="1:34" ht="51.6" customHeight="1" x14ac:dyDescent="0.45">
      <c r="A2877" s="23">
        <v>2871</v>
      </c>
      <c r="B2877" s="25"/>
      <c r="C2877" s="25"/>
      <c r="D2877" s="29"/>
      <c r="E2877" s="1"/>
      <c r="F2877" s="1"/>
      <c r="G2877" s="25"/>
      <c r="H2877" s="71"/>
      <c r="I2877" s="83"/>
      <c r="J2877" s="50" t="str">
        <f t="shared" si="90"/>
        <v/>
      </c>
      <c r="K2877" s="23" t="s">
        <v>7120</v>
      </c>
      <c r="L2877" s="49" t="e">
        <f>VLOOKUP(E2877&amp;F2877,団体コード!$A$1:$C$1743,3,FALSE)</f>
        <v>#N/A</v>
      </c>
      <c r="M2877" s="49" t="e">
        <f>VLOOKUP(E2877&amp;F2877,団体コード!$A$1:$C$1743,2,FALSE)</f>
        <v>#N/A</v>
      </c>
      <c r="N2877" s="51" t="e">
        <f>VLOOKUP(E2877,団体コード!$E$1:$F$48,2,FALSE)</f>
        <v>#N/A</v>
      </c>
      <c r="O2877" s="51" t="e">
        <f t="shared" si="91"/>
        <v>#N/A</v>
      </c>
      <c r="P2877" s="51">
        <v>1</v>
      </c>
      <c r="Q2877" s="51" t="s">
        <v>5341</v>
      </c>
      <c r="R2877" s="54" t="b">
        <v>1</v>
      </c>
      <c r="S2877" s="52" t="s">
        <v>7126</v>
      </c>
      <c r="T2877" s="67" t="s">
        <v>7127</v>
      </c>
      <c r="U2877" s="75" t="s">
        <v>5331</v>
      </c>
      <c r="V2877" s="47" t="s">
        <v>5331</v>
      </c>
      <c r="W2877" s="47" t="s">
        <v>5331</v>
      </c>
      <c r="X2877" s="47" t="s">
        <v>5331</v>
      </c>
      <c r="Y2877" s="47" t="s">
        <v>5331</v>
      </c>
      <c r="Z2877" s="28"/>
      <c r="AA2877" s="27"/>
      <c r="AB2877" s="27"/>
      <c r="AC2877" s="27"/>
      <c r="AD2877" s="30"/>
      <c r="AE2877" s="1"/>
      <c r="AF2877" s="23" t="s">
        <v>5331</v>
      </c>
      <c r="AG2877" s="26"/>
      <c r="AH2877" s="53"/>
    </row>
    <row r="2878" spans="1:34" ht="51.6" customHeight="1" x14ac:dyDescent="0.45">
      <c r="A2878" s="23">
        <v>2872</v>
      </c>
      <c r="B2878" s="25"/>
      <c r="C2878" s="25"/>
      <c r="D2878" s="29"/>
      <c r="E2878" s="1"/>
      <c r="F2878" s="1"/>
      <c r="G2878" s="25"/>
      <c r="H2878" s="71"/>
      <c r="I2878" s="83"/>
      <c r="J2878" s="50" t="str">
        <f t="shared" si="90"/>
        <v/>
      </c>
      <c r="K2878" s="23" t="s">
        <v>7120</v>
      </c>
      <c r="L2878" s="49" t="e">
        <f>VLOOKUP(E2878&amp;F2878,団体コード!$A$1:$C$1743,3,FALSE)</f>
        <v>#N/A</v>
      </c>
      <c r="M2878" s="49" t="e">
        <f>VLOOKUP(E2878&amp;F2878,団体コード!$A$1:$C$1743,2,FALSE)</f>
        <v>#N/A</v>
      </c>
      <c r="N2878" s="51" t="e">
        <f>VLOOKUP(E2878,団体コード!$E$1:$F$48,2,FALSE)</f>
        <v>#N/A</v>
      </c>
      <c r="O2878" s="51" t="e">
        <f t="shared" si="91"/>
        <v>#N/A</v>
      </c>
      <c r="P2878" s="51">
        <v>1</v>
      </c>
      <c r="Q2878" s="51" t="s">
        <v>5341</v>
      </c>
      <c r="R2878" s="54" t="b">
        <v>1</v>
      </c>
      <c r="S2878" s="52" t="s">
        <v>7126</v>
      </c>
      <c r="T2878" s="67" t="s">
        <v>7127</v>
      </c>
      <c r="U2878" s="75" t="s">
        <v>5331</v>
      </c>
      <c r="V2878" s="47" t="s">
        <v>5331</v>
      </c>
      <c r="W2878" s="47" t="s">
        <v>5331</v>
      </c>
      <c r="X2878" s="47" t="s">
        <v>5331</v>
      </c>
      <c r="Y2878" s="47" t="s">
        <v>5331</v>
      </c>
      <c r="Z2878" s="28"/>
      <c r="AA2878" s="27"/>
      <c r="AB2878" s="27"/>
      <c r="AC2878" s="27"/>
      <c r="AD2878" s="30"/>
      <c r="AE2878" s="1"/>
      <c r="AF2878" s="23" t="s">
        <v>5331</v>
      </c>
      <c r="AG2878" s="26"/>
      <c r="AH2878" s="53"/>
    </row>
    <row r="2879" spans="1:34" ht="51.6" customHeight="1" x14ac:dyDescent="0.45">
      <c r="A2879" s="23">
        <v>2873</v>
      </c>
      <c r="B2879" s="25"/>
      <c r="C2879" s="25"/>
      <c r="D2879" s="29"/>
      <c r="E2879" s="1"/>
      <c r="F2879" s="1"/>
      <c r="G2879" s="25"/>
      <c r="H2879" s="71"/>
      <c r="I2879" s="83"/>
      <c r="J2879" s="50" t="str">
        <f t="shared" si="90"/>
        <v/>
      </c>
      <c r="K2879" s="23" t="s">
        <v>7120</v>
      </c>
      <c r="L2879" s="49" t="e">
        <f>VLOOKUP(E2879&amp;F2879,団体コード!$A$1:$C$1743,3,FALSE)</f>
        <v>#N/A</v>
      </c>
      <c r="M2879" s="49" t="e">
        <f>VLOOKUP(E2879&amp;F2879,団体コード!$A$1:$C$1743,2,FALSE)</f>
        <v>#N/A</v>
      </c>
      <c r="N2879" s="51" t="e">
        <f>VLOOKUP(E2879,団体コード!$E$1:$F$48,2,FALSE)</f>
        <v>#N/A</v>
      </c>
      <c r="O2879" s="51" t="e">
        <f t="shared" si="91"/>
        <v>#N/A</v>
      </c>
      <c r="P2879" s="51">
        <v>1</v>
      </c>
      <c r="Q2879" s="51" t="s">
        <v>5341</v>
      </c>
      <c r="R2879" s="54" t="b">
        <v>1</v>
      </c>
      <c r="S2879" s="52" t="s">
        <v>7126</v>
      </c>
      <c r="T2879" s="67" t="s">
        <v>7127</v>
      </c>
      <c r="U2879" s="75" t="s">
        <v>5331</v>
      </c>
      <c r="V2879" s="47" t="s">
        <v>5331</v>
      </c>
      <c r="W2879" s="47" t="s">
        <v>5331</v>
      </c>
      <c r="X2879" s="47" t="s">
        <v>5331</v>
      </c>
      <c r="Y2879" s="47" t="s">
        <v>5331</v>
      </c>
      <c r="Z2879" s="28"/>
      <c r="AA2879" s="27"/>
      <c r="AB2879" s="27"/>
      <c r="AC2879" s="27"/>
      <c r="AD2879" s="30"/>
      <c r="AE2879" s="1"/>
      <c r="AF2879" s="23" t="s">
        <v>5331</v>
      </c>
      <c r="AG2879" s="26"/>
      <c r="AH2879" s="53"/>
    </row>
    <row r="2880" spans="1:34" ht="51.6" customHeight="1" x14ac:dyDescent="0.45">
      <c r="A2880" s="23">
        <v>2874</v>
      </c>
      <c r="B2880" s="25"/>
      <c r="C2880" s="25"/>
      <c r="D2880" s="29"/>
      <c r="E2880" s="1"/>
      <c r="F2880" s="1"/>
      <c r="G2880" s="25"/>
      <c r="H2880" s="71"/>
      <c r="I2880" s="83"/>
      <c r="J2880" s="50" t="str">
        <f t="shared" si="90"/>
        <v/>
      </c>
      <c r="K2880" s="23" t="s">
        <v>7120</v>
      </c>
      <c r="L2880" s="49" t="e">
        <f>VLOOKUP(E2880&amp;F2880,団体コード!$A$1:$C$1743,3,FALSE)</f>
        <v>#N/A</v>
      </c>
      <c r="M2880" s="49" t="e">
        <f>VLOOKUP(E2880&amp;F2880,団体コード!$A$1:$C$1743,2,FALSE)</f>
        <v>#N/A</v>
      </c>
      <c r="N2880" s="51" t="e">
        <f>VLOOKUP(E2880,団体コード!$E$1:$F$48,2,FALSE)</f>
        <v>#N/A</v>
      </c>
      <c r="O2880" s="51" t="e">
        <f t="shared" si="91"/>
        <v>#N/A</v>
      </c>
      <c r="P2880" s="51">
        <v>1</v>
      </c>
      <c r="Q2880" s="51" t="s">
        <v>5341</v>
      </c>
      <c r="R2880" s="54" t="b">
        <v>1</v>
      </c>
      <c r="S2880" s="52" t="s">
        <v>7126</v>
      </c>
      <c r="T2880" s="67" t="s">
        <v>7127</v>
      </c>
      <c r="U2880" s="75" t="s">
        <v>5331</v>
      </c>
      <c r="V2880" s="47" t="s">
        <v>5331</v>
      </c>
      <c r="W2880" s="47" t="s">
        <v>5331</v>
      </c>
      <c r="X2880" s="47" t="s">
        <v>5331</v>
      </c>
      <c r="Y2880" s="47" t="s">
        <v>5331</v>
      </c>
      <c r="Z2880" s="28"/>
      <c r="AA2880" s="27"/>
      <c r="AB2880" s="27"/>
      <c r="AC2880" s="27"/>
      <c r="AD2880" s="30"/>
      <c r="AE2880" s="1"/>
      <c r="AF2880" s="23" t="s">
        <v>5331</v>
      </c>
      <c r="AG2880" s="26"/>
      <c r="AH2880" s="53"/>
    </row>
    <row r="2881" spans="1:34" ht="51.6" customHeight="1" x14ac:dyDescent="0.45">
      <c r="A2881" s="23">
        <v>2875</v>
      </c>
      <c r="B2881" s="25"/>
      <c r="C2881" s="25"/>
      <c r="D2881" s="29"/>
      <c r="E2881" s="1"/>
      <c r="F2881" s="1"/>
      <c r="G2881" s="25"/>
      <c r="H2881" s="71"/>
      <c r="I2881" s="83"/>
      <c r="J2881" s="50" t="str">
        <f t="shared" si="90"/>
        <v/>
      </c>
      <c r="K2881" s="23" t="s">
        <v>7120</v>
      </c>
      <c r="L2881" s="49" t="e">
        <f>VLOOKUP(E2881&amp;F2881,団体コード!$A$1:$C$1743,3,FALSE)</f>
        <v>#N/A</v>
      </c>
      <c r="M2881" s="49" t="e">
        <f>VLOOKUP(E2881&amp;F2881,団体コード!$A$1:$C$1743,2,FALSE)</f>
        <v>#N/A</v>
      </c>
      <c r="N2881" s="51" t="e">
        <f>VLOOKUP(E2881,団体コード!$E$1:$F$48,2,FALSE)</f>
        <v>#N/A</v>
      </c>
      <c r="O2881" s="51" t="e">
        <f t="shared" si="91"/>
        <v>#N/A</v>
      </c>
      <c r="P2881" s="51">
        <v>1</v>
      </c>
      <c r="Q2881" s="51" t="s">
        <v>5341</v>
      </c>
      <c r="R2881" s="54" t="b">
        <v>1</v>
      </c>
      <c r="S2881" s="52" t="s">
        <v>7126</v>
      </c>
      <c r="T2881" s="67" t="s">
        <v>7127</v>
      </c>
      <c r="U2881" s="75" t="s">
        <v>5331</v>
      </c>
      <c r="V2881" s="47" t="s">
        <v>5331</v>
      </c>
      <c r="W2881" s="47" t="s">
        <v>5331</v>
      </c>
      <c r="X2881" s="47" t="s">
        <v>5331</v>
      </c>
      <c r="Y2881" s="47" t="s">
        <v>5331</v>
      </c>
      <c r="Z2881" s="28"/>
      <c r="AA2881" s="27"/>
      <c r="AB2881" s="27"/>
      <c r="AC2881" s="27"/>
      <c r="AD2881" s="30"/>
      <c r="AE2881" s="1"/>
      <c r="AF2881" s="23" t="s">
        <v>5331</v>
      </c>
      <c r="AG2881" s="26"/>
      <c r="AH2881" s="53"/>
    </row>
    <row r="2882" spans="1:34" ht="51.6" customHeight="1" x14ac:dyDescent="0.45">
      <c r="A2882" s="23">
        <v>2876</v>
      </c>
      <c r="B2882" s="25"/>
      <c r="C2882" s="25"/>
      <c r="D2882" s="29"/>
      <c r="E2882" s="1"/>
      <c r="F2882" s="1"/>
      <c r="G2882" s="25"/>
      <c r="H2882" s="71"/>
      <c r="I2882" s="83"/>
      <c r="J2882" s="50" t="str">
        <f t="shared" si="90"/>
        <v/>
      </c>
      <c r="K2882" s="23" t="s">
        <v>7120</v>
      </c>
      <c r="L2882" s="49" t="e">
        <f>VLOOKUP(E2882&amp;F2882,団体コード!$A$1:$C$1743,3,FALSE)</f>
        <v>#N/A</v>
      </c>
      <c r="M2882" s="49" t="e">
        <f>VLOOKUP(E2882&amp;F2882,団体コード!$A$1:$C$1743,2,FALSE)</f>
        <v>#N/A</v>
      </c>
      <c r="N2882" s="51" t="e">
        <f>VLOOKUP(E2882,団体コード!$E$1:$F$48,2,FALSE)</f>
        <v>#N/A</v>
      </c>
      <c r="O2882" s="51" t="e">
        <f t="shared" si="91"/>
        <v>#N/A</v>
      </c>
      <c r="P2882" s="51">
        <v>1</v>
      </c>
      <c r="Q2882" s="51" t="s">
        <v>5341</v>
      </c>
      <c r="R2882" s="54" t="b">
        <v>1</v>
      </c>
      <c r="S2882" s="52" t="s">
        <v>7126</v>
      </c>
      <c r="T2882" s="67" t="s">
        <v>7127</v>
      </c>
      <c r="U2882" s="75" t="s">
        <v>5331</v>
      </c>
      <c r="V2882" s="47" t="s">
        <v>5331</v>
      </c>
      <c r="W2882" s="47" t="s">
        <v>5331</v>
      </c>
      <c r="X2882" s="47" t="s">
        <v>5331</v>
      </c>
      <c r="Y2882" s="47" t="s">
        <v>5331</v>
      </c>
      <c r="Z2882" s="28"/>
      <c r="AA2882" s="27"/>
      <c r="AB2882" s="27"/>
      <c r="AC2882" s="27"/>
      <c r="AD2882" s="30"/>
      <c r="AE2882" s="1"/>
      <c r="AF2882" s="23" t="s">
        <v>5331</v>
      </c>
      <c r="AG2882" s="26"/>
      <c r="AH2882" s="53"/>
    </row>
    <row r="2883" spans="1:34" ht="51.6" customHeight="1" x14ac:dyDescent="0.45">
      <c r="A2883" s="23">
        <v>2877</v>
      </c>
      <c r="B2883" s="25"/>
      <c r="C2883" s="25"/>
      <c r="D2883" s="29"/>
      <c r="E2883" s="1"/>
      <c r="F2883" s="1"/>
      <c r="G2883" s="25"/>
      <c r="H2883" s="71"/>
      <c r="I2883" s="83"/>
      <c r="J2883" s="50" t="str">
        <f t="shared" si="90"/>
        <v/>
      </c>
      <c r="K2883" s="23" t="s">
        <v>7120</v>
      </c>
      <c r="L2883" s="49" t="e">
        <f>VLOOKUP(E2883&amp;F2883,団体コード!$A$1:$C$1743,3,FALSE)</f>
        <v>#N/A</v>
      </c>
      <c r="M2883" s="49" t="e">
        <f>VLOOKUP(E2883&amp;F2883,団体コード!$A$1:$C$1743,2,FALSE)</f>
        <v>#N/A</v>
      </c>
      <c r="N2883" s="51" t="e">
        <f>VLOOKUP(E2883,団体コード!$E$1:$F$48,2,FALSE)</f>
        <v>#N/A</v>
      </c>
      <c r="O2883" s="51" t="e">
        <f t="shared" si="91"/>
        <v>#N/A</v>
      </c>
      <c r="P2883" s="51">
        <v>1</v>
      </c>
      <c r="Q2883" s="51" t="s">
        <v>5341</v>
      </c>
      <c r="R2883" s="54" t="b">
        <v>1</v>
      </c>
      <c r="S2883" s="52" t="s">
        <v>7126</v>
      </c>
      <c r="T2883" s="67" t="s">
        <v>7127</v>
      </c>
      <c r="U2883" s="75" t="s">
        <v>5331</v>
      </c>
      <c r="V2883" s="47" t="s">
        <v>5331</v>
      </c>
      <c r="W2883" s="47" t="s">
        <v>5331</v>
      </c>
      <c r="X2883" s="47" t="s">
        <v>5331</v>
      </c>
      <c r="Y2883" s="47" t="s">
        <v>5331</v>
      </c>
      <c r="Z2883" s="28"/>
      <c r="AA2883" s="27"/>
      <c r="AB2883" s="27"/>
      <c r="AC2883" s="27"/>
      <c r="AD2883" s="30"/>
      <c r="AE2883" s="1"/>
      <c r="AF2883" s="23" t="s">
        <v>5331</v>
      </c>
      <c r="AG2883" s="26"/>
      <c r="AH2883" s="53"/>
    </row>
    <row r="2884" spans="1:34" ht="51.6" customHeight="1" x14ac:dyDescent="0.45">
      <c r="A2884" s="23">
        <v>2878</v>
      </c>
      <c r="B2884" s="25"/>
      <c r="C2884" s="25"/>
      <c r="D2884" s="29"/>
      <c r="E2884" s="1"/>
      <c r="F2884" s="1"/>
      <c r="G2884" s="25"/>
      <c r="H2884" s="71"/>
      <c r="I2884" s="83"/>
      <c r="J2884" s="50" t="str">
        <f t="shared" si="90"/>
        <v/>
      </c>
      <c r="K2884" s="23" t="s">
        <v>7120</v>
      </c>
      <c r="L2884" s="49" t="e">
        <f>VLOOKUP(E2884&amp;F2884,団体コード!$A$1:$C$1743,3,FALSE)</f>
        <v>#N/A</v>
      </c>
      <c r="M2884" s="49" t="e">
        <f>VLOOKUP(E2884&amp;F2884,団体コード!$A$1:$C$1743,2,FALSE)</f>
        <v>#N/A</v>
      </c>
      <c r="N2884" s="51" t="e">
        <f>VLOOKUP(E2884,団体コード!$E$1:$F$48,2,FALSE)</f>
        <v>#N/A</v>
      </c>
      <c r="O2884" s="51" t="e">
        <f t="shared" si="91"/>
        <v>#N/A</v>
      </c>
      <c r="P2884" s="51">
        <v>1</v>
      </c>
      <c r="Q2884" s="51" t="s">
        <v>5341</v>
      </c>
      <c r="R2884" s="54" t="b">
        <v>1</v>
      </c>
      <c r="S2884" s="52" t="s">
        <v>7126</v>
      </c>
      <c r="T2884" s="67" t="s">
        <v>7127</v>
      </c>
      <c r="U2884" s="75" t="s">
        <v>5331</v>
      </c>
      <c r="V2884" s="47" t="s">
        <v>5331</v>
      </c>
      <c r="W2884" s="47" t="s">
        <v>5331</v>
      </c>
      <c r="X2884" s="47" t="s">
        <v>5331</v>
      </c>
      <c r="Y2884" s="47" t="s">
        <v>5331</v>
      </c>
      <c r="Z2884" s="28"/>
      <c r="AA2884" s="27"/>
      <c r="AB2884" s="27"/>
      <c r="AC2884" s="27"/>
      <c r="AD2884" s="30"/>
      <c r="AE2884" s="1"/>
      <c r="AF2884" s="23" t="s">
        <v>5331</v>
      </c>
      <c r="AG2884" s="26"/>
      <c r="AH2884" s="53"/>
    </row>
    <row r="2885" spans="1:34" ht="51.6" customHeight="1" x14ac:dyDescent="0.45">
      <c r="A2885" s="23">
        <v>2879</v>
      </c>
      <c r="B2885" s="25"/>
      <c r="C2885" s="25"/>
      <c r="D2885" s="29"/>
      <c r="E2885" s="1"/>
      <c r="F2885" s="1"/>
      <c r="G2885" s="25"/>
      <c r="H2885" s="71"/>
      <c r="I2885" s="83"/>
      <c r="J2885" s="50" t="str">
        <f t="shared" si="90"/>
        <v/>
      </c>
      <c r="K2885" s="23" t="s">
        <v>7120</v>
      </c>
      <c r="L2885" s="49" t="e">
        <f>VLOOKUP(E2885&amp;F2885,団体コード!$A$1:$C$1743,3,FALSE)</f>
        <v>#N/A</v>
      </c>
      <c r="M2885" s="49" t="e">
        <f>VLOOKUP(E2885&amp;F2885,団体コード!$A$1:$C$1743,2,FALSE)</f>
        <v>#N/A</v>
      </c>
      <c r="N2885" s="51" t="e">
        <f>VLOOKUP(E2885,団体コード!$E$1:$F$48,2,FALSE)</f>
        <v>#N/A</v>
      </c>
      <c r="O2885" s="51" t="e">
        <f t="shared" si="91"/>
        <v>#N/A</v>
      </c>
      <c r="P2885" s="51">
        <v>1</v>
      </c>
      <c r="Q2885" s="51" t="s">
        <v>5341</v>
      </c>
      <c r="R2885" s="54" t="b">
        <v>1</v>
      </c>
      <c r="S2885" s="52" t="s">
        <v>7126</v>
      </c>
      <c r="T2885" s="67" t="s">
        <v>7127</v>
      </c>
      <c r="U2885" s="75" t="s">
        <v>5331</v>
      </c>
      <c r="V2885" s="47" t="s">
        <v>5331</v>
      </c>
      <c r="W2885" s="47" t="s">
        <v>5331</v>
      </c>
      <c r="X2885" s="47" t="s">
        <v>5331</v>
      </c>
      <c r="Y2885" s="47" t="s">
        <v>5331</v>
      </c>
      <c r="Z2885" s="28"/>
      <c r="AA2885" s="27"/>
      <c r="AB2885" s="27"/>
      <c r="AC2885" s="27"/>
      <c r="AD2885" s="30"/>
      <c r="AE2885" s="1"/>
      <c r="AF2885" s="23" t="s">
        <v>5331</v>
      </c>
      <c r="AG2885" s="26"/>
      <c r="AH2885" s="53"/>
    </row>
    <row r="2886" spans="1:34" ht="51.6" customHeight="1" x14ac:dyDescent="0.45">
      <c r="A2886" s="23">
        <v>2880</v>
      </c>
      <c r="B2886" s="25"/>
      <c r="C2886" s="25"/>
      <c r="D2886" s="29"/>
      <c r="E2886" s="1"/>
      <c r="F2886" s="1"/>
      <c r="G2886" s="25"/>
      <c r="H2886" s="71"/>
      <c r="I2886" s="83"/>
      <c r="J2886" s="50" t="str">
        <f t="shared" si="90"/>
        <v/>
      </c>
      <c r="K2886" s="23" t="s">
        <v>7120</v>
      </c>
      <c r="L2886" s="49" t="e">
        <f>VLOOKUP(E2886&amp;F2886,団体コード!$A$1:$C$1743,3,FALSE)</f>
        <v>#N/A</v>
      </c>
      <c r="M2886" s="49" t="e">
        <f>VLOOKUP(E2886&amp;F2886,団体コード!$A$1:$C$1743,2,FALSE)</f>
        <v>#N/A</v>
      </c>
      <c r="N2886" s="51" t="e">
        <f>VLOOKUP(E2886,団体コード!$E$1:$F$48,2,FALSE)</f>
        <v>#N/A</v>
      </c>
      <c r="O2886" s="51" t="e">
        <f t="shared" si="91"/>
        <v>#N/A</v>
      </c>
      <c r="P2886" s="51">
        <v>1</v>
      </c>
      <c r="Q2886" s="51" t="s">
        <v>5341</v>
      </c>
      <c r="R2886" s="54" t="b">
        <v>1</v>
      </c>
      <c r="S2886" s="52" t="s">
        <v>7126</v>
      </c>
      <c r="T2886" s="67" t="s">
        <v>7127</v>
      </c>
      <c r="U2886" s="75" t="s">
        <v>5331</v>
      </c>
      <c r="V2886" s="47" t="s">
        <v>5331</v>
      </c>
      <c r="W2886" s="47" t="s">
        <v>5331</v>
      </c>
      <c r="X2886" s="47" t="s">
        <v>5331</v>
      </c>
      <c r="Y2886" s="47" t="s">
        <v>5331</v>
      </c>
      <c r="Z2886" s="28"/>
      <c r="AA2886" s="27"/>
      <c r="AB2886" s="27"/>
      <c r="AC2886" s="27"/>
      <c r="AD2886" s="30"/>
      <c r="AE2886" s="1"/>
      <c r="AF2886" s="23" t="s">
        <v>5331</v>
      </c>
      <c r="AG2886" s="26"/>
      <c r="AH2886" s="53"/>
    </row>
    <row r="2887" spans="1:34" ht="51.6" customHeight="1" x14ac:dyDescent="0.45">
      <c r="A2887" s="23">
        <v>2881</v>
      </c>
      <c r="B2887" s="25"/>
      <c r="C2887" s="25"/>
      <c r="D2887" s="29"/>
      <c r="E2887" s="1"/>
      <c r="F2887" s="1"/>
      <c r="G2887" s="25"/>
      <c r="H2887" s="71"/>
      <c r="I2887" s="83"/>
      <c r="J2887" s="50" t="str">
        <f t="shared" si="90"/>
        <v/>
      </c>
      <c r="K2887" s="23" t="s">
        <v>7120</v>
      </c>
      <c r="L2887" s="49" t="e">
        <f>VLOOKUP(E2887&amp;F2887,団体コード!$A$1:$C$1743,3,FALSE)</f>
        <v>#N/A</v>
      </c>
      <c r="M2887" s="49" t="e">
        <f>VLOOKUP(E2887&amp;F2887,団体コード!$A$1:$C$1743,2,FALSE)</f>
        <v>#N/A</v>
      </c>
      <c r="N2887" s="51" t="e">
        <f>VLOOKUP(E2887,団体コード!$E$1:$F$48,2,FALSE)</f>
        <v>#N/A</v>
      </c>
      <c r="O2887" s="51" t="e">
        <f t="shared" si="91"/>
        <v>#N/A</v>
      </c>
      <c r="P2887" s="51">
        <v>1</v>
      </c>
      <c r="Q2887" s="51" t="s">
        <v>5341</v>
      </c>
      <c r="R2887" s="54" t="b">
        <v>1</v>
      </c>
      <c r="S2887" s="52" t="s">
        <v>7126</v>
      </c>
      <c r="T2887" s="67" t="s">
        <v>7127</v>
      </c>
      <c r="U2887" s="75" t="s">
        <v>5331</v>
      </c>
      <c r="V2887" s="47" t="s">
        <v>5331</v>
      </c>
      <c r="W2887" s="47" t="s">
        <v>5331</v>
      </c>
      <c r="X2887" s="47" t="s">
        <v>5331</v>
      </c>
      <c r="Y2887" s="47" t="s">
        <v>5331</v>
      </c>
      <c r="Z2887" s="28"/>
      <c r="AA2887" s="27"/>
      <c r="AB2887" s="27"/>
      <c r="AC2887" s="27"/>
      <c r="AD2887" s="30"/>
      <c r="AE2887" s="1"/>
      <c r="AF2887" s="23" t="s">
        <v>5331</v>
      </c>
      <c r="AG2887" s="26"/>
      <c r="AH2887" s="53"/>
    </row>
    <row r="2888" spans="1:34" ht="51.6" customHeight="1" x14ac:dyDescent="0.45">
      <c r="A2888" s="23">
        <v>2882</v>
      </c>
      <c r="B2888" s="25"/>
      <c r="C2888" s="25"/>
      <c r="D2888" s="29"/>
      <c r="E2888" s="1"/>
      <c r="F2888" s="1"/>
      <c r="G2888" s="25"/>
      <c r="H2888" s="71"/>
      <c r="I2888" s="83"/>
      <c r="J2888" s="50" t="str">
        <f t="shared" ref="J2888:J2951" si="92">E2888&amp;F2888&amp;G2888</f>
        <v/>
      </c>
      <c r="K2888" s="23" t="s">
        <v>7120</v>
      </c>
      <c r="L2888" s="49" t="e">
        <f>VLOOKUP(E2888&amp;F2888,団体コード!$A$1:$C$1743,3,FALSE)</f>
        <v>#N/A</v>
      </c>
      <c r="M2888" s="49" t="e">
        <f>VLOOKUP(E2888&amp;F2888,団体コード!$A$1:$C$1743,2,FALSE)</f>
        <v>#N/A</v>
      </c>
      <c r="N2888" s="51" t="e">
        <f>VLOOKUP(E2888,団体コード!$E$1:$F$48,2,FALSE)</f>
        <v>#N/A</v>
      </c>
      <c r="O2888" s="51" t="e">
        <f t="shared" ref="O2888:O2951" si="93">N2888</f>
        <v>#N/A</v>
      </c>
      <c r="P2888" s="51">
        <v>1</v>
      </c>
      <c r="Q2888" s="51" t="s">
        <v>5341</v>
      </c>
      <c r="R2888" s="54" t="b">
        <v>1</v>
      </c>
      <c r="S2888" s="52" t="s">
        <v>7126</v>
      </c>
      <c r="T2888" s="67" t="s">
        <v>7127</v>
      </c>
      <c r="U2888" s="75" t="s">
        <v>5331</v>
      </c>
      <c r="V2888" s="47" t="s">
        <v>5331</v>
      </c>
      <c r="W2888" s="47" t="s">
        <v>5331</v>
      </c>
      <c r="X2888" s="47" t="s">
        <v>5331</v>
      </c>
      <c r="Y2888" s="47" t="s">
        <v>5331</v>
      </c>
      <c r="Z2888" s="28"/>
      <c r="AA2888" s="27"/>
      <c r="AB2888" s="27"/>
      <c r="AC2888" s="27"/>
      <c r="AD2888" s="30"/>
      <c r="AE2888" s="1"/>
      <c r="AF2888" s="23" t="s">
        <v>5331</v>
      </c>
      <c r="AG2888" s="26"/>
      <c r="AH2888" s="53"/>
    </row>
    <row r="2889" spans="1:34" ht="51.6" customHeight="1" x14ac:dyDescent="0.45">
      <c r="A2889" s="23">
        <v>2883</v>
      </c>
      <c r="B2889" s="25"/>
      <c r="C2889" s="25"/>
      <c r="D2889" s="29"/>
      <c r="E2889" s="1"/>
      <c r="F2889" s="1"/>
      <c r="G2889" s="25"/>
      <c r="H2889" s="71"/>
      <c r="I2889" s="83"/>
      <c r="J2889" s="50" t="str">
        <f t="shared" si="92"/>
        <v/>
      </c>
      <c r="K2889" s="23" t="s">
        <v>7120</v>
      </c>
      <c r="L2889" s="49" t="e">
        <f>VLOOKUP(E2889&amp;F2889,団体コード!$A$1:$C$1743,3,FALSE)</f>
        <v>#N/A</v>
      </c>
      <c r="M2889" s="49" t="e">
        <f>VLOOKUP(E2889&amp;F2889,団体コード!$A$1:$C$1743,2,FALSE)</f>
        <v>#N/A</v>
      </c>
      <c r="N2889" s="51" t="e">
        <f>VLOOKUP(E2889,団体コード!$E$1:$F$48,2,FALSE)</f>
        <v>#N/A</v>
      </c>
      <c r="O2889" s="51" t="e">
        <f t="shared" si="93"/>
        <v>#N/A</v>
      </c>
      <c r="P2889" s="51">
        <v>1</v>
      </c>
      <c r="Q2889" s="51" t="s">
        <v>5341</v>
      </c>
      <c r="R2889" s="54" t="b">
        <v>1</v>
      </c>
      <c r="S2889" s="52" t="s">
        <v>7126</v>
      </c>
      <c r="T2889" s="67" t="s">
        <v>7127</v>
      </c>
      <c r="U2889" s="75" t="s">
        <v>5331</v>
      </c>
      <c r="V2889" s="47" t="s">
        <v>5331</v>
      </c>
      <c r="W2889" s="47" t="s">
        <v>5331</v>
      </c>
      <c r="X2889" s="47" t="s">
        <v>5331</v>
      </c>
      <c r="Y2889" s="47" t="s">
        <v>5331</v>
      </c>
      <c r="Z2889" s="28"/>
      <c r="AA2889" s="27"/>
      <c r="AB2889" s="27"/>
      <c r="AC2889" s="27"/>
      <c r="AD2889" s="30"/>
      <c r="AE2889" s="1"/>
      <c r="AF2889" s="23" t="s">
        <v>5331</v>
      </c>
      <c r="AG2889" s="26"/>
      <c r="AH2889" s="53"/>
    </row>
    <row r="2890" spans="1:34" ht="51.6" customHeight="1" x14ac:dyDescent="0.45">
      <c r="A2890" s="23">
        <v>2884</v>
      </c>
      <c r="B2890" s="25"/>
      <c r="C2890" s="25"/>
      <c r="D2890" s="29"/>
      <c r="E2890" s="1"/>
      <c r="F2890" s="1"/>
      <c r="G2890" s="25"/>
      <c r="H2890" s="71"/>
      <c r="I2890" s="83"/>
      <c r="J2890" s="50" t="str">
        <f t="shared" si="92"/>
        <v/>
      </c>
      <c r="K2890" s="23" t="s">
        <v>7120</v>
      </c>
      <c r="L2890" s="49" t="e">
        <f>VLOOKUP(E2890&amp;F2890,団体コード!$A$1:$C$1743,3,FALSE)</f>
        <v>#N/A</v>
      </c>
      <c r="M2890" s="49" t="e">
        <f>VLOOKUP(E2890&amp;F2890,団体コード!$A$1:$C$1743,2,FALSE)</f>
        <v>#N/A</v>
      </c>
      <c r="N2890" s="51" t="e">
        <f>VLOOKUP(E2890,団体コード!$E$1:$F$48,2,FALSE)</f>
        <v>#N/A</v>
      </c>
      <c r="O2890" s="51" t="e">
        <f t="shared" si="93"/>
        <v>#N/A</v>
      </c>
      <c r="P2890" s="51">
        <v>1</v>
      </c>
      <c r="Q2890" s="51" t="s">
        <v>5341</v>
      </c>
      <c r="R2890" s="54" t="b">
        <v>1</v>
      </c>
      <c r="S2890" s="52" t="s">
        <v>7126</v>
      </c>
      <c r="T2890" s="67" t="s">
        <v>7127</v>
      </c>
      <c r="U2890" s="75" t="s">
        <v>5331</v>
      </c>
      <c r="V2890" s="47" t="s">
        <v>5331</v>
      </c>
      <c r="W2890" s="47" t="s">
        <v>5331</v>
      </c>
      <c r="X2890" s="47" t="s">
        <v>5331</v>
      </c>
      <c r="Y2890" s="47" t="s">
        <v>5331</v>
      </c>
      <c r="Z2890" s="28"/>
      <c r="AA2890" s="27"/>
      <c r="AB2890" s="27"/>
      <c r="AC2890" s="27"/>
      <c r="AD2890" s="30"/>
      <c r="AE2890" s="1"/>
      <c r="AF2890" s="23" t="s">
        <v>5331</v>
      </c>
      <c r="AG2890" s="26"/>
      <c r="AH2890" s="53"/>
    </row>
    <row r="2891" spans="1:34" ht="51.6" customHeight="1" x14ac:dyDescent="0.45">
      <c r="A2891" s="23">
        <v>2885</v>
      </c>
      <c r="B2891" s="25"/>
      <c r="C2891" s="25"/>
      <c r="D2891" s="29"/>
      <c r="E2891" s="1"/>
      <c r="F2891" s="1"/>
      <c r="G2891" s="25"/>
      <c r="H2891" s="71"/>
      <c r="I2891" s="83"/>
      <c r="J2891" s="50" t="str">
        <f t="shared" si="92"/>
        <v/>
      </c>
      <c r="K2891" s="23" t="s">
        <v>7120</v>
      </c>
      <c r="L2891" s="49" t="e">
        <f>VLOOKUP(E2891&amp;F2891,団体コード!$A$1:$C$1743,3,FALSE)</f>
        <v>#N/A</v>
      </c>
      <c r="M2891" s="49" t="e">
        <f>VLOOKUP(E2891&amp;F2891,団体コード!$A$1:$C$1743,2,FALSE)</f>
        <v>#N/A</v>
      </c>
      <c r="N2891" s="51" t="e">
        <f>VLOOKUP(E2891,団体コード!$E$1:$F$48,2,FALSE)</f>
        <v>#N/A</v>
      </c>
      <c r="O2891" s="51" t="e">
        <f t="shared" si="93"/>
        <v>#N/A</v>
      </c>
      <c r="P2891" s="51">
        <v>1</v>
      </c>
      <c r="Q2891" s="51" t="s">
        <v>5341</v>
      </c>
      <c r="R2891" s="54" t="b">
        <v>1</v>
      </c>
      <c r="S2891" s="52" t="s">
        <v>7126</v>
      </c>
      <c r="T2891" s="67" t="s">
        <v>7127</v>
      </c>
      <c r="U2891" s="75" t="s">
        <v>5331</v>
      </c>
      <c r="V2891" s="47" t="s">
        <v>5331</v>
      </c>
      <c r="W2891" s="47" t="s">
        <v>5331</v>
      </c>
      <c r="X2891" s="47" t="s">
        <v>5331</v>
      </c>
      <c r="Y2891" s="47" t="s">
        <v>5331</v>
      </c>
      <c r="Z2891" s="28"/>
      <c r="AA2891" s="27"/>
      <c r="AB2891" s="27"/>
      <c r="AC2891" s="27"/>
      <c r="AD2891" s="30"/>
      <c r="AE2891" s="1"/>
      <c r="AF2891" s="23" t="s">
        <v>5331</v>
      </c>
      <c r="AG2891" s="26"/>
      <c r="AH2891" s="53"/>
    </row>
    <row r="2892" spans="1:34" ht="51.6" customHeight="1" x14ac:dyDescent="0.45">
      <c r="A2892" s="23">
        <v>2886</v>
      </c>
      <c r="B2892" s="25"/>
      <c r="C2892" s="25"/>
      <c r="D2892" s="29"/>
      <c r="E2892" s="1"/>
      <c r="F2892" s="1"/>
      <c r="G2892" s="25"/>
      <c r="H2892" s="71"/>
      <c r="I2892" s="83"/>
      <c r="J2892" s="50" t="str">
        <f t="shared" si="92"/>
        <v/>
      </c>
      <c r="K2892" s="23" t="s">
        <v>7120</v>
      </c>
      <c r="L2892" s="49" t="e">
        <f>VLOOKUP(E2892&amp;F2892,団体コード!$A$1:$C$1743,3,FALSE)</f>
        <v>#N/A</v>
      </c>
      <c r="M2892" s="49" t="e">
        <f>VLOOKUP(E2892&amp;F2892,団体コード!$A$1:$C$1743,2,FALSE)</f>
        <v>#N/A</v>
      </c>
      <c r="N2892" s="51" t="e">
        <f>VLOOKUP(E2892,団体コード!$E$1:$F$48,2,FALSE)</f>
        <v>#N/A</v>
      </c>
      <c r="O2892" s="51" t="e">
        <f t="shared" si="93"/>
        <v>#N/A</v>
      </c>
      <c r="P2892" s="51">
        <v>1</v>
      </c>
      <c r="Q2892" s="51" t="s">
        <v>5341</v>
      </c>
      <c r="R2892" s="54" t="b">
        <v>1</v>
      </c>
      <c r="S2892" s="52" t="s">
        <v>7126</v>
      </c>
      <c r="T2892" s="67" t="s">
        <v>7127</v>
      </c>
      <c r="U2892" s="75" t="s">
        <v>5331</v>
      </c>
      <c r="V2892" s="47" t="s">
        <v>5331</v>
      </c>
      <c r="W2892" s="47" t="s">
        <v>5331</v>
      </c>
      <c r="X2892" s="47" t="s">
        <v>5331</v>
      </c>
      <c r="Y2892" s="47" t="s">
        <v>5331</v>
      </c>
      <c r="Z2892" s="28"/>
      <c r="AA2892" s="27"/>
      <c r="AB2892" s="27"/>
      <c r="AC2892" s="27"/>
      <c r="AD2892" s="30"/>
      <c r="AE2892" s="1"/>
      <c r="AF2892" s="23" t="s">
        <v>5331</v>
      </c>
      <c r="AG2892" s="26"/>
      <c r="AH2892" s="53"/>
    </row>
    <row r="2893" spans="1:34" ht="51.6" customHeight="1" x14ac:dyDescent="0.45">
      <c r="A2893" s="23">
        <v>2887</v>
      </c>
      <c r="B2893" s="25"/>
      <c r="C2893" s="25"/>
      <c r="D2893" s="29"/>
      <c r="E2893" s="1"/>
      <c r="F2893" s="1"/>
      <c r="G2893" s="25"/>
      <c r="H2893" s="71"/>
      <c r="I2893" s="83"/>
      <c r="J2893" s="50" t="str">
        <f t="shared" si="92"/>
        <v/>
      </c>
      <c r="K2893" s="23" t="s">
        <v>7120</v>
      </c>
      <c r="L2893" s="49" t="e">
        <f>VLOOKUP(E2893&amp;F2893,団体コード!$A$1:$C$1743,3,FALSE)</f>
        <v>#N/A</v>
      </c>
      <c r="M2893" s="49" t="e">
        <f>VLOOKUP(E2893&amp;F2893,団体コード!$A$1:$C$1743,2,FALSE)</f>
        <v>#N/A</v>
      </c>
      <c r="N2893" s="51" t="e">
        <f>VLOOKUP(E2893,団体コード!$E$1:$F$48,2,FALSE)</f>
        <v>#N/A</v>
      </c>
      <c r="O2893" s="51" t="e">
        <f t="shared" si="93"/>
        <v>#N/A</v>
      </c>
      <c r="P2893" s="51">
        <v>1</v>
      </c>
      <c r="Q2893" s="51" t="s">
        <v>5341</v>
      </c>
      <c r="R2893" s="54" t="b">
        <v>1</v>
      </c>
      <c r="S2893" s="52" t="s">
        <v>7126</v>
      </c>
      <c r="T2893" s="67" t="s">
        <v>7127</v>
      </c>
      <c r="U2893" s="75" t="s">
        <v>5331</v>
      </c>
      <c r="V2893" s="47" t="s">
        <v>5331</v>
      </c>
      <c r="W2893" s="47" t="s">
        <v>5331</v>
      </c>
      <c r="X2893" s="47" t="s">
        <v>5331</v>
      </c>
      <c r="Y2893" s="47" t="s">
        <v>5331</v>
      </c>
      <c r="Z2893" s="28"/>
      <c r="AA2893" s="27"/>
      <c r="AB2893" s="27"/>
      <c r="AC2893" s="27"/>
      <c r="AD2893" s="30"/>
      <c r="AE2893" s="1"/>
      <c r="AF2893" s="23" t="s">
        <v>5331</v>
      </c>
      <c r="AG2893" s="26"/>
      <c r="AH2893" s="53"/>
    </row>
    <row r="2894" spans="1:34" ht="51.6" customHeight="1" x14ac:dyDescent="0.45">
      <c r="A2894" s="23">
        <v>2888</v>
      </c>
      <c r="B2894" s="25"/>
      <c r="C2894" s="25"/>
      <c r="D2894" s="29"/>
      <c r="E2894" s="1"/>
      <c r="F2894" s="1"/>
      <c r="G2894" s="25"/>
      <c r="H2894" s="71"/>
      <c r="I2894" s="83"/>
      <c r="J2894" s="50" t="str">
        <f t="shared" si="92"/>
        <v/>
      </c>
      <c r="K2894" s="23" t="s">
        <v>7120</v>
      </c>
      <c r="L2894" s="49" t="e">
        <f>VLOOKUP(E2894&amp;F2894,団体コード!$A$1:$C$1743,3,FALSE)</f>
        <v>#N/A</v>
      </c>
      <c r="M2894" s="49" t="e">
        <f>VLOOKUP(E2894&amp;F2894,団体コード!$A$1:$C$1743,2,FALSE)</f>
        <v>#N/A</v>
      </c>
      <c r="N2894" s="51" t="e">
        <f>VLOOKUP(E2894,団体コード!$E$1:$F$48,2,FALSE)</f>
        <v>#N/A</v>
      </c>
      <c r="O2894" s="51" t="e">
        <f t="shared" si="93"/>
        <v>#N/A</v>
      </c>
      <c r="P2894" s="51">
        <v>1</v>
      </c>
      <c r="Q2894" s="51" t="s">
        <v>5341</v>
      </c>
      <c r="R2894" s="54" t="b">
        <v>1</v>
      </c>
      <c r="S2894" s="52" t="s">
        <v>7126</v>
      </c>
      <c r="T2894" s="67" t="s">
        <v>7127</v>
      </c>
      <c r="U2894" s="75" t="s">
        <v>5331</v>
      </c>
      <c r="V2894" s="47" t="s">
        <v>5331</v>
      </c>
      <c r="W2894" s="47" t="s">
        <v>5331</v>
      </c>
      <c r="X2894" s="47" t="s">
        <v>5331</v>
      </c>
      <c r="Y2894" s="47" t="s">
        <v>5331</v>
      </c>
      <c r="Z2894" s="28"/>
      <c r="AA2894" s="27"/>
      <c r="AB2894" s="27"/>
      <c r="AC2894" s="27"/>
      <c r="AD2894" s="30"/>
      <c r="AE2894" s="1"/>
      <c r="AF2894" s="23" t="s">
        <v>5331</v>
      </c>
      <c r="AG2894" s="26"/>
      <c r="AH2894" s="53"/>
    </row>
    <row r="2895" spans="1:34" ht="51.6" customHeight="1" x14ac:dyDescent="0.45">
      <c r="A2895" s="23">
        <v>2889</v>
      </c>
      <c r="B2895" s="25"/>
      <c r="C2895" s="25"/>
      <c r="D2895" s="29"/>
      <c r="E2895" s="1"/>
      <c r="F2895" s="1"/>
      <c r="G2895" s="25"/>
      <c r="H2895" s="71"/>
      <c r="I2895" s="83"/>
      <c r="J2895" s="50" t="str">
        <f t="shared" si="92"/>
        <v/>
      </c>
      <c r="K2895" s="23" t="s">
        <v>7120</v>
      </c>
      <c r="L2895" s="49" t="e">
        <f>VLOOKUP(E2895&amp;F2895,団体コード!$A$1:$C$1743,3,FALSE)</f>
        <v>#N/A</v>
      </c>
      <c r="M2895" s="49" t="e">
        <f>VLOOKUP(E2895&amp;F2895,団体コード!$A$1:$C$1743,2,FALSE)</f>
        <v>#N/A</v>
      </c>
      <c r="N2895" s="51" t="e">
        <f>VLOOKUP(E2895,団体コード!$E$1:$F$48,2,FALSE)</f>
        <v>#N/A</v>
      </c>
      <c r="O2895" s="51" t="e">
        <f t="shared" si="93"/>
        <v>#N/A</v>
      </c>
      <c r="P2895" s="51">
        <v>1</v>
      </c>
      <c r="Q2895" s="51" t="s">
        <v>5341</v>
      </c>
      <c r="R2895" s="54" t="b">
        <v>1</v>
      </c>
      <c r="S2895" s="52" t="s">
        <v>7126</v>
      </c>
      <c r="T2895" s="67" t="s">
        <v>7127</v>
      </c>
      <c r="U2895" s="75" t="s">
        <v>5331</v>
      </c>
      <c r="V2895" s="47" t="s">
        <v>5331</v>
      </c>
      <c r="W2895" s="47" t="s">
        <v>5331</v>
      </c>
      <c r="X2895" s="47" t="s">
        <v>5331</v>
      </c>
      <c r="Y2895" s="47" t="s">
        <v>5331</v>
      </c>
      <c r="Z2895" s="28"/>
      <c r="AA2895" s="27"/>
      <c r="AB2895" s="27"/>
      <c r="AC2895" s="27"/>
      <c r="AD2895" s="30"/>
      <c r="AE2895" s="1"/>
      <c r="AF2895" s="23" t="s">
        <v>5331</v>
      </c>
      <c r="AG2895" s="26"/>
      <c r="AH2895" s="53"/>
    </row>
    <row r="2896" spans="1:34" ht="51.6" customHeight="1" x14ac:dyDescent="0.45">
      <c r="A2896" s="23">
        <v>2890</v>
      </c>
      <c r="B2896" s="25"/>
      <c r="C2896" s="25"/>
      <c r="D2896" s="29"/>
      <c r="E2896" s="1"/>
      <c r="F2896" s="1"/>
      <c r="G2896" s="25"/>
      <c r="H2896" s="71"/>
      <c r="I2896" s="83"/>
      <c r="J2896" s="50" t="str">
        <f t="shared" si="92"/>
        <v/>
      </c>
      <c r="K2896" s="23" t="s">
        <v>7120</v>
      </c>
      <c r="L2896" s="49" t="e">
        <f>VLOOKUP(E2896&amp;F2896,団体コード!$A$1:$C$1743,3,FALSE)</f>
        <v>#N/A</v>
      </c>
      <c r="M2896" s="49" t="e">
        <f>VLOOKUP(E2896&amp;F2896,団体コード!$A$1:$C$1743,2,FALSE)</f>
        <v>#N/A</v>
      </c>
      <c r="N2896" s="51" t="e">
        <f>VLOOKUP(E2896,団体コード!$E$1:$F$48,2,FALSE)</f>
        <v>#N/A</v>
      </c>
      <c r="O2896" s="51" t="e">
        <f t="shared" si="93"/>
        <v>#N/A</v>
      </c>
      <c r="P2896" s="51">
        <v>1</v>
      </c>
      <c r="Q2896" s="51" t="s">
        <v>5341</v>
      </c>
      <c r="R2896" s="54" t="b">
        <v>1</v>
      </c>
      <c r="S2896" s="52" t="s">
        <v>7126</v>
      </c>
      <c r="T2896" s="67" t="s">
        <v>7127</v>
      </c>
      <c r="U2896" s="75" t="s">
        <v>5331</v>
      </c>
      <c r="V2896" s="47" t="s">
        <v>5331</v>
      </c>
      <c r="W2896" s="47" t="s">
        <v>5331</v>
      </c>
      <c r="X2896" s="47" t="s">
        <v>5331</v>
      </c>
      <c r="Y2896" s="47" t="s">
        <v>5331</v>
      </c>
      <c r="Z2896" s="28"/>
      <c r="AA2896" s="27"/>
      <c r="AB2896" s="27"/>
      <c r="AC2896" s="27"/>
      <c r="AD2896" s="30"/>
      <c r="AE2896" s="1"/>
      <c r="AF2896" s="23" t="s">
        <v>5331</v>
      </c>
      <c r="AG2896" s="26"/>
      <c r="AH2896" s="53"/>
    </row>
    <row r="2897" spans="1:34" ht="51.6" customHeight="1" x14ac:dyDescent="0.45">
      <c r="A2897" s="23">
        <v>2891</v>
      </c>
      <c r="B2897" s="25"/>
      <c r="C2897" s="25"/>
      <c r="D2897" s="29"/>
      <c r="E2897" s="1"/>
      <c r="F2897" s="1"/>
      <c r="G2897" s="25"/>
      <c r="H2897" s="71"/>
      <c r="I2897" s="83"/>
      <c r="J2897" s="50" t="str">
        <f t="shared" si="92"/>
        <v/>
      </c>
      <c r="K2897" s="23" t="s">
        <v>7120</v>
      </c>
      <c r="L2897" s="49" t="e">
        <f>VLOOKUP(E2897&amp;F2897,団体コード!$A$1:$C$1743,3,FALSE)</f>
        <v>#N/A</v>
      </c>
      <c r="M2897" s="49" t="e">
        <f>VLOOKUP(E2897&amp;F2897,団体コード!$A$1:$C$1743,2,FALSE)</f>
        <v>#N/A</v>
      </c>
      <c r="N2897" s="51" t="e">
        <f>VLOOKUP(E2897,団体コード!$E$1:$F$48,2,FALSE)</f>
        <v>#N/A</v>
      </c>
      <c r="O2897" s="51" t="e">
        <f t="shared" si="93"/>
        <v>#N/A</v>
      </c>
      <c r="P2897" s="51">
        <v>1</v>
      </c>
      <c r="Q2897" s="51" t="s">
        <v>5341</v>
      </c>
      <c r="R2897" s="54" t="b">
        <v>1</v>
      </c>
      <c r="S2897" s="52" t="s">
        <v>7126</v>
      </c>
      <c r="T2897" s="67" t="s">
        <v>7127</v>
      </c>
      <c r="U2897" s="75" t="s">
        <v>5331</v>
      </c>
      <c r="V2897" s="47" t="s">
        <v>5331</v>
      </c>
      <c r="W2897" s="47" t="s">
        <v>5331</v>
      </c>
      <c r="X2897" s="47" t="s">
        <v>5331</v>
      </c>
      <c r="Y2897" s="47" t="s">
        <v>5331</v>
      </c>
      <c r="Z2897" s="28"/>
      <c r="AA2897" s="27"/>
      <c r="AB2897" s="27"/>
      <c r="AC2897" s="27"/>
      <c r="AD2897" s="30"/>
      <c r="AE2897" s="1"/>
      <c r="AF2897" s="23" t="s">
        <v>5331</v>
      </c>
      <c r="AG2897" s="26"/>
      <c r="AH2897" s="53"/>
    </row>
    <row r="2898" spans="1:34" ht="51.6" customHeight="1" x14ac:dyDescent="0.45">
      <c r="A2898" s="23">
        <v>2892</v>
      </c>
      <c r="B2898" s="25"/>
      <c r="C2898" s="25"/>
      <c r="D2898" s="29"/>
      <c r="E2898" s="1"/>
      <c r="F2898" s="1"/>
      <c r="G2898" s="25"/>
      <c r="H2898" s="71"/>
      <c r="I2898" s="83"/>
      <c r="J2898" s="50" t="str">
        <f t="shared" si="92"/>
        <v/>
      </c>
      <c r="K2898" s="23" t="s">
        <v>7120</v>
      </c>
      <c r="L2898" s="49" t="e">
        <f>VLOOKUP(E2898&amp;F2898,団体コード!$A$1:$C$1743,3,FALSE)</f>
        <v>#N/A</v>
      </c>
      <c r="M2898" s="49" t="e">
        <f>VLOOKUP(E2898&amp;F2898,団体コード!$A$1:$C$1743,2,FALSE)</f>
        <v>#N/A</v>
      </c>
      <c r="N2898" s="51" t="e">
        <f>VLOOKUP(E2898,団体コード!$E$1:$F$48,2,FALSE)</f>
        <v>#N/A</v>
      </c>
      <c r="O2898" s="51" t="e">
        <f t="shared" si="93"/>
        <v>#N/A</v>
      </c>
      <c r="P2898" s="51">
        <v>1</v>
      </c>
      <c r="Q2898" s="51" t="s">
        <v>5341</v>
      </c>
      <c r="R2898" s="54" t="b">
        <v>1</v>
      </c>
      <c r="S2898" s="52" t="s">
        <v>7126</v>
      </c>
      <c r="T2898" s="67" t="s">
        <v>7127</v>
      </c>
      <c r="U2898" s="75" t="s">
        <v>5331</v>
      </c>
      <c r="V2898" s="47" t="s">
        <v>5331</v>
      </c>
      <c r="W2898" s="47" t="s">
        <v>5331</v>
      </c>
      <c r="X2898" s="47" t="s">
        <v>5331</v>
      </c>
      <c r="Y2898" s="47" t="s">
        <v>5331</v>
      </c>
      <c r="Z2898" s="28"/>
      <c r="AA2898" s="27"/>
      <c r="AB2898" s="27"/>
      <c r="AC2898" s="27"/>
      <c r="AD2898" s="30"/>
      <c r="AE2898" s="1"/>
      <c r="AF2898" s="23" t="s">
        <v>5331</v>
      </c>
      <c r="AG2898" s="26"/>
      <c r="AH2898" s="53"/>
    </row>
    <row r="2899" spans="1:34" ht="51.6" customHeight="1" x14ac:dyDescent="0.45">
      <c r="A2899" s="23">
        <v>2893</v>
      </c>
      <c r="B2899" s="25"/>
      <c r="C2899" s="25"/>
      <c r="D2899" s="29"/>
      <c r="E2899" s="1"/>
      <c r="F2899" s="1"/>
      <c r="G2899" s="25"/>
      <c r="H2899" s="71"/>
      <c r="I2899" s="83"/>
      <c r="J2899" s="50" t="str">
        <f t="shared" si="92"/>
        <v/>
      </c>
      <c r="K2899" s="23" t="s">
        <v>7120</v>
      </c>
      <c r="L2899" s="49" t="e">
        <f>VLOOKUP(E2899&amp;F2899,団体コード!$A$1:$C$1743,3,FALSE)</f>
        <v>#N/A</v>
      </c>
      <c r="M2899" s="49" t="e">
        <f>VLOOKUP(E2899&amp;F2899,団体コード!$A$1:$C$1743,2,FALSE)</f>
        <v>#N/A</v>
      </c>
      <c r="N2899" s="51" t="e">
        <f>VLOOKUP(E2899,団体コード!$E$1:$F$48,2,FALSE)</f>
        <v>#N/A</v>
      </c>
      <c r="O2899" s="51" t="e">
        <f t="shared" si="93"/>
        <v>#N/A</v>
      </c>
      <c r="P2899" s="51">
        <v>1</v>
      </c>
      <c r="Q2899" s="51" t="s">
        <v>5341</v>
      </c>
      <c r="R2899" s="54" t="b">
        <v>1</v>
      </c>
      <c r="S2899" s="52" t="s">
        <v>7126</v>
      </c>
      <c r="T2899" s="67" t="s">
        <v>7127</v>
      </c>
      <c r="U2899" s="75" t="s">
        <v>5331</v>
      </c>
      <c r="V2899" s="47" t="s">
        <v>5331</v>
      </c>
      <c r="W2899" s="47" t="s">
        <v>5331</v>
      </c>
      <c r="X2899" s="47" t="s">
        <v>5331</v>
      </c>
      <c r="Y2899" s="47" t="s">
        <v>5331</v>
      </c>
      <c r="Z2899" s="28"/>
      <c r="AA2899" s="27"/>
      <c r="AB2899" s="27"/>
      <c r="AC2899" s="27"/>
      <c r="AD2899" s="30"/>
      <c r="AE2899" s="1"/>
      <c r="AF2899" s="23" t="s">
        <v>5331</v>
      </c>
      <c r="AG2899" s="26"/>
      <c r="AH2899" s="53"/>
    </row>
    <row r="2900" spans="1:34" ht="51.6" customHeight="1" x14ac:dyDescent="0.45">
      <c r="A2900" s="23">
        <v>2894</v>
      </c>
      <c r="B2900" s="25"/>
      <c r="C2900" s="25"/>
      <c r="D2900" s="29"/>
      <c r="E2900" s="1"/>
      <c r="F2900" s="1"/>
      <c r="G2900" s="25"/>
      <c r="H2900" s="71"/>
      <c r="I2900" s="83"/>
      <c r="J2900" s="50" t="str">
        <f t="shared" si="92"/>
        <v/>
      </c>
      <c r="K2900" s="23" t="s">
        <v>7120</v>
      </c>
      <c r="L2900" s="49" t="e">
        <f>VLOOKUP(E2900&amp;F2900,団体コード!$A$1:$C$1743,3,FALSE)</f>
        <v>#N/A</v>
      </c>
      <c r="M2900" s="49" t="e">
        <f>VLOOKUP(E2900&amp;F2900,団体コード!$A$1:$C$1743,2,FALSE)</f>
        <v>#N/A</v>
      </c>
      <c r="N2900" s="51" t="e">
        <f>VLOOKUP(E2900,団体コード!$E$1:$F$48,2,FALSE)</f>
        <v>#N/A</v>
      </c>
      <c r="O2900" s="51" t="e">
        <f t="shared" si="93"/>
        <v>#N/A</v>
      </c>
      <c r="P2900" s="51">
        <v>1</v>
      </c>
      <c r="Q2900" s="51" t="s">
        <v>5341</v>
      </c>
      <c r="R2900" s="54" t="b">
        <v>1</v>
      </c>
      <c r="S2900" s="52" t="s">
        <v>7126</v>
      </c>
      <c r="T2900" s="67" t="s">
        <v>7127</v>
      </c>
      <c r="U2900" s="75" t="s">
        <v>5331</v>
      </c>
      <c r="V2900" s="47" t="s">
        <v>5331</v>
      </c>
      <c r="W2900" s="47" t="s">
        <v>5331</v>
      </c>
      <c r="X2900" s="47" t="s">
        <v>5331</v>
      </c>
      <c r="Y2900" s="47" t="s">
        <v>5331</v>
      </c>
      <c r="Z2900" s="28"/>
      <c r="AA2900" s="27"/>
      <c r="AB2900" s="27"/>
      <c r="AC2900" s="27"/>
      <c r="AD2900" s="30"/>
      <c r="AE2900" s="1"/>
      <c r="AF2900" s="23" t="s">
        <v>5331</v>
      </c>
      <c r="AG2900" s="26"/>
      <c r="AH2900" s="53"/>
    </row>
    <row r="2901" spans="1:34" ht="51.6" customHeight="1" x14ac:dyDescent="0.45">
      <c r="A2901" s="23">
        <v>2895</v>
      </c>
      <c r="B2901" s="25"/>
      <c r="C2901" s="25"/>
      <c r="D2901" s="29"/>
      <c r="E2901" s="1"/>
      <c r="F2901" s="1"/>
      <c r="G2901" s="25"/>
      <c r="H2901" s="71"/>
      <c r="I2901" s="83"/>
      <c r="J2901" s="50" t="str">
        <f t="shared" si="92"/>
        <v/>
      </c>
      <c r="K2901" s="23" t="s">
        <v>7120</v>
      </c>
      <c r="L2901" s="49" t="e">
        <f>VLOOKUP(E2901&amp;F2901,団体コード!$A$1:$C$1743,3,FALSE)</f>
        <v>#N/A</v>
      </c>
      <c r="M2901" s="49" t="e">
        <f>VLOOKUP(E2901&amp;F2901,団体コード!$A$1:$C$1743,2,FALSE)</f>
        <v>#N/A</v>
      </c>
      <c r="N2901" s="51" t="e">
        <f>VLOOKUP(E2901,団体コード!$E$1:$F$48,2,FALSE)</f>
        <v>#N/A</v>
      </c>
      <c r="O2901" s="51" t="e">
        <f t="shared" si="93"/>
        <v>#N/A</v>
      </c>
      <c r="P2901" s="51">
        <v>1</v>
      </c>
      <c r="Q2901" s="51" t="s">
        <v>5341</v>
      </c>
      <c r="R2901" s="54" t="b">
        <v>1</v>
      </c>
      <c r="S2901" s="52" t="s">
        <v>7126</v>
      </c>
      <c r="T2901" s="67" t="s">
        <v>7127</v>
      </c>
      <c r="U2901" s="75" t="s">
        <v>5331</v>
      </c>
      <c r="V2901" s="47" t="s">
        <v>5331</v>
      </c>
      <c r="W2901" s="47" t="s">
        <v>5331</v>
      </c>
      <c r="X2901" s="47" t="s">
        <v>5331</v>
      </c>
      <c r="Y2901" s="47" t="s">
        <v>5331</v>
      </c>
      <c r="Z2901" s="28"/>
      <c r="AA2901" s="27"/>
      <c r="AB2901" s="27"/>
      <c r="AC2901" s="27"/>
      <c r="AD2901" s="30"/>
      <c r="AE2901" s="1"/>
      <c r="AF2901" s="23" t="s">
        <v>5331</v>
      </c>
      <c r="AG2901" s="26"/>
      <c r="AH2901" s="53"/>
    </row>
    <row r="2902" spans="1:34" ht="51.6" customHeight="1" x14ac:dyDescent="0.45">
      <c r="A2902" s="23">
        <v>2896</v>
      </c>
      <c r="B2902" s="25"/>
      <c r="C2902" s="25"/>
      <c r="D2902" s="29"/>
      <c r="E2902" s="1"/>
      <c r="F2902" s="1"/>
      <c r="G2902" s="25"/>
      <c r="H2902" s="71"/>
      <c r="I2902" s="83"/>
      <c r="J2902" s="50" t="str">
        <f t="shared" si="92"/>
        <v/>
      </c>
      <c r="K2902" s="23" t="s">
        <v>7120</v>
      </c>
      <c r="L2902" s="49" t="e">
        <f>VLOOKUP(E2902&amp;F2902,団体コード!$A$1:$C$1743,3,FALSE)</f>
        <v>#N/A</v>
      </c>
      <c r="M2902" s="49" t="e">
        <f>VLOOKUP(E2902&amp;F2902,団体コード!$A$1:$C$1743,2,FALSE)</f>
        <v>#N/A</v>
      </c>
      <c r="N2902" s="51" t="e">
        <f>VLOOKUP(E2902,団体コード!$E$1:$F$48,2,FALSE)</f>
        <v>#N/A</v>
      </c>
      <c r="O2902" s="51" t="e">
        <f t="shared" si="93"/>
        <v>#N/A</v>
      </c>
      <c r="P2902" s="51">
        <v>1</v>
      </c>
      <c r="Q2902" s="51" t="s">
        <v>5341</v>
      </c>
      <c r="R2902" s="54" t="b">
        <v>1</v>
      </c>
      <c r="S2902" s="52" t="s">
        <v>7126</v>
      </c>
      <c r="T2902" s="67" t="s">
        <v>7127</v>
      </c>
      <c r="U2902" s="75" t="s">
        <v>5331</v>
      </c>
      <c r="V2902" s="47" t="s">
        <v>5331</v>
      </c>
      <c r="W2902" s="47" t="s">
        <v>5331</v>
      </c>
      <c r="X2902" s="47" t="s">
        <v>5331</v>
      </c>
      <c r="Y2902" s="47" t="s">
        <v>5331</v>
      </c>
      <c r="Z2902" s="28"/>
      <c r="AA2902" s="27"/>
      <c r="AB2902" s="27"/>
      <c r="AC2902" s="27"/>
      <c r="AD2902" s="30"/>
      <c r="AE2902" s="1"/>
      <c r="AF2902" s="23" t="s">
        <v>5331</v>
      </c>
      <c r="AG2902" s="26"/>
      <c r="AH2902" s="53"/>
    </row>
    <row r="2903" spans="1:34" ht="51.6" customHeight="1" x14ac:dyDescent="0.45">
      <c r="A2903" s="23">
        <v>2897</v>
      </c>
      <c r="B2903" s="25"/>
      <c r="C2903" s="25"/>
      <c r="D2903" s="29"/>
      <c r="E2903" s="1"/>
      <c r="F2903" s="1"/>
      <c r="G2903" s="25"/>
      <c r="H2903" s="71"/>
      <c r="I2903" s="83"/>
      <c r="J2903" s="50" t="str">
        <f t="shared" si="92"/>
        <v/>
      </c>
      <c r="K2903" s="23" t="s">
        <v>7120</v>
      </c>
      <c r="L2903" s="49" t="e">
        <f>VLOOKUP(E2903&amp;F2903,団体コード!$A$1:$C$1743,3,FALSE)</f>
        <v>#N/A</v>
      </c>
      <c r="M2903" s="49" t="e">
        <f>VLOOKUP(E2903&amp;F2903,団体コード!$A$1:$C$1743,2,FALSE)</f>
        <v>#N/A</v>
      </c>
      <c r="N2903" s="51" t="e">
        <f>VLOOKUP(E2903,団体コード!$E$1:$F$48,2,FALSE)</f>
        <v>#N/A</v>
      </c>
      <c r="O2903" s="51" t="e">
        <f t="shared" si="93"/>
        <v>#N/A</v>
      </c>
      <c r="P2903" s="51">
        <v>1</v>
      </c>
      <c r="Q2903" s="51" t="s">
        <v>5341</v>
      </c>
      <c r="R2903" s="54" t="b">
        <v>1</v>
      </c>
      <c r="S2903" s="52" t="s">
        <v>7126</v>
      </c>
      <c r="T2903" s="67" t="s">
        <v>7127</v>
      </c>
      <c r="U2903" s="75" t="s">
        <v>5331</v>
      </c>
      <c r="V2903" s="47" t="s">
        <v>5331</v>
      </c>
      <c r="W2903" s="47" t="s">
        <v>5331</v>
      </c>
      <c r="X2903" s="47" t="s">
        <v>5331</v>
      </c>
      <c r="Y2903" s="47" t="s">
        <v>5331</v>
      </c>
      <c r="Z2903" s="28"/>
      <c r="AA2903" s="27"/>
      <c r="AB2903" s="27"/>
      <c r="AC2903" s="27"/>
      <c r="AD2903" s="30"/>
      <c r="AE2903" s="1"/>
      <c r="AF2903" s="23" t="s">
        <v>5331</v>
      </c>
      <c r="AG2903" s="26"/>
      <c r="AH2903" s="53"/>
    </row>
    <row r="2904" spans="1:34" ht="51.6" customHeight="1" x14ac:dyDescent="0.45">
      <c r="A2904" s="23">
        <v>2898</v>
      </c>
      <c r="B2904" s="25"/>
      <c r="C2904" s="25"/>
      <c r="D2904" s="29"/>
      <c r="E2904" s="1"/>
      <c r="F2904" s="1"/>
      <c r="G2904" s="25"/>
      <c r="H2904" s="71"/>
      <c r="I2904" s="83"/>
      <c r="J2904" s="50" t="str">
        <f t="shared" si="92"/>
        <v/>
      </c>
      <c r="K2904" s="23" t="s">
        <v>7120</v>
      </c>
      <c r="L2904" s="49" t="e">
        <f>VLOOKUP(E2904&amp;F2904,団体コード!$A$1:$C$1743,3,FALSE)</f>
        <v>#N/A</v>
      </c>
      <c r="M2904" s="49" t="e">
        <f>VLOOKUP(E2904&amp;F2904,団体コード!$A$1:$C$1743,2,FALSE)</f>
        <v>#N/A</v>
      </c>
      <c r="N2904" s="51" t="e">
        <f>VLOOKUP(E2904,団体コード!$E$1:$F$48,2,FALSE)</f>
        <v>#N/A</v>
      </c>
      <c r="O2904" s="51" t="e">
        <f t="shared" si="93"/>
        <v>#N/A</v>
      </c>
      <c r="P2904" s="51">
        <v>1</v>
      </c>
      <c r="Q2904" s="51" t="s">
        <v>5341</v>
      </c>
      <c r="R2904" s="54" t="b">
        <v>1</v>
      </c>
      <c r="S2904" s="52" t="s">
        <v>7126</v>
      </c>
      <c r="T2904" s="67" t="s">
        <v>7127</v>
      </c>
      <c r="U2904" s="75" t="s">
        <v>5331</v>
      </c>
      <c r="V2904" s="47" t="s">
        <v>5331</v>
      </c>
      <c r="W2904" s="47" t="s">
        <v>5331</v>
      </c>
      <c r="X2904" s="47" t="s">
        <v>5331</v>
      </c>
      <c r="Y2904" s="47" t="s">
        <v>5331</v>
      </c>
      <c r="Z2904" s="28"/>
      <c r="AA2904" s="27"/>
      <c r="AB2904" s="27"/>
      <c r="AC2904" s="27"/>
      <c r="AD2904" s="30"/>
      <c r="AE2904" s="1"/>
      <c r="AF2904" s="23" t="s">
        <v>5331</v>
      </c>
      <c r="AG2904" s="26"/>
      <c r="AH2904" s="53"/>
    </row>
    <row r="2905" spans="1:34" ht="51.6" customHeight="1" x14ac:dyDescent="0.45">
      <c r="A2905" s="23">
        <v>2899</v>
      </c>
      <c r="B2905" s="25"/>
      <c r="C2905" s="25"/>
      <c r="D2905" s="29"/>
      <c r="E2905" s="1"/>
      <c r="F2905" s="1"/>
      <c r="G2905" s="25"/>
      <c r="H2905" s="71"/>
      <c r="I2905" s="83"/>
      <c r="J2905" s="50" t="str">
        <f t="shared" si="92"/>
        <v/>
      </c>
      <c r="K2905" s="23" t="s">
        <v>7120</v>
      </c>
      <c r="L2905" s="49" t="e">
        <f>VLOOKUP(E2905&amp;F2905,団体コード!$A$1:$C$1743,3,FALSE)</f>
        <v>#N/A</v>
      </c>
      <c r="M2905" s="49" t="e">
        <f>VLOOKUP(E2905&amp;F2905,団体コード!$A$1:$C$1743,2,FALSE)</f>
        <v>#N/A</v>
      </c>
      <c r="N2905" s="51" t="e">
        <f>VLOOKUP(E2905,団体コード!$E$1:$F$48,2,FALSE)</f>
        <v>#N/A</v>
      </c>
      <c r="O2905" s="51" t="e">
        <f t="shared" si="93"/>
        <v>#N/A</v>
      </c>
      <c r="P2905" s="51">
        <v>1</v>
      </c>
      <c r="Q2905" s="51" t="s">
        <v>5341</v>
      </c>
      <c r="R2905" s="54" t="b">
        <v>1</v>
      </c>
      <c r="S2905" s="52" t="s">
        <v>7126</v>
      </c>
      <c r="T2905" s="67" t="s">
        <v>7127</v>
      </c>
      <c r="U2905" s="75" t="s">
        <v>5331</v>
      </c>
      <c r="V2905" s="47" t="s">
        <v>5331</v>
      </c>
      <c r="W2905" s="47" t="s">
        <v>5331</v>
      </c>
      <c r="X2905" s="47" t="s">
        <v>5331</v>
      </c>
      <c r="Y2905" s="47" t="s">
        <v>5331</v>
      </c>
      <c r="Z2905" s="28"/>
      <c r="AA2905" s="27"/>
      <c r="AB2905" s="27"/>
      <c r="AC2905" s="27"/>
      <c r="AD2905" s="30"/>
      <c r="AE2905" s="1"/>
      <c r="AF2905" s="23" t="s">
        <v>5331</v>
      </c>
      <c r="AG2905" s="26"/>
      <c r="AH2905" s="53"/>
    </row>
    <row r="2906" spans="1:34" ht="51.6" customHeight="1" x14ac:dyDescent="0.45">
      <c r="A2906" s="23">
        <v>2900</v>
      </c>
      <c r="B2906" s="25"/>
      <c r="C2906" s="25"/>
      <c r="D2906" s="29"/>
      <c r="E2906" s="1"/>
      <c r="F2906" s="1"/>
      <c r="G2906" s="25"/>
      <c r="H2906" s="71"/>
      <c r="I2906" s="83"/>
      <c r="J2906" s="50" t="str">
        <f t="shared" si="92"/>
        <v/>
      </c>
      <c r="K2906" s="23" t="s">
        <v>7120</v>
      </c>
      <c r="L2906" s="49" t="e">
        <f>VLOOKUP(E2906&amp;F2906,団体コード!$A$1:$C$1743,3,FALSE)</f>
        <v>#N/A</v>
      </c>
      <c r="M2906" s="49" t="e">
        <f>VLOOKUP(E2906&amp;F2906,団体コード!$A$1:$C$1743,2,FALSE)</f>
        <v>#N/A</v>
      </c>
      <c r="N2906" s="51" t="e">
        <f>VLOOKUP(E2906,団体コード!$E$1:$F$48,2,FALSE)</f>
        <v>#N/A</v>
      </c>
      <c r="O2906" s="51" t="e">
        <f t="shared" si="93"/>
        <v>#N/A</v>
      </c>
      <c r="P2906" s="51">
        <v>1</v>
      </c>
      <c r="Q2906" s="51" t="s">
        <v>5341</v>
      </c>
      <c r="R2906" s="54" t="b">
        <v>1</v>
      </c>
      <c r="S2906" s="52" t="s">
        <v>7126</v>
      </c>
      <c r="T2906" s="67" t="s">
        <v>7127</v>
      </c>
      <c r="U2906" s="75" t="s">
        <v>5331</v>
      </c>
      <c r="V2906" s="47" t="s">
        <v>5331</v>
      </c>
      <c r="W2906" s="47" t="s">
        <v>5331</v>
      </c>
      <c r="X2906" s="47" t="s">
        <v>5331</v>
      </c>
      <c r="Y2906" s="47" t="s">
        <v>5331</v>
      </c>
      <c r="Z2906" s="28"/>
      <c r="AA2906" s="27"/>
      <c r="AB2906" s="27"/>
      <c r="AC2906" s="27"/>
      <c r="AD2906" s="30"/>
      <c r="AE2906" s="1"/>
      <c r="AF2906" s="23" t="s">
        <v>5331</v>
      </c>
      <c r="AG2906" s="26"/>
      <c r="AH2906" s="53"/>
    </row>
    <row r="2907" spans="1:34" ht="51.6" customHeight="1" x14ac:dyDescent="0.45">
      <c r="A2907" s="23">
        <v>2901</v>
      </c>
      <c r="B2907" s="25"/>
      <c r="C2907" s="25"/>
      <c r="D2907" s="29"/>
      <c r="E2907" s="1"/>
      <c r="F2907" s="1"/>
      <c r="G2907" s="25"/>
      <c r="H2907" s="71"/>
      <c r="I2907" s="83"/>
      <c r="J2907" s="50" t="str">
        <f t="shared" si="92"/>
        <v/>
      </c>
      <c r="K2907" s="23" t="s">
        <v>7120</v>
      </c>
      <c r="L2907" s="49" t="e">
        <f>VLOOKUP(E2907&amp;F2907,団体コード!$A$1:$C$1743,3,FALSE)</f>
        <v>#N/A</v>
      </c>
      <c r="M2907" s="49" t="e">
        <f>VLOOKUP(E2907&amp;F2907,団体コード!$A$1:$C$1743,2,FALSE)</f>
        <v>#N/A</v>
      </c>
      <c r="N2907" s="51" t="e">
        <f>VLOOKUP(E2907,団体コード!$E$1:$F$48,2,FALSE)</f>
        <v>#N/A</v>
      </c>
      <c r="O2907" s="51" t="e">
        <f t="shared" si="93"/>
        <v>#N/A</v>
      </c>
      <c r="P2907" s="51">
        <v>1</v>
      </c>
      <c r="Q2907" s="51" t="s">
        <v>5341</v>
      </c>
      <c r="R2907" s="54" t="b">
        <v>1</v>
      </c>
      <c r="S2907" s="52" t="s">
        <v>7126</v>
      </c>
      <c r="T2907" s="67" t="s">
        <v>7127</v>
      </c>
      <c r="U2907" s="75" t="s">
        <v>5331</v>
      </c>
      <c r="V2907" s="47" t="s">
        <v>5331</v>
      </c>
      <c r="W2907" s="47" t="s">
        <v>5331</v>
      </c>
      <c r="X2907" s="47" t="s">
        <v>5331</v>
      </c>
      <c r="Y2907" s="47" t="s">
        <v>5331</v>
      </c>
      <c r="Z2907" s="28"/>
      <c r="AA2907" s="27"/>
      <c r="AB2907" s="27"/>
      <c r="AC2907" s="27"/>
      <c r="AD2907" s="30"/>
      <c r="AE2907" s="1"/>
      <c r="AF2907" s="23" t="s">
        <v>5331</v>
      </c>
      <c r="AG2907" s="26"/>
      <c r="AH2907" s="53"/>
    </row>
    <row r="2908" spans="1:34" ht="51.6" customHeight="1" x14ac:dyDescent="0.45">
      <c r="A2908" s="23">
        <v>2902</v>
      </c>
      <c r="B2908" s="25"/>
      <c r="C2908" s="25"/>
      <c r="D2908" s="29"/>
      <c r="E2908" s="1"/>
      <c r="F2908" s="1"/>
      <c r="G2908" s="25"/>
      <c r="H2908" s="71"/>
      <c r="I2908" s="83"/>
      <c r="J2908" s="50" t="str">
        <f t="shared" si="92"/>
        <v/>
      </c>
      <c r="K2908" s="23" t="s">
        <v>7120</v>
      </c>
      <c r="L2908" s="49" t="e">
        <f>VLOOKUP(E2908&amp;F2908,団体コード!$A$1:$C$1743,3,FALSE)</f>
        <v>#N/A</v>
      </c>
      <c r="M2908" s="49" t="e">
        <f>VLOOKUP(E2908&amp;F2908,団体コード!$A$1:$C$1743,2,FALSE)</f>
        <v>#N/A</v>
      </c>
      <c r="N2908" s="51" t="e">
        <f>VLOOKUP(E2908,団体コード!$E$1:$F$48,2,FALSE)</f>
        <v>#N/A</v>
      </c>
      <c r="O2908" s="51" t="e">
        <f t="shared" si="93"/>
        <v>#N/A</v>
      </c>
      <c r="P2908" s="51">
        <v>1</v>
      </c>
      <c r="Q2908" s="51" t="s">
        <v>5341</v>
      </c>
      <c r="R2908" s="54" t="b">
        <v>1</v>
      </c>
      <c r="S2908" s="52" t="s">
        <v>7126</v>
      </c>
      <c r="T2908" s="67" t="s">
        <v>7127</v>
      </c>
      <c r="U2908" s="75" t="s">
        <v>5331</v>
      </c>
      <c r="V2908" s="47" t="s">
        <v>5331</v>
      </c>
      <c r="W2908" s="47" t="s">
        <v>5331</v>
      </c>
      <c r="X2908" s="47" t="s">
        <v>5331</v>
      </c>
      <c r="Y2908" s="47" t="s">
        <v>5331</v>
      </c>
      <c r="Z2908" s="28"/>
      <c r="AA2908" s="27"/>
      <c r="AB2908" s="27"/>
      <c r="AC2908" s="27"/>
      <c r="AD2908" s="30"/>
      <c r="AE2908" s="1"/>
      <c r="AF2908" s="23" t="s">
        <v>5331</v>
      </c>
      <c r="AG2908" s="26"/>
      <c r="AH2908" s="53"/>
    </row>
    <row r="2909" spans="1:34" ht="51.6" customHeight="1" x14ac:dyDescent="0.45">
      <c r="A2909" s="23">
        <v>2903</v>
      </c>
      <c r="B2909" s="25"/>
      <c r="C2909" s="25"/>
      <c r="D2909" s="29"/>
      <c r="E2909" s="1"/>
      <c r="F2909" s="1"/>
      <c r="G2909" s="25"/>
      <c r="H2909" s="71"/>
      <c r="I2909" s="83"/>
      <c r="J2909" s="50" t="str">
        <f t="shared" si="92"/>
        <v/>
      </c>
      <c r="K2909" s="23" t="s">
        <v>7120</v>
      </c>
      <c r="L2909" s="49" t="e">
        <f>VLOOKUP(E2909&amp;F2909,団体コード!$A$1:$C$1743,3,FALSE)</f>
        <v>#N/A</v>
      </c>
      <c r="M2909" s="49" t="e">
        <f>VLOOKUP(E2909&amp;F2909,団体コード!$A$1:$C$1743,2,FALSE)</f>
        <v>#N/A</v>
      </c>
      <c r="N2909" s="51" t="e">
        <f>VLOOKUP(E2909,団体コード!$E$1:$F$48,2,FALSE)</f>
        <v>#N/A</v>
      </c>
      <c r="O2909" s="51" t="e">
        <f t="shared" si="93"/>
        <v>#N/A</v>
      </c>
      <c r="P2909" s="51">
        <v>1</v>
      </c>
      <c r="Q2909" s="51" t="s">
        <v>5341</v>
      </c>
      <c r="R2909" s="54" t="b">
        <v>1</v>
      </c>
      <c r="S2909" s="52" t="s">
        <v>7126</v>
      </c>
      <c r="T2909" s="67" t="s">
        <v>7127</v>
      </c>
      <c r="U2909" s="75" t="s">
        <v>5331</v>
      </c>
      <c r="V2909" s="47" t="s">
        <v>5331</v>
      </c>
      <c r="W2909" s="47" t="s">
        <v>5331</v>
      </c>
      <c r="X2909" s="47" t="s">
        <v>5331</v>
      </c>
      <c r="Y2909" s="47" t="s">
        <v>5331</v>
      </c>
      <c r="Z2909" s="28"/>
      <c r="AA2909" s="27"/>
      <c r="AB2909" s="27"/>
      <c r="AC2909" s="27"/>
      <c r="AD2909" s="30"/>
      <c r="AE2909" s="1"/>
      <c r="AF2909" s="23" t="s">
        <v>5331</v>
      </c>
      <c r="AG2909" s="26"/>
      <c r="AH2909" s="53"/>
    </row>
    <row r="2910" spans="1:34" ht="51.6" customHeight="1" x14ac:dyDescent="0.45">
      <c r="A2910" s="23">
        <v>2904</v>
      </c>
      <c r="B2910" s="25"/>
      <c r="C2910" s="25"/>
      <c r="D2910" s="29"/>
      <c r="E2910" s="1"/>
      <c r="F2910" s="1"/>
      <c r="G2910" s="25"/>
      <c r="H2910" s="71"/>
      <c r="I2910" s="83"/>
      <c r="J2910" s="50" t="str">
        <f t="shared" si="92"/>
        <v/>
      </c>
      <c r="K2910" s="23" t="s">
        <v>7120</v>
      </c>
      <c r="L2910" s="49" t="e">
        <f>VLOOKUP(E2910&amp;F2910,団体コード!$A$1:$C$1743,3,FALSE)</f>
        <v>#N/A</v>
      </c>
      <c r="M2910" s="49" t="e">
        <f>VLOOKUP(E2910&amp;F2910,団体コード!$A$1:$C$1743,2,FALSE)</f>
        <v>#N/A</v>
      </c>
      <c r="N2910" s="51" t="e">
        <f>VLOOKUP(E2910,団体コード!$E$1:$F$48,2,FALSE)</f>
        <v>#N/A</v>
      </c>
      <c r="O2910" s="51" t="e">
        <f t="shared" si="93"/>
        <v>#N/A</v>
      </c>
      <c r="P2910" s="51">
        <v>1</v>
      </c>
      <c r="Q2910" s="51" t="s">
        <v>5341</v>
      </c>
      <c r="R2910" s="54" t="b">
        <v>1</v>
      </c>
      <c r="S2910" s="52" t="s">
        <v>7126</v>
      </c>
      <c r="T2910" s="67" t="s">
        <v>7127</v>
      </c>
      <c r="U2910" s="75" t="s">
        <v>5331</v>
      </c>
      <c r="V2910" s="47" t="s">
        <v>5331</v>
      </c>
      <c r="W2910" s="47" t="s">
        <v>5331</v>
      </c>
      <c r="X2910" s="47" t="s">
        <v>5331</v>
      </c>
      <c r="Y2910" s="47" t="s">
        <v>5331</v>
      </c>
      <c r="Z2910" s="28"/>
      <c r="AA2910" s="27"/>
      <c r="AB2910" s="27"/>
      <c r="AC2910" s="27"/>
      <c r="AD2910" s="30"/>
      <c r="AE2910" s="1"/>
      <c r="AF2910" s="23" t="s">
        <v>5331</v>
      </c>
      <c r="AG2910" s="26"/>
      <c r="AH2910" s="53"/>
    </row>
    <row r="2911" spans="1:34" ht="51.6" customHeight="1" x14ac:dyDescent="0.45">
      <c r="A2911" s="23">
        <v>2905</v>
      </c>
      <c r="B2911" s="25"/>
      <c r="C2911" s="25"/>
      <c r="D2911" s="29"/>
      <c r="E2911" s="1"/>
      <c r="F2911" s="1"/>
      <c r="G2911" s="25"/>
      <c r="H2911" s="71"/>
      <c r="I2911" s="83"/>
      <c r="J2911" s="50" t="str">
        <f t="shared" si="92"/>
        <v/>
      </c>
      <c r="K2911" s="23" t="s">
        <v>7120</v>
      </c>
      <c r="L2911" s="49" t="e">
        <f>VLOOKUP(E2911&amp;F2911,団体コード!$A$1:$C$1743,3,FALSE)</f>
        <v>#N/A</v>
      </c>
      <c r="M2911" s="49" t="e">
        <f>VLOOKUP(E2911&amp;F2911,団体コード!$A$1:$C$1743,2,FALSE)</f>
        <v>#N/A</v>
      </c>
      <c r="N2911" s="51" t="e">
        <f>VLOOKUP(E2911,団体コード!$E$1:$F$48,2,FALSE)</f>
        <v>#N/A</v>
      </c>
      <c r="O2911" s="51" t="e">
        <f t="shared" si="93"/>
        <v>#N/A</v>
      </c>
      <c r="P2911" s="51">
        <v>1</v>
      </c>
      <c r="Q2911" s="51" t="s">
        <v>5341</v>
      </c>
      <c r="R2911" s="54" t="b">
        <v>1</v>
      </c>
      <c r="S2911" s="52" t="s">
        <v>7126</v>
      </c>
      <c r="T2911" s="67" t="s">
        <v>7127</v>
      </c>
      <c r="U2911" s="75" t="s">
        <v>5331</v>
      </c>
      <c r="V2911" s="47" t="s">
        <v>5331</v>
      </c>
      <c r="W2911" s="47" t="s">
        <v>5331</v>
      </c>
      <c r="X2911" s="47" t="s">
        <v>5331</v>
      </c>
      <c r="Y2911" s="47" t="s">
        <v>5331</v>
      </c>
      <c r="Z2911" s="28"/>
      <c r="AA2911" s="27"/>
      <c r="AB2911" s="27"/>
      <c r="AC2911" s="27"/>
      <c r="AD2911" s="30"/>
      <c r="AE2911" s="1"/>
      <c r="AF2911" s="23" t="s">
        <v>5331</v>
      </c>
      <c r="AG2911" s="26"/>
      <c r="AH2911" s="53"/>
    </row>
    <row r="2912" spans="1:34" ht="51.6" customHeight="1" x14ac:dyDescent="0.45">
      <c r="A2912" s="23">
        <v>2906</v>
      </c>
      <c r="B2912" s="25"/>
      <c r="C2912" s="25"/>
      <c r="D2912" s="29"/>
      <c r="E2912" s="1"/>
      <c r="F2912" s="1"/>
      <c r="G2912" s="25"/>
      <c r="H2912" s="71"/>
      <c r="I2912" s="83"/>
      <c r="J2912" s="50" t="str">
        <f t="shared" si="92"/>
        <v/>
      </c>
      <c r="K2912" s="23" t="s">
        <v>7120</v>
      </c>
      <c r="L2912" s="49" t="e">
        <f>VLOOKUP(E2912&amp;F2912,団体コード!$A$1:$C$1743,3,FALSE)</f>
        <v>#N/A</v>
      </c>
      <c r="M2912" s="49" t="e">
        <f>VLOOKUP(E2912&amp;F2912,団体コード!$A$1:$C$1743,2,FALSE)</f>
        <v>#N/A</v>
      </c>
      <c r="N2912" s="51" t="e">
        <f>VLOOKUP(E2912,団体コード!$E$1:$F$48,2,FALSE)</f>
        <v>#N/A</v>
      </c>
      <c r="O2912" s="51" t="e">
        <f t="shared" si="93"/>
        <v>#N/A</v>
      </c>
      <c r="P2912" s="51">
        <v>1</v>
      </c>
      <c r="Q2912" s="51" t="s">
        <v>5341</v>
      </c>
      <c r="R2912" s="54" t="b">
        <v>1</v>
      </c>
      <c r="S2912" s="52" t="s">
        <v>7126</v>
      </c>
      <c r="T2912" s="67" t="s">
        <v>7127</v>
      </c>
      <c r="U2912" s="75" t="s">
        <v>5331</v>
      </c>
      <c r="V2912" s="47" t="s">
        <v>5331</v>
      </c>
      <c r="W2912" s="47" t="s">
        <v>5331</v>
      </c>
      <c r="X2912" s="47" t="s">
        <v>5331</v>
      </c>
      <c r="Y2912" s="47" t="s">
        <v>5331</v>
      </c>
      <c r="Z2912" s="28"/>
      <c r="AA2912" s="27"/>
      <c r="AB2912" s="27"/>
      <c r="AC2912" s="27"/>
      <c r="AD2912" s="30"/>
      <c r="AE2912" s="1"/>
      <c r="AF2912" s="23" t="s">
        <v>5331</v>
      </c>
      <c r="AG2912" s="26"/>
      <c r="AH2912" s="53"/>
    </row>
    <row r="2913" spans="1:34" ht="51.6" customHeight="1" x14ac:dyDescent="0.45">
      <c r="A2913" s="23">
        <v>2907</v>
      </c>
      <c r="B2913" s="25"/>
      <c r="C2913" s="25"/>
      <c r="D2913" s="29"/>
      <c r="E2913" s="1"/>
      <c r="F2913" s="1"/>
      <c r="G2913" s="25"/>
      <c r="H2913" s="71"/>
      <c r="I2913" s="83"/>
      <c r="J2913" s="50" t="str">
        <f t="shared" si="92"/>
        <v/>
      </c>
      <c r="K2913" s="23" t="s">
        <v>7120</v>
      </c>
      <c r="L2913" s="49" t="e">
        <f>VLOOKUP(E2913&amp;F2913,団体コード!$A$1:$C$1743,3,FALSE)</f>
        <v>#N/A</v>
      </c>
      <c r="M2913" s="49" t="e">
        <f>VLOOKUP(E2913&amp;F2913,団体コード!$A$1:$C$1743,2,FALSE)</f>
        <v>#N/A</v>
      </c>
      <c r="N2913" s="51" t="e">
        <f>VLOOKUP(E2913,団体コード!$E$1:$F$48,2,FALSE)</f>
        <v>#N/A</v>
      </c>
      <c r="O2913" s="51" t="e">
        <f t="shared" si="93"/>
        <v>#N/A</v>
      </c>
      <c r="P2913" s="51">
        <v>1</v>
      </c>
      <c r="Q2913" s="51" t="s">
        <v>5341</v>
      </c>
      <c r="R2913" s="54" t="b">
        <v>1</v>
      </c>
      <c r="S2913" s="52" t="s">
        <v>7126</v>
      </c>
      <c r="T2913" s="67" t="s">
        <v>7127</v>
      </c>
      <c r="U2913" s="75" t="s">
        <v>5331</v>
      </c>
      <c r="V2913" s="47" t="s">
        <v>5331</v>
      </c>
      <c r="W2913" s="47" t="s">
        <v>5331</v>
      </c>
      <c r="X2913" s="47" t="s">
        <v>5331</v>
      </c>
      <c r="Y2913" s="47" t="s">
        <v>5331</v>
      </c>
      <c r="Z2913" s="28"/>
      <c r="AA2913" s="27"/>
      <c r="AB2913" s="27"/>
      <c r="AC2913" s="27"/>
      <c r="AD2913" s="30"/>
      <c r="AE2913" s="1"/>
      <c r="AF2913" s="23" t="s">
        <v>5331</v>
      </c>
      <c r="AG2913" s="26"/>
      <c r="AH2913" s="53"/>
    </row>
    <row r="2914" spans="1:34" ht="51.6" customHeight="1" x14ac:dyDescent="0.45">
      <c r="A2914" s="23">
        <v>2908</v>
      </c>
      <c r="B2914" s="25"/>
      <c r="C2914" s="25"/>
      <c r="D2914" s="29"/>
      <c r="E2914" s="1"/>
      <c r="F2914" s="1"/>
      <c r="G2914" s="25"/>
      <c r="H2914" s="71"/>
      <c r="I2914" s="83"/>
      <c r="J2914" s="50" t="str">
        <f t="shared" si="92"/>
        <v/>
      </c>
      <c r="K2914" s="23" t="s">
        <v>7120</v>
      </c>
      <c r="L2914" s="49" t="e">
        <f>VLOOKUP(E2914&amp;F2914,団体コード!$A$1:$C$1743,3,FALSE)</f>
        <v>#N/A</v>
      </c>
      <c r="M2914" s="49" t="e">
        <f>VLOOKUP(E2914&amp;F2914,団体コード!$A$1:$C$1743,2,FALSE)</f>
        <v>#N/A</v>
      </c>
      <c r="N2914" s="51" t="e">
        <f>VLOOKUP(E2914,団体コード!$E$1:$F$48,2,FALSE)</f>
        <v>#N/A</v>
      </c>
      <c r="O2914" s="51" t="e">
        <f t="shared" si="93"/>
        <v>#N/A</v>
      </c>
      <c r="P2914" s="51">
        <v>1</v>
      </c>
      <c r="Q2914" s="51" t="s">
        <v>5341</v>
      </c>
      <c r="R2914" s="54" t="b">
        <v>1</v>
      </c>
      <c r="S2914" s="52" t="s">
        <v>7126</v>
      </c>
      <c r="T2914" s="67" t="s">
        <v>7127</v>
      </c>
      <c r="U2914" s="75" t="s">
        <v>5331</v>
      </c>
      <c r="V2914" s="47" t="s">
        <v>5331</v>
      </c>
      <c r="W2914" s="47" t="s">
        <v>5331</v>
      </c>
      <c r="X2914" s="47" t="s">
        <v>5331</v>
      </c>
      <c r="Y2914" s="47" t="s">
        <v>5331</v>
      </c>
      <c r="Z2914" s="28"/>
      <c r="AA2914" s="27"/>
      <c r="AB2914" s="27"/>
      <c r="AC2914" s="27"/>
      <c r="AD2914" s="30"/>
      <c r="AE2914" s="1"/>
      <c r="AF2914" s="23" t="s">
        <v>5331</v>
      </c>
      <c r="AG2914" s="26"/>
      <c r="AH2914" s="53"/>
    </row>
    <row r="2915" spans="1:34" ht="51.6" customHeight="1" x14ac:dyDescent="0.45">
      <c r="A2915" s="23">
        <v>2909</v>
      </c>
      <c r="B2915" s="25"/>
      <c r="C2915" s="25"/>
      <c r="D2915" s="29"/>
      <c r="E2915" s="1"/>
      <c r="F2915" s="1"/>
      <c r="G2915" s="25"/>
      <c r="H2915" s="71"/>
      <c r="I2915" s="83"/>
      <c r="J2915" s="50" t="str">
        <f t="shared" si="92"/>
        <v/>
      </c>
      <c r="K2915" s="23" t="s">
        <v>7120</v>
      </c>
      <c r="L2915" s="49" t="e">
        <f>VLOOKUP(E2915&amp;F2915,団体コード!$A$1:$C$1743,3,FALSE)</f>
        <v>#N/A</v>
      </c>
      <c r="M2915" s="49" t="e">
        <f>VLOOKUP(E2915&amp;F2915,団体コード!$A$1:$C$1743,2,FALSE)</f>
        <v>#N/A</v>
      </c>
      <c r="N2915" s="51" t="e">
        <f>VLOOKUP(E2915,団体コード!$E$1:$F$48,2,FALSE)</f>
        <v>#N/A</v>
      </c>
      <c r="O2915" s="51" t="e">
        <f t="shared" si="93"/>
        <v>#N/A</v>
      </c>
      <c r="P2915" s="51">
        <v>1</v>
      </c>
      <c r="Q2915" s="51" t="s">
        <v>5341</v>
      </c>
      <c r="R2915" s="54" t="b">
        <v>1</v>
      </c>
      <c r="S2915" s="52" t="s">
        <v>7126</v>
      </c>
      <c r="T2915" s="67" t="s">
        <v>7127</v>
      </c>
      <c r="U2915" s="75" t="s">
        <v>5331</v>
      </c>
      <c r="V2915" s="47" t="s">
        <v>5331</v>
      </c>
      <c r="W2915" s="47" t="s">
        <v>5331</v>
      </c>
      <c r="X2915" s="47" t="s">
        <v>5331</v>
      </c>
      <c r="Y2915" s="47" t="s">
        <v>5331</v>
      </c>
      <c r="Z2915" s="28"/>
      <c r="AA2915" s="27"/>
      <c r="AB2915" s="27"/>
      <c r="AC2915" s="27"/>
      <c r="AD2915" s="30"/>
      <c r="AE2915" s="1"/>
      <c r="AF2915" s="23" t="s">
        <v>5331</v>
      </c>
      <c r="AG2915" s="26"/>
      <c r="AH2915" s="53"/>
    </row>
    <row r="2916" spans="1:34" ht="51.6" customHeight="1" x14ac:dyDescent="0.45">
      <c r="A2916" s="23">
        <v>2910</v>
      </c>
      <c r="B2916" s="25"/>
      <c r="C2916" s="25"/>
      <c r="D2916" s="29"/>
      <c r="E2916" s="1"/>
      <c r="F2916" s="1"/>
      <c r="G2916" s="25"/>
      <c r="H2916" s="71"/>
      <c r="I2916" s="83"/>
      <c r="J2916" s="50" t="str">
        <f t="shared" si="92"/>
        <v/>
      </c>
      <c r="K2916" s="23" t="s">
        <v>7120</v>
      </c>
      <c r="L2916" s="49" t="e">
        <f>VLOOKUP(E2916&amp;F2916,団体コード!$A$1:$C$1743,3,FALSE)</f>
        <v>#N/A</v>
      </c>
      <c r="M2916" s="49" t="e">
        <f>VLOOKUP(E2916&amp;F2916,団体コード!$A$1:$C$1743,2,FALSE)</f>
        <v>#N/A</v>
      </c>
      <c r="N2916" s="51" t="e">
        <f>VLOOKUP(E2916,団体コード!$E$1:$F$48,2,FALSE)</f>
        <v>#N/A</v>
      </c>
      <c r="O2916" s="51" t="e">
        <f t="shared" si="93"/>
        <v>#N/A</v>
      </c>
      <c r="P2916" s="51">
        <v>1</v>
      </c>
      <c r="Q2916" s="51" t="s">
        <v>5341</v>
      </c>
      <c r="R2916" s="54" t="b">
        <v>1</v>
      </c>
      <c r="S2916" s="52" t="s">
        <v>7126</v>
      </c>
      <c r="T2916" s="67" t="s">
        <v>7127</v>
      </c>
      <c r="U2916" s="75" t="s">
        <v>5331</v>
      </c>
      <c r="V2916" s="47" t="s">
        <v>5331</v>
      </c>
      <c r="W2916" s="47" t="s">
        <v>5331</v>
      </c>
      <c r="X2916" s="47" t="s">
        <v>5331</v>
      </c>
      <c r="Y2916" s="47" t="s">
        <v>5331</v>
      </c>
      <c r="Z2916" s="28"/>
      <c r="AA2916" s="27"/>
      <c r="AB2916" s="27"/>
      <c r="AC2916" s="27"/>
      <c r="AD2916" s="30"/>
      <c r="AE2916" s="1"/>
      <c r="AF2916" s="23" t="s">
        <v>5331</v>
      </c>
      <c r="AG2916" s="26"/>
      <c r="AH2916" s="53"/>
    </row>
    <row r="2917" spans="1:34" ht="51.6" customHeight="1" x14ac:dyDescent="0.45">
      <c r="A2917" s="23">
        <v>2911</v>
      </c>
      <c r="B2917" s="25"/>
      <c r="C2917" s="25"/>
      <c r="D2917" s="29"/>
      <c r="E2917" s="1"/>
      <c r="F2917" s="1"/>
      <c r="G2917" s="25"/>
      <c r="H2917" s="71"/>
      <c r="I2917" s="83"/>
      <c r="J2917" s="50" t="str">
        <f t="shared" si="92"/>
        <v/>
      </c>
      <c r="K2917" s="23" t="s">
        <v>7120</v>
      </c>
      <c r="L2917" s="49" t="e">
        <f>VLOOKUP(E2917&amp;F2917,団体コード!$A$1:$C$1743,3,FALSE)</f>
        <v>#N/A</v>
      </c>
      <c r="M2917" s="49" t="e">
        <f>VLOOKUP(E2917&amp;F2917,団体コード!$A$1:$C$1743,2,FALSE)</f>
        <v>#N/A</v>
      </c>
      <c r="N2917" s="51" t="e">
        <f>VLOOKUP(E2917,団体コード!$E$1:$F$48,2,FALSE)</f>
        <v>#N/A</v>
      </c>
      <c r="O2917" s="51" t="e">
        <f t="shared" si="93"/>
        <v>#N/A</v>
      </c>
      <c r="P2917" s="51">
        <v>1</v>
      </c>
      <c r="Q2917" s="51" t="s">
        <v>5341</v>
      </c>
      <c r="R2917" s="54" t="b">
        <v>1</v>
      </c>
      <c r="S2917" s="52" t="s">
        <v>7126</v>
      </c>
      <c r="T2917" s="67" t="s">
        <v>7127</v>
      </c>
      <c r="U2917" s="75" t="s">
        <v>5331</v>
      </c>
      <c r="V2917" s="47" t="s">
        <v>5331</v>
      </c>
      <c r="W2917" s="47" t="s">
        <v>5331</v>
      </c>
      <c r="X2917" s="47" t="s">
        <v>5331</v>
      </c>
      <c r="Y2917" s="47" t="s">
        <v>5331</v>
      </c>
      <c r="Z2917" s="28"/>
      <c r="AA2917" s="27"/>
      <c r="AB2917" s="27"/>
      <c r="AC2917" s="27"/>
      <c r="AD2917" s="30"/>
      <c r="AE2917" s="1"/>
      <c r="AF2917" s="23" t="s">
        <v>5331</v>
      </c>
      <c r="AG2917" s="26"/>
      <c r="AH2917" s="53"/>
    </row>
    <row r="2918" spans="1:34" ht="51.6" customHeight="1" x14ac:dyDescent="0.45">
      <c r="A2918" s="23">
        <v>2912</v>
      </c>
      <c r="B2918" s="25"/>
      <c r="C2918" s="25"/>
      <c r="D2918" s="29"/>
      <c r="E2918" s="1"/>
      <c r="F2918" s="1"/>
      <c r="G2918" s="25"/>
      <c r="H2918" s="71"/>
      <c r="I2918" s="83"/>
      <c r="J2918" s="50" t="str">
        <f t="shared" si="92"/>
        <v/>
      </c>
      <c r="K2918" s="23" t="s">
        <v>7120</v>
      </c>
      <c r="L2918" s="49" t="e">
        <f>VLOOKUP(E2918&amp;F2918,団体コード!$A$1:$C$1743,3,FALSE)</f>
        <v>#N/A</v>
      </c>
      <c r="M2918" s="49" t="e">
        <f>VLOOKUP(E2918&amp;F2918,団体コード!$A$1:$C$1743,2,FALSE)</f>
        <v>#N/A</v>
      </c>
      <c r="N2918" s="51" t="e">
        <f>VLOOKUP(E2918,団体コード!$E$1:$F$48,2,FALSE)</f>
        <v>#N/A</v>
      </c>
      <c r="O2918" s="51" t="e">
        <f t="shared" si="93"/>
        <v>#N/A</v>
      </c>
      <c r="P2918" s="51">
        <v>1</v>
      </c>
      <c r="Q2918" s="51" t="s">
        <v>5341</v>
      </c>
      <c r="R2918" s="54" t="b">
        <v>1</v>
      </c>
      <c r="S2918" s="52" t="s">
        <v>7126</v>
      </c>
      <c r="T2918" s="67" t="s">
        <v>7127</v>
      </c>
      <c r="U2918" s="75" t="s">
        <v>5331</v>
      </c>
      <c r="V2918" s="47" t="s">
        <v>5331</v>
      </c>
      <c r="W2918" s="47" t="s">
        <v>5331</v>
      </c>
      <c r="X2918" s="47" t="s">
        <v>5331</v>
      </c>
      <c r="Y2918" s="47" t="s">
        <v>5331</v>
      </c>
      <c r="Z2918" s="28"/>
      <c r="AA2918" s="27"/>
      <c r="AB2918" s="27"/>
      <c r="AC2918" s="27"/>
      <c r="AD2918" s="30"/>
      <c r="AE2918" s="1"/>
      <c r="AF2918" s="23" t="s">
        <v>5331</v>
      </c>
      <c r="AG2918" s="26"/>
      <c r="AH2918" s="53"/>
    </row>
    <row r="2919" spans="1:34" ht="51.6" customHeight="1" x14ac:dyDescent="0.45">
      <c r="A2919" s="23">
        <v>2913</v>
      </c>
      <c r="B2919" s="25"/>
      <c r="C2919" s="25"/>
      <c r="D2919" s="29"/>
      <c r="E2919" s="1"/>
      <c r="F2919" s="1"/>
      <c r="G2919" s="25"/>
      <c r="H2919" s="71"/>
      <c r="I2919" s="83"/>
      <c r="J2919" s="50" t="str">
        <f t="shared" si="92"/>
        <v/>
      </c>
      <c r="K2919" s="23" t="s">
        <v>7120</v>
      </c>
      <c r="L2919" s="49" t="e">
        <f>VLOOKUP(E2919&amp;F2919,団体コード!$A$1:$C$1743,3,FALSE)</f>
        <v>#N/A</v>
      </c>
      <c r="M2919" s="49" t="e">
        <f>VLOOKUP(E2919&amp;F2919,団体コード!$A$1:$C$1743,2,FALSE)</f>
        <v>#N/A</v>
      </c>
      <c r="N2919" s="51" t="e">
        <f>VLOOKUP(E2919,団体コード!$E$1:$F$48,2,FALSE)</f>
        <v>#N/A</v>
      </c>
      <c r="O2919" s="51" t="e">
        <f t="shared" si="93"/>
        <v>#N/A</v>
      </c>
      <c r="P2919" s="51">
        <v>1</v>
      </c>
      <c r="Q2919" s="51" t="s">
        <v>5341</v>
      </c>
      <c r="R2919" s="54" t="b">
        <v>1</v>
      </c>
      <c r="S2919" s="52" t="s">
        <v>7126</v>
      </c>
      <c r="T2919" s="67" t="s">
        <v>7127</v>
      </c>
      <c r="U2919" s="75" t="s">
        <v>5331</v>
      </c>
      <c r="V2919" s="47" t="s">
        <v>5331</v>
      </c>
      <c r="W2919" s="47" t="s">
        <v>5331</v>
      </c>
      <c r="X2919" s="47" t="s">
        <v>5331</v>
      </c>
      <c r="Y2919" s="47" t="s">
        <v>5331</v>
      </c>
      <c r="Z2919" s="28"/>
      <c r="AA2919" s="27"/>
      <c r="AB2919" s="27"/>
      <c r="AC2919" s="27"/>
      <c r="AD2919" s="30"/>
      <c r="AE2919" s="1"/>
      <c r="AF2919" s="23" t="s">
        <v>5331</v>
      </c>
      <c r="AG2919" s="26"/>
      <c r="AH2919" s="53"/>
    </row>
    <row r="2920" spans="1:34" ht="51.6" customHeight="1" x14ac:dyDescent="0.45">
      <c r="A2920" s="23">
        <v>2914</v>
      </c>
      <c r="B2920" s="25"/>
      <c r="C2920" s="25"/>
      <c r="D2920" s="29"/>
      <c r="E2920" s="1"/>
      <c r="F2920" s="1"/>
      <c r="G2920" s="25"/>
      <c r="H2920" s="71"/>
      <c r="I2920" s="83"/>
      <c r="J2920" s="50" t="str">
        <f t="shared" si="92"/>
        <v/>
      </c>
      <c r="K2920" s="23" t="s">
        <v>7120</v>
      </c>
      <c r="L2920" s="49" t="e">
        <f>VLOOKUP(E2920&amp;F2920,団体コード!$A$1:$C$1743,3,FALSE)</f>
        <v>#N/A</v>
      </c>
      <c r="M2920" s="49" t="e">
        <f>VLOOKUP(E2920&amp;F2920,団体コード!$A$1:$C$1743,2,FALSE)</f>
        <v>#N/A</v>
      </c>
      <c r="N2920" s="51" t="e">
        <f>VLOOKUP(E2920,団体コード!$E$1:$F$48,2,FALSE)</f>
        <v>#N/A</v>
      </c>
      <c r="O2920" s="51" t="e">
        <f t="shared" si="93"/>
        <v>#N/A</v>
      </c>
      <c r="P2920" s="51">
        <v>1</v>
      </c>
      <c r="Q2920" s="51" t="s">
        <v>5341</v>
      </c>
      <c r="R2920" s="54" t="b">
        <v>1</v>
      </c>
      <c r="S2920" s="52" t="s">
        <v>7126</v>
      </c>
      <c r="T2920" s="67" t="s">
        <v>7127</v>
      </c>
      <c r="U2920" s="75" t="s">
        <v>5331</v>
      </c>
      <c r="V2920" s="47" t="s">
        <v>5331</v>
      </c>
      <c r="W2920" s="47" t="s">
        <v>5331</v>
      </c>
      <c r="X2920" s="47" t="s">
        <v>5331</v>
      </c>
      <c r="Y2920" s="47" t="s">
        <v>5331</v>
      </c>
      <c r="Z2920" s="28"/>
      <c r="AA2920" s="27"/>
      <c r="AB2920" s="27"/>
      <c r="AC2920" s="27"/>
      <c r="AD2920" s="30"/>
      <c r="AE2920" s="1"/>
      <c r="AF2920" s="23" t="s">
        <v>5331</v>
      </c>
      <c r="AG2920" s="26"/>
      <c r="AH2920" s="53"/>
    </row>
    <row r="2921" spans="1:34" ht="51.6" customHeight="1" x14ac:dyDescent="0.45">
      <c r="A2921" s="23">
        <v>2915</v>
      </c>
      <c r="B2921" s="25"/>
      <c r="C2921" s="25"/>
      <c r="D2921" s="29"/>
      <c r="E2921" s="1"/>
      <c r="F2921" s="1"/>
      <c r="G2921" s="25"/>
      <c r="H2921" s="71"/>
      <c r="I2921" s="83"/>
      <c r="J2921" s="50" t="str">
        <f t="shared" si="92"/>
        <v/>
      </c>
      <c r="K2921" s="23" t="s">
        <v>7120</v>
      </c>
      <c r="L2921" s="49" t="e">
        <f>VLOOKUP(E2921&amp;F2921,団体コード!$A$1:$C$1743,3,FALSE)</f>
        <v>#N/A</v>
      </c>
      <c r="M2921" s="49" t="e">
        <f>VLOOKUP(E2921&amp;F2921,団体コード!$A$1:$C$1743,2,FALSE)</f>
        <v>#N/A</v>
      </c>
      <c r="N2921" s="51" t="e">
        <f>VLOOKUP(E2921,団体コード!$E$1:$F$48,2,FALSE)</f>
        <v>#N/A</v>
      </c>
      <c r="O2921" s="51" t="e">
        <f t="shared" si="93"/>
        <v>#N/A</v>
      </c>
      <c r="P2921" s="51">
        <v>1</v>
      </c>
      <c r="Q2921" s="51" t="s">
        <v>5341</v>
      </c>
      <c r="R2921" s="54" t="b">
        <v>1</v>
      </c>
      <c r="S2921" s="52" t="s">
        <v>7126</v>
      </c>
      <c r="T2921" s="67" t="s">
        <v>7127</v>
      </c>
      <c r="U2921" s="75" t="s">
        <v>5331</v>
      </c>
      <c r="V2921" s="47" t="s">
        <v>5331</v>
      </c>
      <c r="W2921" s="47" t="s">
        <v>5331</v>
      </c>
      <c r="X2921" s="47" t="s">
        <v>5331</v>
      </c>
      <c r="Y2921" s="47" t="s">
        <v>5331</v>
      </c>
      <c r="Z2921" s="28"/>
      <c r="AA2921" s="27"/>
      <c r="AB2921" s="27"/>
      <c r="AC2921" s="27"/>
      <c r="AD2921" s="30"/>
      <c r="AE2921" s="1"/>
      <c r="AF2921" s="23" t="s">
        <v>5331</v>
      </c>
      <c r="AG2921" s="26"/>
      <c r="AH2921" s="53"/>
    </row>
    <row r="2922" spans="1:34" ht="51.6" customHeight="1" x14ac:dyDescent="0.45">
      <c r="A2922" s="23">
        <v>2916</v>
      </c>
      <c r="B2922" s="25"/>
      <c r="C2922" s="25"/>
      <c r="D2922" s="29"/>
      <c r="E2922" s="1"/>
      <c r="F2922" s="1"/>
      <c r="G2922" s="25"/>
      <c r="H2922" s="71"/>
      <c r="I2922" s="83"/>
      <c r="J2922" s="50" t="str">
        <f t="shared" si="92"/>
        <v/>
      </c>
      <c r="K2922" s="23" t="s">
        <v>7120</v>
      </c>
      <c r="L2922" s="49" t="e">
        <f>VLOOKUP(E2922&amp;F2922,団体コード!$A$1:$C$1743,3,FALSE)</f>
        <v>#N/A</v>
      </c>
      <c r="M2922" s="49" t="e">
        <f>VLOOKUP(E2922&amp;F2922,団体コード!$A$1:$C$1743,2,FALSE)</f>
        <v>#N/A</v>
      </c>
      <c r="N2922" s="51" t="e">
        <f>VLOOKUP(E2922,団体コード!$E$1:$F$48,2,FALSE)</f>
        <v>#N/A</v>
      </c>
      <c r="O2922" s="51" t="e">
        <f t="shared" si="93"/>
        <v>#N/A</v>
      </c>
      <c r="P2922" s="51">
        <v>1</v>
      </c>
      <c r="Q2922" s="51" t="s">
        <v>5341</v>
      </c>
      <c r="R2922" s="54" t="b">
        <v>1</v>
      </c>
      <c r="S2922" s="52" t="s">
        <v>7126</v>
      </c>
      <c r="T2922" s="67" t="s">
        <v>7127</v>
      </c>
      <c r="U2922" s="75" t="s">
        <v>5331</v>
      </c>
      <c r="V2922" s="47" t="s">
        <v>5331</v>
      </c>
      <c r="W2922" s="47" t="s">
        <v>5331</v>
      </c>
      <c r="X2922" s="47" t="s">
        <v>5331</v>
      </c>
      <c r="Y2922" s="47" t="s">
        <v>5331</v>
      </c>
      <c r="Z2922" s="28"/>
      <c r="AA2922" s="27"/>
      <c r="AB2922" s="27"/>
      <c r="AC2922" s="27"/>
      <c r="AD2922" s="30"/>
      <c r="AE2922" s="1"/>
      <c r="AF2922" s="23" t="s">
        <v>5331</v>
      </c>
      <c r="AG2922" s="26"/>
      <c r="AH2922" s="53"/>
    </row>
    <row r="2923" spans="1:34" ht="51.6" customHeight="1" x14ac:dyDescent="0.45">
      <c r="A2923" s="23">
        <v>2917</v>
      </c>
      <c r="B2923" s="25"/>
      <c r="C2923" s="25"/>
      <c r="D2923" s="29"/>
      <c r="E2923" s="1"/>
      <c r="F2923" s="1"/>
      <c r="G2923" s="25"/>
      <c r="H2923" s="71"/>
      <c r="I2923" s="83"/>
      <c r="J2923" s="50" t="str">
        <f t="shared" si="92"/>
        <v/>
      </c>
      <c r="K2923" s="23" t="s">
        <v>7120</v>
      </c>
      <c r="L2923" s="49" t="e">
        <f>VLOOKUP(E2923&amp;F2923,団体コード!$A$1:$C$1743,3,FALSE)</f>
        <v>#N/A</v>
      </c>
      <c r="M2923" s="49" t="e">
        <f>VLOOKUP(E2923&amp;F2923,団体コード!$A$1:$C$1743,2,FALSE)</f>
        <v>#N/A</v>
      </c>
      <c r="N2923" s="51" t="e">
        <f>VLOOKUP(E2923,団体コード!$E$1:$F$48,2,FALSE)</f>
        <v>#N/A</v>
      </c>
      <c r="O2923" s="51" t="e">
        <f t="shared" si="93"/>
        <v>#N/A</v>
      </c>
      <c r="P2923" s="51">
        <v>1</v>
      </c>
      <c r="Q2923" s="51" t="s">
        <v>5341</v>
      </c>
      <c r="R2923" s="54" t="b">
        <v>1</v>
      </c>
      <c r="S2923" s="52" t="s">
        <v>7126</v>
      </c>
      <c r="T2923" s="67" t="s">
        <v>7127</v>
      </c>
      <c r="U2923" s="75" t="s">
        <v>5331</v>
      </c>
      <c r="V2923" s="47" t="s">
        <v>5331</v>
      </c>
      <c r="W2923" s="47" t="s">
        <v>5331</v>
      </c>
      <c r="X2923" s="47" t="s">
        <v>5331</v>
      </c>
      <c r="Y2923" s="47" t="s">
        <v>5331</v>
      </c>
      <c r="Z2923" s="28"/>
      <c r="AA2923" s="27"/>
      <c r="AB2923" s="27"/>
      <c r="AC2923" s="27"/>
      <c r="AD2923" s="30"/>
      <c r="AE2923" s="1"/>
      <c r="AF2923" s="23" t="s">
        <v>5331</v>
      </c>
      <c r="AG2923" s="26"/>
      <c r="AH2923" s="53"/>
    </row>
    <row r="2924" spans="1:34" ht="51.6" customHeight="1" x14ac:dyDescent="0.45">
      <c r="A2924" s="23">
        <v>2918</v>
      </c>
      <c r="B2924" s="25"/>
      <c r="C2924" s="25"/>
      <c r="D2924" s="29"/>
      <c r="E2924" s="1"/>
      <c r="F2924" s="1"/>
      <c r="G2924" s="25"/>
      <c r="H2924" s="71"/>
      <c r="I2924" s="83"/>
      <c r="J2924" s="50" t="str">
        <f t="shared" si="92"/>
        <v/>
      </c>
      <c r="K2924" s="23" t="s">
        <v>7120</v>
      </c>
      <c r="L2924" s="49" t="e">
        <f>VLOOKUP(E2924&amp;F2924,団体コード!$A$1:$C$1743,3,FALSE)</f>
        <v>#N/A</v>
      </c>
      <c r="M2924" s="49" t="e">
        <f>VLOOKUP(E2924&amp;F2924,団体コード!$A$1:$C$1743,2,FALSE)</f>
        <v>#N/A</v>
      </c>
      <c r="N2924" s="51" t="e">
        <f>VLOOKUP(E2924,団体コード!$E$1:$F$48,2,FALSE)</f>
        <v>#N/A</v>
      </c>
      <c r="O2924" s="51" t="e">
        <f t="shared" si="93"/>
        <v>#N/A</v>
      </c>
      <c r="P2924" s="51">
        <v>1</v>
      </c>
      <c r="Q2924" s="51" t="s">
        <v>5341</v>
      </c>
      <c r="R2924" s="54" t="b">
        <v>1</v>
      </c>
      <c r="S2924" s="52" t="s">
        <v>7126</v>
      </c>
      <c r="T2924" s="67" t="s">
        <v>7127</v>
      </c>
      <c r="U2924" s="75" t="s">
        <v>5331</v>
      </c>
      <c r="V2924" s="47" t="s">
        <v>5331</v>
      </c>
      <c r="W2924" s="47" t="s">
        <v>5331</v>
      </c>
      <c r="X2924" s="47" t="s">
        <v>5331</v>
      </c>
      <c r="Y2924" s="47" t="s">
        <v>5331</v>
      </c>
      <c r="Z2924" s="28"/>
      <c r="AA2924" s="27"/>
      <c r="AB2924" s="27"/>
      <c r="AC2924" s="27"/>
      <c r="AD2924" s="30"/>
      <c r="AE2924" s="1"/>
      <c r="AF2924" s="23" t="s">
        <v>5331</v>
      </c>
      <c r="AG2924" s="26"/>
      <c r="AH2924" s="53"/>
    </row>
    <row r="2925" spans="1:34" ht="51.6" customHeight="1" x14ac:dyDescent="0.45">
      <c r="A2925" s="23">
        <v>2919</v>
      </c>
      <c r="B2925" s="25"/>
      <c r="C2925" s="25"/>
      <c r="D2925" s="29"/>
      <c r="E2925" s="1"/>
      <c r="F2925" s="1"/>
      <c r="G2925" s="25"/>
      <c r="H2925" s="71"/>
      <c r="I2925" s="83"/>
      <c r="J2925" s="50" t="str">
        <f t="shared" si="92"/>
        <v/>
      </c>
      <c r="K2925" s="23" t="s">
        <v>7120</v>
      </c>
      <c r="L2925" s="49" t="e">
        <f>VLOOKUP(E2925&amp;F2925,団体コード!$A$1:$C$1743,3,FALSE)</f>
        <v>#N/A</v>
      </c>
      <c r="M2925" s="49" t="e">
        <f>VLOOKUP(E2925&amp;F2925,団体コード!$A$1:$C$1743,2,FALSE)</f>
        <v>#N/A</v>
      </c>
      <c r="N2925" s="51" t="e">
        <f>VLOOKUP(E2925,団体コード!$E$1:$F$48,2,FALSE)</f>
        <v>#N/A</v>
      </c>
      <c r="O2925" s="51" t="e">
        <f t="shared" si="93"/>
        <v>#N/A</v>
      </c>
      <c r="P2925" s="51">
        <v>1</v>
      </c>
      <c r="Q2925" s="51" t="s">
        <v>5341</v>
      </c>
      <c r="R2925" s="54" t="b">
        <v>1</v>
      </c>
      <c r="S2925" s="52" t="s">
        <v>7126</v>
      </c>
      <c r="T2925" s="67" t="s">
        <v>7127</v>
      </c>
      <c r="U2925" s="75" t="s">
        <v>5331</v>
      </c>
      <c r="V2925" s="47" t="s">
        <v>5331</v>
      </c>
      <c r="W2925" s="47" t="s">
        <v>5331</v>
      </c>
      <c r="X2925" s="47" t="s">
        <v>5331</v>
      </c>
      <c r="Y2925" s="47" t="s">
        <v>5331</v>
      </c>
      <c r="Z2925" s="28"/>
      <c r="AA2925" s="27"/>
      <c r="AB2925" s="27"/>
      <c r="AC2925" s="27"/>
      <c r="AD2925" s="30"/>
      <c r="AE2925" s="1"/>
      <c r="AF2925" s="23" t="s">
        <v>5331</v>
      </c>
      <c r="AG2925" s="26"/>
      <c r="AH2925" s="53"/>
    </row>
    <row r="2926" spans="1:34" ht="51.6" customHeight="1" x14ac:dyDescent="0.45">
      <c r="A2926" s="23">
        <v>2920</v>
      </c>
      <c r="B2926" s="25"/>
      <c r="C2926" s="25"/>
      <c r="D2926" s="29"/>
      <c r="E2926" s="1"/>
      <c r="F2926" s="1"/>
      <c r="G2926" s="25"/>
      <c r="H2926" s="71"/>
      <c r="I2926" s="83"/>
      <c r="J2926" s="50" t="str">
        <f t="shared" si="92"/>
        <v/>
      </c>
      <c r="K2926" s="23" t="s">
        <v>7120</v>
      </c>
      <c r="L2926" s="49" t="e">
        <f>VLOOKUP(E2926&amp;F2926,団体コード!$A$1:$C$1743,3,FALSE)</f>
        <v>#N/A</v>
      </c>
      <c r="M2926" s="49" t="e">
        <f>VLOOKUP(E2926&amp;F2926,団体コード!$A$1:$C$1743,2,FALSE)</f>
        <v>#N/A</v>
      </c>
      <c r="N2926" s="51" t="e">
        <f>VLOOKUP(E2926,団体コード!$E$1:$F$48,2,FALSE)</f>
        <v>#N/A</v>
      </c>
      <c r="O2926" s="51" t="e">
        <f t="shared" si="93"/>
        <v>#N/A</v>
      </c>
      <c r="P2926" s="51">
        <v>1</v>
      </c>
      <c r="Q2926" s="51" t="s">
        <v>5341</v>
      </c>
      <c r="R2926" s="54" t="b">
        <v>1</v>
      </c>
      <c r="S2926" s="52" t="s">
        <v>7126</v>
      </c>
      <c r="T2926" s="67" t="s">
        <v>7127</v>
      </c>
      <c r="U2926" s="75" t="s">
        <v>5331</v>
      </c>
      <c r="V2926" s="47" t="s">
        <v>5331</v>
      </c>
      <c r="W2926" s="47" t="s">
        <v>5331</v>
      </c>
      <c r="X2926" s="47" t="s">
        <v>5331</v>
      </c>
      <c r="Y2926" s="47" t="s">
        <v>5331</v>
      </c>
      <c r="Z2926" s="28"/>
      <c r="AA2926" s="27"/>
      <c r="AB2926" s="27"/>
      <c r="AC2926" s="27"/>
      <c r="AD2926" s="30"/>
      <c r="AE2926" s="1"/>
      <c r="AF2926" s="23" t="s">
        <v>5331</v>
      </c>
      <c r="AG2926" s="26"/>
      <c r="AH2926" s="53"/>
    </row>
    <row r="2927" spans="1:34" ht="51.6" customHeight="1" x14ac:dyDescent="0.45">
      <c r="A2927" s="23">
        <v>2921</v>
      </c>
      <c r="B2927" s="25"/>
      <c r="C2927" s="25"/>
      <c r="D2927" s="29"/>
      <c r="E2927" s="1"/>
      <c r="F2927" s="1"/>
      <c r="G2927" s="25"/>
      <c r="H2927" s="71"/>
      <c r="I2927" s="83"/>
      <c r="J2927" s="50" t="str">
        <f t="shared" si="92"/>
        <v/>
      </c>
      <c r="K2927" s="23" t="s">
        <v>7120</v>
      </c>
      <c r="L2927" s="49" t="e">
        <f>VLOOKUP(E2927&amp;F2927,団体コード!$A$1:$C$1743,3,FALSE)</f>
        <v>#N/A</v>
      </c>
      <c r="M2927" s="49" t="e">
        <f>VLOOKUP(E2927&amp;F2927,団体コード!$A$1:$C$1743,2,FALSE)</f>
        <v>#N/A</v>
      </c>
      <c r="N2927" s="51" t="e">
        <f>VLOOKUP(E2927,団体コード!$E$1:$F$48,2,FALSE)</f>
        <v>#N/A</v>
      </c>
      <c r="O2927" s="51" t="e">
        <f t="shared" si="93"/>
        <v>#N/A</v>
      </c>
      <c r="P2927" s="51">
        <v>1</v>
      </c>
      <c r="Q2927" s="51" t="s">
        <v>5341</v>
      </c>
      <c r="R2927" s="54" t="b">
        <v>1</v>
      </c>
      <c r="S2927" s="52" t="s">
        <v>7126</v>
      </c>
      <c r="T2927" s="67" t="s">
        <v>7127</v>
      </c>
      <c r="U2927" s="75" t="s">
        <v>5331</v>
      </c>
      <c r="V2927" s="47" t="s">
        <v>5331</v>
      </c>
      <c r="W2927" s="47" t="s">
        <v>5331</v>
      </c>
      <c r="X2927" s="47" t="s">
        <v>5331</v>
      </c>
      <c r="Y2927" s="47" t="s">
        <v>5331</v>
      </c>
      <c r="Z2927" s="28"/>
      <c r="AA2927" s="27"/>
      <c r="AB2927" s="27"/>
      <c r="AC2927" s="27"/>
      <c r="AD2927" s="30"/>
      <c r="AE2927" s="1"/>
      <c r="AF2927" s="23" t="s">
        <v>5331</v>
      </c>
      <c r="AG2927" s="26"/>
      <c r="AH2927" s="53"/>
    </row>
    <row r="2928" spans="1:34" ht="51.6" customHeight="1" x14ac:dyDescent="0.45">
      <c r="A2928" s="23">
        <v>2922</v>
      </c>
      <c r="B2928" s="25"/>
      <c r="C2928" s="25"/>
      <c r="D2928" s="29"/>
      <c r="E2928" s="1"/>
      <c r="F2928" s="1"/>
      <c r="G2928" s="25"/>
      <c r="H2928" s="71"/>
      <c r="I2928" s="83"/>
      <c r="J2928" s="50" t="str">
        <f t="shared" si="92"/>
        <v/>
      </c>
      <c r="K2928" s="23" t="s">
        <v>7120</v>
      </c>
      <c r="L2928" s="49" t="e">
        <f>VLOOKUP(E2928&amp;F2928,団体コード!$A$1:$C$1743,3,FALSE)</f>
        <v>#N/A</v>
      </c>
      <c r="M2928" s="49" t="e">
        <f>VLOOKUP(E2928&amp;F2928,団体コード!$A$1:$C$1743,2,FALSE)</f>
        <v>#N/A</v>
      </c>
      <c r="N2928" s="51" t="e">
        <f>VLOOKUP(E2928,団体コード!$E$1:$F$48,2,FALSE)</f>
        <v>#N/A</v>
      </c>
      <c r="O2928" s="51" t="e">
        <f t="shared" si="93"/>
        <v>#N/A</v>
      </c>
      <c r="P2928" s="51">
        <v>1</v>
      </c>
      <c r="Q2928" s="51" t="s">
        <v>5341</v>
      </c>
      <c r="R2928" s="54" t="b">
        <v>1</v>
      </c>
      <c r="S2928" s="52" t="s">
        <v>7126</v>
      </c>
      <c r="T2928" s="67" t="s">
        <v>7127</v>
      </c>
      <c r="U2928" s="75" t="s">
        <v>5331</v>
      </c>
      <c r="V2928" s="47" t="s">
        <v>5331</v>
      </c>
      <c r="W2928" s="47" t="s">
        <v>5331</v>
      </c>
      <c r="X2928" s="47" t="s">
        <v>5331</v>
      </c>
      <c r="Y2928" s="47" t="s">
        <v>5331</v>
      </c>
      <c r="Z2928" s="28"/>
      <c r="AA2928" s="27"/>
      <c r="AB2928" s="27"/>
      <c r="AC2928" s="27"/>
      <c r="AD2928" s="30"/>
      <c r="AE2928" s="1"/>
      <c r="AF2928" s="23" t="s">
        <v>5331</v>
      </c>
      <c r="AG2928" s="26"/>
      <c r="AH2928" s="53"/>
    </row>
    <row r="2929" spans="1:34" ht="51.6" customHeight="1" x14ac:dyDescent="0.45">
      <c r="A2929" s="23">
        <v>2923</v>
      </c>
      <c r="B2929" s="25"/>
      <c r="C2929" s="25"/>
      <c r="D2929" s="29"/>
      <c r="E2929" s="1"/>
      <c r="F2929" s="1"/>
      <c r="G2929" s="25"/>
      <c r="H2929" s="71"/>
      <c r="I2929" s="83"/>
      <c r="J2929" s="50" t="str">
        <f t="shared" si="92"/>
        <v/>
      </c>
      <c r="K2929" s="23" t="s">
        <v>7120</v>
      </c>
      <c r="L2929" s="49" t="e">
        <f>VLOOKUP(E2929&amp;F2929,団体コード!$A$1:$C$1743,3,FALSE)</f>
        <v>#N/A</v>
      </c>
      <c r="M2929" s="49" t="e">
        <f>VLOOKUP(E2929&amp;F2929,団体コード!$A$1:$C$1743,2,FALSE)</f>
        <v>#N/A</v>
      </c>
      <c r="N2929" s="51" t="e">
        <f>VLOOKUP(E2929,団体コード!$E$1:$F$48,2,FALSE)</f>
        <v>#N/A</v>
      </c>
      <c r="O2929" s="51" t="e">
        <f t="shared" si="93"/>
        <v>#N/A</v>
      </c>
      <c r="P2929" s="51">
        <v>1</v>
      </c>
      <c r="Q2929" s="51" t="s">
        <v>5341</v>
      </c>
      <c r="R2929" s="54" t="b">
        <v>1</v>
      </c>
      <c r="S2929" s="52" t="s">
        <v>7126</v>
      </c>
      <c r="T2929" s="67" t="s">
        <v>7127</v>
      </c>
      <c r="U2929" s="75" t="s">
        <v>5331</v>
      </c>
      <c r="V2929" s="47" t="s">
        <v>5331</v>
      </c>
      <c r="W2929" s="47" t="s">
        <v>5331</v>
      </c>
      <c r="X2929" s="47" t="s">
        <v>5331</v>
      </c>
      <c r="Y2929" s="47" t="s">
        <v>5331</v>
      </c>
      <c r="Z2929" s="28"/>
      <c r="AA2929" s="27"/>
      <c r="AB2929" s="27"/>
      <c r="AC2929" s="27"/>
      <c r="AD2929" s="30"/>
      <c r="AE2929" s="1"/>
      <c r="AF2929" s="23" t="s">
        <v>5331</v>
      </c>
      <c r="AG2929" s="26"/>
      <c r="AH2929" s="53"/>
    </row>
    <row r="2930" spans="1:34" ht="51.6" customHeight="1" x14ac:dyDescent="0.45">
      <c r="A2930" s="23">
        <v>2924</v>
      </c>
      <c r="B2930" s="25"/>
      <c r="C2930" s="25"/>
      <c r="D2930" s="29"/>
      <c r="E2930" s="1"/>
      <c r="F2930" s="1"/>
      <c r="G2930" s="25"/>
      <c r="H2930" s="71"/>
      <c r="I2930" s="83"/>
      <c r="J2930" s="50" t="str">
        <f t="shared" si="92"/>
        <v/>
      </c>
      <c r="K2930" s="23" t="s">
        <v>7120</v>
      </c>
      <c r="L2930" s="49" t="e">
        <f>VLOOKUP(E2930&amp;F2930,団体コード!$A$1:$C$1743,3,FALSE)</f>
        <v>#N/A</v>
      </c>
      <c r="M2930" s="49" t="e">
        <f>VLOOKUP(E2930&amp;F2930,団体コード!$A$1:$C$1743,2,FALSE)</f>
        <v>#N/A</v>
      </c>
      <c r="N2930" s="51" t="e">
        <f>VLOOKUP(E2930,団体コード!$E$1:$F$48,2,FALSE)</f>
        <v>#N/A</v>
      </c>
      <c r="O2930" s="51" t="e">
        <f t="shared" si="93"/>
        <v>#N/A</v>
      </c>
      <c r="P2930" s="51">
        <v>1</v>
      </c>
      <c r="Q2930" s="51" t="s">
        <v>5341</v>
      </c>
      <c r="R2930" s="54" t="b">
        <v>1</v>
      </c>
      <c r="S2930" s="52" t="s">
        <v>7126</v>
      </c>
      <c r="T2930" s="67" t="s">
        <v>7127</v>
      </c>
      <c r="U2930" s="75" t="s">
        <v>5331</v>
      </c>
      <c r="V2930" s="47" t="s">
        <v>5331</v>
      </c>
      <c r="W2930" s="47" t="s">
        <v>5331</v>
      </c>
      <c r="X2930" s="47" t="s">
        <v>5331</v>
      </c>
      <c r="Y2930" s="47" t="s">
        <v>5331</v>
      </c>
      <c r="Z2930" s="28"/>
      <c r="AA2930" s="27"/>
      <c r="AB2930" s="27"/>
      <c r="AC2930" s="27"/>
      <c r="AD2930" s="30"/>
      <c r="AE2930" s="1"/>
      <c r="AF2930" s="23" t="s">
        <v>5331</v>
      </c>
      <c r="AG2930" s="26"/>
      <c r="AH2930" s="53"/>
    </row>
    <row r="2931" spans="1:34" ht="51.6" customHeight="1" x14ac:dyDescent="0.45">
      <c r="A2931" s="23">
        <v>2925</v>
      </c>
      <c r="B2931" s="25"/>
      <c r="C2931" s="25"/>
      <c r="D2931" s="29"/>
      <c r="E2931" s="1"/>
      <c r="F2931" s="1"/>
      <c r="G2931" s="25"/>
      <c r="H2931" s="71"/>
      <c r="I2931" s="83"/>
      <c r="J2931" s="50" t="str">
        <f t="shared" si="92"/>
        <v/>
      </c>
      <c r="K2931" s="23" t="s">
        <v>7120</v>
      </c>
      <c r="L2931" s="49" t="e">
        <f>VLOOKUP(E2931&amp;F2931,団体コード!$A$1:$C$1743,3,FALSE)</f>
        <v>#N/A</v>
      </c>
      <c r="M2931" s="49" t="e">
        <f>VLOOKUP(E2931&amp;F2931,団体コード!$A$1:$C$1743,2,FALSE)</f>
        <v>#N/A</v>
      </c>
      <c r="N2931" s="51" t="e">
        <f>VLOOKUP(E2931,団体コード!$E$1:$F$48,2,FALSE)</f>
        <v>#N/A</v>
      </c>
      <c r="O2931" s="51" t="e">
        <f t="shared" si="93"/>
        <v>#N/A</v>
      </c>
      <c r="P2931" s="51">
        <v>1</v>
      </c>
      <c r="Q2931" s="51" t="s">
        <v>5341</v>
      </c>
      <c r="R2931" s="54" t="b">
        <v>1</v>
      </c>
      <c r="S2931" s="52" t="s">
        <v>7126</v>
      </c>
      <c r="T2931" s="67" t="s">
        <v>7127</v>
      </c>
      <c r="U2931" s="75" t="s">
        <v>5331</v>
      </c>
      <c r="V2931" s="47" t="s">
        <v>5331</v>
      </c>
      <c r="W2931" s="47" t="s">
        <v>5331</v>
      </c>
      <c r="X2931" s="47" t="s">
        <v>5331</v>
      </c>
      <c r="Y2931" s="47" t="s">
        <v>5331</v>
      </c>
      <c r="Z2931" s="28"/>
      <c r="AA2931" s="27"/>
      <c r="AB2931" s="27"/>
      <c r="AC2931" s="27"/>
      <c r="AD2931" s="30"/>
      <c r="AE2931" s="1"/>
      <c r="AF2931" s="23" t="s">
        <v>5331</v>
      </c>
      <c r="AG2931" s="26"/>
      <c r="AH2931" s="53"/>
    </row>
    <row r="2932" spans="1:34" ht="51.6" customHeight="1" x14ac:dyDescent="0.45">
      <c r="A2932" s="23">
        <v>2926</v>
      </c>
      <c r="B2932" s="25"/>
      <c r="C2932" s="25"/>
      <c r="D2932" s="29"/>
      <c r="E2932" s="1"/>
      <c r="F2932" s="1"/>
      <c r="G2932" s="25"/>
      <c r="H2932" s="71"/>
      <c r="I2932" s="83"/>
      <c r="J2932" s="50" t="str">
        <f t="shared" si="92"/>
        <v/>
      </c>
      <c r="K2932" s="23" t="s">
        <v>7120</v>
      </c>
      <c r="L2932" s="49" t="e">
        <f>VLOOKUP(E2932&amp;F2932,団体コード!$A$1:$C$1743,3,FALSE)</f>
        <v>#N/A</v>
      </c>
      <c r="M2932" s="49" t="e">
        <f>VLOOKUP(E2932&amp;F2932,団体コード!$A$1:$C$1743,2,FALSE)</f>
        <v>#N/A</v>
      </c>
      <c r="N2932" s="51" t="e">
        <f>VLOOKUP(E2932,団体コード!$E$1:$F$48,2,FALSE)</f>
        <v>#N/A</v>
      </c>
      <c r="O2932" s="51" t="e">
        <f t="shared" si="93"/>
        <v>#N/A</v>
      </c>
      <c r="P2932" s="51">
        <v>1</v>
      </c>
      <c r="Q2932" s="51" t="s">
        <v>5341</v>
      </c>
      <c r="R2932" s="54" t="b">
        <v>1</v>
      </c>
      <c r="S2932" s="52" t="s">
        <v>7126</v>
      </c>
      <c r="T2932" s="67" t="s">
        <v>7127</v>
      </c>
      <c r="U2932" s="75" t="s">
        <v>5331</v>
      </c>
      <c r="V2932" s="47" t="s">
        <v>5331</v>
      </c>
      <c r="W2932" s="47" t="s">
        <v>5331</v>
      </c>
      <c r="X2932" s="47" t="s">
        <v>5331</v>
      </c>
      <c r="Y2932" s="47" t="s">
        <v>5331</v>
      </c>
      <c r="Z2932" s="28"/>
      <c r="AA2932" s="27"/>
      <c r="AB2932" s="27"/>
      <c r="AC2932" s="27"/>
      <c r="AD2932" s="30"/>
      <c r="AE2932" s="1"/>
      <c r="AF2932" s="23" t="s">
        <v>5331</v>
      </c>
      <c r="AG2932" s="26"/>
      <c r="AH2932" s="53"/>
    </row>
    <row r="2933" spans="1:34" ht="51.6" customHeight="1" x14ac:dyDescent="0.45">
      <c r="A2933" s="23">
        <v>2927</v>
      </c>
      <c r="B2933" s="25"/>
      <c r="C2933" s="25"/>
      <c r="D2933" s="29"/>
      <c r="E2933" s="1"/>
      <c r="F2933" s="1"/>
      <c r="G2933" s="25"/>
      <c r="H2933" s="71"/>
      <c r="I2933" s="83"/>
      <c r="J2933" s="50" t="str">
        <f t="shared" si="92"/>
        <v/>
      </c>
      <c r="K2933" s="23" t="s">
        <v>7120</v>
      </c>
      <c r="L2933" s="49" t="e">
        <f>VLOOKUP(E2933&amp;F2933,団体コード!$A$1:$C$1743,3,FALSE)</f>
        <v>#N/A</v>
      </c>
      <c r="M2933" s="49" t="e">
        <f>VLOOKUP(E2933&amp;F2933,団体コード!$A$1:$C$1743,2,FALSE)</f>
        <v>#N/A</v>
      </c>
      <c r="N2933" s="51" t="e">
        <f>VLOOKUP(E2933,団体コード!$E$1:$F$48,2,FALSE)</f>
        <v>#N/A</v>
      </c>
      <c r="O2933" s="51" t="e">
        <f t="shared" si="93"/>
        <v>#N/A</v>
      </c>
      <c r="P2933" s="51">
        <v>1</v>
      </c>
      <c r="Q2933" s="51" t="s">
        <v>5341</v>
      </c>
      <c r="R2933" s="54" t="b">
        <v>1</v>
      </c>
      <c r="S2933" s="52" t="s">
        <v>7126</v>
      </c>
      <c r="T2933" s="67" t="s">
        <v>7127</v>
      </c>
      <c r="U2933" s="75" t="s">
        <v>5331</v>
      </c>
      <c r="V2933" s="47" t="s">
        <v>5331</v>
      </c>
      <c r="W2933" s="47" t="s">
        <v>5331</v>
      </c>
      <c r="X2933" s="47" t="s">
        <v>5331</v>
      </c>
      <c r="Y2933" s="47" t="s">
        <v>5331</v>
      </c>
      <c r="Z2933" s="28"/>
      <c r="AA2933" s="27"/>
      <c r="AB2933" s="27"/>
      <c r="AC2933" s="27"/>
      <c r="AD2933" s="30"/>
      <c r="AE2933" s="1"/>
      <c r="AF2933" s="23" t="s">
        <v>5331</v>
      </c>
      <c r="AG2933" s="26"/>
      <c r="AH2933" s="53"/>
    </row>
    <row r="2934" spans="1:34" ht="51.6" customHeight="1" x14ac:dyDescent="0.45">
      <c r="A2934" s="23">
        <v>2928</v>
      </c>
      <c r="B2934" s="25"/>
      <c r="C2934" s="25"/>
      <c r="D2934" s="29"/>
      <c r="E2934" s="1"/>
      <c r="F2934" s="1"/>
      <c r="G2934" s="25"/>
      <c r="H2934" s="71"/>
      <c r="I2934" s="83"/>
      <c r="J2934" s="50" t="str">
        <f t="shared" si="92"/>
        <v/>
      </c>
      <c r="K2934" s="23" t="s">
        <v>7120</v>
      </c>
      <c r="L2934" s="49" t="e">
        <f>VLOOKUP(E2934&amp;F2934,団体コード!$A$1:$C$1743,3,FALSE)</f>
        <v>#N/A</v>
      </c>
      <c r="M2934" s="49" t="e">
        <f>VLOOKUP(E2934&amp;F2934,団体コード!$A$1:$C$1743,2,FALSE)</f>
        <v>#N/A</v>
      </c>
      <c r="N2934" s="51" t="e">
        <f>VLOOKUP(E2934,団体コード!$E$1:$F$48,2,FALSE)</f>
        <v>#N/A</v>
      </c>
      <c r="O2934" s="51" t="e">
        <f t="shared" si="93"/>
        <v>#N/A</v>
      </c>
      <c r="P2934" s="51">
        <v>1</v>
      </c>
      <c r="Q2934" s="51" t="s">
        <v>5341</v>
      </c>
      <c r="R2934" s="54" t="b">
        <v>1</v>
      </c>
      <c r="S2934" s="52" t="s">
        <v>7126</v>
      </c>
      <c r="T2934" s="67" t="s">
        <v>7127</v>
      </c>
      <c r="U2934" s="75" t="s">
        <v>5331</v>
      </c>
      <c r="V2934" s="47" t="s">
        <v>5331</v>
      </c>
      <c r="W2934" s="47" t="s">
        <v>5331</v>
      </c>
      <c r="X2934" s="47" t="s">
        <v>5331</v>
      </c>
      <c r="Y2934" s="47" t="s">
        <v>5331</v>
      </c>
      <c r="Z2934" s="28"/>
      <c r="AA2934" s="27"/>
      <c r="AB2934" s="27"/>
      <c r="AC2934" s="27"/>
      <c r="AD2934" s="30"/>
      <c r="AE2934" s="1"/>
      <c r="AF2934" s="23" t="s">
        <v>5331</v>
      </c>
      <c r="AG2934" s="26"/>
      <c r="AH2934" s="53"/>
    </row>
    <row r="2935" spans="1:34" ht="51.6" customHeight="1" x14ac:dyDescent="0.45">
      <c r="A2935" s="23">
        <v>2929</v>
      </c>
      <c r="B2935" s="25"/>
      <c r="C2935" s="25"/>
      <c r="D2935" s="29"/>
      <c r="E2935" s="1"/>
      <c r="F2935" s="1"/>
      <c r="G2935" s="25"/>
      <c r="H2935" s="71"/>
      <c r="I2935" s="83"/>
      <c r="J2935" s="50" t="str">
        <f t="shared" si="92"/>
        <v/>
      </c>
      <c r="K2935" s="23" t="s">
        <v>7120</v>
      </c>
      <c r="L2935" s="49" t="e">
        <f>VLOOKUP(E2935&amp;F2935,団体コード!$A$1:$C$1743,3,FALSE)</f>
        <v>#N/A</v>
      </c>
      <c r="M2935" s="49" t="e">
        <f>VLOOKUP(E2935&amp;F2935,団体コード!$A$1:$C$1743,2,FALSE)</f>
        <v>#N/A</v>
      </c>
      <c r="N2935" s="51" t="e">
        <f>VLOOKUP(E2935,団体コード!$E$1:$F$48,2,FALSE)</f>
        <v>#N/A</v>
      </c>
      <c r="O2935" s="51" t="e">
        <f t="shared" si="93"/>
        <v>#N/A</v>
      </c>
      <c r="P2935" s="51">
        <v>1</v>
      </c>
      <c r="Q2935" s="51" t="s">
        <v>5341</v>
      </c>
      <c r="R2935" s="54" t="b">
        <v>1</v>
      </c>
      <c r="S2935" s="52" t="s">
        <v>7126</v>
      </c>
      <c r="T2935" s="67" t="s">
        <v>7127</v>
      </c>
      <c r="U2935" s="75" t="s">
        <v>5331</v>
      </c>
      <c r="V2935" s="47" t="s">
        <v>5331</v>
      </c>
      <c r="W2935" s="47" t="s">
        <v>5331</v>
      </c>
      <c r="X2935" s="47" t="s">
        <v>5331</v>
      </c>
      <c r="Y2935" s="47" t="s">
        <v>5331</v>
      </c>
      <c r="Z2935" s="28"/>
      <c r="AA2935" s="27"/>
      <c r="AB2935" s="27"/>
      <c r="AC2935" s="27"/>
      <c r="AD2935" s="30"/>
      <c r="AE2935" s="1"/>
      <c r="AF2935" s="23" t="s">
        <v>5331</v>
      </c>
      <c r="AG2935" s="26"/>
      <c r="AH2935" s="53"/>
    </row>
    <row r="2936" spans="1:34" ht="51.6" customHeight="1" x14ac:dyDescent="0.45">
      <c r="A2936" s="23">
        <v>2930</v>
      </c>
      <c r="B2936" s="25"/>
      <c r="C2936" s="25"/>
      <c r="D2936" s="29"/>
      <c r="E2936" s="1"/>
      <c r="F2936" s="1"/>
      <c r="G2936" s="25"/>
      <c r="H2936" s="71"/>
      <c r="I2936" s="83"/>
      <c r="J2936" s="50" t="str">
        <f t="shared" si="92"/>
        <v/>
      </c>
      <c r="K2936" s="23" t="s">
        <v>7120</v>
      </c>
      <c r="L2936" s="49" t="e">
        <f>VLOOKUP(E2936&amp;F2936,団体コード!$A$1:$C$1743,3,FALSE)</f>
        <v>#N/A</v>
      </c>
      <c r="M2936" s="49" t="e">
        <f>VLOOKUP(E2936&amp;F2936,団体コード!$A$1:$C$1743,2,FALSE)</f>
        <v>#N/A</v>
      </c>
      <c r="N2936" s="51" t="e">
        <f>VLOOKUP(E2936,団体コード!$E$1:$F$48,2,FALSE)</f>
        <v>#N/A</v>
      </c>
      <c r="O2936" s="51" t="e">
        <f t="shared" si="93"/>
        <v>#N/A</v>
      </c>
      <c r="P2936" s="51">
        <v>1</v>
      </c>
      <c r="Q2936" s="51" t="s">
        <v>5341</v>
      </c>
      <c r="R2936" s="54" t="b">
        <v>1</v>
      </c>
      <c r="S2936" s="52" t="s">
        <v>7126</v>
      </c>
      <c r="T2936" s="67" t="s">
        <v>7127</v>
      </c>
      <c r="U2936" s="75" t="s">
        <v>5331</v>
      </c>
      <c r="V2936" s="47" t="s">
        <v>5331</v>
      </c>
      <c r="W2936" s="47" t="s">
        <v>5331</v>
      </c>
      <c r="X2936" s="47" t="s">
        <v>5331</v>
      </c>
      <c r="Y2936" s="47" t="s">
        <v>5331</v>
      </c>
      <c r="Z2936" s="28"/>
      <c r="AA2936" s="27"/>
      <c r="AB2936" s="27"/>
      <c r="AC2936" s="27"/>
      <c r="AD2936" s="30"/>
      <c r="AE2936" s="1"/>
      <c r="AF2936" s="23" t="s">
        <v>5331</v>
      </c>
      <c r="AG2936" s="26"/>
      <c r="AH2936" s="53"/>
    </row>
    <row r="2937" spans="1:34" ht="51.6" customHeight="1" x14ac:dyDescent="0.45">
      <c r="A2937" s="23">
        <v>2931</v>
      </c>
      <c r="B2937" s="25"/>
      <c r="C2937" s="25"/>
      <c r="D2937" s="29"/>
      <c r="E2937" s="1"/>
      <c r="F2937" s="1"/>
      <c r="G2937" s="25"/>
      <c r="H2937" s="71"/>
      <c r="I2937" s="83"/>
      <c r="J2937" s="50" t="str">
        <f t="shared" si="92"/>
        <v/>
      </c>
      <c r="K2937" s="23" t="s">
        <v>7120</v>
      </c>
      <c r="L2937" s="49" t="e">
        <f>VLOOKUP(E2937&amp;F2937,団体コード!$A$1:$C$1743,3,FALSE)</f>
        <v>#N/A</v>
      </c>
      <c r="M2937" s="49" t="e">
        <f>VLOOKUP(E2937&amp;F2937,団体コード!$A$1:$C$1743,2,FALSE)</f>
        <v>#N/A</v>
      </c>
      <c r="N2937" s="51" t="e">
        <f>VLOOKUP(E2937,団体コード!$E$1:$F$48,2,FALSE)</f>
        <v>#N/A</v>
      </c>
      <c r="O2937" s="51" t="e">
        <f t="shared" si="93"/>
        <v>#N/A</v>
      </c>
      <c r="P2937" s="51">
        <v>1</v>
      </c>
      <c r="Q2937" s="51" t="s">
        <v>5341</v>
      </c>
      <c r="R2937" s="54" t="b">
        <v>1</v>
      </c>
      <c r="S2937" s="52" t="s">
        <v>7126</v>
      </c>
      <c r="T2937" s="67" t="s">
        <v>7127</v>
      </c>
      <c r="U2937" s="75" t="s">
        <v>5331</v>
      </c>
      <c r="V2937" s="47" t="s">
        <v>5331</v>
      </c>
      <c r="W2937" s="47" t="s">
        <v>5331</v>
      </c>
      <c r="X2937" s="47" t="s">
        <v>5331</v>
      </c>
      <c r="Y2937" s="47" t="s">
        <v>5331</v>
      </c>
      <c r="Z2937" s="28"/>
      <c r="AA2937" s="27"/>
      <c r="AB2937" s="27"/>
      <c r="AC2937" s="27"/>
      <c r="AD2937" s="30"/>
      <c r="AE2937" s="1"/>
      <c r="AF2937" s="23" t="s">
        <v>5331</v>
      </c>
      <c r="AG2937" s="26"/>
      <c r="AH2937" s="53"/>
    </row>
    <row r="2938" spans="1:34" ht="51.6" customHeight="1" x14ac:dyDescent="0.45">
      <c r="A2938" s="23">
        <v>2932</v>
      </c>
      <c r="B2938" s="25"/>
      <c r="C2938" s="25"/>
      <c r="D2938" s="29"/>
      <c r="E2938" s="1"/>
      <c r="F2938" s="1"/>
      <c r="G2938" s="25"/>
      <c r="H2938" s="71"/>
      <c r="I2938" s="83"/>
      <c r="J2938" s="50" t="str">
        <f t="shared" si="92"/>
        <v/>
      </c>
      <c r="K2938" s="23" t="s">
        <v>7120</v>
      </c>
      <c r="L2938" s="49" t="e">
        <f>VLOOKUP(E2938&amp;F2938,団体コード!$A$1:$C$1743,3,FALSE)</f>
        <v>#N/A</v>
      </c>
      <c r="M2938" s="49" t="e">
        <f>VLOOKUP(E2938&amp;F2938,団体コード!$A$1:$C$1743,2,FALSE)</f>
        <v>#N/A</v>
      </c>
      <c r="N2938" s="51" t="e">
        <f>VLOOKUP(E2938,団体コード!$E$1:$F$48,2,FALSE)</f>
        <v>#N/A</v>
      </c>
      <c r="O2938" s="51" t="e">
        <f t="shared" si="93"/>
        <v>#N/A</v>
      </c>
      <c r="P2938" s="51">
        <v>1</v>
      </c>
      <c r="Q2938" s="51" t="s">
        <v>5341</v>
      </c>
      <c r="R2938" s="54" t="b">
        <v>1</v>
      </c>
      <c r="S2938" s="52" t="s">
        <v>7126</v>
      </c>
      <c r="T2938" s="67" t="s">
        <v>7127</v>
      </c>
      <c r="U2938" s="75" t="s">
        <v>5331</v>
      </c>
      <c r="V2938" s="47" t="s">
        <v>5331</v>
      </c>
      <c r="W2938" s="47" t="s">
        <v>5331</v>
      </c>
      <c r="X2938" s="47" t="s">
        <v>5331</v>
      </c>
      <c r="Y2938" s="47" t="s">
        <v>5331</v>
      </c>
      <c r="Z2938" s="28"/>
      <c r="AA2938" s="27"/>
      <c r="AB2938" s="27"/>
      <c r="AC2938" s="27"/>
      <c r="AD2938" s="30"/>
      <c r="AE2938" s="1"/>
      <c r="AF2938" s="23" t="s">
        <v>5331</v>
      </c>
      <c r="AG2938" s="26"/>
      <c r="AH2938" s="53"/>
    </row>
    <row r="2939" spans="1:34" ht="51.6" customHeight="1" x14ac:dyDescent="0.45">
      <c r="A2939" s="23">
        <v>2933</v>
      </c>
      <c r="B2939" s="25"/>
      <c r="C2939" s="25"/>
      <c r="D2939" s="29"/>
      <c r="E2939" s="1"/>
      <c r="F2939" s="1"/>
      <c r="G2939" s="25"/>
      <c r="H2939" s="71"/>
      <c r="I2939" s="83"/>
      <c r="J2939" s="50" t="str">
        <f t="shared" si="92"/>
        <v/>
      </c>
      <c r="K2939" s="23" t="s">
        <v>7120</v>
      </c>
      <c r="L2939" s="49" t="e">
        <f>VLOOKUP(E2939&amp;F2939,団体コード!$A$1:$C$1743,3,FALSE)</f>
        <v>#N/A</v>
      </c>
      <c r="M2939" s="49" t="e">
        <f>VLOOKUP(E2939&amp;F2939,団体コード!$A$1:$C$1743,2,FALSE)</f>
        <v>#N/A</v>
      </c>
      <c r="N2939" s="51" t="e">
        <f>VLOOKUP(E2939,団体コード!$E$1:$F$48,2,FALSE)</f>
        <v>#N/A</v>
      </c>
      <c r="O2939" s="51" t="e">
        <f t="shared" si="93"/>
        <v>#N/A</v>
      </c>
      <c r="P2939" s="51">
        <v>1</v>
      </c>
      <c r="Q2939" s="51" t="s">
        <v>5341</v>
      </c>
      <c r="R2939" s="54" t="b">
        <v>1</v>
      </c>
      <c r="S2939" s="52" t="s">
        <v>7126</v>
      </c>
      <c r="T2939" s="67" t="s">
        <v>7127</v>
      </c>
      <c r="U2939" s="75" t="s">
        <v>5331</v>
      </c>
      <c r="V2939" s="47" t="s">
        <v>5331</v>
      </c>
      <c r="W2939" s="47" t="s">
        <v>5331</v>
      </c>
      <c r="X2939" s="47" t="s">
        <v>5331</v>
      </c>
      <c r="Y2939" s="47" t="s">
        <v>5331</v>
      </c>
      <c r="Z2939" s="28"/>
      <c r="AA2939" s="27"/>
      <c r="AB2939" s="27"/>
      <c r="AC2939" s="27"/>
      <c r="AD2939" s="30"/>
      <c r="AE2939" s="1"/>
      <c r="AF2939" s="23" t="s">
        <v>5331</v>
      </c>
      <c r="AG2939" s="26"/>
      <c r="AH2939" s="53"/>
    </row>
    <row r="2940" spans="1:34" ht="51.6" customHeight="1" x14ac:dyDescent="0.45">
      <c r="A2940" s="23">
        <v>2934</v>
      </c>
      <c r="B2940" s="25"/>
      <c r="C2940" s="25"/>
      <c r="D2940" s="29"/>
      <c r="E2940" s="1"/>
      <c r="F2940" s="1"/>
      <c r="G2940" s="25"/>
      <c r="H2940" s="71"/>
      <c r="I2940" s="83"/>
      <c r="J2940" s="50" t="str">
        <f t="shared" si="92"/>
        <v/>
      </c>
      <c r="K2940" s="23" t="s">
        <v>7120</v>
      </c>
      <c r="L2940" s="49" t="e">
        <f>VLOOKUP(E2940&amp;F2940,団体コード!$A$1:$C$1743,3,FALSE)</f>
        <v>#N/A</v>
      </c>
      <c r="M2940" s="49" t="e">
        <f>VLOOKUP(E2940&amp;F2940,団体コード!$A$1:$C$1743,2,FALSE)</f>
        <v>#N/A</v>
      </c>
      <c r="N2940" s="51" t="e">
        <f>VLOOKUP(E2940,団体コード!$E$1:$F$48,2,FALSE)</f>
        <v>#N/A</v>
      </c>
      <c r="O2940" s="51" t="e">
        <f t="shared" si="93"/>
        <v>#N/A</v>
      </c>
      <c r="P2940" s="51">
        <v>1</v>
      </c>
      <c r="Q2940" s="51" t="s">
        <v>5341</v>
      </c>
      <c r="R2940" s="54" t="b">
        <v>1</v>
      </c>
      <c r="S2940" s="52" t="s">
        <v>7126</v>
      </c>
      <c r="T2940" s="67" t="s">
        <v>7127</v>
      </c>
      <c r="U2940" s="75" t="s">
        <v>5331</v>
      </c>
      <c r="V2940" s="47" t="s">
        <v>5331</v>
      </c>
      <c r="W2940" s="47" t="s">
        <v>5331</v>
      </c>
      <c r="X2940" s="47" t="s">
        <v>5331</v>
      </c>
      <c r="Y2940" s="47" t="s">
        <v>5331</v>
      </c>
      <c r="Z2940" s="28"/>
      <c r="AA2940" s="27"/>
      <c r="AB2940" s="27"/>
      <c r="AC2940" s="27"/>
      <c r="AD2940" s="30"/>
      <c r="AE2940" s="1"/>
      <c r="AF2940" s="23" t="s">
        <v>5331</v>
      </c>
      <c r="AG2940" s="26"/>
      <c r="AH2940" s="53"/>
    </row>
    <row r="2941" spans="1:34" ht="51.6" customHeight="1" x14ac:dyDescent="0.45">
      <c r="A2941" s="23">
        <v>2935</v>
      </c>
      <c r="B2941" s="25"/>
      <c r="C2941" s="25"/>
      <c r="D2941" s="29"/>
      <c r="E2941" s="1"/>
      <c r="F2941" s="1"/>
      <c r="G2941" s="25"/>
      <c r="H2941" s="71"/>
      <c r="I2941" s="83"/>
      <c r="J2941" s="50" t="str">
        <f t="shared" si="92"/>
        <v/>
      </c>
      <c r="K2941" s="23" t="s">
        <v>7120</v>
      </c>
      <c r="L2941" s="49" t="e">
        <f>VLOOKUP(E2941&amp;F2941,団体コード!$A$1:$C$1743,3,FALSE)</f>
        <v>#N/A</v>
      </c>
      <c r="M2941" s="49" t="e">
        <f>VLOOKUP(E2941&amp;F2941,団体コード!$A$1:$C$1743,2,FALSE)</f>
        <v>#N/A</v>
      </c>
      <c r="N2941" s="51" t="e">
        <f>VLOOKUP(E2941,団体コード!$E$1:$F$48,2,FALSE)</f>
        <v>#N/A</v>
      </c>
      <c r="O2941" s="51" t="e">
        <f t="shared" si="93"/>
        <v>#N/A</v>
      </c>
      <c r="P2941" s="51">
        <v>1</v>
      </c>
      <c r="Q2941" s="51" t="s">
        <v>5341</v>
      </c>
      <c r="R2941" s="54" t="b">
        <v>1</v>
      </c>
      <c r="S2941" s="52" t="s">
        <v>7126</v>
      </c>
      <c r="T2941" s="67" t="s">
        <v>7127</v>
      </c>
      <c r="U2941" s="75" t="s">
        <v>5331</v>
      </c>
      <c r="V2941" s="47" t="s">
        <v>5331</v>
      </c>
      <c r="W2941" s="47" t="s">
        <v>5331</v>
      </c>
      <c r="X2941" s="47" t="s">
        <v>5331</v>
      </c>
      <c r="Y2941" s="47" t="s">
        <v>5331</v>
      </c>
      <c r="Z2941" s="28"/>
      <c r="AA2941" s="27"/>
      <c r="AB2941" s="27"/>
      <c r="AC2941" s="27"/>
      <c r="AD2941" s="30"/>
      <c r="AE2941" s="1"/>
      <c r="AF2941" s="23" t="s">
        <v>5331</v>
      </c>
      <c r="AG2941" s="26"/>
      <c r="AH2941" s="53"/>
    </row>
    <row r="2942" spans="1:34" ht="51.6" customHeight="1" x14ac:dyDescent="0.45">
      <c r="A2942" s="23">
        <v>2936</v>
      </c>
      <c r="B2942" s="25"/>
      <c r="C2942" s="25"/>
      <c r="D2942" s="29"/>
      <c r="E2942" s="1"/>
      <c r="F2942" s="1"/>
      <c r="G2942" s="25"/>
      <c r="H2942" s="71"/>
      <c r="I2942" s="83"/>
      <c r="J2942" s="50" t="str">
        <f t="shared" si="92"/>
        <v/>
      </c>
      <c r="K2942" s="23" t="s">
        <v>7120</v>
      </c>
      <c r="L2942" s="49" t="e">
        <f>VLOOKUP(E2942&amp;F2942,団体コード!$A$1:$C$1743,3,FALSE)</f>
        <v>#N/A</v>
      </c>
      <c r="M2942" s="49" t="e">
        <f>VLOOKUP(E2942&amp;F2942,団体コード!$A$1:$C$1743,2,FALSE)</f>
        <v>#N/A</v>
      </c>
      <c r="N2942" s="51" t="e">
        <f>VLOOKUP(E2942,団体コード!$E$1:$F$48,2,FALSE)</f>
        <v>#N/A</v>
      </c>
      <c r="O2942" s="51" t="e">
        <f t="shared" si="93"/>
        <v>#N/A</v>
      </c>
      <c r="P2942" s="51">
        <v>1</v>
      </c>
      <c r="Q2942" s="51" t="s">
        <v>5341</v>
      </c>
      <c r="R2942" s="54" t="b">
        <v>1</v>
      </c>
      <c r="S2942" s="52" t="s">
        <v>7126</v>
      </c>
      <c r="T2942" s="67" t="s">
        <v>7127</v>
      </c>
      <c r="U2942" s="75" t="s">
        <v>5331</v>
      </c>
      <c r="V2942" s="47" t="s">
        <v>5331</v>
      </c>
      <c r="W2942" s="47" t="s">
        <v>5331</v>
      </c>
      <c r="X2942" s="47" t="s">
        <v>5331</v>
      </c>
      <c r="Y2942" s="47" t="s">
        <v>5331</v>
      </c>
      <c r="Z2942" s="28"/>
      <c r="AA2942" s="27"/>
      <c r="AB2942" s="27"/>
      <c r="AC2942" s="27"/>
      <c r="AD2942" s="30"/>
      <c r="AE2942" s="1"/>
      <c r="AF2942" s="23" t="s">
        <v>5331</v>
      </c>
      <c r="AG2942" s="26"/>
      <c r="AH2942" s="53"/>
    </row>
    <row r="2943" spans="1:34" ht="51.6" customHeight="1" x14ac:dyDescent="0.45">
      <c r="A2943" s="23">
        <v>2937</v>
      </c>
      <c r="B2943" s="25"/>
      <c r="C2943" s="25"/>
      <c r="D2943" s="29"/>
      <c r="E2943" s="1"/>
      <c r="F2943" s="1"/>
      <c r="G2943" s="25"/>
      <c r="H2943" s="71"/>
      <c r="I2943" s="83"/>
      <c r="J2943" s="50" t="str">
        <f t="shared" si="92"/>
        <v/>
      </c>
      <c r="K2943" s="23" t="s">
        <v>7120</v>
      </c>
      <c r="L2943" s="49" t="e">
        <f>VLOOKUP(E2943&amp;F2943,団体コード!$A$1:$C$1743,3,FALSE)</f>
        <v>#N/A</v>
      </c>
      <c r="M2943" s="49" t="e">
        <f>VLOOKUP(E2943&amp;F2943,団体コード!$A$1:$C$1743,2,FALSE)</f>
        <v>#N/A</v>
      </c>
      <c r="N2943" s="51" t="e">
        <f>VLOOKUP(E2943,団体コード!$E$1:$F$48,2,FALSE)</f>
        <v>#N/A</v>
      </c>
      <c r="O2943" s="51" t="e">
        <f t="shared" si="93"/>
        <v>#N/A</v>
      </c>
      <c r="P2943" s="51">
        <v>1</v>
      </c>
      <c r="Q2943" s="51" t="s">
        <v>5341</v>
      </c>
      <c r="R2943" s="54" t="b">
        <v>1</v>
      </c>
      <c r="S2943" s="52" t="s">
        <v>7126</v>
      </c>
      <c r="T2943" s="67" t="s">
        <v>7127</v>
      </c>
      <c r="U2943" s="75" t="s">
        <v>5331</v>
      </c>
      <c r="V2943" s="47" t="s">
        <v>5331</v>
      </c>
      <c r="W2943" s="47" t="s">
        <v>5331</v>
      </c>
      <c r="X2943" s="47" t="s">
        <v>5331</v>
      </c>
      <c r="Y2943" s="47" t="s">
        <v>5331</v>
      </c>
      <c r="Z2943" s="28"/>
      <c r="AA2943" s="27"/>
      <c r="AB2943" s="27"/>
      <c r="AC2943" s="27"/>
      <c r="AD2943" s="30"/>
      <c r="AE2943" s="1"/>
      <c r="AF2943" s="23" t="s">
        <v>5331</v>
      </c>
      <c r="AG2943" s="26"/>
      <c r="AH2943" s="53"/>
    </row>
    <row r="2944" spans="1:34" ht="51.6" customHeight="1" x14ac:dyDescent="0.45">
      <c r="A2944" s="23">
        <v>2938</v>
      </c>
      <c r="B2944" s="25"/>
      <c r="C2944" s="25"/>
      <c r="D2944" s="29"/>
      <c r="E2944" s="1"/>
      <c r="F2944" s="1"/>
      <c r="G2944" s="25"/>
      <c r="H2944" s="71"/>
      <c r="I2944" s="83"/>
      <c r="J2944" s="50" t="str">
        <f t="shared" si="92"/>
        <v/>
      </c>
      <c r="K2944" s="23" t="s">
        <v>7120</v>
      </c>
      <c r="L2944" s="49" t="e">
        <f>VLOOKUP(E2944&amp;F2944,団体コード!$A$1:$C$1743,3,FALSE)</f>
        <v>#N/A</v>
      </c>
      <c r="M2944" s="49" t="e">
        <f>VLOOKUP(E2944&amp;F2944,団体コード!$A$1:$C$1743,2,FALSE)</f>
        <v>#N/A</v>
      </c>
      <c r="N2944" s="51" t="e">
        <f>VLOOKUP(E2944,団体コード!$E$1:$F$48,2,FALSE)</f>
        <v>#N/A</v>
      </c>
      <c r="O2944" s="51" t="e">
        <f t="shared" si="93"/>
        <v>#N/A</v>
      </c>
      <c r="P2944" s="51">
        <v>1</v>
      </c>
      <c r="Q2944" s="51" t="s">
        <v>5341</v>
      </c>
      <c r="R2944" s="54" t="b">
        <v>1</v>
      </c>
      <c r="S2944" s="52" t="s">
        <v>7126</v>
      </c>
      <c r="T2944" s="67" t="s">
        <v>7127</v>
      </c>
      <c r="U2944" s="75" t="s">
        <v>5331</v>
      </c>
      <c r="V2944" s="47" t="s">
        <v>5331</v>
      </c>
      <c r="W2944" s="47" t="s">
        <v>5331</v>
      </c>
      <c r="X2944" s="47" t="s">
        <v>5331</v>
      </c>
      <c r="Y2944" s="47" t="s">
        <v>5331</v>
      </c>
      <c r="Z2944" s="28"/>
      <c r="AA2944" s="27"/>
      <c r="AB2944" s="27"/>
      <c r="AC2944" s="27"/>
      <c r="AD2944" s="30"/>
      <c r="AE2944" s="1"/>
      <c r="AF2944" s="23" t="s">
        <v>5331</v>
      </c>
      <c r="AG2944" s="26"/>
      <c r="AH2944" s="53"/>
    </row>
    <row r="2945" spans="1:34" ht="51.6" customHeight="1" x14ac:dyDescent="0.45">
      <c r="A2945" s="23">
        <v>2939</v>
      </c>
      <c r="B2945" s="25"/>
      <c r="C2945" s="25"/>
      <c r="D2945" s="29"/>
      <c r="E2945" s="1"/>
      <c r="F2945" s="1"/>
      <c r="G2945" s="25"/>
      <c r="H2945" s="71"/>
      <c r="I2945" s="83"/>
      <c r="J2945" s="50" t="str">
        <f t="shared" si="92"/>
        <v/>
      </c>
      <c r="K2945" s="23" t="s">
        <v>7120</v>
      </c>
      <c r="L2945" s="49" t="e">
        <f>VLOOKUP(E2945&amp;F2945,団体コード!$A$1:$C$1743,3,FALSE)</f>
        <v>#N/A</v>
      </c>
      <c r="M2945" s="49" t="e">
        <f>VLOOKUP(E2945&amp;F2945,団体コード!$A$1:$C$1743,2,FALSE)</f>
        <v>#N/A</v>
      </c>
      <c r="N2945" s="51" t="e">
        <f>VLOOKUP(E2945,団体コード!$E$1:$F$48,2,FALSE)</f>
        <v>#N/A</v>
      </c>
      <c r="O2945" s="51" t="e">
        <f t="shared" si="93"/>
        <v>#N/A</v>
      </c>
      <c r="P2945" s="51">
        <v>1</v>
      </c>
      <c r="Q2945" s="51" t="s">
        <v>5341</v>
      </c>
      <c r="R2945" s="54" t="b">
        <v>1</v>
      </c>
      <c r="S2945" s="52" t="s">
        <v>7126</v>
      </c>
      <c r="T2945" s="67" t="s">
        <v>7127</v>
      </c>
      <c r="U2945" s="75" t="s">
        <v>5331</v>
      </c>
      <c r="V2945" s="47" t="s">
        <v>5331</v>
      </c>
      <c r="W2945" s="47" t="s">
        <v>5331</v>
      </c>
      <c r="X2945" s="47" t="s">
        <v>5331</v>
      </c>
      <c r="Y2945" s="47" t="s">
        <v>5331</v>
      </c>
      <c r="Z2945" s="28"/>
      <c r="AA2945" s="27"/>
      <c r="AB2945" s="27"/>
      <c r="AC2945" s="27"/>
      <c r="AD2945" s="30"/>
      <c r="AE2945" s="1"/>
      <c r="AF2945" s="23" t="s">
        <v>5331</v>
      </c>
      <c r="AG2945" s="26"/>
      <c r="AH2945" s="53"/>
    </row>
    <row r="2946" spans="1:34" ht="51.6" customHeight="1" x14ac:dyDescent="0.45">
      <c r="A2946" s="23">
        <v>2940</v>
      </c>
      <c r="B2946" s="25"/>
      <c r="C2946" s="25"/>
      <c r="D2946" s="29"/>
      <c r="E2946" s="1"/>
      <c r="F2946" s="1"/>
      <c r="G2946" s="25"/>
      <c r="H2946" s="71"/>
      <c r="I2946" s="83"/>
      <c r="J2946" s="50" t="str">
        <f t="shared" si="92"/>
        <v/>
      </c>
      <c r="K2946" s="23" t="s">
        <v>7120</v>
      </c>
      <c r="L2946" s="49" t="e">
        <f>VLOOKUP(E2946&amp;F2946,団体コード!$A$1:$C$1743,3,FALSE)</f>
        <v>#N/A</v>
      </c>
      <c r="M2946" s="49" t="e">
        <f>VLOOKUP(E2946&amp;F2946,団体コード!$A$1:$C$1743,2,FALSE)</f>
        <v>#N/A</v>
      </c>
      <c r="N2946" s="51" t="e">
        <f>VLOOKUP(E2946,団体コード!$E$1:$F$48,2,FALSE)</f>
        <v>#N/A</v>
      </c>
      <c r="O2946" s="51" t="e">
        <f t="shared" si="93"/>
        <v>#N/A</v>
      </c>
      <c r="P2946" s="51">
        <v>1</v>
      </c>
      <c r="Q2946" s="51" t="s">
        <v>5341</v>
      </c>
      <c r="R2946" s="54" t="b">
        <v>1</v>
      </c>
      <c r="S2946" s="52" t="s">
        <v>7126</v>
      </c>
      <c r="T2946" s="67" t="s">
        <v>7127</v>
      </c>
      <c r="U2946" s="75" t="s">
        <v>5331</v>
      </c>
      <c r="V2946" s="47" t="s">
        <v>5331</v>
      </c>
      <c r="W2946" s="47" t="s">
        <v>5331</v>
      </c>
      <c r="X2946" s="47" t="s">
        <v>5331</v>
      </c>
      <c r="Y2946" s="47" t="s">
        <v>5331</v>
      </c>
      <c r="Z2946" s="28"/>
      <c r="AA2946" s="27"/>
      <c r="AB2946" s="27"/>
      <c r="AC2946" s="27"/>
      <c r="AD2946" s="30"/>
      <c r="AE2946" s="1"/>
      <c r="AF2946" s="23" t="s">
        <v>5331</v>
      </c>
      <c r="AG2946" s="26"/>
      <c r="AH2946" s="53"/>
    </row>
    <row r="2947" spans="1:34" ht="51.6" customHeight="1" x14ac:dyDescent="0.45">
      <c r="A2947" s="23">
        <v>2941</v>
      </c>
      <c r="B2947" s="25"/>
      <c r="C2947" s="25"/>
      <c r="D2947" s="29"/>
      <c r="E2947" s="1"/>
      <c r="F2947" s="1"/>
      <c r="G2947" s="25"/>
      <c r="H2947" s="71"/>
      <c r="I2947" s="83"/>
      <c r="J2947" s="50" t="str">
        <f t="shared" si="92"/>
        <v/>
      </c>
      <c r="K2947" s="23" t="s">
        <v>7120</v>
      </c>
      <c r="L2947" s="49" t="e">
        <f>VLOOKUP(E2947&amp;F2947,団体コード!$A$1:$C$1743,3,FALSE)</f>
        <v>#N/A</v>
      </c>
      <c r="M2947" s="49" t="e">
        <f>VLOOKUP(E2947&amp;F2947,団体コード!$A$1:$C$1743,2,FALSE)</f>
        <v>#N/A</v>
      </c>
      <c r="N2947" s="51" t="e">
        <f>VLOOKUP(E2947,団体コード!$E$1:$F$48,2,FALSE)</f>
        <v>#N/A</v>
      </c>
      <c r="O2947" s="51" t="e">
        <f t="shared" si="93"/>
        <v>#N/A</v>
      </c>
      <c r="P2947" s="51">
        <v>1</v>
      </c>
      <c r="Q2947" s="51" t="s">
        <v>5341</v>
      </c>
      <c r="R2947" s="54" t="b">
        <v>1</v>
      </c>
      <c r="S2947" s="52" t="s">
        <v>7126</v>
      </c>
      <c r="T2947" s="67" t="s">
        <v>7127</v>
      </c>
      <c r="U2947" s="75" t="s">
        <v>5331</v>
      </c>
      <c r="V2947" s="47" t="s">
        <v>5331</v>
      </c>
      <c r="W2947" s="47" t="s">
        <v>5331</v>
      </c>
      <c r="X2947" s="47" t="s">
        <v>5331</v>
      </c>
      <c r="Y2947" s="47" t="s">
        <v>5331</v>
      </c>
      <c r="Z2947" s="28"/>
      <c r="AA2947" s="27"/>
      <c r="AB2947" s="27"/>
      <c r="AC2947" s="27"/>
      <c r="AD2947" s="30"/>
      <c r="AE2947" s="1"/>
      <c r="AF2947" s="23" t="s">
        <v>5331</v>
      </c>
      <c r="AG2947" s="26"/>
      <c r="AH2947" s="53"/>
    </row>
    <row r="2948" spans="1:34" ht="51.6" customHeight="1" x14ac:dyDescent="0.45">
      <c r="A2948" s="23">
        <v>2942</v>
      </c>
      <c r="B2948" s="25"/>
      <c r="C2948" s="25"/>
      <c r="D2948" s="29"/>
      <c r="E2948" s="1"/>
      <c r="F2948" s="1"/>
      <c r="G2948" s="25"/>
      <c r="H2948" s="71"/>
      <c r="I2948" s="83"/>
      <c r="J2948" s="50" t="str">
        <f t="shared" si="92"/>
        <v/>
      </c>
      <c r="K2948" s="23" t="s">
        <v>7120</v>
      </c>
      <c r="L2948" s="49" t="e">
        <f>VLOOKUP(E2948&amp;F2948,団体コード!$A$1:$C$1743,3,FALSE)</f>
        <v>#N/A</v>
      </c>
      <c r="M2948" s="49" t="e">
        <f>VLOOKUP(E2948&amp;F2948,団体コード!$A$1:$C$1743,2,FALSE)</f>
        <v>#N/A</v>
      </c>
      <c r="N2948" s="51" t="e">
        <f>VLOOKUP(E2948,団体コード!$E$1:$F$48,2,FALSE)</f>
        <v>#N/A</v>
      </c>
      <c r="O2948" s="51" t="e">
        <f t="shared" si="93"/>
        <v>#N/A</v>
      </c>
      <c r="P2948" s="51">
        <v>1</v>
      </c>
      <c r="Q2948" s="51" t="s">
        <v>5341</v>
      </c>
      <c r="R2948" s="54" t="b">
        <v>1</v>
      </c>
      <c r="S2948" s="52" t="s">
        <v>7126</v>
      </c>
      <c r="T2948" s="67" t="s">
        <v>7127</v>
      </c>
      <c r="U2948" s="75" t="s">
        <v>5331</v>
      </c>
      <c r="V2948" s="47" t="s">
        <v>5331</v>
      </c>
      <c r="W2948" s="47" t="s">
        <v>5331</v>
      </c>
      <c r="X2948" s="47" t="s">
        <v>5331</v>
      </c>
      <c r="Y2948" s="47" t="s">
        <v>5331</v>
      </c>
      <c r="Z2948" s="28"/>
      <c r="AA2948" s="27"/>
      <c r="AB2948" s="27"/>
      <c r="AC2948" s="27"/>
      <c r="AD2948" s="30"/>
      <c r="AE2948" s="1"/>
      <c r="AF2948" s="23" t="s">
        <v>5331</v>
      </c>
      <c r="AG2948" s="26"/>
      <c r="AH2948" s="53"/>
    </row>
    <row r="2949" spans="1:34" ht="51.6" customHeight="1" x14ac:dyDescent="0.45">
      <c r="A2949" s="23">
        <v>2943</v>
      </c>
      <c r="B2949" s="25"/>
      <c r="C2949" s="25"/>
      <c r="D2949" s="29"/>
      <c r="E2949" s="1"/>
      <c r="F2949" s="1"/>
      <c r="G2949" s="25"/>
      <c r="H2949" s="71"/>
      <c r="I2949" s="83"/>
      <c r="J2949" s="50" t="str">
        <f t="shared" si="92"/>
        <v/>
      </c>
      <c r="K2949" s="23" t="s">
        <v>7120</v>
      </c>
      <c r="L2949" s="49" t="e">
        <f>VLOOKUP(E2949&amp;F2949,団体コード!$A$1:$C$1743,3,FALSE)</f>
        <v>#N/A</v>
      </c>
      <c r="M2949" s="49" t="e">
        <f>VLOOKUP(E2949&amp;F2949,団体コード!$A$1:$C$1743,2,FALSE)</f>
        <v>#N/A</v>
      </c>
      <c r="N2949" s="51" t="e">
        <f>VLOOKUP(E2949,団体コード!$E$1:$F$48,2,FALSE)</f>
        <v>#N/A</v>
      </c>
      <c r="O2949" s="51" t="e">
        <f t="shared" si="93"/>
        <v>#N/A</v>
      </c>
      <c r="P2949" s="51">
        <v>1</v>
      </c>
      <c r="Q2949" s="51" t="s">
        <v>5341</v>
      </c>
      <c r="R2949" s="54" t="b">
        <v>1</v>
      </c>
      <c r="S2949" s="52" t="s">
        <v>7126</v>
      </c>
      <c r="T2949" s="67" t="s">
        <v>7127</v>
      </c>
      <c r="U2949" s="75" t="s">
        <v>5331</v>
      </c>
      <c r="V2949" s="47" t="s">
        <v>5331</v>
      </c>
      <c r="W2949" s="47" t="s">
        <v>5331</v>
      </c>
      <c r="X2949" s="47" t="s">
        <v>5331</v>
      </c>
      <c r="Y2949" s="47" t="s">
        <v>5331</v>
      </c>
      <c r="Z2949" s="28"/>
      <c r="AA2949" s="27"/>
      <c r="AB2949" s="27"/>
      <c r="AC2949" s="27"/>
      <c r="AD2949" s="30"/>
      <c r="AE2949" s="1"/>
      <c r="AF2949" s="23" t="s">
        <v>5331</v>
      </c>
      <c r="AG2949" s="26"/>
      <c r="AH2949" s="53"/>
    </row>
    <row r="2950" spans="1:34" ht="51.6" customHeight="1" x14ac:dyDescent="0.45">
      <c r="A2950" s="23">
        <v>2944</v>
      </c>
      <c r="B2950" s="25"/>
      <c r="C2950" s="25"/>
      <c r="D2950" s="29"/>
      <c r="E2950" s="1"/>
      <c r="F2950" s="1"/>
      <c r="G2950" s="25"/>
      <c r="H2950" s="71"/>
      <c r="I2950" s="83"/>
      <c r="J2950" s="50" t="str">
        <f t="shared" si="92"/>
        <v/>
      </c>
      <c r="K2950" s="23" t="s">
        <v>7120</v>
      </c>
      <c r="L2950" s="49" t="e">
        <f>VLOOKUP(E2950&amp;F2950,団体コード!$A$1:$C$1743,3,FALSE)</f>
        <v>#N/A</v>
      </c>
      <c r="M2950" s="49" t="e">
        <f>VLOOKUP(E2950&amp;F2950,団体コード!$A$1:$C$1743,2,FALSE)</f>
        <v>#N/A</v>
      </c>
      <c r="N2950" s="51" t="e">
        <f>VLOOKUP(E2950,団体コード!$E$1:$F$48,2,FALSE)</f>
        <v>#N/A</v>
      </c>
      <c r="O2950" s="51" t="e">
        <f t="shared" si="93"/>
        <v>#N/A</v>
      </c>
      <c r="P2950" s="51">
        <v>1</v>
      </c>
      <c r="Q2950" s="51" t="s">
        <v>5341</v>
      </c>
      <c r="R2950" s="54" t="b">
        <v>1</v>
      </c>
      <c r="S2950" s="52" t="s">
        <v>7126</v>
      </c>
      <c r="T2950" s="67" t="s">
        <v>7127</v>
      </c>
      <c r="U2950" s="75" t="s">
        <v>5331</v>
      </c>
      <c r="V2950" s="47" t="s">
        <v>5331</v>
      </c>
      <c r="W2950" s="47" t="s">
        <v>5331</v>
      </c>
      <c r="X2950" s="47" t="s">
        <v>5331</v>
      </c>
      <c r="Y2950" s="47" t="s">
        <v>5331</v>
      </c>
      <c r="Z2950" s="28"/>
      <c r="AA2950" s="27"/>
      <c r="AB2950" s="27"/>
      <c r="AC2950" s="27"/>
      <c r="AD2950" s="30"/>
      <c r="AE2950" s="1"/>
      <c r="AF2950" s="23" t="s">
        <v>5331</v>
      </c>
      <c r="AG2950" s="26"/>
      <c r="AH2950" s="53"/>
    </row>
    <row r="2951" spans="1:34" ht="51.6" customHeight="1" x14ac:dyDescent="0.45">
      <c r="A2951" s="23">
        <v>2945</v>
      </c>
      <c r="B2951" s="25"/>
      <c r="C2951" s="25"/>
      <c r="D2951" s="29"/>
      <c r="E2951" s="1"/>
      <c r="F2951" s="1"/>
      <c r="G2951" s="25"/>
      <c r="H2951" s="71"/>
      <c r="I2951" s="83"/>
      <c r="J2951" s="50" t="str">
        <f t="shared" si="92"/>
        <v/>
      </c>
      <c r="K2951" s="23" t="s">
        <v>7120</v>
      </c>
      <c r="L2951" s="49" t="e">
        <f>VLOOKUP(E2951&amp;F2951,団体コード!$A$1:$C$1743,3,FALSE)</f>
        <v>#N/A</v>
      </c>
      <c r="M2951" s="49" t="e">
        <f>VLOOKUP(E2951&amp;F2951,団体コード!$A$1:$C$1743,2,FALSE)</f>
        <v>#N/A</v>
      </c>
      <c r="N2951" s="51" t="e">
        <f>VLOOKUP(E2951,団体コード!$E$1:$F$48,2,FALSE)</f>
        <v>#N/A</v>
      </c>
      <c r="O2951" s="51" t="e">
        <f t="shared" si="93"/>
        <v>#N/A</v>
      </c>
      <c r="P2951" s="51">
        <v>1</v>
      </c>
      <c r="Q2951" s="51" t="s">
        <v>5341</v>
      </c>
      <c r="R2951" s="54" t="b">
        <v>1</v>
      </c>
      <c r="S2951" s="52" t="s">
        <v>7126</v>
      </c>
      <c r="T2951" s="67" t="s">
        <v>7127</v>
      </c>
      <c r="U2951" s="75" t="s">
        <v>5331</v>
      </c>
      <c r="V2951" s="47" t="s">
        <v>5331</v>
      </c>
      <c r="W2951" s="47" t="s">
        <v>5331</v>
      </c>
      <c r="X2951" s="47" t="s">
        <v>5331</v>
      </c>
      <c r="Y2951" s="47" t="s">
        <v>5331</v>
      </c>
      <c r="Z2951" s="28"/>
      <c r="AA2951" s="27"/>
      <c r="AB2951" s="27"/>
      <c r="AC2951" s="27"/>
      <c r="AD2951" s="30"/>
      <c r="AE2951" s="1"/>
      <c r="AF2951" s="23" t="s">
        <v>5331</v>
      </c>
      <c r="AG2951" s="26"/>
      <c r="AH2951" s="53"/>
    </row>
    <row r="2952" spans="1:34" ht="51.6" customHeight="1" x14ac:dyDescent="0.45">
      <c r="A2952" s="23">
        <v>2946</v>
      </c>
      <c r="B2952" s="25"/>
      <c r="C2952" s="25"/>
      <c r="D2952" s="29"/>
      <c r="E2952" s="1"/>
      <c r="F2952" s="1"/>
      <c r="G2952" s="25"/>
      <c r="H2952" s="71"/>
      <c r="I2952" s="83"/>
      <c r="J2952" s="50" t="str">
        <f t="shared" ref="J2952:J3015" si="94">E2952&amp;F2952&amp;G2952</f>
        <v/>
      </c>
      <c r="K2952" s="23" t="s">
        <v>7120</v>
      </c>
      <c r="L2952" s="49" t="e">
        <f>VLOOKUP(E2952&amp;F2952,団体コード!$A$1:$C$1743,3,FALSE)</f>
        <v>#N/A</v>
      </c>
      <c r="M2952" s="49" t="e">
        <f>VLOOKUP(E2952&amp;F2952,団体コード!$A$1:$C$1743,2,FALSE)</f>
        <v>#N/A</v>
      </c>
      <c r="N2952" s="51" t="e">
        <f>VLOOKUP(E2952,団体コード!$E$1:$F$48,2,FALSE)</f>
        <v>#N/A</v>
      </c>
      <c r="O2952" s="51" t="e">
        <f t="shared" ref="O2952:O3015" si="95">N2952</f>
        <v>#N/A</v>
      </c>
      <c r="P2952" s="51">
        <v>1</v>
      </c>
      <c r="Q2952" s="51" t="s">
        <v>5341</v>
      </c>
      <c r="R2952" s="54" t="b">
        <v>1</v>
      </c>
      <c r="S2952" s="52" t="s">
        <v>7126</v>
      </c>
      <c r="T2952" s="67" t="s">
        <v>7127</v>
      </c>
      <c r="U2952" s="75" t="s">
        <v>5331</v>
      </c>
      <c r="V2952" s="47" t="s">
        <v>5331</v>
      </c>
      <c r="W2952" s="47" t="s">
        <v>5331</v>
      </c>
      <c r="X2952" s="47" t="s">
        <v>5331</v>
      </c>
      <c r="Y2952" s="47" t="s">
        <v>5331</v>
      </c>
      <c r="Z2952" s="28"/>
      <c r="AA2952" s="27"/>
      <c r="AB2952" s="27"/>
      <c r="AC2952" s="27"/>
      <c r="AD2952" s="30"/>
      <c r="AE2952" s="1"/>
      <c r="AF2952" s="23" t="s">
        <v>5331</v>
      </c>
      <c r="AG2952" s="26"/>
      <c r="AH2952" s="53"/>
    </row>
    <row r="2953" spans="1:34" ht="51.6" customHeight="1" x14ac:dyDescent="0.45">
      <c r="A2953" s="23">
        <v>2947</v>
      </c>
      <c r="B2953" s="25"/>
      <c r="C2953" s="25"/>
      <c r="D2953" s="29"/>
      <c r="E2953" s="1"/>
      <c r="F2953" s="1"/>
      <c r="G2953" s="25"/>
      <c r="H2953" s="71"/>
      <c r="I2953" s="83"/>
      <c r="J2953" s="50" t="str">
        <f t="shared" si="94"/>
        <v/>
      </c>
      <c r="K2953" s="23" t="s">
        <v>7120</v>
      </c>
      <c r="L2953" s="49" t="e">
        <f>VLOOKUP(E2953&amp;F2953,団体コード!$A$1:$C$1743,3,FALSE)</f>
        <v>#N/A</v>
      </c>
      <c r="M2953" s="49" t="e">
        <f>VLOOKUP(E2953&amp;F2953,団体コード!$A$1:$C$1743,2,FALSE)</f>
        <v>#N/A</v>
      </c>
      <c r="N2953" s="51" t="e">
        <f>VLOOKUP(E2953,団体コード!$E$1:$F$48,2,FALSE)</f>
        <v>#N/A</v>
      </c>
      <c r="O2953" s="51" t="e">
        <f t="shared" si="95"/>
        <v>#N/A</v>
      </c>
      <c r="P2953" s="51">
        <v>1</v>
      </c>
      <c r="Q2953" s="51" t="s">
        <v>5341</v>
      </c>
      <c r="R2953" s="54" t="b">
        <v>1</v>
      </c>
      <c r="S2953" s="52" t="s">
        <v>7126</v>
      </c>
      <c r="T2953" s="67" t="s">
        <v>7127</v>
      </c>
      <c r="U2953" s="75" t="s">
        <v>5331</v>
      </c>
      <c r="V2953" s="47" t="s">
        <v>5331</v>
      </c>
      <c r="W2953" s="47" t="s">
        <v>5331</v>
      </c>
      <c r="X2953" s="47" t="s">
        <v>5331</v>
      </c>
      <c r="Y2953" s="47" t="s">
        <v>5331</v>
      </c>
      <c r="Z2953" s="28"/>
      <c r="AA2953" s="27"/>
      <c r="AB2953" s="27"/>
      <c r="AC2953" s="27"/>
      <c r="AD2953" s="30"/>
      <c r="AE2953" s="1"/>
      <c r="AF2953" s="23" t="s">
        <v>5331</v>
      </c>
      <c r="AG2953" s="26"/>
      <c r="AH2953" s="53"/>
    </row>
    <row r="2954" spans="1:34" ht="51.6" customHeight="1" x14ac:dyDescent="0.45">
      <c r="A2954" s="23">
        <v>2948</v>
      </c>
      <c r="B2954" s="25"/>
      <c r="C2954" s="25"/>
      <c r="D2954" s="29"/>
      <c r="E2954" s="1"/>
      <c r="F2954" s="1"/>
      <c r="G2954" s="25"/>
      <c r="H2954" s="71"/>
      <c r="I2954" s="83"/>
      <c r="J2954" s="50" t="str">
        <f t="shared" si="94"/>
        <v/>
      </c>
      <c r="K2954" s="23" t="s">
        <v>7120</v>
      </c>
      <c r="L2954" s="49" t="e">
        <f>VLOOKUP(E2954&amp;F2954,団体コード!$A$1:$C$1743,3,FALSE)</f>
        <v>#N/A</v>
      </c>
      <c r="M2954" s="49" t="e">
        <f>VLOOKUP(E2954&amp;F2954,団体コード!$A$1:$C$1743,2,FALSE)</f>
        <v>#N/A</v>
      </c>
      <c r="N2954" s="51" t="e">
        <f>VLOOKUP(E2954,団体コード!$E$1:$F$48,2,FALSE)</f>
        <v>#N/A</v>
      </c>
      <c r="O2954" s="51" t="e">
        <f t="shared" si="95"/>
        <v>#N/A</v>
      </c>
      <c r="P2954" s="51">
        <v>1</v>
      </c>
      <c r="Q2954" s="51" t="s">
        <v>5341</v>
      </c>
      <c r="R2954" s="54" t="b">
        <v>1</v>
      </c>
      <c r="S2954" s="52" t="s">
        <v>7126</v>
      </c>
      <c r="T2954" s="67" t="s">
        <v>7127</v>
      </c>
      <c r="U2954" s="75" t="s">
        <v>5331</v>
      </c>
      <c r="V2954" s="47" t="s">
        <v>5331</v>
      </c>
      <c r="W2954" s="47" t="s">
        <v>5331</v>
      </c>
      <c r="X2954" s="47" t="s">
        <v>5331</v>
      </c>
      <c r="Y2954" s="47" t="s">
        <v>5331</v>
      </c>
      <c r="Z2954" s="28"/>
      <c r="AA2954" s="27"/>
      <c r="AB2954" s="27"/>
      <c r="AC2954" s="27"/>
      <c r="AD2954" s="30"/>
      <c r="AE2954" s="1"/>
      <c r="AF2954" s="23" t="s">
        <v>5331</v>
      </c>
      <c r="AG2954" s="26"/>
      <c r="AH2954" s="53"/>
    </row>
    <row r="2955" spans="1:34" ht="51.6" customHeight="1" x14ac:dyDescent="0.45">
      <c r="A2955" s="23">
        <v>2949</v>
      </c>
      <c r="B2955" s="25"/>
      <c r="C2955" s="25"/>
      <c r="D2955" s="29"/>
      <c r="E2955" s="1"/>
      <c r="F2955" s="1"/>
      <c r="G2955" s="25"/>
      <c r="H2955" s="71"/>
      <c r="I2955" s="83"/>
      <c r="J2955" s="50" t="str">
        <f t="shared" si="94"/>
        <v/>
      </c>
      <c r="K2955" s="23" t="s">
        <v>7120</v>
      </c>
      <c r="L2955" s="49" t="e">
        <f>VLOOKUP(E2955&amp;F2955,団体コード!$A$1:$C$1743,3,FALSE)</f>
        <v>#N/A</v>
      </c>
      <c r="M2955" s="49" t="e">
        <f>VLOOKUP(E2955&amp;F2955,団体コード!$A$1:$C$1743,2,FALSE)</f>
        <v>#N/A</v>
      </c>
      <c r="N2955" s="51" t="e">
        <f>VLOOKUP(E2955,団体コード!$E$1:$F$48,2,FALSE)</f>
        <v>#N/A</v>
      </c>
      <c r="O2955" s="51" t="e">
        <f t="shared" si="95"/>
        <v>#N/A</v>
      </c>
      <c r="P2955" s="51">
        <v>1</v>
      </c>
      <c r="Q2955" s="51" t="s">
        <v>5341</v>
      </c>
      <c r="R2955" s="54" t="b">
        <v>1</v>
      </c>
      <c r="S2955" s="52" t="s">
        <v>7126</v>
      </c>
      <c r="T2955" s="67" t="s">
        <v>7127</v>
      </c>
      <c r="U2955" s="75" t="s">
        <v>5331</v>
      </c>
      <c r="V2955" s="47" t="s">
        <v>5331</v>
      </c>
      <c r="W2955" s="47" t="s">
        <v>5331</v>
      </c>
      <c r="X2955" s="47" t="s">
        <v>5331</v>
      </c>
      <c r="Y2955" s="47" t="s">
        <v>5331</v>
      </c>
      <c r="Z2955" s="28"/>
      <c r="AA2955" s="27"/>
      <c r="AB2955" s="27"/>
      <c r="AC2955" s="27"/>
      <c r="AD2955" s="30"/>
      <c r="AE2955" s="1"/>
      <c r="AF2955" s="23" t="s">
        <v>5331</v>
      </c>
      <c r="AG2955" s="26"/>
      <c r="AH2955" s="53"/>
    </row>
    <row r="2956" spans="1:34" ht="51.6" customHeight="1" x14ac:dyDescent="0.45">
      <c r="A2956" s="23">
        <v>2950</v>
      </c>
      <c r="B2956" s="25"/>
      <c r="C2956" s="25"/>
      <c r="D2956" s="29"/>
      <c r="E2956" s="1"/>
      <c r="F2956" s="1"/>
      <c r="G2956" s="25"/>
      <c r="H2956" s="71"/>
      <c r="I2956" s="83"/>
      <c r="J2956" s="50" t="str">
        <f t="shared" si="94"/>
        <v/>
      </c>
      <c r="K2956" s="23" t="s">
        <v>7120</v>
      </c>
      <c r="L2956" s="49" t="e">
        <f>VLOOKUP(E2956&amp;F2956,団体コード!$A$1:$C$1743,3,FALSE)</f>
        <v>#N/A</v>
      </c>
      <c r="M2956" s="49" t="e">
        <f>VLOOKUP(E2956&amp;F2956,団体コード!$A$1:$C$1743,2,FALSE)</f>
        <v>#N/A</v>
      </c>
      <c r="N2956" s="51" t="e">
        <f>VLOOKUP(E2956,団体コード!$E$1:$F$48,2,FALSE)</f>
        <v>#N/A</v>
      </c>
      <c r="O2956" s="51" t="e">
        <f t="shared" si="95"/>
        <v>#N/A</v>
      </c>
      <c r="P2956" s="51">
        <v>1</v>
      </c>
      <c r="Q2956" s="51" t="s">
        <v>5341</v>
      </c>
      <c r="R2956" s="54" t="b">
        <v>1</v>
      </c>
      <c r="S2956" s="52" t="s">
        <v>7126</v>
      </c>
      <c r="T2956" s="67" t="s">
        <v>7127</v>
      </c>
      <c r="U2956" s="75" t="s">
        <v>5331</v>
      </c>
      <c r="V2956" s="47" t="s">
        <v>5331</v>
      </c>
      <c r="W2956" s="47" t="s">
        <v>5331</v>
      </c>
      <c r="X2956" s="47" t="s">
        <v>5331</v>
      </c>
      <c r="Y2956" s="47" t="s">
        <v>5331</v>
      </c>
      <c r="Z2956" s="28"/>
      <c r="AA2956" s="27"/>
      <c r="AB2956" s="27"/>
      <c r="AC2956" s="27"/>
      <c r="AD2956" s="30"/>
      <c r="AE2956" s="1"/>
      <c r="AF2956" s="23" t="s">
        <v>5331</v>
      </c>
      <c r="AG2956" s="26"/>
      <c r="AH2956" s="53"/>
    </row>
    <row r="2957" spans="1:34" ht="51.6" customHeight="1" x14ac:dyDescent="0.45">
      <c r="A2957" s="23">
        <v>2951</v>
      </c>
      <c r="B2957" s="25"/>
      <c r="C2957" s="25"/>
      <c r="D2957" s="29"/>
      <c r="E2957" s="1"/>
      <c r="F2957" s="1"/>
      <c r="G2957" s="25"/>
      <c r="H2957" s="71"/>
      <c r="I2957" s="83"/>
      <c r="J2957" s="50" t="str">
        <f t="shared" si="94"/>
        <v/>
      </c>
      <c r="K2957" s="23" t="s">
        <v>7120</v>
      </c>
      <c r="L2957" s="49" t="e">
        <f>VLOOKUP(E2957&amp;F2957,団体コード!$A$1:$C$1743,3,FALSE)</f>
        <v>#N/A</v>
      </c>
      <c r="M2957" s="49" t="e">
        <f>VLOOKUP(E2957&amp;F2957,団体コード!$A$1:$C$1743,2,FALSE)</f>
        <v>#N/A</v>
      </c>
      <c r="N2957" s="51" t="e">
        <f>VLOOKUP(E2957,団体コード!$E$1:$F$48,2,FALSE)</f>
        <v>#N/A</v>
      </c>
      <c r="O2957" s="51" t="e">
        <f t="shared" si="95"/>
        <v>#N/A</v>
      </c>
      <c r="P2957" s="51">
        <v>1</v>
      </c>
      <c r="Q2957" s="51" t="s">
        <v>5341</v>
      </c>
      <c r="R2957" s="54" t="b">
        <v>1</v>
      </c>
      <c r="S2957" s="52" t="s">
        <v>7126</v>
      </c>
      <c r="T2957" s="67" t="s">
        <v>7127</v>
      </c>
      <c r="U2957" s="75" t="s">
        <v>5331</v>
      </c>
      <c r="V2957" s="47" t="s">
        <v>5331</v>
      </c>
      <c r="W2957" s="47" t="s">
        <v>5331</v>
      </c>
      <c r="X2957" s="47" t="s">
        <v>5331</v>
      </c>
      <c r="Y2957" s="47" t="s">
        <v>5331</v>
      </c>
      <c r="Z2957" s="28"/>
      <c r="AA2957" s="27"/>
      <c r="AB2957" s="27"/>
      <c r="AC2957" s="27"/>
      <c r="AD2957" s="30"/>
      <c r="AE2957" s="1"/>
      <c r="AF2957" s="23" t="s">
        <v>5331</v>
      </c>
      <c r="AG2957" s="26"/>
      <c r="AH2957" s="53"/>
    </row>
    <row r="2958" spans="1:34" ht="51.6" customHeight="1" x14ac:dyDescent="0.45">
      <c r="A2958" s="23">
        <v>2952</v>
      </c>
      <c r="B2958" s="25"/>
      <c r="C2958" s="25"/>
      <c r="D2958" s="29"/>
      <c r="E2958" s="1"/>
      <c r="F2958" s="1"/>
      <c r="G2958" s="25"/>
      <c r="H2958" s="71"/>
      <c r="I2958" s="83"/>
      <c r="J2958" s="50" t="str">
        <f t="shared" si="94"/>
        <v/>
      </c>
      <c r="K2958" s="23" t="s">
        <v>7120</v>
      </c>
      <c r="L2958" s="49" t="e">
        <f>VLOOKUP(E2958&amp;F2958,団体コード!$A$1:$C$1743,3,FALSE)</f>
        <v>#N/A</v>
      </c>
      <c r="M2958" s="49" t="e">
        <f>VLOOKUP(E2958&amp;F2958,団体コード!$A$1:$C$1743,2,FALSE)</f>
        <v>#N/A</v>
      </c>
      <c r="N2958" s="51" t="e">
        <f>VLOOKUP(E2958,団体コード!$E$1:$F$48,2,FALSE)</f>
        <v>#N/A</v>
      </c>
      <c r="O2958" s="51" t="e">
        <f t="shared" si="95"/>
        <v>#N/A</v>
      </c>
      <c r="P2958" s="51">
        <v>1</v>
      </c>
      <c r="Q2958" s="51" t="s">
        <v>5341</v>
      </c>
      <c r="R2958" s="54" t="b">
        <v>1</v>
      </c>
      <c r="S2958" s="52" t="s">
        <v>7126</v>
      </c>
      <c r="T2958" s="67" t="s">
        <v>7127</v>
      </c>
      <c r="U2958" s="75" t="s">
        <v>5331</v>
      </c>
      <c r="V2958" s="47" t="s">
        <v>5331</v>
      </c>
      <c r="W2958" s="47" t="s">
        <v>5331</v>
      </c>
      <c r="X2958" s="47" t="s">
        <v>5331</v>
      </c>
      <c r="Y2958" s="47" t="s">
        <v>5331</v>
      </c>
      <c r="Z2958" s="28"/>
      <c r="AA2958" s="27"/>
      <c r="AB2958" s="27"/>
      <c r="AC2958" s="27"/>
      <c r="AD2958" s="30"/>
      <c r="AE2958" s="1"/>
      <c r="AF2958" s="23" t="s">
        <v>5331</v>
      </c>
      <c r="AG2958" s="26"/>
      <c r="AH2958" s="53"/>
    </row>
    <row r="2959" spans="1:34" ht="51.6" customHeight="1" x14ac:dyDescent="0.45">
      <c r="A2959" s="23">
        <v>2953</v>
      </c>
      <c r="B2959" s="25"/>
      <c r="C2959" s="25"/>
      <c r="D2959" s="29"/>
      <c r="E2959" s="1"/>
      <c r="F2959" s="1"/>
      <c r="G2959" s="25"/>
      <c r="H2959" s="71"/>
      <c r="I2959" s="83"/>
      <c r="J2959" s="50" t="str">
        <f t="shared" si="94"/>
        <v/>
      </c>
      <c r="K2959" s="23" t="s">
        <v>7120</v>
      </c>
      <c r="L2959" s="49" t="e">
        <f>VLOOKUP(E2959&amp;F2959,団体コード!$A$1:$C$1743,3,FALSE)</f>
        <v>#N/A</v>
      </c>
      <c r="M2959" s="49" t="e">
        <f>VLOOKUP(E2959&amp;F2959,団体コード!$A$1:$C$1743,2,FALSE)</f>
        <v>#N/A</v>
      </c>
      <c r="N2959" s="51" t="e">
        <f>VLOOKUP(E2959,団体コード!$E$1:$F$48,2,FALSE)</f>
        <v>#N/A</v>
      </c>
      <c r="O2959" s="51" t="e">
        <f t="shared" si="95"/>
        <v>#N/A</v>
      </c>
      <c r="P2959" s="51">
        <v>1</v>
      </c>
      <c r="Q2959" s="51" t="s">
        <v>5341</v>
      </c>
      <c r="R2959" s="54" t="b">
        <v>1</v>
      </c>
      <c r="S2959" s="52" t="s">
        <v>7126</v>
      </c>
      <c r="T2959" s="67" t="s">
        <v>7127</v>
      </c>
      <c r="U2959" s="75" t="s">
        <v>5331</v>
      </c>
      <c r="V2959" s="47" t="s">
        <v>5331</v>
      </c>
      <c r="W2959" s="47" t="s">
        <v>5331</v>
      </c>
      <c r="X2959" s="47" t="s">
        <v>5331</v>
      </c>
      <c r="Y2959" s="47" t="s">
        <v>5331</v>
      </c>
      <c r="Z2959" s="28"/>
      <c r="AA2959" s="27"/>
      <c r="AB2959" s="27"/>
      <c r="AC2959" s="27"/>
      <c r="AD2959" s="30"/>
      <c r="AE2959" s="1"/>
      <c r="AF2959" s="23" t="s">
        <v>5331</v>
      </c>
      <c r="AG2959" s="26"/>
      <c r="AH2959" s="53"/>
    </row>
    <row r="2960" spans="1:34" ht="51.6" customHeight="1" x14ac:dyDescent="0.45">
      <c r="A2960" s="23">
        <v>2954</v>
      </c>
      <c r="B2960" s="25"/>
      <c r="C2960" s="25"/>
      <c r="D2960" s="29"/>
      <c r="E2960" s="1"/>
      <c r="F2960" s="1"/>
      <c r="G2960" s="25"/>
      <c r="H2960" s="71"/>
      <c r="I2960" s="83"/>
      <c r="J2960" s="50" t="str">
        <f t="shared" si="94"/>
        <v/>
      </c>
      <c r="K2960" s="23" t="s">
        <v>7120</v>
      </c>
      <c r="L2960" s="49" t="e">
        <f>VLOOKUP(E2960&amp;F2960,団体コード!$A$1:$C$1743,3,FALSE)</f>
        <v>#N/A</v>
      </c>
      <c r="M2960" s="49" t="e">
        <f>VLOOKUP(E2960&amp;F2960,団体コード!$A$1:$C$1743,2,FALSE)</f>
        <v>#N/A</v>
      </c>
      <c r="N2960" s="51" t="e">
        <f>VLOOKUP(E2960,団体コード!$E$1:$F$48,2,FALSE)</f>
        <v>#N/A</v>
      </c>
      <c r="O2960" s="51" t="e">
        <f t="shared" si="95"/>
        <v>#N/A</v>
      </c>
      <c r="P2960" s="51">
        <v>1</v>
      </c>
      <c r="Q2960" s="51" t="s">
        <v>5341</v>
      </c>
      <c r="R2960" s="54" t="b">
        <v>1</v>
      </c>
      <c r="S2960" s="52" t="s">
        <v>7126</v>
      </c>
      <c r="T2960" s="67" t="s">
        <v>7127</v>
      </c>
      <c r="U2960" s="75" t="s">
        <v>5331</v>
      </c>
      <c r="V2960" s="47" t="s">
        <v>5331</v>
      </c>
      <c r="W2960" s="47" t="s">
        <v>5331</v>
      </c>
      <c r="X2960" s="47" t="s">
        <v>5331</v>
      </c>
      <c r="Y2960" s="47" t="s">
        <v>5331</v>
      </c>
      <c r="Z2960" s="28"/>
      <c r="AA2960" s="27"/>
      <c r="AB2960" s="27"/>
      <c r="AC2960" s="27"/>
      <c r="AD2960" s="30"/>
      <c r="AE2960" s="1"/>
      <c r="AF2960" s="23" t="s">
        <v>5331</v>
      </c>
      <c r="AG2960" s="26"/>
      <c r="AH2960" s="53"/>
    </row>
    <row r="2961" spans="1:34" ht="51.6" customHeight="1" x14ac:dyDescent="0.45">
      <c r="A2961" s="23">
        <v>2955</v>
      </c>
      <c r="B2961" s="25"/>
      <c r="C2961" s="25"/>
      <c r="D2961" s="29"/>
      <c r="E2961" s="1"/>
      <c r="F2961" s="1"/>
      <c r="G2961" s="25"/>
      <c r="H2961" s="71"/>
      <c r="I2961" s="83"/>
      <c r="J2961" s="50" t="str">
        <f t="shared" si="94"/>
        <v/>
      </c>
      <c r="K2961" s="23" t="s">
        <v>7120</v>
      </c>
      <c r="L2961" s="49" t="e">
        <f>VLOOKUP(E2961&amp;F2961,団体コード!$A$1:$C$1743,3,FALSE)</f>
        <v>#N/A</v>
      </c>
      <c r="M2961" s="49" t="e">
        <f>VLOOKUP(E2961&amp;F2961,団体コード!$A$1:$C$1743,2,FALSE)</f>
        <v>#N/A</v>
      </c>
      <c r="N2961" s="51" t="e">
        <f>VLOOKUP(E2961,団体コード!$E$1:$F$48,2,FALSE)</f>
        <v>#N/A</v>
      </c>
      <c r="O2961" s="51" t="e">
        <f t="shared" si="95"/>
        <v>#N/A</v>
      </c>
      <c r="P2961" s="51">
        <v>1</v>
      </c>
      <c r="Q2961" s="51" t="s">
        <v>5341</v>
      </c>
      <c r="R2961" s="54" t="b">
        <v>1</v>
      </c>
      <c r="S2961" s="52" t="s">
        <v>7126</v>
      </c>
      <c r="T2961" s="67" t="s">
        <v>7127</v>
      </c>
      <c r="U2961" s="75" t="s">
        <v>5331</v>
      </c>
      <c r="V2961" s="47" t="s">
        <v>5331</v>
      </c>
      <c r="W2961" s="47" t="s">
        <v>5331</v>
      </c>
      <c r="X2961" s="47" t="s">
        <v>5331</v>
      </c>
      <c r="Y2961" s="47" t="s">
        <v>5331</v>
      </c>
      <c r="Z2961" s="28"/>
      <c r="AA2961" s="27"/>
      <c r="AB2961" s="27"/>
      <c r="AC2961" s="27"/>
      <c r="AD2961" s="30"/>
      <c r="AE2961" s="1"/>
      <c r="AF2961" s="23" t="s">
        <v>5331</v>
      </c>
      <c r="AG2961" s="26"/>
      <c r="AH2961" s="53"/>
    </row>
    <row r="2962" spans="1:34" ht="51.6" customHeight="1" x14ac:dyDescent="0.45">
      <c r="A2962" s="23">
        <v>2956</v>
      </c>
      <c r="B2962" s="25"/>
      <c r="C2962" s="25"/>
      <c r="D2962" s="29"/>
      <c r="E2962" s="1"/>
      <c r="F2962" s="1"/>
      <c r="G2962" s="25"/>
      <c r="H2962" s="71"/>
      <c r="I2962" s="83"/>
      <c r="J2962" s="50" t="str">
        <f t="shared" si="94"/>
        <v/>
      </c>
      <c r="K2962" s="23" t="s">
        <v>7120</v>
      </c>
      <c r="L2962" s="49" t="e">
        <f>VLOOKUP(E2962&amp;F2962,団体コード!$A$1:$C$1743,3,FALSE)</f>
        <v>#N/A</v>
      </c>
      <c r="M2962" s="49" t="e">
        <f>VLOOKUP(E2962&amp;F2962,団体コード!$A$1:$C$1743,2,FALSE)</f>
        <v>#N/A</v>
      </c>
      <c r="N2962" s="51" t="e">
        <f>VLOOKUP(E2962,団体コード!$E$1:$F$48,2,FALSE)</f>
        <v>#N/A</v>
      </c>
      <c r="O2962" s="51" t="e">
        <f t="shared" si="95"/>
        <v>#N/A</v>
      </c>
      <c r="P2962" s="51">
        <v>1</v>
      </c>
      <c r="Q2962" s="51" t="s">
        <v>5341</v>
      </c>
      <c r="R2962" s="54" t="b">
        <v>1</v>
      </c>
      <c r="S2962" s="52" t="s">
        <v>7126</v>
      </c>
      <c r="T2962" s="67" t="s">
        <v>7127</v>
      </c>
      <c r="U2962" s="75" t="s">
        <v>5331</v>
      </c>
      <c r="V2962" s="47" t="s">
        <v>5331</v>
      </c>
      <c r="W2962" s="47" t="s">
        <v>5331</v>
      </c>
      <c r="X2962" s="47" t="s">
        <v>5331</v>
      </c>
      <c r="Y2962" s="47" t="s">
        <v>5331</v>
      </c>
      <c r="Z2962" s="28"/>
      <c r="AA2962" s="27"/>
      <c r="AB2962" s="27"/>
      <c r="AC2962" s="27"/>
      <c r="AD2962" s="30"/>
      <c r="AE2962" s="1"/>
      <c r="AF2962" s="23" t="s">
        <v>5331</v>
      </c>
      <c r="AG2962" s="26"/>
      <c r="AH2962" s="53"/>
    </row>
    <row r="2963" spans="1:34" ht="51.6" customHeight="1" x14ac:dyDescent="0.45">
      <c r="A2963" s="23">
        <v>2957</v>
      </c>
      <c r="B2963" s="25"/>
      <c r="C2963" s="25"/>
      <c r="D2963" s="29"/>
      <c r="E2963" s="1"/>
      <c r="F2963" s="1"/>
      <c r="G2963" s="25"/>
      <c r="H2963" s="71"/>
      <c r="I2963" s="83"/>
      <c r="J2963" s="50" t="str">
        <f t="shared" si="94"/>
        <v/>
      </c>
      <c r="K2963" s="23" t="s">
        <v>7120</v>
      </c>
      <c r="L2963" s="49" t="e">
        <f>VLOOKUP(E2963&amp;F2963,団体コード!$A$1:$C$1743,3,FALSE)</f>
        <v>#N/A</v>
      </c>
      <c r="M2963" s="49" t="e">
        <f>VLOOKUP(E2963&amp;F2963,団体コード!$A$1:$C$1743,2,FALSE)</f>
        <v>#N/A</v>
      </c>
      <c r="N2963" s="51" t="e">
        <f>VLOOKUP(E2963,団体コード!$E$1:$F$48,2,FALSE)</f>
        <v>#N/A</v>
      </c>
      <c r="O2963" s="51" t="e">
        <f t="shared" si="95"/>
        <v>#N/A</v>
      </c>
      <c r="P2963" s="51">
        <v>1</v>
      </c>
      <c r="Q2963" s="51" t="s">
        <v>5341</v>
      </c>
      <c r="R2963" s="54" t="b">
        <v>1</v>
      </c>
      <c r="S2963" s="52" t="s">
        <v>7126</v>
      </c>
      <c r="T2963" s="67" t="s">
        <v>7127</v>
      </c>
      <c r="U2963" s="75" t="s">
        <v>5331</v>
      </c>
      <c r="V2963" s="47" t="s">
        <v>5331</v>
      </c>
      <c r="W2963" s="47" t="s">
        <v>5331</v>
      </c>
      <c r="X2963" s="47" t="s">
        <v>5331</v>
      </c>
      <c r="Y2963" s="47" t="s">
        <v>5331</v>
      </c>
      <c r="Z2963" s="28"/>
      <c r="AA2963" s="27"/>
      <c r="AB2963" s="27"/>
      <c r="AC2963" s="27"/>
      <c r="AD2963" s="30"/>
      <c r="AE2963" s="1"/>
      <c r="AF2963" s="23" t="s">
        <v>5331</v>
      </c>
      <c r="AG2963" s="26"/>
      <c r="AH2963" s="53"/>
    </row>
    <row r="2964" spans="1:34" ht="51.6" customHeight="1" x14ac:dyDescent="0.45">
      <c r="A2964" s="23">
        <v>2958</v>
      </c>
      <c r="B2964" s="25"/>
      <c r="C2964" s="25"/>
      <c r="D2964" s="29"/>
      <c r="E2964" s="1"/>
      <c r="F2964" s="1"/>
      <c r="G2964" s="25"/>
      <c r="H2964" s="71"/>
      <c r="I2964" s="83"/>
      <c r="J2964" s="50" t="str">
        <f t="shared" si="94"/>
        <v/>
      </c>
      <c r="K2964" s="23" t="s">
        <v>7120</v>
      </c>
      <c r="L2964" s="49" t="e">
        <f>VLOOKUP(E2964&amp;F2964,団体コード!$A$1:$C$1743,3,FALSE)</f>
        <v>#N/A</v>
      </c>
      <c r="M2964" s="49" t="e">
        <f>VLOOKUP(E2964&amp;F2964,団体コード!$A$1:$C$1743,2,FALSE)</f>
        <v>#N/A</v>
      </c>
      <c r="N2964" s="51" t="e">
        <f>VLOOKUP(E2964,団体コード!$E$1:$F$48,2,FALSE)</f>
        <v>#N/A</v>
      </c>
      <c r="O2964" s="51" t="e">
        <f t="shared" si="95"/>
        <v>#N/A</v>
      </c>
      <c r="P2964" s="51">
        <v>1</v>
      </c>
      <c r="Q2964" s="51" t="s">
        <v>5341</v>
      </c>
      <c r="R2964" s="54" t="b">
        <v>1</v>
      </c>
      <c r="S2964" s="52" t="s">
        <v>7126</v>
      </c>
      <c r="T2964" s="67" t="s">
        <v>7127</v>
      </c>
      <c r="U2964" s="75" t="s">
        <v>5331</v>
      </c>
      <c r="V2964" s="47" t="s">
        <v>5331</v>
      </c>
      <c r="W2964" s="47" t="s">
        <v>5331</v>
      </c>
      <c r="X2964" s="47" t="s">
        <v>5331</v>
      </c>
      <c r="Y2964" s="47" t="s">
        <v>5331</v>
      </c>
      <c r="Z2964" s="28"/>
      <c r="AA2964" s="27"/>
      <c r="AB2964" s="27"/>
      <c r="AC2964" s="27"/>
      <c r="AD2964" s="30"/>
      <c r="AE2964" s="1"/>
      <c r="AF2964" s="23" t="s">
        <v>5331</v>
      </c>
      <c r="AG2964" s="26"/>
      <c r="AH2964" s="53"/>
    </row>
    <row r="2965" spans="1:34" ht="51.6" customHeight="1" x14ac:dyDescent="0.45">
      <c r="A2965" s="23">
        <v>2959</v>
      </c>
      <c r="B2965" s="25"/>
      <c r="C2965" s="25"/>
      <c r="D2965" s="29"/>
      <c r="E2965" s="1"/>
      <c r="F2965" s="1"/>
      <c r="G2965" s="25"/>
      <c r="H2965" s="71"/>
      <c r="I2965" s="83"/>
      <c r="J2965" s="50" t="str">
        <f t="shared" si="94"/>
        <v/>
      </c>
      <c r="K2965" s="23" t="s">
        <v>7120</v>
      </c>
      <c r="L2965" s="49" t="e">
        <f>VLOOKUP(E2965&amp;F2965,団体コード!$A$1:$C$1743,3,FALSE)</f>
        <v>#N/A</v>
      </c>
      <c r="M2965" s="49" t="e">
        <f>VLOOKUP(E2965&amp;F2965,団体コード!$A$1:$C$1743,2,FALSE)</f>
        <v>#N/A</v>
      </c>
      <c r="N2965" s="51" t="e">
        <f>VLOOKUP(E2965,団体コード!$E$1:$F$48,2,FALSE)</f>
        <v>#N/A</v>
      </c>
      <c r="O2965" s="51" t="e">
        <f t="shared" si="95"/>
        <v>#N/A</v>
      </c>
      <c r="P2965" s="51">
        <v>1</v>
      </c>
      <c r="Q2965" s="51" t="s">
        <v>5341</v>
      </c>
      <c r="R2965" s="54" t="b">
        <v>1</v>
      </c>
      <c r="S2965" s="52" t="s">
        <v>7126</v>
      </c>
      <c r="T2965" s="67" t="s">
        <v>7127</v>
      </c>
      <c r="U2965" s="75" t="s">
        <v>5331</v>
      </c>
      <c r="V2965" s="47" t="s">
        <v>5331</v>
      </c>
      <c r="W2965" s="47" t="s">
        <v>5331</v>
      </c>
      <c r="X2965" s="47" t="s">
        <v>5331</v>
      </c>
      <c r="Y2965" s="47" t="s">
        <v>5331</v>
      </c>
      <c r="Z2965" s="28"/>
      <c r="AA2965" s="27"/>
      <c r="AB2965" s="27"/>
      <c r="AC2965" s="27"/>
      <c r="AD2965" s="30"/>
      <c r="AE2965" s="1"/>
      <c r="AF2965" s="23" t="s">
        <v>5331</v>
      </c>
      <c r="AG2965" s="26"/>
      <c r="AH2965" s="53"/>
    </row>
    <row r="2966" spans="1:34" ht="51.6" customHeight="1" x14ac:dyDescent="0.45">
      <c r="A2966" s="23">
        <v>2960</v>
      </c>
      <c r="B2966" s="25"/>
      <c r="C2966" s="25"/>
      <c r="D2966" s="29"/>
      <c r="E2966" s="1"/>
      <c r="F2966" s="1"/>
      <c r="G2966" s="25"/>
      <c r="H2966" s="71"/>
      <c r="I2966" s="83"/>
      <c r="J2966" s="50" t="str">
        <f t="shared" si="94"/>
        <v/>
      </c>
      <c r="K2966" s="23" t="s">
        <v>7120</v>
      </c>
      <c r="L2966" s="49" t="e">
        <f>VLOOKUP(E2966&amp;F2966,団体コード!$A$1:$C$1743,3,FALSE)</f>
        <v>#N/A</v>
      </c>
      <c r="M2966" s="49" t="e">
        <f>VLOOKUP(E2966&amp;F2966,団体コード!$A$1:$C$1743,2,FALSE)</f>
        <v>#N/A</v>
      </c>
      <c r="N2966" s="51" t="e">
        <f>VLOOKUP(E2966,団体コード!$E$1:$F$48,2,FALSE)</f>
        <v>#N/A</v>
      </c>
      <c r="O2966" s="51" t="e">
        <f t="shared" si="95"/>
        <v>#N/A</v>
      </c>
      <c r="P2966" s="51">
        <v>1</v>
      </c>
      <c r="Q2966" s="51" t="s">
        <v>5341</v>
      </c>
      <c r="R2966" s="54" t="b">
        <v>1</v>
      </c>
      <c r="S2966" s="52" t="s">
        <v>7126</v>
      </c>
      <c r="T2966" s="67" t="s">
        <v>7127</v>
      </c>
      <c r="U2966" s="75" t="s">
        <v>5331</v>
      </c>
      <c r="V2966" s="47" t="s">
        <v>5331</v>
      </c>
      <c r="W2966" s="47" t="s">
        <v>5331</v>
      </c>
      <c r="X2966" s="47" t="s">
        <v>5331</v>
      </c>
      <c r="Y2966" s="47" t="s">
        <v>5331</v>
      </c>
      <c r="Z2966" s="28"/>
      <c r="AA2966" s="27"/>
      <c r="AB2966" s="27"/>
      <c r="AC2966" s="27"/>
      <c r="AD2966" s="30"/>
      <c r="AE2966" s="1"/>
      <c r="AF2966" s="23" t="s">
        <v>5331</v>
      </c>
      <c r="AG2966" s="26"/>
      <c r="AH2966" s="53"/>
    </row>
    <row r="2967" spans="1:34" ht="51.6" customHeight="1" x14ac:dyDescent="0.45">
      <c r="A2967" s="23">
        <v>2961</v>
      </c>
      <c r="B2967" s="25"/>
      <c r="C2967" s="25"/>
      <c r="D2967" s="29"/>
      <c r="E2967" s="1"/>
      <c r="F2967" s="1"/>
      <c r="G2967" s="25"/>
      <c r="H2967" s="71"/>
      <c r="I2967" s="83"/>
      <c r="J2967" s="50" t="str">
        <f t="shared" si="94"/>
        <v/>
      </c>
      <c r="K2967" s="23" t="s">
        <v>7120</v>
      </c>
      <c r="L2967" s="49" t="e">
        <f>VLOOKUP(E2967&amp;F2967,団体コード!$A$1:$C$1743,3,FALSE)</f>
        <v>#N/A</v>
      </c>
      <c r="M2967" s="49" t="e">
        <f>VLOOKUP(E2967&amp;F2967,団体コード!$A$1:$C$1743,2,FALSE)</f>
        <v>#N/A</v>
      </c>
      <c r="N2967" s="51" t="e">
        <f>VLOOKUP(E2967,団体コード!$E$1:$F$48,2,FALSE)</f>
        <v>#N/A</v>
      </c>
      <c r="O2967" s="51" t="e">
        <f t="shared" si="95"/>
        <v>#N/A</v>
      </c>
      <c r="P2967" s="51">
        <v>1</v>
      </c>
      <c r="Q2967" s="51" t="s">
        <v>5341</v>
      </c>
      <c r="R2967" s="54" t="b">
        <v>1</v>
      </c>
      <c r="S2967" s="52" t="s">
        <v>7126</v>
      </c>
      <c r="T2967" s="67" t="s">
        <v>7127</v>
      </c>
      <c r="U2967" s="75" t="s">
        <v>5331</v>
      </c>
      <c r="V2967" s="47" t="s">
        <v>5331</v>
      </c>
      <c r="W2967" s="47" t="s">
        <v>5331</v>
      </c>
      <c r="X2967" s="47" t="s">
        <v>5331</v>
      </c>
      <c r="Y2967" s="47" t="s">
        <v>5331</v>
      </c>
      <c r="Z2967" s="28"/>
      <c r="AA2967" s="27"/>
      <c r="AB2967" s="27"/>
      <c r="AC2967" s="27"/>
      <c r="AD2967" s="30"/>
      <c r="AE2967" s="1"/>
      <c r="AF2967" s="23" t="s">
        <v>5331</v>
      </c>
      <c r="AG2967" s="26"/>
      <c r="AH2967" s="53"/>
    </row>
    <row r="2968" spans="1:34" ht="51.6" customHeight="1" x14ac:dyDescent="0.45">
      <c r="A2968" s="23">
        <v>2962</v>
      </c>
      <c r="B2968" s="25"/>
      <c r="C2968" s="25"/>
      <c r="D2968" s="29"/>
      <c r="E2968" s="1"/>
      <c r="F2968" s="1"/>
      <c r="G2968" s="25"/>
      <c r="H2968" s="71"/>
      <c r="I2968" s="83"/>
      <c r="J2968" s="50" t="str">
        <f t="shared" si="94"/>
        <v/>
      </c>
      <c r="K2968" s="23" t="s">
        <v>7120</v>
      </c>
      <c r="L2968" s="49" t="e">
        <f>VLOOKUP(E2968&amp;F2968,団体コード!$A$1:$C$1743,3,FALSE)</f>
        <v>#N/A</v>
      </c>
      <c r="M2968" s="49" t="e">
        <f>VLOOKUP(E2968&amp;F2968,団体コード!$A$1:$C$1743,2,FALSE)</f>
        <v>#N/A</v>
      </c>
      <c r="N2968" s="51" t="e">
        <f>VLOOKUP(E2968,団体コード!$E$1:$F$48,2,FALSE)</f>
        <v>#N/A</v>
      </c>
      <c r="O2968" s="51" t="e">
        <f t="shared" si="95"/>
        <v>#N/A</v>
      </c>
      <c r="P2968" s="51">
        <v>1</v>
      </c>
      <c r="Q2968" s="51" t="s">
        <v>5341</v>
      </c>
      <c r="R2968" s="54" t="b">
        <v>1</v>
      </c>
      <c r="S2968" s="52" t="s">
        <v>7126</v>
      </c>
      <c r="T2968" s="67" t="s">
        <v>7127</v>
      </c>
      <c r="U2968" s="75" t="s">
        <v>5331</v>
      </c>
      <c r="V2968" s="47" t="s">
        <v>5331</v>
      </c>
      <c r="W2968" s="47" t="s">
        <v>5331</v>
      </c>
      <c r="X2968" s="47" t="s">
        <v>5331</v>
      </c>
      <c r="Y2968" s="47" t="s">
        <v>5331</v>
      </c>
      <c r="Z2968" s="28"/>
      <c r="AA2968" s="27"/>
      <c r="AB2968" s="27"/>
      <c r="AC2968" s="27"/>
      <c r="AD2968" s="30"/>
      <c r="AE2968" s="1"/>
      <c r="AF2968" s="23" t="s">
        <v>5331</v>
      </c>
      <c r="AG2968" s="26"/>
      <c r="AH2968" s="53"/>
    </row>
    <row r="2969" spans="1:34" ht="51.6" customHeight="1" x14ac:dyDescent="0.45">
      <c r="A2969" s="23">
        <v>2963</v>
      </c>
      <c r="B2969" s="25"/>
      <c r="C2969" s="25"/>
      <c r="D2969" s="29"/>
      <c r="E2969" s="1"/>
      <c r="F2969" s="1"/>
      <c r="G2969" s="25"/>
      <c r="H2969" s="71"/>
      <c r="I2969" s="83"/>
      <c r="J2969" s="50" t="str">
        <f t="shared" si="94"/>
        <v/>
      </c>
      <c r="K2969" s="23" t="s">
        <v>7120</v>
      </c>
      <c r="L2969" s="49" t="e">
        <f>VLOOKUP(E2969&amp;F2969,団体コード!$A$1:$C$1743,3,FALSE)</f>
        <v>#N/A</v>
      </c>
      <c r="M2969" s="49" t="e">
        <f>VLOOKUP(E2969&amp;F2969,団体コード!$A$1:$C$1743,2,FALSE)</f>
        <v>#N/A</v>
      </c>
      <c r="N2969" s="51" t="e">
        <f>VLOOKUP(E2969,団体コード!$E$1:$F$48,2,FALSE)</f>
        <v>#N/A</v>
      </c>
      <c r="O2969" s="51" t="e">
        <f t="shared" si="95"/>
        <v>#N/A</v>
      </c>
      <c r="P2969" s="51">
        <v>1</v>
      </c>
      <c r="Q2969" s="51" t="s">
        <v>5341</v>
      </c>
      <c r="R2969" s="54" t="b">
        <v>1</v>
      </c>
      <c r="S2969" s="52" t="s">
        <v>7126</v>
      </c>
      <c r="T2969" s="67" t="s">
        <v>7127</v>
      </c>
      <c r="U2969" s="75" t="s">
        <v>5331</v>
      </c>
      <c r="V2969" s="47" t="s">
        <v>5331</v>
      </c>
      <c r="W2969" s="47" t="s">
        <v>5331</v>
      </c>
      <c r="X2969" s="47" t="s">
        <v>5331</v>
      </c>
      <c r="Y2969" s="47" t="s">
        <v>5331</v>
      </c>
      <c r="Z2969" s="28"/>
      <c r="AA2969" s="27"/>
      <c r="AB2969" s="27"/>
      <c r="AC2969" s="27"/>
      <c r="AD2969" s="30"/>
      <c r="AE2969" s="1"/>
      <c r="AF2969" s="23" t="s">
        <v>5331</v>
      </c>
      <c r="AG2969" s="26"/>
      <c r="AH2969" s="53"/>
    </row>
    <row r="2970" spans="1:34" ht="51.6" customHeight="1" x14ac:dyDescent="0.45">
      <c r="A2970" s="23">
        <v>2964</v>
      </c>
      <c r="B2970" s="25"/>
      <c r="C2970" s="25"/>
      <c r="D2970" s="29"/>
      <c r="E2970" s="1"/>
      <c r="F2970" s="1"/>
      <c r="G2970" s="25"/>
      <c r="H2970" s="71"/>
      <c r="I2970" s="83"/>
      <c r="J2970" s="50" t="str">
        <f t="shared" si="94"/>
        <v/>
      </c>
      <c r="K2970" s="23" t="s">
        <v>7120</v>
      </c>
      <c r="L2970" s="49" t="e">
        <f>VLOOKUP(E2970&amp;F2970,団体コード!$A$1:$C$1743,3,FALSE)</f>
        <v>#N/A</v>
      </c>
      <c r="M2970" s="49" t="e">
        <f>VLOOKUP(E2970&amp;F2970,団体コード!$A$1:$C$1743,2,FALSE)</f>
        <v>#N/A</v>
      </c>
      <c r="N2970" s="51" t="e">
        <f>VLOOKUP(E2970,団体コード!$E$1:$F$48,2,FALSE)</f>
        <v>#N/A</v>
      </c>
      <c r="O2970" s="51" t="e">
        <f t="shared" si="95"/>
        <v>#N/A</v>
      </c>
      <c r="P2970" s="51">
        <v>1</v>
      </c>
      <c r="Q2970" s="51" t="s">
        <v>5341</v>
      </c>
      <c r="R2970" s="54" t="b">
        <v>1</v>
      </c>
      <c r="S2970" s="52" t="s">
        <v>7126</v>
      </c>
      <c r="T2970" s="67" t="s">
        <v>7127</v>
      </c>
      <c r="U2970" s="75" t="s">
        <v>5331</v>
      </c>
      <c r="V2970" s="47" t="s">
        <v>5331</v>
      </c>
      <c r="W2970" s="47" t="s">
        <v>5331</v>
      </c>
      <c r="X2970" s="47" t="s">
        <v>5331</v>
      </c>
      <c r="Y2970" s="47" t="s">
        <v>5331</v>
      </c>
      <c r="Z2970" s="28"/>
      <c r="AA2970" s="27"/>
      <c r="AB2970" s="27"/>
      <c r="AC2970" s="27"/>
      <c r="AD2970" s="30"/>
      <c r="AE2970" s="1"/>
      <c r="AF2970" s="23" t="s">
        <v>5331</v>
      </c>
      <c r="AG2970" s="26"/>
      <c r="AH2970" s="53"/>
    </row>
    <row r="2971" spans="1:34" ht="51.6" customHeight="1" x14ac:dyDescent="0.45">
      <c r="A2971" s="23">
        <v>2965</v>
      </c>
      <c r="B2971" s="25"/>
      <c r="C2971" s="25"/>
      <c r="D2971" s="29"/>
      <c r="E2971" s="1"/>
      <c r="F2971" s="1"/>
      <c r="G2971" s="25"/>
      <c r="H2971" s="71"/>
      <c r="I2971" s="83"/>
      <c r="J2971" s="50" t="str">
        <f t="shared" si="94"/>
        <v/>
      </c>
      <c r="K2971" s="23" t="s">
        <v>7120</v>
      </c>
      <c r="L2971" s="49" t="e">
        <f>VLOOKUP(E2971&amp;F2971,団体コード!$A$1:$C$1743,3,FALSE)</f>
        <v>#N/A</v>
      </c>
      <c r="M2971" s="49" t="e">
        <f>VLOOKUP(E2971&amp;F2971,団体コード!$A$1:$C$1743,2,FALSE)</f>
        <v>#N/A</v>
      </c>
      <c r="N2971" s="51" t="e">
        <f>VLOOKUP(E2971,団体コード!$E$1:$F$48,2,FALSE)</f>
        <v>#N/A</v>
      </c>
      <c r="O2971" s="51" t="e">
        <f t="shared" si="95"/>
        <v>#N/A</v>
      </c>
      <c r="P2971" s="51">
        <v>1</v>
      </c>
      <c r="Q2971" s="51" t="s">
        <v>5341</v>
      </c>
      <c r="R2971" s="54" t="b">
        <v>1</v>
      </c>
      <c r="S2971" s="52" t="s">
        <v>7126</v>
      </c>
      <c r="T2971" s="67" t="s">
        <v>7127</v>
      </c>
      <c r="U2971" s="75" t="s">
        <v>5331</v>
      </c>
      <c r="V2971" s="47" t="s">
        <v>5331</v>
      </c>
      <c r="W2971" s="47" t="s">
        <v>5331</v>
      </c>
      <c r="X2971" s="47" t="s">
        <v>5331</v>
      </c>
      <c r="Y2971" s="47" t="s">
        <v>5331</v>
      </c>
      <c r="Z2971" s="28"/>
      <c r="AA2971" s="27"/>
      <c r="AB2971" s="27"/>
      <c r="AC2971" s="27"/>
      <c r="AD2971" s="30"/>
      <c r="AE2971" s="1"/>
      <c r="AF2971" s="23" t="s">
        <v>5331</v>
      </c>
      <c r="AG2971" s="26"/>
      <c r="AH2971" s="53"/>
    </row>
    <row r="2972" spans="1:34" ht="51.6" customHeight="1" x14ac:dyDescent="0.45">
      <c r="A2972" s="23">
        <v>2966</v>
      </c>
      <c r="B2972" s="25"/>
      <c r="C2972" s="25"/>
      <c r="D2972" s="29"/>
      <c r="E2972" s="1"/>
      <c r="F2972" s="1"/>
      <c r="G2972" s="25"/>
      <c r="H2972" s="71"/>
      <c r="I2972" s="83"/>
      <c r="J2972" s="50" t="str">
        <f t="shared" si="94"/>
        <v/>
      </c>
      <c r="K2972" s="23" t="s">
        <v>7120</v>
      </c>
      <c r="L2972" s="49" t="e">
        <f>VLOOKUP(E2972&amp;F2972,団体コード!$A$1:$C$1743,3,FALSE)</f>
        <v>#N/A</v>
      </c>
      <c r="M2972" s="49" t="e">
        <f>VLOOKUP(E2972&amp;F2972,団体コード!$A$1:$C$1743,2,FALSE)</f>
        <v>#N/A</v>
      </c>
      <c r="N2972" s="51" t="e">
        <f>VLOOKUP(E2972,団体コード!$E$1:$F$48,2,FALSE)</f>
        <v>#N/A</v>
      </c>
      <c r="O2972" s="51" t="e">
        <f t="shared" si="95"/>
        <v>#N/A</v>
      </c>
      <c r="P2972" s="51">
        <v>1</v>
      </c>
      <c r="Q2972" s="51" t="s">
        <v>5341</v>
      </c>
      <c r="R2972" s="54" t="b">
        <v>1</v>
      </c>
      <c r="S2972" s="52" t="s">
        <v>7126</v>
      </c>
      <c r="T2972" s="67" t="s">
        <v>7127</v>
      </c>
      <c r="U2972" s="75" t="s">
        <v>5331</v>
      </c>
      <c r="V2972" s="47" t="s">
        <v>5331</v>
      </c>
      <c r="W2972" s="47" t="s">
        <v>5331</v>
      </c>
      <c r="X2972" s="47" t="s">
        <v>5331</v>
      </c>
      <c r="Y2972" s="47" t="s">
        <v>5331</v>
      </c>
      <c r="Z2972" s="28"/>
      <c r="AA2972" s="27"/>
      <c r="AB2972" s="27"/>
      <c r="AC2972" s="27"/>
      <c r="AD2972" s="30"/>
      <c r="AE2972" s="1"/>
      <c r="AF2972" s="23" t="s">
        <v>5331</v>
      </c>
      <c r="AG2972" s="26"/>
      <c r="AH2972" s="53"/>
    </row>
    <row r="2973" spans="1:34" ht="51.6" customHeight="1" x14ac:dyDescent="0.45">
      <c r="A2973" s="23">
        <v>2967</v>
      </c>
      <c r="B2973" s="25"/>
      <c r="C2973" s="25"/>
      <c r="D2973" s="29"/>
      <c r="E2973" s="1"/>
      <c r="F2973" s="1"/>
      <c r="G2973" s="25"/>
      <c r="H2973" s="71"/>
      <c r="I2973" s="83"/>
      <c r="J2973" s="50" t="str">
        <f t="shared" si="94"/>
        <v/>
      </c>
      <c r="K2973" s="23" t="s">
        <v>7120</v>
      </c>
      <c r="L2973" s="49" t="e">
        <f>VLOOKUP(E2973&amp;F2973,団体コード!$A$1:$C$1743,3,FALSE)</f>
        <v>#N/A</v>
      </c>
      <c r="M2973" s="49" t="e">
        <f>VLOOKUP(E2973&amp;F2973,団体コード!$A$1:$C$1743,2,FALSE)</f>
        <v>#N/A</v>
      </c>
      <c r="N2973" s="51" t="e">
        <f>VLOOKUP(E2973,団体コード!$E$1:$F$48,2,FALSE)</f>
        <v>#N/A</v>
      </c>
      <c r="O2973" s="51" t="e">
        <f t="shared" si="95"/>
        <v>#N/A</v>
      </c>
      <c r="P2973" s="51">
        <v>1</v>
      </c>
      <c r="Q2973" s="51" t="s">
        <v>5341</v>
      </c>
      <c r="R2973" s="54" t="b">
        <v>1</v>
      </c>
      <c r="S2973" s="52" t="s">
        <v>7126</v>
      </c>
      <c r="T2973" s="67" t="s">
        <v>7127</v>
      </c>
      <c r="U2973" s="75" t="s">
        <v>5331</v>
      </c>
      <c r="V2973" s="47" t="s">
        <v>5331</v>
      </c>
      <c r="W2973" s="47" t="s">
        <v>5331</v>
      </c>
      <c r="X2973" s="47" t="s">
        <v>5331</v>
      </c>
      <c r="Y2973" s="47" t="s">
        <v>5331</v>
      </c>
      <c r="Z2973" s="28"/>
      <c r="AA2973" s="27"/>
      <c r="AB2973" s="27"/>
      <c r="AC2973" s="27"/>
      <c r="AD2973" s="30"/>
      <c r="AE2973" s="1"/>
      <c r="AF2973" s="23" t="s">
        <v>5331</v>
      </c>
      <c r="AG2973" s="26"/>
      <c r="AH2973" s="53"/>
    </row>
    <row r="2974" spans="1:34" ht="51.6" customHeight="1" x14ac:dyDescent="0.45">
      <c r="A2974" s="23">
        <v>2968</v>
      </c>
      <c r="B2974" s="25"/>
      <c r="C2974" s="25"/>
      <c r="D2974" s="29"/>
      <c r="E2974" s="1"/>
      <c r="F2974" s="1"/>
      <c r="G2974" s="25"/>
      <c r="H2974" s="71"/>
      <c r="I2974" s="83"/>
      <c r="J2974" s="50" t="str">
        <f t="shared" si="94"/>
        <v/>
      </c>
      <c r="K2974" s="23" t="s">
        <v>7120</v>
      </c>
      <c r="L2974" s="49" t="e">
        <f>VLOOKUP(E2974&amp;F2974,団体コード!$A$1:$C$1743,3,FALSE)</f>
        <v>#N/A</v>
      </c>
      <c r="M2974" s="49" t="e">
        <f>VLOOKUP(E2974&amp;F2974,団体コード!$A$1:$C$1743,2,FALSE)</f>
        <v>#N/A</v>
      </c>
      <c r="N2974" s="51" t="e">
        <f>VLOOKUP(E2974,団体コード!$E$1:$F$48,2,FALSE)</f>
        <v>#N/A</v>
      </c>
      <c r="O2974" s="51" t="e">
        <f t="shared" si="95"/>
        <v>#N/A</v>
      </c>
      <c r="P2974" s="51">
        <v>1</v>
      </c>
      <c r="Q2974" s="51" t="s">
        <v>5341</v>
      </c>
      <c r="R2974" s="54" t="b">
        <v>1</v>
      </c>
      <c r="S2974" s="52" t="s">
        <v>7126</v>
      </c>
      <c r="T2974" s="67" t="s">
        <v>7127</v>
      </c>
      <c r="U2974" s="75" t="s">
        <v>5331</v>
      </c>
      <c r="V2974" s="47" t="s">
        <v>5331</v>
      </c>
      <c r="W2974" s="47" t="s">
        <v>5331</v>
      </c>
      <c r="X2974" s="47" t="s">
        <v>5331</v>
      </c>
      <c r="Y2974" s="47" t="s">
        <v>5331</v>
      </c>
      <c r="Z2974" s="28"/>
      <c r="AA2974" s="27"/>
      <c r="AB2974" s="27"/>
      <c r="AC2974" s="27"/>
      <c r="AD2974" s="30"/>
      <c r="AE2974" s="1"/>
      <c r="AF2974" s="23" t="s">
        <v>5331</v>
      </c>
      <c r="AG2974" s="26"/>
      <c r="AH2974" s="53"/>
    </row>
    <row r="2975" spans="1:34" ht="51.6" customHeight="1" x14ac:dyDescent="0.45">
      <c r="A2975" s="23">
        <v>2969</v>
      </c>
      <c r="B2975" s="25"/>
      <c r="C2975" s="25"/>
      <c r="D2975" s="29"/>
      <c r="E2975" s="1"/>
      <c r="F2975" s="1"/>
      <c r="G2975" s="25"/>
      <c r="H2975" s="71"/>
      <c r="I2975" s="83"/>
      <c r="J2975" s="50" t="str">
        <f t="shared" si="94"/>
        <v/>
      </c>
      <c r="K2975" s="23" t="s">
        <v>7120</v>
      </c>
      <c r="L2975" s="49" t="e">
        <f>VLOOKUP(E2975&amp;F2975,団体コード!$A$1:$C$1743,3,FALSE)</f>
        <v>#N/A</v>
      </c>
      <c r="M2975" s="49" t="e">
        <f>VLOOKUP(E2975&amp;F2975,団体コード!$A$1:$C$1743,2,FALSE)</f>
        <v>#N/A</v>
      </c>
      <c r="N2975" s="51" t="e">
        <f>VLOOKUP(E2975,団体コード!$E$1:$F$48,2,FALSE)</f>
        <v>#N/A</v>
      </c>
      <c r="O2975" s="51" t="e">
        <f t="shared" si="95"/>
        <v>#N/A</v>
      </c>
      <c r="P2975" s="51">
        <v>1</v>
      </c>
      <c r="Q2975" s="51" t="s">
        <v>5341</v>
      </c>
      <c r="R2975" s="54" t="b">
        <v>1</v>
      </c>
      <c r="S2975" s="52" t="s">
        <v>7126</v>
      </c>
      <c r="T2975" s="67" t="s">
        <v>7127</v>
      </c>
      <c r="U2975" s="75" t="s">
        <v>5331</v>
      </c>
      <c r="V2975" s="47" t="s">
        <v>5331</v>
      </c>
      <c r="W2975" s="47" t="s">
        <v>5331</v>
      </c>
      <c r="X2975" s="47" t="s">
        <v>5331</v>
      </c>
      <c r="Y2975" s="47" t="s">
        <v>5331</v>
      </c>
      <c r="Z2975" s="28"/>
      <c r="AA2975" s="27"/>
      <c r="AB2975" s="27"/>
      <c r="AC2975" s="27"/>
      <c r="AD2975" s="30"/>
      <c r="AE2975" s="1"/>
      <c r="AF2975" s="23" t="s">
        <v>5331</v>
      </c>
      <c r="AG2975" s="26"/>
      <c r="AH2975" s="53"/>
    </row>
    <row r="2976" spans="1:34" ht="51.6" customHeight="1" x14ac:dyDescent="0.45">
      <c r="A2976" s="23">
        <v>2970</v>
      </c>
      <c r="B2976" s="25"/>
      <c r="C2976" s="25"/>
      <c r="D2976" s="29"/>
      <c r="E2976" s="1"/>
      <c r="F2976" s="1"/>
      <c r="G2976" s="25"/>
      <c r="H2976" s="71"/>
      <c r="I2976" s="83"/>
      <c r="J2976" s="50" t="str">
        <f t="shared" si="94"/>
        <v/>
      </c>
      <c r="K2976" s="23" t="s">
        <v>7120</v>
      </c>
      <c r="L2976" s="49" t="e">
        <f>VLOOKUP(E2976&amp;F2976,団体コード!$A$1:$C$1743,3,FALSE)</f>
        <v>#N/A</v>
      </c>
      <c r="M2976" s="49" t="e">
        <f>VLOOKUP(E2976&amp;F2976,団体コード!$A$1:$C$1743,2,FALSE)</f>
        <v>#N/A</v>
      </c>
      <c r="N2976" s="51" t="e">
        <f>VLOOKUP(E2976,団体コード!$E$1:$F$48,2,FALSE)</f>
        <v>#N/A</v>
      </c>
      <c r="O2976" s="51" t="e">
        <f t="shared" si="95"/>
        <v>#N/A</v>
      </c>
      <c r="P2976" s="51">
        <v>1</v>
      </c>
      <c r="Q2976" s="51" t="s">
        <v>5341</v>
      </c>
      <c r="R2976" s="54" t="b">
        <v>1</v>
      </c>
      <c r="S2976" s="52" t="s">
        <v>7126</v>
      </c>
      <c r="T2976" s="67" t="s">
        <v>7127</v>
      </c>
      <c r="U2976" s="75" t="s">
        <v>5331</v>
      </c>
      <c r="V2976" s="47" t="s">
        <v>5331</v>
      </c>
      <c r="W2976" s="47" t="s">
        <v>5331</v>
      </c>
      <c r="X2976" s="47" t="s">
        <v>5331</v>
      </c>
      <c r="Y2976" s="47" t="s">
        <v>5331</v>
      </c>
      <c r="Z2976" s="28"/>
      <c r="AA2976" s="27"/>
      <c r="AB2976" s="27"/>
      <c r="AC2976" s="27"/>
      <c r="AD2976" s="30"/>
      <c r="AE2976" s="1"/>
      <c r="AF2976" s="23" t="s">
        <v>5331</v>
      </c>
      <c r="AG2976" s="26"/>
      <c r="AH2976" s="53"/>
    </row>
    <row r="2977" spans="1:34" ht="51.6" customHeight="1" x14ac:dyDescent="0.45">
      <c r="A2977" s="23">
        <v>2971</v>
      </c>
      <c r="B2977" s="25"/>
      <c r="C2977" s="25"/>
      <c r="D2977" s="29"/>
      <c r="E2977" s="1"/>
      <c r="F2977" s="1"/>
      <c r="G2977" s="25"/>
      <c r="H2977" s="71"/>
      <c r="I2977" s="83"/>
      <c r="J2977" s="50" t="str">
        <f t="shared" si="94"/>
        <v/>
      </c>
      <c r="K2977" s="23" t="s">
        <v>7120</v>
      </c>
      <c r="L2977" s="49" t="e">
        <f>VLOOKUP(E2977&amp;F2977,団体コード!$A$1:$C$1743,3,FALSE)</f>
        <v>#N/A</v>
      </c>
      <c r="M2977" s="49" t="e">
        <f>VLOOKUP(E2977&amp;F2977,団体コード!$A$1:$C$1743,2,FALSE)</f>
        <v>#N/A</v>
      </c>
      <c r="N2977" s="51" t="e">
        <f>VLOOKUP(E2977,団体コード!$E$1:$F$48,2,FALSE)</f>
        <v>#N/A</v>
      </c>
      <c r="O2977" s="51" t="e">
        <f t="shared" si="95"/>
        <v>#N/A</v>
      </c>
      <c r="P2977" s="51">
        <v>1</v>
      </c>
      <c r="Q2977" s="51" t="s">
        <v>5341</v>
      </c>
      <c r="R2977" s="54" t="b">
        <v>1</v>
      </c>
      <c r="S2977" s="52" t="s">
        <v>7126</v>
      </c>
      <c r="T2977" s="67" t="s">
        <v>7127</v>
      </c>
      <c r="U2977" s="75" t="s">
        <v>5331</v>
      </c>
      <c r="V2977" s="47" t="s">
        <v>5331</v>
      </c>
      <c r="W2977" s="47" t="s">
        <v>5331</v>
      </c>
      <c r="X2977" s="47" t="s">
        <v>5331</v>
      </c>
      <c r="Y2977" s="47" t="s">
        <v>5331</v>
      </c>
      <c r="Z2977" s="28"/>
      <c r="AA2977" s="27"/>
      <c r="AB2977" s="27"/>
      <c r="AC2977" s="27"/>
      <c r="AD2977" s="30"/>
      <c r="AE2977" s="1"/>
      <c r="AF2977" s="23" t="s">
        <v>5331</v>
      </c>
      <c r="AG2977" s="26"/>
      <c r="AH2977" s="53"/>
    </row>
    <row r="2978" spans="1:34" ht="51.6" customHeight="1" x14ac:dyDescent="0.45">
      <c r="A2978" s="23">
        <v>2972</v>
      </c>
      <c r="B2978" s="25"/>
      <c r="C2978" s="25"/>
      <c r="D2978" s="29"/>
      <c r="E2978" s="1"/>
      <c r="F2978" s="1"/>
      <c r="G2978" s="25"/>
      <c r="H2978" s="71"/>
      <c r="I2978" s="83"/>
      <c r="J2978" s="50" t="str">
        <f t="shared" si="94"/>
        <v/>
      </c>
      <c r="K2978" s="23" t="s">
        <v>7120</v>
      </c>
      <c r="L2978" s="49" t="e">
        <f>VLOOKUP(E2978&amp;F2978,団体コード!$A$1:$C$1743,3,FALSE)</f>
        <v>#N/A</v>
      </c>
      <c r="M2978" s="49" t="e">
        <f>VLOOKUP(E2978&amp;F2978,団体コード!$A$1:$C$1743,2,FALSE)</f>
        <v>#N/A</v>
      </c>
      <c r="N2978" s="51" t="e">
        <f>VLOOKUP(E2978,団体コード!$E$1:$F$48,2,FALSE)</f>
        <v>#N/A</v>
      </c>
      <c r="O2978" s="51" t="e">
        <f t="shared" si="95"/>
        <v>#N/A</v>
      </c>
      <c r="P2978" s="51">
        <v>1</v>
      </c>
      <c r="Q2978" s="51" t="s">
        <v>5341</v>
      </c>
      <c r="R2978" s="54" t="b">
        <v>1</v>
      </c>
      <c r="S2978" s="52" t="s">
        <v>7126</v>
      </c>
      <c r="T2978" s="67" t="s">
        <v>7127</v>
      </c>
      <c r="U2978" s="75" t="s">
        <v>5331</v>
      </c>
      <c r="V2978" s="47" t="s">
        <v>5331</v>
      </c>
      <c r="W2978" s="47" t="s">
        <v>5331</v>
      </c>
      <c r="X2978" s="47" t="s">
        <v>5331</v>
      </c>
      <c r="Y2978" s="47" t="s">
        <v>5331</v>
      </c>
      <c r="Z2978" s="28"/>
      <c r="AA2978" s="27"/>
      <c r="AB2978" s="27"/>
      <c r="AC2978" s="27"/>
      <c r="AD2978" s="30"/>
      <c r="AE2978" s="1"/>
      <c r="AF2978" s="23" t="s">
        <v>5331</v>
      </c>
      <c r="AG2978" s="26"/>
      <c r="AH2978" s="53"/>
    </row>
    <row r="2979" spans="1:34" ht="51.6" customHeight="1" x14ac:dyDescent="0.45">
      <c r="A2979" s="23">
        <v>2973</v>
      </c>
      <c r="B2979" s="25"/>
      <c r="C2979" s="25"/>
      <c r="D2979" s="29"/>
      <c r="E2979" s="1"/>
      <c r="F2979" s="1"/>
      <c r="G2979" s="25"/>
      <c r="H2979" s="71"/>
      <c r="I2979" s="83"/>
      <c r="J2979" s="50" t="str">
        <f t="shared" si="94"/>
        <v/>
      </c>
      <c r="K2979" s="23" t="s">
        <v>7120</v>
      </c>
      <c r="L2979" s="49" t="e">
        <f>VLOOKUP(E2979&amp;F2979,団体コード!$A$1:$C$1743,3,FALSE)</f>
        <v>#N/A</v>
      </c>
      <c r="M2979" s="49" t="e">
        <f>VLOOKUP(E2979&amp;F2979,団体コード!$A$1:$C$1743,2,FALSE)</f>
        <v>#N/A</v>
      </c>
      <c r="N2979" s="51" t="e">
        <f>VLOOKUP(E2979,団体コード!$E$1:$F$48,2,FALSE)</f>
        <v>#N/A</v>
      </c>
      <c r="O2979" s="51" t="e">
        <f t="shared" si="95"/>
        <v>#N/A</v>
      </c>
      <c r="P2979" s="51">
        <v>1</v>
      </c>
      <c r="Q2979" s="51" t="s">
        <v>5341</v>
      </c>
      <c r="R2979" s="54" t="b">
        <v>1</v>
      </c>
      <c r="S2979" s="52" t="s">
        <v>7126</v>
      </c>
      <c r="T2979" s="67" t="s">
        <v>7127</v>
      </c>
      <c r="U2979" s="75" t="s">
        <v>5331</v>
      </c>
      <c r="V2979" s="47" t="s">
        <v>5331</v>
      </c>
      <c r="W2979" s="47" t="s">
        <v>5331</v>
      </c>
      <c r="X2979" s="47" t="s">
        <v>5331</v>
      </c>
      <c r="Y2979" s="47" t="s">
        <v>5331</v>
      </c>
      <c r="Z2979" s="28"/>
      <c r="AA2979" s="27"/>
      <c r="AB2979" s="27"/>
      <c r="AC2979" s="27"/>
      <c r="AD2979" s="30"/>
      <c r="AE2979" s="1"/>
      <c r="AF2979" s="23" t="s">
        <v>5331</v>
      </c>
      <c r="AG2979" s="26"/>
      <c r="AH2979" s="53"/>
    </row>
    <row r="2980" spans="1:34" ht="51.6" customHeight="1" x14ac:dyDescent="0.45">
      <c r="A2980" s="23">
        <v>2974</v>
      </c>
      <c r="B2980" s="25"/>
      <c r="C2980" s="25"/>
      <c r="D2980" s="29"/>
      <c r="E2980" s="1"/>
      <c r="F2980" s="1"/>
      <c r="G2980" s="25"/>
      <c r="H2980" s="71"/>
      <c r="I2980" s="83"/>
      <c r="J2980" s="50" t="str">
        <f t="shared" si="94"/>
        <v/>
      </c>
      <c r="K2980" s="23" t="s">
        <v>7120</v>
      </c>
      <c r="L2980" s="49" t="e">
        <f>VLOOKUP(E2980&amp;F2980,団体コード!$A$1:$C$1743,3,FALSE)</f>
        <v>#N/A</v>
      </c>
      <c r="M2980" s="49" t="e">
        <f>VLOOKUP(E2980&amp;F2980,団体コード!$A$1:$C$1743,2,FALSE)</f>
        <v>#N/A</v>
      </c>
      <c r="N2980" s="51" t="e">
        <f>VLOOKUP(E2980,団体コード!$E$1:$F$48,2,FALSE)</f>
        <v>#N/A</v>
      </c>
      <c r="O2980" s="51" t="e">
        <f t="shared" si="95"/>
        <v>#N/A</v>
      </c>
      <c r="P2980" s="51">
        <v>1</v>
      </c>
      <c r="Q2980" s="51" t="s">
        <v>5341</v>
      </c>
      <c r="R2980" s="54" t="b">
        <v>1</v>
      </c>
      <c r="S2980" s="52" t="s">
        <v>7126</v>
      </c>
      <c r="T2980" s="67" t="s">
        <v>7127</v>
      </c>
      <c r="U2980" s="75" t="s">
        <v>5331</v>
      </c>
      <c r="V2980" s="47" t="s">
        <v>5331</v>
      </c>
      <c r="W2980" s="47" t="s">
        <v>5331</v>
      </c>
      <c r="X2980" s="47" t="s">
        <v>5331</v>
      </c>
      <c r="Y2980" s="47" t="s">
        <v>5331</v>
      </c>
      <c r="Z2980" s="28"/>
      <c r="AA2980" s="27"/>
      <c r="AB2980" s="27"/>
      <c r="AC2980" s="27"/>
      <c r="AD2980" s="30"/>
      <c r="AE2980" s="1"/>
      <c r="AF2980" s="23" t="s">
        <v>5331</v>
      </c>
      <c r="AG2980" s="26"/>
      <c r="AH2980" s="53"/>
    </row>
    <row r="2981" spans="1:34" ht="51.6" customHeight="1" x14ac:dyDescent="0.45">
      <c r="A2981" s="23">
        <v>2975</v>
      </c>
      <c r="B2981" s="25"/>
      <c r="C2981" s="25"/>
      <c r="D2981" s="29"/>
      <c r="E2981" s="1"/>
      <c r="F2981" s="1"/>
      <c r="G2981" s="25"/>
      <c r="H2981" s="71"/>
      <c r="I2981" s="83"/>
      <c r="J2981" s="50" t="str">
        <f t="shared" si="94"/>
        <v/>
      </c>
      <c r="K2981" s="23" t="s">
        <v>7120</v>
      </c>
      <c r="L2981" s="49" t="e">
        <f>VLOOKUP(E2981&amp;F2981,団体コード!$A$1:$C$1743,3,FALSE)</f>
        <v>#N/A</v>
      </c>
      <c r="M2981" s="49" t="e">
        <f>VLOOKUP(E2981&amp;F2981,団体コード!$A$1:$C$1743,2,FALSE)</f>
        <v>#N/A</v>
      </c>
      <c r="N2981" s="51" t="e">
        <f>VLOOKUP(E2981,団体コード!$E$1:$F$48,2,FALSE)</f>
        <v>#N/A</v>
      </c>
      <c r="O2981" s="51" t="e">
        <f t="shared" si="95"/>
        <v>#N/A</v>
      </c>
      <c r="P2981" s="51">
        <v>1</v>
      </c>
      <c r="Q2981" s="51" t="s">
        <v>5341</v>
      </c>
      <c r="R2981" s="54" t="b">
        <v>1</v>
      </c>
      <c r="S2981" s="52" t="s">
        <v>7126</v>
      </c>
      <c r="T2981" s="67" t="s">
        <v>7127</v>
      </c>
      <c r="U2981" s="75" t="s">
        <v>5331</v>
      </c>
      <c r="V2981" s="47" t="s">
        <v>5331</v>
      </c>
      <c r="W2981" s="47" t="s">
        <v>5331</v>
      </c>
      <c r="X2981" s="47" t="s">
        <v>5331</v>
      </c>
      <c r="Y2981" s="47" t="s">
        <v>5331</v>
      </c>
      <c r="Z2981" s="28"/>
      <c r="AA2981" s="27"/>
      <c r="AB2981" s="27"/>
      <c r="AC2981" s="27"/>
      <c r="AD2981" s="30"/>
      <c r="AE2981" s="1"/>
      <c r="AF2981" s="23" t="s">
        <v>5331</v>
      </c>
      <c r="AG2981" s="26"/>
      <c r="AH2981" s="53"/>
    </row>
    <row r="2982" spans="1:34" ht="51.6" customHeight="1" x14ac:dyDescent="0.45">
      <c r="A2982" s="23">
        <v>2976</v>
      </c>
      <c r="B2982" s="25"/>
      <c r="C2982" s="25"/>
      <c r="D2982" s="29"/>
      <c r="E2982" s="1"/>
      <c r="F2982" s="1"/>
      <c r="G2982" s="25"/>
      <c r="H2982" s="71"/>
      <c r="I2982" s="83"/>
      <c r="J2982" s="50" t="str">
        <f t="shared" si="94"/>
        <v/>
      </c>
      <c r="K2982" s="23" t="s">
        <v>7120</v>
      </c>
      <c r="L2982" s="49" t="e">
        <f>VLOOKUP(E2982&amp;F2982,団体コード!$A$1:$C$1743,3,FALSE)</f>
        <v>#N/A</v>
      </c>
      <c r="M2982" s="49" t="e">
        <f>VLOOKUP(E2982&amp;F2982,団体コード!$A$1:$C$1743,2,FALSE)</f>
        <v>#N/A</v>
      </c>
      <c r="N2982" s="51" t="e">
        <f>VLOOKUP(E2982,団体コード!$E$1:$F$48,2,FALSE)</f>
        <v>#N/A</v>
      </c>
      <c r="O2982" s="51" t="e">
        <f t="shared" si="95"/>
        <v>#N/A</v>
      </c>
      <c r="P2982" s="51">
        <v>1</v>
      </c>
      <c r="Q2982" s="51" t="s">
        <v>5341</v>
      </c>
      <c r="R2982" s="54" t="b">
        <v>1</v>
      </c>
      <c r="S2982" s="52" t="s">
        <v>7126</v>
      </c>
      <c r="T2982" s="67" t="s">
        <v>7127</v>
      </c>
      <c r="U2982" s="75" t="s">
        <v>5331</v>
      </c>
      <c r="V2982" s="47" t="s">
        <v>5331</v>
      </c>
      <c r="W2982" s="47" t="s">
        <v>5331</v>
      </c>
      <c r="X2982" s="47" t="s">
        <v>5331</v>
      </c>
      <c r="Y2982" s="47" t="s">
        <v>5331</v>
      </c>
      <c r="Z2982" s="28"/>
      <c r="AA2982" s="27"/>
      <c r="AB2982" s="27"/>
      <c r="AC2982" s="27"/>
      <c r="AD2982" s="30"/>
      <c r="AE2982" s="1"/>
      <c r="AF2982" s="23" t="s">
        <v>5331</v>
      </c>
      <c r="AG2982" s="26"/>
      <c r="AH2982" s="53"/>
    </row>
    <row r="2983" spans="1:34" ht="51.6" customHeight="1" x14ac:dyDescent="0.45">
      <c r="A2983" s="23">
        <v>2977</v>
      </c>
      <c r="B2983" s="25"/>
      <c r="C2983" s="25"/>
      <c r="D2983" s="29"/>
      <c r="E2983" s="1"/>
      <c r="F2983" s="1"/>
      <c r="G2983" s="25"/>
      <c r="H2983" s="71"/>
      <c r="I2983" s="83"/>
      <c r="J2983" s="50" t="str">
        <f t="shared" si="94"/>
        <v/>
      </c>
      <c r="K2983" s="23" t="s">
        <v>7120</v>
      </c>
      <c r="L2983" s="49" t="e">
        <f>VLOOKUP(E2983&amp;F2983,団体コード!$A$1:$C$1743,3,FALSE)</f>
        <v>#N/A</v>
      </c>
      <c r="M2983" s="49" t="e">
        <f>VLOOKUP(E2983&amp;F2983,団体コード!$A$1:$C$1743,2,FALSE)</f>
        <v>#N/A</v>
      </c>
      <c r="N2983" s="51" t="e">
        <f>VLOOKUP(E2983,団体コード!$E$1:$F$48,2,FALSE)</f>
        <v>#N/A</v>
      </c>
      <c r="O2983" s="51" t="e">
        <f t="shared" si="95"/>
        <v>#N/A</v>
      </c>
      <c r="P2983" s="51">
        <v>1</v>
      </c>
      <c r="Q2983" s="51" t="s">
        <v>5341</v>
      </c>
      <c r="R2983" s="54" t="b">
        <v>1</v>
      </c>
      <c r="S2983" s="52" t="s">
        <v>7126</v>
      </c>
      <c r="T2983" s="67" t="s">
        <v>7127</v>
      </c>
      <c r="U2983" s="75" t="s">
        <v>5331</v>
      </c>
      <c r="V2983" s="47" t="s">
        <v>5331</v>
      </c>
      <c r="W2983" s="47" t="s">
        <v>5331</v>
      </c>
      <c r="X2983" s="47" t="s">
        <v>5331</v>
      </c>
      <c r="Y2983" s="47" t="s">
        <v>5331</v>
      </c>
      <c r="Z2983" s="28"/>
      <c r="AA2983" s="27"/>
      <c r="AB2983" s="27"/>
      <c r="AC2983" s="27"/>
      <c r="AD2983" s="30"/>
      <c r="AE2983" s="1"/>
      <c r="AF2983" s="23" t="s">
        <v>5331</v>
      </c>
      <c r="AG2983" s="26"/>
      <c r="AH2983" s="53"/>
    </row>
    <row r="2984" spans="1:34" ht="51.6" customHeight="1" x14ac:dyDescent="0.45">
      <c r="A2984" s="23">
        <v>2978</v>
      </c>
      <c r="B2984" s="25"/>
      <c r="C2984" s="25"/>
      <c r="D2984" s="29"/>
      <c r="E2984" s="1"/>
      <c r="F2984" s="1"/>
      <c r="G2984" s="25"/>
      <c r="H2984" s="71"/>
      <c r="I2984" s="83"/>
      <c r="J2984" s="50" t="str">
        <f t="shared" si="94"/>
        <v/>
      </c>
      <c r="K2984" s="23" t="s">
        <v>7120</v>
      </c>
      <c r="L2984" s="49" t="e">
        <f>VLOOKUP(E2984&amp;F2984,団体コード!$A$1:$C$1743,3,FALSE)</f>
        <v>#N/A</v>
      </c>
      <c r="M2984" s="49" t="e">
        <f>VLOOKUP(E2984&amp;F2984,団体コード!$A$1:$C$1743,2,FALSE)</f>
        <v>#N/A</v>
      </c>
      <c r="N2984" s="51" t="e">
        <f>VLOOKUP(E2984,団体コード!$E$1:$F$48,2,FALSE)</f>
        <v>#N/A</v>
      </c>
      <c r="O2984" s="51" t="e">
        <f t="shared" si="95"/>
        <v>#N/A</v>
      </c>
      <c r="P2984" s="51">
        <v>1</v>
      </c>
      <c r="Q2984" s="51" t="s">
        <v>5341</v>
      </c>
      <c r="R2984" s="54" t="b">
        <v>1</v>
      </c>
      <c r="S2984" s="52" t="s">
        <v>7126</v>
      </c>
      <c r="T2984" s="67" t="s">
        <v>7127</v>
      </c>
      <c r="U2984" s="75" t="s">
        <v>5331</v>
      </c>
      <c r="V2984" s="47" t="s">
        <v>5331</v>
      </c>
      <c r="W2984" s="47" t="s">
        <v>5331</v>
      </c>
      <c r="X2984" s="47" t="s">
        <v>5331</v>
      </c>
      <c r="Y2984" s="47" t="s">
        <v>5331</v>
      </c>
      <c r="Z2984" s="28"/>
      <c r="AA2984" s="27"/>
      <c r="AB2984" s="27"/>
      <c r="AC2984" s="27"/>
      <c r="AD2984" s="30"/>
      <c r="AE2984" s="1"/>
      <c r="AF2984" s="23" t="s">
        <v>5331</v>
      </c>
      <c r="AG2984" s="26"/>
      <c r="AH2984" s="53"/>
    </row>
    <row r="2985" spans="1:34" ht="51.6" customHeight="1" x14ac:dyDescent="0.45">
      <c r="A2985" s="23">
        <v>2979</v>
      </c>
      <c r="B2985" s="25"/>
      <c r="C2985" s="25"/>
      <c r="D2985" s="29"/>
      <c r="E2985" s="1"/>
      <c r="F2985" s="1"/>
      <c r="G2985" s="25"/>
      <c r="H2985" s="71"/>
      <c r="I2985" s="83"/>
      <c r="J2985" s="50" t="str">
        <f t="shared" si="94"/>
        <v/>
      </c>
      <c r="K2985" s="23" t="s">
        <v>7120</v>
      </c>
      <c r="L2985" s="49" t="e">
        <f>VLOOKUP(E2985&amp;F2985,団体コード!$A$1:$C$1743,3,FALSE)</f>
        <v>#N/A</v>
      </c>
      <c r="M2985" s="49" t="e">
        <f>VLOOKUP(E2985&amp;F2985,団体コード!$A$1:$C$1743,2,FALSE)</f>
        <v>#N/A</v>
      </c>
      <c r="N2985" s="51" t="e">
        <f>VLOOKUP(E2985,団体コード!$E$1:$F$48,2,FALSE)</f>
        <v>#N/A</v>
      </c>
      <c r="O2985" s="51" t="e">
        <f t="shared" si="95"/>
        <v>#N/A</v>
      </c>
      <c r="P2985" s="51">
        <v>1</v>
      </c>
      <c r="Q2985" s="51" t="s">
        <v>5341</v>
      </c>
      <c r="R2985" s="54" t="b">
        <v>1</v>
      </c>
      <c r="S2985" s="52" t="s">
        <v>7126</v>
      </c>
      <c r="T2985" s="67" t="s">
        <v>7127</v>
      </c>
      <c r="U2985" s="75" t="s">
        <v>5331</v>
      </c>
      <c r="V2985" s="47" t="s">
        <v>5331</v>
      </c>
      <c r="W2985" s="47" t="s">
        <v>5331</v>
      </c>
      <c r="X2985" s="47" t="s">
        <v>5331</v>
      </c>
      <c r="Y2985" s="47" t="s">
        <v>5331</v>
      </c>
      <c r="Z2985" s="28"/>
      <c r="AA2985" s="27"/>
      <c r="AB2985" s="27"/>
      <c r="AC2985" s="27"/>
      <c r="AD2985" s="30"/>
      <c r="AE2985" s="1"/>
      <c r="AF2985" s="23" t="s">
        <v>5331</v>
      </c>
      <c r="AG2985" s="26"/>
      <c r="AH2985" s="53"/>
    </row>
    <row r="2986" spans="1:34" ht="51.6" customHeight="1" x14ac:dyDescent="0.45">
      <c r="A2986" s="23">
        <v>2980</v>
      </c>
      <c r="B2986" s="25"/>
      <c r="C2986" s="25"/>
      <c r="D2986" s="29"/>
      <c r="E2986" s="1"/>
      <c r="F2986" s="1"/>
      <c r="G2986" s="25"/>
      <c r="H2986" s="71"/>
      <c r="I2986" s="83"/>
      <c r="J2986" s="50" t="str">
        <f t="shared" si="94"/>
        <v/>
      </c>
      <c r="K2986" s="23" t="s">
        <v>7120</v>
      </c>
      <c r="L2986" s="49" t="e">
        <f>VLOOKUP(E2986&amp;F2986,団体コード!$A$1:$C$1743,3,FALSE)</f>
        <v>#N/A</v>
      </c>
      <c r="M2986" s="49" t="e">
        <f>VLOOKUP(E2986&amp;F2986,団体コード!$A$1:$C$1743,2,FALSE)</f>
        <v>#N/A</v>
      </c>
      <c r="N2986" s="51" t="e">
        <f>VLOOKUP(E2986,団体コード!$E$1:$F$48,2,FALSE)</f>
        <v>#N/A</v>
      </c>
      <c r="O2986" s="51" t="e">
        <f t="shared" si="95"/>
        <v>#N/A</v>
      </c>
      <c r="P2986" s="51">
        <v>1</v>
      </c>
      <c r="Q2986" s="51" t="s">
        <v>5341</v>
      </c>
      <c r="R2986" s="54" t="b">
        <v>1</v>
      </c>
      <c r="S2986" s="52" t="s">
        <v>7126</v>
      </c>
      <c r="T2986" s="67" t="s">
        <v>7127</v>
      </c>
      <c r="U2986" s="75" t="s">
        <v>5331</v>
      </c>
      <c r="V2986" s="47" t="s">
        <v>5331</v>
      </c>
      <c r="W2986" s="47" t="s">
        <v>5331</v>
      </c>
      <c r="X2986" s="47" t="s">
        <v>5331</v>
      </c>
      <c r="Y2986" s="47" t="s">
        <v>5331</v>
      </c>
      <c r="Z2986" s="28"/>
      <c r="AA2986" s="27"/>
      <c r="AB2986" s="27"/>
      <c r="AC2986" s="27"/>
      <c r="AD2986" s="30"/>
      <c r="AE2986" s="1"/>
      <c r="AF2986" s="23" t="s">
        <v>5331</v>
      </c>
      <c r="AG2986" s="26"/>
      <c r="AH2986" s="53"/>
    </row>
    <row r="2987" spans="1:34" ht="51.6" customHeight="1" x14ac:dyDescent="0.45">
      <c r="A2987" s="23">
        <v>2981</v>
      </c>
      <c r="B2987" s="25"/>
      <c r="C2987" s="25"/>
      <c r="D2987" s="29"/>
      <c r="E2987" s="1"/>
      <c r="F2987" s="1"/>
      <c r="G2987" s="25"/>
      <c r="H2987" s="71"/>
      <c r="I2987" s="83"/>
      <c r="J2987" s="50" t="str">
        <f t="shared" si="94"/>
        <v/>
      </c>
      <c r="K2987" s="23" t="s">
        <v>7120</v>
      </c>
      <c r="L2987" s="49" t="e">
        <f>VLOOKUP(E2987&amp;F2987,団体コード!$A$1:$C$1743,3,FALSE)</f>
        <v>#N/A</v>
      </c>
      <c r="M2987" s="49" t="e">
        <f>VLOOKUP(E2987&amp;F2987,団体コード!$A$1:$C$1743,2,FALSE)</f>
        <v>#N/A</v>
      </c>
      <c r="N2987" s="51" t="e">
        <f>VLOOKUP(E2987,団体コード!$E$1:$F$48,2,FALSE)</f>
        <v>#N/A</v>
      </c>
      <c r="O2987" s="51" t="e">
        <f t="shared" si="95"/>
        <v>#N/A</v>
      </c>
      <c r="P2987" s="51">
        <v>1</v>
      </c>
      <c r="Q2987" s="51" t="s">
        <v>5341</v>
      </c>
      <c r="R2987" s="54" t="b">
        <v>1</v>
      </c>
      <c r="S2987" s="52" t="s">
        <v>7126</v>
      </c>
      <c r="T2987" s="67" t="s">
        <v>7127</v>
      </c>
      <c r="U2987" s="75" t="s">
        <v>5331</v>
      </c>
      <c r="V2987" s="47" t="s">
        <v>5331</v>
      </c>
      <c r="W2987" s="47" t="s">
        <v>5331</v>
      </c>
      <c r="X2987" s="47" t="s">
        <v>5331</v>
      </c>
      <c r="Y2987" s="47" t="s">
        <v>5331</v>
      </c>
      <c r="Z2987" s="28"/>
      <c r="AA2987" s="27"/>
      <c r="AB2987" s="27"/>
      <c r="AC2987" s="27"/>
      <c r="AD2987" s="30"/>
      <c r="AE2987" s="1"/>
      <c r="AF2987" s="23" t="s">
        <v>5331</v>
      </c>
      <c r="AG2987" s="26"/>
      <c r="AH2987" s="53"/>
    </row>
    <row r="2988" spans="1:34" ht="51.6" customHeight="1" x14ac:dyDescent="0.45">
      <c r="A2988" s="23">
        <v>2982</v>
      </c>
      <c r="B2988" s="25"/>
      <c r="C2988" s="25"/>
      <c r="D2988" s="29"/>
      <c r="E2988" s="1"/>
      <c r="F2988" s="1"/>
      <c r="G2988" s="25"/>
      <c r="H2988" s="71"/>
      <c r="I2988" s="83"/>
      <c r="J2988" s="50" t="str">
        <f t="shared" si="94"/>
        <v/>
      </c>
      <c r="K2988" s="23" t="s">
        <v>7120</v>
      </c>
      <c r="L2988" s="49" t="e">
        <f>VLOOKUP(E2988&amp;F2988,団体コード!$A$1:$C$1743,3,FALSE)</f>
        <v>#N/A</v>
      </c>
      <c r="M2988" s="49" t="e">
        <f>VLOOKUP(E2988&amp;F2988,団体コード!$A$1:$C$1743,2,FALSE)</f>
        <v>#N/A</v>
      </c>
      <c r="N2988" s="51" t="e">
        <f>VLOOKUP(E2988,団体コード!$E$1:$F$48,2,FALSE)</f>
        <v>#N/A</v>
      </c>
      <c r="O2988" s="51" t="e">
        <f t="shared" si="95"/>
        <v>#N/A</v>
      </c>
      <c r="P2988" s="51">
        <v>1</v>
      </c>
      <c r="Q2988" s="51" t="s">
        <v>5341</v>
      </c>
      <c r="R2988" s="54" t="b">
        <v>1</v>
      </c>
      <c r="S2988" s="52" t="s">
        <v>7126</v>
      </c>
      <c r="T2988" s="67" t="s">
        <v>7127</v>
      </c>
      <c r="U2988" s="75" t="s">
        <v>5331</v>
      </c>
      <c r="V2988" s="47" t="s">
        <v>5331</v>
      </c>
      <c r="W2988" s="47" t="s">
        <v>5331</v>
      </c>
      <c r="X2988" s="47" t="s">
        <v>5331</v>
      </c>
      <c r="Y2988" s="47" t="s">
        <v>5331</v>
      </c>
      <c r="Z2988" s="28"/>
      <c r="AA2988" s="27"/>
      <c r="AB2988" s="27"/>
      <c r="AC2988" s="27"/>
      <c r="AD2988" s="30"/>
      <c r="AE2988" s="1"/>
      <c r="AF2988" s="23" t="s">
        <v>5331</v>
      </c>
      <c r="AG2988" s="26"/>
      <c r="AH2988" s="53"/>
    </row>
    <row r="2989" spans="1:34" ht="51.6" customHeight="1" x14ac:dyDescent="0.45">
      <c r="A2989" s="23">
        <v>2983</v>
      </c>
      <c r="B2989" s="25"/>
      <c r="C2989" s="25"/>
      <c r="D2989" s="29"/>
      <c r="E2989" s="1"/>
      <c r="F2989" s="1"/>
      <c r="G2989" s="25"/>
      <c r="H2989" s="71"/>
      <c r="I2989" s="83"/>
      <c r="J2989" s="50" t="str">
        <f t="shared" si="94"/>
        <v/>
      </c>
      <c r="K2989" s="23" t="s">
        <v>7120</v>
      </c>
      <c r="L2989" s="49" t="e">
        <f>VLOOKUP(E2989&amp;F2989,団体コード!$A$1:$C$1743,3,FALSE)</f>
        <v>#N/A</v>
      </c>
      <c r="M2989" s="49" t="e">
        <f>VLOOKUP(E2989&amp;F2989,団体コード!$A$1:$C$1743,2,FALSE)</f>
        <v>#N/A</v>
      </c>
      <c r="N2989" s="51" t="e">
        <f>VLOOKUP(E2989,団体コード!$E$1:$F$48,2,FALSE)</f>
        <v>#N/A</v>
      </c>
      <c r="O2989" s="51" t="e">
        <f t="shared" si="95"/>
        <v>#N/A</v>
      </c>
      <c r="P2989" s="51">
        <v>1</v>
      </c>
      <c r="Q2989" s="51" t="s">
        <v>5341</v>
      </c>
      <c r="R2989" s="54" t="b">
        <v>1</v>
      </c>
      <c r="S2989" s="52" t="s">
        <v>7126</v>
      </c>
      <c r="T2989" s="67" t="s">
        <v>7127</v>
      </c>
      <c r="U2989" s="75" t="s">
        <v>5331</v>
      </c>
      <c r="V2989" s="47" t="s">
        <v>5331</v>
      </c>
      <c r="W2989" s="47" t="s">
        <v>5331</v>
      </c>
      <c r="X2989" s="47" t="s">
        <v>5331</v>
      </c>
      <c r="Y2989" s="47" t="s">
        <v>5331</v>
      </c>
      <c r="Z2989" s="28"/>
      <c r="AA2989" s="27"/>
      <c r="AB2989" s="27"/>
      <c r="AC2989" s="27"/>
      <c r="AD2989" s="30"/>
      <c r="AE2989" s="1"/>
      <c r="AF2989" s="23" t="s">
        <v>5331</v>
      </c>
      <c r="AG2989" s="26"/>
      <c r="AH2989" s="53"/>
    </row>
    <row r="2990" spans="1:34" ht="51.6" customHeight="1" x14ac:dyDescent="0.45">
      <c r="A2990" s="23">
        <v>2984</v>
      </c>
      <c r="B2990" s="25"/>
      <c r="C2990" s="25"/>
      <c r="D2990" s="29"/>
      <c r="E2990" s="1"/>
      <c r="F2990" s="1"/>
      <c r="G2990" s="25"/>
      <c r="H2990" s="71"/>
      <c r="I2990" s="83"/>
      <c r="J2990" s="50" t="str">
        <f t="shared" si="94"/>
        <v/>
      </c>
      <c r="K2990" s="23" t="s">
        <v>7120</v>
      </c>
      <c r="L2990" s="49" t="e">
        <f>VLOOKUP(E2990&amp;F2990,団体コード!$A$1:$C$1743,3,FALSE)</f>
        <v>#N/A</v>
      </c>
      <c r="M2990" s="49" t="e">
        <f>VLOOKUP(E2990&amp;F2990,団体コード!$A$1:$C$1743,2,FALSE)</f>
        <v>#N/A</v>
      </c>
      <c r="N2990" s="51" t="e">
        <f>VLOOKUP(E2990,団体コード!$E$1:$F$48,2,FALSE)</f>
        <v>#N/A</v>
      </c>
      <c r="O2990" s="51" t="e">
        <f t="shared" si="95"/>
        <v>#N/A</v>
      </c>
      <c r="P2990" s="51">
        <v>1</v>
      </c>
      <c r="Q2990" s="51" t="s">
        <v>5341</v>
      </c>
      <c r="R2990" s="54" t="b">
        <v>1</v>
      </c>
      <c r="S2990" s="52" t="s">
        <v>7126</v>
      </c>
      <c r="T2990" s="67" t="s">
        <v>7127</v>
      </c>
      <c r="U2990" s="75" t="s">
        <v>5331</v>
      </c>
      <c r="V2990" s="47" t="s">
        <v>5331</v>
      </c>
      <c r="W2990" s="47" t="s">
        <v>5331</v>
      </c>
      <c r="X2990" s="47" t="s">
        <v>5331</v>
      </c>
      <c r="Y2990" s="47" t="s">
        <v>5331</v>
      </c>
      <c r="Z2990" s="28"/>
      <c r="AA2990" s="27"/>
      <c r="AB2990" s="27"/>
      <c r="AC2990" s="27"/>
      <c r="AD2990" s="30"/>
      <c r="AE2990" s="1"/>
      <c r="AF2990" s="23" t="s">
        <v>5331</v>
      </c>
      <c r="AG2990" s="26"/>
      <c r="AH2990" s="53"/>
    </row>
    <row r="2991" spans="1:34" ht="51.6" customHeight="1" x14ac:dyDescent="0.45">
      <c r="A2991" s="23">
        <v>2985</v>
      </c>
      <c r="B2991" s="25"/>
      <c r="C2991" s="25"/>
      <c r="D2991" s="29"/>
      <c r="E2991" s="1"/>
      <c r="F2991" s="1"/>
      <c r="G2991" s="25"/>
      <c r="H2991" s="71"/>
      <c r="I2991" s="83"/>
      <c r="J2991" s="50" t="str">
        <f t="shared" si="94"/>
        <v/>
      </c>
      <c r="K2991" s="23" t="s">
        <v>7120</v>
      </c>
      <c r="L2991" s="49" t="e">
        <f>VLOOKUP(E2991&amp;F2991,団体コード!$A$1:$C$1743,3,FALSE)</f>
        <v>#N/A</v>
      </c>
      <c r="M2991" s="49" t="e">
        <f>VLOOKUP(E2991&amp;F2991,団体コード!$A$1:$C$1743,2,FALSE)</f>
        <v>#N/A</v>
      </c>
      <c r="N2991" s="51" t="e">
        <f>VLOOKUP(E2991,団体コード!$E$1:$F$48,2,FALSE)</f>
        <v>#N/A</v>
      </c>
      <c r="O2991" s="51" t="e">
        <f t="shared" si="95"/>
        <v>#N/A</v>
      </c>
      <c r="P2991" s="51">
        <v>1</v>
      </c>
      <c r="Q2991" s="51" t="s">
        <v>5341</v>
      </c>
      <c r="R2991" s="54" t="b">
        <v>1</v>
      </c>
      <c r="S2991" s="52" t="s">
        <v>7126</v>
      </c>
      <c r="T2991" s="67" t="s">
        <v>7127</v>
      </c>
      <c r="U2991" s="75" t="s">
        <v>5331</v>
      </c>
      <c r="V2991" s="47" t="s">
        <v>5331</v>
      </c>
      <c r="W2991" s="47" t="s">
        <v>5331</v>
      </c>
      <c r="X2991" s="47" t="s">
        <v>5331</v>
      </c>
      <c r="Y2991" s="47" t="s">
        <v>5331</v>
      </c>
      <c r="Z2991" s="28"/>
      <c r="AA2991" s="27"/>
      <c r="AB2991" s="27"/>
      <c r="AC2991" s="27"/>
      <c r="AD2991" s="30"/>
      <c r="AE2991" s="1"/>
      <c r="AF2991" s="23" t="s">
        <v>5331</v>
      </c>
      <c r="AG2991" s="26"/>
      <c r="AH2991" s="53"/>
    </row>
    <row r="2992" spans="1:34" ht="51.6" customHeight="1" x14ac:dyDescent="0.45">
      <c r="A2992" s="23">
        <v>2986</v>
      </c>
      <c r="B2992" s="25"/>
      <c r="C2992" s="25"/>
      <c r="D2992" s="29"/>
      <c r="E2992" s="1"/>
      <c r="F2992" s="1"/>
      <c r="G2992" s="25"/>
      <c r="H2992" s="71"/>
      <c r="I2992" s="83"/>
      <c r="J2992" s="50" t="str">
        <f t="shared" si="94"/>
        <v/>
      </c>
      <c r="K2992" s="23" t="s">
        <v>7120</v>
      </c>
      <c r="L2992" s="49" t="e">
        <f>VLOOKUP(E2992&amp;F2992,団体コード!$A$1:$C$1743,3,FALSE)</f>
        <v>#N/A</v>
      </c>
      <c r="M2992" s="49" t="e">
        <f>VLOOKUP(E2992&amp;F2992,団体コード!$A$1:$C$1743,2,FALSE)</f>
        <v>#N/A</v>
      </c>
      <c r="N2992" s="51" t="e">
        <f>VLOOKUP(E2992,団体コード!$E$1:$F$48,2,FALSE)</f>
        <v>#N/A</v>
      </c>
      <c r="O2992" s="51" t="e">
        <f t="shared" si="95"/>
        <v>#N/A</v>
      </c>
      <c r="P2992" s="51">
        <v>1</v>
      </c>
      <c r="Q2992" s="51" t="s">
        <v>5341</v>
      </c>
      <c r="R2992" s="54" t="b">
        <v>1</v>
      </c>
      <c r="S2992" s="52" t="s">
        <v>7126</v>
      </c>
      <c r="T2992" s="67" t="s">
        <v>7127</v>
      </c>
      <c r="U2992" s="75" t="s">
        <v>5331</v>
      </c>
      <c r="V2992" s="47" t="s">
        <v>5331</v>
      </c>
      <c r="W2992" s="47" t="s">
        <v>5331</v>
      </c>
      <c r="X2992" s="47" t="s">
        <v>5331</v>
      </c>
      <c r="Y2992" s="47" t="s">
        <v>5331</v>
      </c>
      <c r="Z2992" s="28"/>
      <c r="AA2992" s="27"/>
      <c r="AB2992" s="27"/>
      <c r="AC2992" s="27"/>
      <c r="AD2992" s="30"/>
      <c r="AE2992" s="1"/>
      <c r="AF2992" s="23" t="s">
        <v>5331</v>
      </c>
      <c r="AG2992" s="26"/>
      <c r="AH2992" s="53"/>
    </row>
    <row r="2993" spans="1:34" ht="51.6" customHeight="1" x14ac:dyDescent="0.45">
      <c r="A2993" s="23">
        <v>2987</v>
      </c>
      <c r="B2993" s="25"/>
      <c r="C2993" s="25"/>
      <c r="D2993" s="29"/>
      <c r="E2993" s="1"/>
      <c r="F2993" s="1"/>
      <c r="G2993" s="25"/>
      <c r="H2993" s="71"/>
      <c r="I2993" s="83"/>
      <c r="J2993" s="50" t="str">
        <f t="shared" si="94"/>
        <v/>
      </c>
      <c r="K2993" s="23" t="s">
        <v>7120</v>
      </c>
      <c r="L2993" s="49" t="e">
        <f>VLOOKUP(E2993&amp;F2993,団体コード!$A$1:$C$1743,3,FALSE)</f>
        <v>#N/A</v>
      </c>
      <c r="M2993" s="49" t="e">
        <f>VLOOKUP(E2993&amp;F2993,団体コード!$A$1:$C$1743,2,FALSE)</f>
        <v>#N/A</v>
      </c>
      <c r="N2993" s="51" t="e">
        <f>VLOOKUP(E2993,団体コード!$E$1:$F$48,2,FALSE)</f>
        <v>#N/A</v>
      </c>
      <c r="O2993" s="51" t="e">
        <f t="shared" si="95"/>
        <v>#N/A</v>
      </c>
      <c r="P2993" s="51">
        <v>1</v>
      </c>
      <c r="Q2993" s="51" t="s">
        <v>5341</v>
      </c>
      <c r="R2993" s="54" t="b">
        <v>1</v>
      </c>
      <c r="S2993" s="52" t="s">
        <v>7126</v>
      </c>
      <c r="T2993" s="67" t="s">
        <v>7127</v>
      </c>
      <c r="U2993" s="75" t="s">
        <v>5331</v>
      </c>
      <c r="V2993" s="47" t="s">
        <v>5331</v>
      </c>
      <c r="W2993" s="47" t="s">
        <v>5331</v>
      </c>
      <c r="X2993" s="47" t="s">
        <v>5331</v>
      </c>
      <c r="Y2993" s="47" t="s">
        <v>5331</v>
      </c>
      <c r="Z2993" s="28"/>
      <c r="AA2993" s="27"/>
      <c r="AB2993" s="27"/>
      <c r="AC2993" s="27"/>
      <c r="AD2993" s="30"/>
      <c r="AE2993" s="1"/>
      <c r="AF2993" s="23" t="s">
        <v>5331</v>
      </c>
      <c r="AG2993" s="26"/>
      <c r="AH2993" s="53"/>
    </row>
    <row r="2994" spans="1:34" ht="51.6" customHeight="1" x14ac:dyDescent="0.45">
      <c r="A2994" s="23">
        <v>2988</v>
      </c>
      <c r="B2994" s="25"/>
      <c r="C2994" s="25"/>
      <c r="D2994" s="29"/>
      <c r="E2994" s="1"/>
      <c r="F2994" s="1"/>
      <c r="G2994" s="25"/>
      <c r="H2994" s="71"/>
      <c r="I2994" s="83"/>
      <c r="J2994" s="50" t="str">
        <f t="shared" si="94"/>
        <v/>
      </c>
      <c r="K2994" s="23" t="s">
        <v>7120</v>
      </c>
      <c r="L2994" s="49" t="e">
        <f>VLOOKUP(E2994&amp;F2994,団体コード!$A$1:$C$1743,3,FALSE)</f>
        <v>#N/A</v>
      </c>
      <c r="M2994" s="49" t="e">
        <f>VLOOKUP(E2994&amp;F2994,団体コード!$A$1:$C$1743,2,FALSE)</f>
        <v>#N/A</v>
      </c>
      <c r="N2994" s="51" t="e">
        <f>VLOOKUP(E2994,団体コード!$E$1:$F$48,2,FALSE)</f>
        <v>#N/A</v>
      </c>
      <c r="O2994" s="51" t="e">
        <f t="shared" si="95"/>
        <v>#N/A</v>
      </c>
      <c r="P2994" s="51">
        <v>1</v>
      </c>
      <c r="Q2994" s="51" t="s">
        <v>5341</v>
      </c>
      <c r="R2994" s="54" t="b">
        <v>1</v>
      </c>
      <c r="S2994" s="52" t="s">
        <v>7126</v>
      </c>
      <c r="T2994" s="67" t="s">
        <v>7127</v>
      </c>
      <c r="U2994" s="75" t="s">
        <v>5331</v>
      </c>
      <c r="V2994" s="47" t="s">
        <v>5331</v>
      </c>
      <c r="W2994" s="47" t="s">
        <v>5331</v>
      </c>
      <c r="X2994" s="47" t="s">
        <v>5331</v>
      </c>
      <c r="Y2994" s="47" t="s">
        <v>5331</v>
      </c>
      <c r="Z2994" s="28"/>
      <c r="AA2994" s="27"/>
      <c r="AB2994" s="27"/>
      <c r="AC2994" s="27"/>
      <c r="AD2994" s="30"/>
      <c r="AE2994" s="1"/>
      <c r="AF2994" s="23" t="s">
        <v>5331</v>
      </c>
      <c r="AG2994" s="26"/>
      <c r="AH2994" s="53"/>
    </row>
    <row r="2995" spans="1:34" ht="51.6" customHeight="1" x14ac:dyDescent="0.45">
      <c r="A2995" s="23">
        <v>2989</v>
      </c>
      <c r="B2995" s="25"/>
      <c r="C2995" s="25"/>
      <c r="D2995" s="29"/>
      <c r="E2995" s="1"/>
      <c r="F2995" s="1"/>
      <c r="G2995" s="25"/>
      <c r="H2995" s="71"/>
      <c r="I2995" s="83"/>
      <c r="J2995" s="50" t="str">
        <f t="shared" si="94"/>
        <v/>
      </c>
      <c r="K2995" s="23" t="s">
        <v>7120</v>
      </c>
      <c r="L2995" s="49" t="e">
        <f>VLOOKUP(E2995&amp;F2995,団体コード!$A$1:$C$1743,3,FALSE)</f>
        <v>#N/A</v>
      </c>
      <c r="M2995" s="49" t="e">
        <f>VLOOKUP(E2995&amp;F2995,団体コード!$A$1:$C$1743,2,FALSE)</f>
        <v>#N/A</v>
      </c>
      <c r="N2995" s="51" t="e">
        <f>VLOOKUP(E2995,団体コード!$E$1:$F$48,2,FALSE)</f>
        <v>#N/A</v>
      </c>
      <c r="O2995" s="51" t="e">
        <f t="shared" si="95"/>
        <v>#N/A</v>
      </c>
      <c r="P2995" s="51">
        <v>1</v>
      </c>
      <c r="Q2995" s="51" t="s">
        <v>5341</v>
      </c>
      <c r="R2995" s="54" t="b">
        <v>1</v>
      </c>
      <c r="S2995" s="52" t="s">
        <v>7126</v>
      </c>
      <c r="T2995" s="67" t="s">
        <v>7127</v>
      </c>
      <c r="U2995" s="75" t="s">
        <v>5331</v>
      </c>
      <c r="V2995" s="47" t="s">
        <v>5331</v>
      </c>
      <c r="W2995" s="47" t="s">
        <v>5331</v>
      </c>
      <c r="X2995" s="47" t="s">
        <v>5331</v>
      </c>
      <c r="Y2995" s="47" t="s">
        <v>5331</v>
      </c>
      <c r="Z2995" s="28"/>
      <c r="AA2995" s="27"/>
      <c r="AB2995" s="27"/>
      <c r="AC2995" s="27"/>
      <c r="AD2995" s="30"/>
      <c r="AE2995" s="1"/>
      <c r="AF2995" s="23" t="s">
        <v>5331</v>
      </c>
      <c r="AG2995" s="26"/>
      <c r="AH2995" s="53"/>
    </row>
    <row r="2996" spans="1:34" ht="51.6" customHeight="1" x14ac:dyDescent="0.45">
      <c r="A2996" s="23">
        <v>2990</v>
      </c>
      <c r="B2996" s="25"/>
      <c r="C2996" s="25"/>
      <c r="D2996" s="29"/>
      <c r="E2996" s="1"/>
      <c r="F2996" s="1"/>
      <c r="G2996" s="25"/>
      <c r="H2996" s="71"/>
      <c r="I2996" s="83"/>
      <c r="J2996" s="50" t="str">
        <f t="shared" si="94"/>
        <v/>
      </c>
      <c r="K2996" s="23" t="s">
        <v>7120</v>
      </c>
      <c r="L2996" s="49" t="e">
        <f>VLOOKUP(E2996&amp;F2996,団体コード!$A$1:$C$1743,3,FALSE)</f>
        <v>#N/A</v>
      </c>
      <c r="M2996" s="49" t="e">
        <f>VLOOKUP(E2996&amp;F2996,団体コード!$A$1:$C$1743,2,FALSE)</f>
        <v>#N/A</v>
      </c>
      <c r="N2996" s="51" t="e">
        <f>VLOOKUP(E2996,団体コード!$E$1:$F$48,2,FALSE)</f>
        <v>#N/A</v>
      </c>
      <c r="O2996" s="51" t="e">
        <f t="shared" si="95"/>
        <v>#N/A</v>
      </c>
      <c r="P2996" s="51">
        <v>1</v>
      </c>
      <c r="Q2996" s="51" t="s">
        <v>5341</v>
      </c>
      <c r="R2996" s="54" t="b">
        <v>1</v>
      </c>
      <c r="S2996" s="52" t="s">
        <v>7126</v>
      </c>
      <c r="T2996" s="67" t="s">
        <v>7127</v>
      </c>
      <c r="U2996" s="75" t="s">
        <v>5331</v>
      </c>
      <c r="V2996" s="47" t="s">
        <v>5331</v>
      </c>
      <c r="W2996" s="47" t="s">
        <v>5331</v>
      </c>
      <c r="X2996" s="47" t="s">
        <v>5331</v>
      </c>
      <c r="Y2996" s="47" t="s">
        <v>5331</v>
      </c>
      <c r="Z2996" s="28"/>
      <c r="AA2996" s="27"/>
      <c r="AB2996" s="27"/>
      <c r="AC2996" s="27"/>
      <c r="AD2996" s="30"/>
      <c r="AE2996" s="1"/>
      <c r="AF2996" s="23" t="s">
        <v>5331</v>
      </c>
      <c r="AG2996" s="26"/>
      <c r="AH2996" s="53"/>
    </row>
    <row r="2997" spans="1:34" ht="51.6" customHeight="1" x14ac:dyDescent="0.45">
      <c r="A2997" s="23">
        <v>2991</v>
      </c>
      <c r="B2997" s="25"/>
      <c r="C2997" s="25"/>
      <c r="D2997" s="29"/>
      <c r="E2997" s="1"/>
      <c r="F2997" s="1"/>
      <c r="G2997" s="25"/>
      <c r="H2997" s="71"/>
      <c r="I2997" s="83"/>
      <c r="J2997" s="50" t="str">
        <f t="shared" si="94"/>
        <v/>
      </c>
      <c r="K2997" s="23" t="s">
        <v>7120</v>
      </c>
      <c r="L2997" s="49" t="e">
        <f>VLOOKUP(E2997&amp;F2997,団体コード!$A$1:$C$1743,3,FALSE)</f>
        <v>#N/A</v>
      </c>
      <c r="M2997" s="49" t="e">
        <f>VLOOKUP(E2997&amp;F2997,団体コード!$A$1:$C$1743,2,FALSE)</f>
        <v>#N/A</v>
      </c>
      <c r="N2997" s="51" t="e">
        <f>VLOOKUP(E2997,団体コード!$E$1:$F$48,2,FALSE)</f>
        <v>#N/A</v>
      </c>
      <c r="O2997" s="51" t="e">
        <f t="shared" si="95"/>
        <v>#N/A</v>
      </c>
      <c r="P2997" s="51">
        <v>1</v>
      </c>
      <c r="Q2997" s="51" t="s">
        <v>5341</v>
      </c>
      <c r="R2997" s="54" t="b">
        <v>1</v>
      </c>
      <c r="S2997" s="52" t="s">
        <v>7126</v>
      </c>
      <c r="T2997" s="67" t="s">
        <v>7127</v>
      </c>
      <c r="U2997" s="75" t="s">
        <v>5331</v>
      </c>
      <c r="V2997" s="47" t="s">
        <v>5331</v>
      </c>
      <c r="W2997" s="47" t="s">
        <v>5331</v>
      </c>
      <c r="X2997" s="47" t="s">
        <v>5331</v>
      </c>
      <c r="Y2997" s="47" t="s">
        <v>5331</v>
      </c>
      <c r="Z2997" s="28"/>
      <c r="AA2997" s="27"/>
      <c r="AB2997" s="27"/>
      <c r="AC2997" s="27"/>
      <c r="AD2997" s="30"/>
      <c r="AE2997" s="1"/>
      <c r="AF2997" s="23" t="s">
        <v>5331</v>
      </c>
      <c r="AG2997" s="26"/>
      <c r="AH2997" s="53"/>
    </row>
    <row r="2998" spans="1:34" ht="51.6" customHeight="1" x14ac:dyDescent="0.45">
      <c r="A2998" s="23">
        <v>2992</v>
      </c>
      <c r="B2998" s="25"/>
      <c r="C2998" s="25"/>
      <c r="D2998" s="29"/>
      <c r="E2998" s="1"/>
      <c r="F2998" s="1"/>
      <c r="G2998" s="25"/>
      <c r="H2998" s="71"/>
      <c r="I2998" s="83"/>
      <c r="J2998" s="50" t="str">
        <f t="shared" si="94"/>
        <v/>
      </c>
      <c r="K2998" s="23" t="s">
        <v>7120</v>
      </c>
      <c r="L2998" s="49" t="e">
        <f>VLOOKUP(E2998&amp;F2998,団体コード!$A$1:$C$1743,3,FALSE)</f>
        <v>#N/A</v>
      </c>
      <c r="M2998" s="49" t="e">
        <f>VLOOKUP(E2998&amp;F2998,団体コード!$A$1:$C$1743,2,FALSE)</f>
        <v>#N/A</v>
      </c>
      <c r="N2998" s="51" t="e">
        <f>VLOOKUP(E2998,団体コード!$E$1:$F$48,2,FALSE)</f>
        <v>#N/A</v>
      </c>
      <c r="O2998" s="51" t="e">
        <f t="shared" si="95"/>
        <v>#N/A</v>
      </c>
      <c r="P2998" s="51">
        <v>1</v>
      </c>
      <c r="Q2998" s="51" t="s">
        <v>5341</v>
      </c>
      <c r="R2998" s="54" t="b">
        <v>1</v>
      </c>
      <c r="S2998" s="52" t="s">
        <v>7126</v>
      </c>
      <c r="T2998" s="67" t="s">
        <v>7127</v>
      </c>
      <c r="U2998" s="75" t="s">
        <v>5331</v>
      </c>
      <c r="V2998" s="47" t="s">
        <v>5331</v>
      </c>
      <c r="W2998" s="47" t="s">
        <v>5331</v>
      </c>
      <c r="X2998" s="47" t="s">
        <v>5331</v>
      </c>
      <c r="Y2998" s="47" t="s">
        <v>5331</v>
      </c>
      <c r="Z2998" s="28"/>
      <c r="AA2998" s="27"/>
      <c r="AB2998" s="27"/>
      <c r="AC2998" s="27"/>
      <c r="AD2998" s="30"/>
      <c r="AE2998" s="1"/>
      <c r="AF2998" s="23" t="s">
        <v>5331</v>
      </c>
      <c r="AG2998" s="26"/>
      <c r="AH2998" s="53"/>
    </row>
    <row r="2999" spans="1:34" ht="51.6" customHeight="1" x14ac:dyDescent="0.45">
      <c r="A2999" s="23">
        <v>2993</v>
      </c>
      <c r="B2999" s="25"/>
      <c r="C2999" s="25"/>
      <c r="D2999" s="29"/>
      <c r="E2999" s="1"/>
      <c r="F2999" s="1"/>
      <c r="G2999" s="25"/>
      <c r="H2999" s="71"/>
      <c r="I2999" s="83"/>
      <c r="J2999" s="50" t="str">
        <f t="shared" si="94"/>
        <v/>
      </c>
      <c r="K2999" s="23" t="s">
        <v>7120</v>
      </c>
      <c r="L2999" s="49" t="e">
        <f>VLOOKUP(E2999&amp;F2999,団体コード!$A$1:$C$1743,3,FALSE)</f>
        <v>#N/A</v>
      </c>
      <c r="M2999" s="49" t="e">
        <f>VLOOKUP(E2999&amp;F2999,団体コード!$A$1:$C$1743,2,FALSE)</f>
        <v>#N/A</v>
      </c>
      <c r="N2999" s="51" t="e">
        <f>VLOOKUP(E2999,団体コード!$E$1:$F$48,2,FALSE)</f>
        <v>#N/A</v>
      </c>
      <c r="O2999" s="51" t="e">
        <f t="shared" si="95"/>
        <v>#N/A</v>
      </c>
      <c r="P2999" s="51">
        <v>1</v>
      </c>
      <c r="Q2999" s="51" t="s">
        <v>5341</v>
      </c>
      <c r="R2999" s="54" t="b">
        <v>1</v>
      </c>
      <c r="S2999" s="52" t="s">
        <v>7126</v>
      </c>
      <c r="T2999" s="67" t="s">
        <v>7127</v>
      </c>
      <c r="U2999" s="75" t="s">
        <v>5331</v>
      </c>
      <c r="V2999" s="47" t="s">
        <v>5331</v>
      </c>
      <c r="W2999" s="47" t="s">
        <v>5331</v>
      </c>
      <c r="X2999" s="47" t="s">
        <v>5331</v>
      </c>
      <c r="Y2999" s="47" t="s">
        <v>5331</v>
      </c>
      <c r="Z2999" s="28"/>
      <c r="AA2999" s="27"/>
      <c r="AB2999" s="27"/>
      <c r="AC2999" s="27"/>
      <c r="AD2999" s="30"/>
      <c r="AE2999" s="1"/>
      <c r="AF2999" s="23" t="s">
        <v>5331</v>
      </c>
      <c r="AG2999" s="26"/>
      <c r="AH2999" s="53"/>
    </row>
    <row r="3000" spans="1:34" ht="51.6" customHeight="1" x14ac:dyDescent="0.45">
      <c r="A3000" s="23">
        <v>2994</v>
      </c>
      <c r="B3000" s="25"/>
      <c r="C3000" s="25"/>
      <c r="D3000" s="29"/>
      <c r="E3000" s="1"/>
      <c r="F3000" s="1"/>
      <c r="G3000" s="25"/>
      <c r="H3000" s="71"/>
      <c r="I3000" s="83"/>
      <c r="J3000" s="50" t="str">
        <f t="shared" si="94"/>
        <v/>
      </c>
      <c r="K3000" s="23" t="s">
        <v>7120</v>
      </c>
      <c r="L3000" s="49" t="e">
        <f>VLOOKUP(E3000&amp;F3000,団体コード!$A$1:$C$1743,3,FALSE)</f>
        <v>#N/A</v>
      </c>
      <c r="M3000" s="49" t="e">
        <f>VLOOKUP(E3000&amp;F3000,団体コード!$A$1:$C$1743,2,FALSE)</f>
        <v>#N/A</v>
      </c>
      <c r="N3000" s="51" t="e">
        <f>VLOOKUP(E3000,団体コード!$E$1:$F$48,2,FALSE)</f>
        <v>#N/A</v>
      </c>
      <c r="O3000" s="51" t="e">
        <f t="shared" si="95"/>
        <v>#N/A</v>
      </c>
      <c r="P3000" s="51">
        <v>1</v>
      </c>
      <c r="Q3000" s="51" t="s">
        <v>5341</v>
      </c>
      <c r="R3000" s="54" t="b">
        <v>1</v>
      </c>
      <c r="S3000" s="52" t="s">
        <v>7126</v>
      </c>
      <c r="T3000" s="67" t="s">
        <v>7127</v>
      </c>
      <c r="U3000" s="75" t="s">
        <v>5331</v>
      </c>
      <c r="V3000" s="47" t="s">
        <v>5331</v>
      </c>
      <c r="W3000" s="47" t="s">
        <v>5331</v>
      </c>
      <c r="X3000" s="47" t="s">
        <v>5331</v>
      </c>
      <c r="Y3000" s="47" t="s">
        <v>5331</v>
      </c>
      <c r="Z3000" s="28"/>
      <c r="AA3000" s="27"/>
      <c r="AB3000" s="27"/>
      <c r="AC3000" s="27"/>
      <c r="AD3000" s="30"/>
      <c r="AE3000" s="1"/>
      <c r="AF3000" s="23" t="s">
        <v>5331</v>
      </c>
      <c r="AG3000" s="26"/>
      <c r="AH3000" s="53"/>
    </row>
    <row r="3001" spans="1:34" ht="51.6" customHeight="1" x14ac:dyDescent="0.45">
      <c r="A3001" s="23">
        <v>2995</v>
      </c>
      <c r="B3001" s="25"/>
      <c r="C3001" s="25"/>
      <c r="D3001" s="29"/>
      <c r="E3001" s="1"/>
      <c r="F3001" s="1"/>
      <c r="G3001" s="25"/>
      <c r="H3001" s="71"/>
      <c r="I3001" s="83"/>
      <c r="J3001" s="50" t="str">
        <f t="shared" si="94"/>
        <v/>
      </c>
      <c r="K3001" s="23" t="s">
        <v>7120</v>
      </c>
      <c r="L3001" s="49" t="e">
        <f>VLOOKUP(E3001&amp;F3001,団体コード!$A$1:$C$1743,3,FALSE)</f>
        <v>#N/A</v>
      </c>
      <c r="M3001" s="49" t="e">
        <f>VLOOKUP(E3001&amp;F3001,団体コード!$A$1:$C$1743,2,FALSE)</f>
        <v>#N/A</v>
      </c>
      <c r="N3001" s="51" t="e">
        <f>VLOOKUP(E3001,団体コード!$E$1:$F$48,2,FALSE)</f>
        <v>#N/A</v>
      </c>
      <c r="O3001" s="51" t="e">
        <f t="shared" si="95"/>
        <v>#N/A</v>
      </c>
      <c r="P3001" s="51">
        <v>1</v>
      </c>
      <c r="Q3001" s="51" t="s">
        <v>5341</v>
      </c>
      <c r="R3001" s="54" t="b">
        <v>1</v>
      </c>
      <c r="S3001" s="52" t="s">
        <v>7126</v>
      </c>
      <c r="T3001" s="67" t="s">
        <v>7127</v>
      </c>
      <c r="U3001" s="75" t="s">
        <v>5331</v>
      </c>
      <c r="V3001" s="47" t="s">
        <v>5331</v>
      </c>
      <c r="W3001" s="47" t="s">
        <v>5331</v>
      </c>
      <c r="X3001" s="47" t="s">
        <v>5331</v>
      </c>
      <c r="Y3001" s="47" t="s">
        <v>5331</v>
      </c>
      <c r="Z3001" s="28"/>
      <c r="AA3001" s="27"/>
      <c r="AB3001" s="27"/>
      <c r="AC3001" s="27"/>
      <c r="AD3001" s="30"/>
      <c r="AE3001" s="1"/>
      <c r="AF3001" s="23" t="s">
        <v>5331</v>
      </c>
      <c r="AG3001" s="26"/>
      <c r="AH3001" s="53"/>
    </row>
    <row r="3002" spans="1:34" ht="51.6" customHeight="1" x14ac:dyDescent="0.45">
      <c r="A3002" s="23">
        <v>2996</v>
      </c>
      <c r="B3002" s="25"/>
      <c r="C3002" s="25"/>
      <c r="D3002" s="29"/>
      <c r="E3002" s="1"/>
      <c r="F3002" s="1"/>
      <c r="G3002" s="25"/>
      <c r="H3002" s="71"/>
      <c r="I3002" s="83"/>
      <c r="J3002" s="50" t="str">
        <f t="shared" si="94"/>
        <v/>
      </c>
      <c r="K3002" s="23" t="s">
        <v>7120</v>
      </c>
      <c r="L3002" s="49" t="e">
        <f>VLOOKUP(E3002&amp;F3002,団体コード!$A$1:$C$1743,3,FALSE)</f>
        <v>#N/A</v>
      </c>
      <c r="M3002" s="49" t="e">
        <f>VLOOKUP(E3002&amp;F3002,団体コード!$A$1:$C$1743,2,FALSE)</f>
        <v>#N/A</v>
      </c>
      <c r="N3002" s="51" t="e">
        <f>VLOOKUP(E3002,団体コード!$E$1:$F$48,2,FALSE)</f>
        <v>#N/A</v>
      </c>
      <c r="O3002" s="51" t="e">
        <f t="shared" si="95"/>
        <v>#N/A</v>
      </c>
      <c r="P3002" s="51">
        <v>1</v>
      </c>
      <c r="Q3002" s="51" t="s">
        <v>5341</v>
      </c>
      <c r="R3002" s="54" t="b">
        <v>1</v>
      </c>
      <c r="S3002" s="52" t="s">
        <v>7126</v>
      </c>
      <c r="T3002" s="67" t="s">
        <v>7127</v>
      </c>
      <c r="U3002" s="75" t="s">
        <v>5331</v>
      </c>
      <c r="V3002" s="47" t="s">
        <v>5331</v>
      </c>
      <c r="W3002" s="47" t="s">
        <v>5331</v>
      </c>
      <c r="X3002" s="47" t="s">
        <v>5331</v>
      </c>
      <c r="Y3002" s="47" t="s">
        <v>5331</v>
      </c>
      <c r="Z3002" s="28"/>
      <c r="AA3002" s="27"/>
      <c r="AB3002" s="27"/>
      <c r="AC3002" s="27"/>
      <c r="AD3002" s="30"/>
      <c r="AE3002" s="1"/>
      <c r="AF3002" s="23" t="s">
        <v>5331</v>
      </c>
      <c r="AG3002" s="26"/>
      <c r="AH3002" s="53"/>
    </row>
    <row r="3003" spans="1:34" ht="51.6" customHeight="1" x14ac:dyDescent="0.45">
      <c r="A3003" s="23">
        <v>2997</v>
      </c>
      <c r="B3003" s="25"/>
      <c r="C3003" s="25"/>
      <c r="D3003" s="29"/>
      <c r="E3003" s="1"/>
      <c r="F3003" s="1"/>
      <c r="G3003" s="25"/>
      <c r="H3003" s="71"/>
      <c r="I3003" s="83"/>
      <c r="J3003" s="50" t="str">
        <f t="shared" si="94"/>
        <v/>
      </c>
      <c r="K3003" s="23" t="s">
        <v>7120</v>
      </c>
      <c r="L3003" s="49" t="e">
        <f>VLOOKUP(E3003&amp;F3003,団体コード!$A$1:$C$1743,3,FALSE)</f>
        <v>#N/A</v>
      </c>
      <c r="M3003" s="49" t="e">
        <f>VLOOKUP(E3003&amp;F3003,団体コード!$A$1:$C$1743,2,FALSE)</f>
        <v>#N/A</v>
      </c>
      <c r="N3003" s="51" t="e">
        <f>VLOOKUP(E3003,団体コード!$E$1:$F$48,2,FALSE)</f>
        <v>#N/A</v>
      </c>
      <c r="O3003" s="51" t="e">
        <f t="shared" si="95"/>
        <v>#N/A</v>
      </c>
      <c r="P3003" s="51">
        <v>1</v>
      </c>
      <c r="Q3003" s="51" t="s">
        <v>5341</v>
      </c>
      <c r="R3003" s="54" t="b">
        <v>1</v>
      </c>
      <c r="S3003" s="52" t="s">
        <v>7126</v>
      </c>
      <c r="T3003" s="67" t="s">
        <v>7127</v>
      </c>
      <c r="U3003" s="75" t="s">
        <v>5331</v>
      </c>
      <c r="V3003" s="47" t="s">
        <v>5331</v>
      </c>
      <c r="W3003" s="47" t="s">
        <v>5331</v>
      </c>
      <c r="X3003" s="47" t="s">
        <v>5331</v>
      </c>
      <c r="Y3003" s="47" t="s">
        <v>5331</v>
      </c>
      <c r="Z3003" s="28"/>
      <c r="AA3003" s="27"/>
      <c r="AB3003" s="27"/>
      <c r="AC3003" s="27"/>
      <c r="AD3003" s="30"/>
      <c r="AE3003" s="1"/>
      <c r="AF3003" s="23" t="s">
        <v>5331</v>
      </c>
      <c r="AG3003" s="26"/>
      <c r="AH3003" s="53"/>
    </row>
    <row r="3004" spans="1:34" ht="51.6" customHeight="1" x14ac:dyDescent="0.45">
      <c r="A3004" s="23">
        <v>2998</v>
      </c>
      <c r="B3004" s="25"/>
      <c r="C3004" s="25"/>
      <c r="D3004" s="29"/>
      <c r="E3004" s="1"/>
      <c r="F3004" s="1"/>
      <c r="G3004" s="25"/>
      <c r="H3004" s="71"/>
      <c r="I3004" s="83"/>
      <c r="J3004" s="50" t="str">
        <f t="shared" si="94"/>
        <v/>
      </c>
      <c r="K3004" s="23" t="s">
        <v>7120</v>
      </c>
      <c r="L3004" s="49" t="e">
        <f>VLOOKUP(E3004&amp;F3004,団体コード!$A$1:$C$1743,3,FALSE)</f>
        <v>#N/A</v>
      </c>
      <c r="M3004" s="49" t="e">
        <f>VLOOKUP(E3004&amp;F3004,団体コード!$A$1:$C$1743,2,FALSE)</f>
        <v>#N/A</v>
      </c>
      <c r="N3004" s="51" t="e">
        <f>VLOOKUP(E3004,団体コード!$E$1:$F$48,2,FALSE)</f>
        <v>#N/A</v>
      </c>
      <c r="O3004" s="51" t="e">
        <f t="shared" si="95"/>
        <v>#N/A</v>
      </c>
      <c r="P3004" s="51">
        <v>1</v>
      </c>
      <c r="Q3004" s="51" t="s">
        <v>5341</v>
      </c>
      <c r="R3004" s="54" t="b">
        <v>1</v>
      </c>
      <c r="S3004" s="52" t="s">
        <v>7126</v>
      </c>
      <c r="T3004" s="67" t="s">
        <v>7127</v>
      </c>
      <c r="U3004" s="75" t="s">
        <v>5331</v>
      </c>
      <c r="V3004" s="47" t="s">
        <v>5331</v>
      </c>
      <c r="W3004" s="47" t="s">
        <v>5331</v>
      </c>
      <c r="X3004" s="47" t="s">
        <v>5331</v>
      </c>
      <c r="Y3004" s="47" t="s">
        <v>5331</v>
      </c>
      <c r="Z3004" s="28"/>
      <c r="AA3004" s="27"/>
      <c r="AB3004" s="27"/>
      <c r="AC3004" s="27"/>
      <c r="AD3004" s="30"/>
      <c r="AE3004" s="1"/>
      <c r="AF3004" s="23" t="s">
        <v>5331</v>
      </c>
      <c r="AG3004" s="26"/>
      <c r="AH3004" s="53"/>
    </row>
    <row r="3005" spans="1:34" ht="51.6" customHeight="1" x14ac:dyDescent="0.45">
      <c r="A3005" s="23">
        <v>2999</v>
      </c>
      <c r="B3005" s="25"/>
      <c r="C3005" s="25"/>
      <c r="D3005" s="29"/>
      <c r="E3005" s="1"/>
      <c r="F3005" s="1"/>
      <c r="G3005" s="25"/>
      <c r="H3005" s="71"/>
      <c r="I3005" s="83"/>
      <c r="J3005" s="50" t="str">
        <f t="shared" si="94"/>
        <v/>
      </c>
      <c r="K3005" s="23" t="s">
        <v>7120</v>
      </c>
      <c r="L3005" s="49" t="e">
        <f>VLOOKUP(E3005&amp;F3005,団体コード!$A$1:$C$1743,3,FALSE)</f>
        <v>#N/A</v>
      </c>
      <c r="M3005" s="49" t="e">
        <f>VLOOKUP(E3005&amp;F3005,団体コード!$A$1:$C$1743,2,FALSE)</f>
        <v>#N/A</v>
      </c>
      <c r="N3005" s="51" t="e">
        <f>VLOOKUP(E3005,団体コード!$E$1:$F$48,2,FALSE)</f>
        <v>#N/A</v>
      </c>
      <c r="O3005" s="51" t="e">
        <f t="shared" si="95"/>
        <v>#N/A</v>
      </c>
      <c r="P3005" s="51">
        <v>1</v>
      </c>
      <c r="Q3005" s="51" t="s">
        <v>5341</v>
      </c>
      <c r="R3005" s="54" t="b">
        <v>1</v>
      </c>
      <c r="S3005" s="52" t="s">
        <v>7126</v>
      </c>
      <c r="T3005" s="67" t="s">
        <v>7127</v>
      </c>
      <c r="U3005" s="75" t="s">
        <v>5331</v>
      </c>
      <c r="V3005" s="47" t="s">
        <v>5331</v>
      </c>
      <c r="W3005" s="47" t="s">
        <v>5331</v>
      </c>
      <c r="X3005" s="47" t="s">
        <v>5331</v>
      </c>
      <c r="Y3005" s="47" t="s">
        <v>5331</v>
      </c>
      <c r="Z3005" s="28"/>
      <c r="AA3005" s="27"/>
      <c r="AB3005" s="27"/>
      <c r="AC3005" s="27"/>
      <c r="AD3005" s="30"/>
      <c r="AE3005" s="1"/>
      <c r="AF3005" s="23" t="s">
        <v>5331</v>
      </c>
      <c r="AG3005" s="26"/>
      <c r="AH3005" s="53"/>
    </row>
    <row r="3006" spans="1:34" ht="51.6" customHeight="1" x14ac:dyDescent="0.45">
      <c r="A3006" s="23">
        <v>3000</v>
      </c>
      <c r="B3006" s="25"/>
      <c r="C3006" s="25"/>
      <c r="D3006" s="29"/>
      <c r="E3006" s="1"/>
      <c r="F3006" s="1"/>
      <c r="G3006" s="25"/>
      <c r="H3006" s="71"/>
      <c r="I3006" s="83"/>
      <c r="J3006" s="50" t="str">
        <f t="shared" si="94"/>
        <v/>
      </c>
      <c r="K3006" s="23" t="s">
        <v>7120</v>
      </c>
      <c r="L3006" s="49" t="e">
        <f>VLOOKUP(E3006&amp;F3006,団体コード!$A$1:$C$1743,3,FALSE)</f>
        <v>#N/A</v>
      </c>
      <c r="M3006" s="49" t="e">
        <f>VLOOKUP(E3006&amp;F3006,団体コード!$A$1:$C$1743,2,FALSE)</f>
        <v>#N/A</v>
      </c>
      <c r="N3006" s="51" t="e">
        <f>VLOOKUP(E3006,団体コード!$E$1:$F$48,2,FALSE)</f>
        <v>#N/A</v>
      </c>
      <c r="O3006" s="51" t="e">
        <f t="shared" si="95"/>
        <v>#N/A</v>
      </c>
      <c r="P3006" s="51">
        <v>1</v>
      </c>
      <c r="Q3006" s="51" t="s">
        <v>5341</v>
      </c>
      <c r="R3006" s="54" t="b">
        <v>1</v>
      </c>
      <c r="S3006" s="52" t="s">
        <v>7126</v>
      </c>
      <c r="T3006" s="67" t="s">
        <v>7127</v>
      </c>
      <c r="U3006" s="75" t="s">
        <v>5331</v>
      </c>
      <c r="V3006" s="47" t="s">
        <v>5331</v>
      </c>
      <c r="W3006" s="47" t="s">
        <v>5331</v>
      </c>
      <c r="X3006" s="47" t="s">
        <v>5331</v>
      </c>
      <c r="Y3006" s="47" t="s">
        <v>5331</v>
      </c>
      <c r="Z3006" s="28"/>
      <c r="AA3006" s="27"/>
      <c r="AB3006" s="27"/>
      <c r="AC3006" s="27"/>
      <c r="AD3006" s="30"/>
      <c r="AE3006" s="1"/>
      <c r="AF3006" s="23" t="s">
        <v>5331</v>
      </c>
      <c r="AG3006" s="26"/>
      <c r="AH3006" s="53"/>
    </row>
    <row r="3007" spans="1:34" ht="51.6" customHeight="1" x14ac:dyDescent="0.45">
      <c r="A3007" s="23">
        <v>3001</v>
      </c>
      <c r="B3007" s="25"/>
      <c r="C3007" s="25"/>
      <c r="D3007" s="29"/>
      <c r="E3007" s="1"/>
      <c r="F3007" s="1"/>
      <c r="G3007" s="25"/>
      <c r="H3007" s="71"/>
      <c r="I3007" s="83"/>
      <c r="J3007" s="50" t="str">
        <f t="shared" si="94"/>
        <v/>
      </c>
      <c r="K3007" s="23" t="s">
        <v>7120</v>
      </c>
      <c r="L3007" s="49" t="e">
        <f>VLOOKUP(E3007&amp;F3007,団体コード!$A$1:$C$1743,3,FALSE)</f>
        <v>#N/A</v>
      </c>
      <c r="M3007" s="49" t="e">
        <f>VLOOKUP(E3007&amp;F3007,団体コード!$A$1:$C$1743,2,FALSE)</f>
        <v>#N/A</v>
      </c>
      <c r="N3007" s="51" t="e">
        <f>VLOOKUP(E3007,団体コード!$E$1:$F$48,2,FALSE)</f>
        <v>#N/A</v>
      </c>
      <c r="O3007" s="51" t="e">
        <f t="shared" si="95"/>
        <v>#N/A</v>
      </c>
      <c r="P3007" s="51">
        <v>1</v>
      </c>
      <c r="Q3007" s="51" t="s">
        <v>5341</v>
      </c>
      <c r="R3007" s="54" t="b">
        <v>1</v>
      </c>
      <c r="S3007" s="52" t="s">
        <v>7126</v>
      </c>
      <c r="T3007" s="67" t="s">
        <v>7127</v>
      </c>
      <c r="U3007" s="75" t="s">
        <v>5331</v>
      </c>
      <c r="V3007" s="47" t="s">
        <v>5331</v>
      </c>
      <c r="W3007" s="47" t="s">
        <v>5331</v>
      </c>
      <c r="X3007" s="47" t="s">
        <v>5331</v>
      </c>
      <c r="Y3007" s="47" t="s">
        <v>5331</v>
      </c>
      <c r="Z3007" s="28"/>
      <c r="AA3007" s="27"/>
      <c r="AB3007" s="27"/>
      <c r="AC3007" s="27"/>
      <c r="AD3007" s="30"/>
      <c r="AE3007" s="1"/>
      <c r="AF3007" s="23" t="s">
        <v>5331</v>
      </c>
      <c r="AG3007" s="26"/>
      <c r="AH3007" s="53"/>
    </row>
    <row r="3008" spans="1:34" ht="51.6" customHeight="1" x14ac:dyDescent="0.45">
      <c r="A3008" s="23">
        <v>3002</v>
      </c>
      <c r="B3008" s="25"/>
      <c r="C3008" s="25"/>
      <c r="D3008" s="29"/>
      <c r="E3008" s="1"/>
      <c r="F3008" s="1"/>
      <c r="G3008" s="25"/>
      <c r="H3008" s="71"/>
      <c r="I3008" s="83"/>
      <c r="J3008" s="50" t="str">
        <f t="shared" si="94"/>
        <v/>
      </c>
      <c r="K3008" s="23" t="s">
        <v>7120</v>
      </c>
      <c r="L3008" s="49" t="e">
        <f>VLOOKUP(E3008&amp;F3008,団体コード!$A$1:$C$1743,3,FALSE)</f>
        <v>#N/A</v>
      </c>
      <c r="M3008" s="49" t="e">
        <f>VLOOKUP(E3008&amp;F3008,団体コード!$A$1:$C$1743,2,FALSE)</f>
        <v>#N/A</v>
      </c>
      <c r="N3008" s="51" t="e">
        <f>VLOOKUP(E3008,団体コード!$E$1:$F$48,2,FALSE)</f>
        <v>#N/A</v>
      </c>
      <c r="O3008" s="51" t="e">
        <f t="shared" si="95"/>
        <v>#N/A</v>
      </c>
      <c r="P3008" s="51">
        <v>1</v>
      </c>
      <c r="Q3008" s="51" t="s">
        <v>5341</v>
      </c>
      <c r="R3008" s="54" t="b">
        <v>1</v>
      </c>
      <c r="S3008" s="52" t="s">
        <v>7126</v>
      </c>
      <c r="T3008" s="67" t="s">
        <v>7127</v>
      </c>
      <c r="U3008" s="75" t="s">
        <v>5331</v>
      </c>
      <c r="V3008" s="47" t="s">
        <v>5331</v>
      </c>
      <c r="W3008" s="47" t="s">
        <v>5331</v>
      </c>
      <c r="X3008" s="47" t="s">
        <v>5331</v>
      </c>
      <c r="Y3008" s="47" t="s">
        <v>5331</v>
      </c>
      <c r="Z3008" s="28"/>
      <c r="AA3008" s="27"/>
      <c r="AB3008" s="27"/>
      <c r="AC3008" s="27"/>
      <c r="AD3008" s="30"/>
      <c r="AE3008" s="1"/>
      <c r="AF3008" s="23" t="s">
        <v>5331</v>
      </c>
      <c r="AG3008" s="26"/>
      <c r="AH3008" s="53"/>
    </row>
    <row r="3009" spans="1:34" ht="51.6" customHeight="1" x14ac:dyDescent="0.45">
      <c r="A3009" s="23">
        <v>3003</v>
      </c>
      <c r="B3009" s="25"/>
      <c r="C3009" s="25"/>
      <c r="D3009" s="29"/>
      <c r="E3009" s="1"/>
      <c r="F3009" s="1"/>
      <c r="G3009" s="25"/>
      <c r="H3009" s="71"/>
      <c r="I3009" s="83"/>
      <c r="J3009" s="50" t="str">
        <f t="shared" si="94"/>
        <v/>
      </c>
      <c r="K3009" s="23" t="s">
        <v>7120</v>
      </c>
      <c r="L3009" s="49" t="e">
        <f>VLOOKUP(E3009&amp;F3009,団体コード!$A$1:$C$1743,3,FALSE)</f>
        <v>#N/A</v>
      </c>
      <c r="M3009" s="49" t="e">
        <f>VLOOKUP(E3009&amp;F3009,団体コード!$A$1:$C$1743,2,FALSE)</f>
        <v>#N/A</v>
      </c>
      <c r="N3009" s="51" t="e">
        <f>VLOOKUP(E3009,団体コード!$E$1:$F$48,2,FALSE)</f>
        <v>#N/A</v>
      </c>
      <c r="O3009" s="51" t="e">
        <f t="shared" si="95"/>
        <v>#N/A</v>
      </c>
      <c r="P3009" s="51">
        <v>1</v>
      </c>
      <c r="Q3009" s="51" t="s">
        <v>5341</v>
      </c>
      <c r="R3009" s="54" t="b">
        <v>1</v>
      </c>
      <c r="S3009" s="52" t="s">
        <v>7126</v>
      </c>
      <c r="T3009" s="67" t="s">
        <v>7127</v>
      </c>
      <c r="U3009" s="75" t="s">
        <v>5331</v>
      </c>
      <c r="V3009" s="47" t="s">
        <v>5331</v>
      </c>
      <c r="W3009" s="47" t="s">
        <v>5331</v>
      </c>
      <c r="X3009" s="47" t="s">
        <v>5331</v>
      </c>
      <c r="Y3009" s="47" t="s">
        <v>5331</v>
      </c>
      <c r="Z3009" s="28"/>
      <c r="AA3009" s="27"/>
      <c r="AB3009" s="27"/>
      <c r="AC3009" s="27"/>
      <c r="AD3009" s="30"/>
      <c r="AE3009" s="1"/>
      <c r="AF3009" s="23" t="s">
        <v>5331</v>
      </c>
      <c r="AG3009" s="26"/>
      <c r="AH3009" s="53"/>
    </row>
    <row r="3010" spans="1:34" ht="51.6" customHeight="1" x14ac:dyDescent="0.45">
      <c r="A3010" s="23">
        <v>3004</v>
      </c>
      <c r="B3010" s="25"/>
      <c r="C3010" s="25"/>
      <c r="D3010" s="29"/>
      <c r="E3010" s="1"/>
      <c r="F3010" s="1"/>
      <c r="G3010" s="25"/>
      <c r="H3010" s="71"/>
      <c r="I3010" s="83"/>
      <c r="J3010" s="50" t="str">
        <f t="shared" si="94"/>
        <v/>
      </c>
      <c r="K3010" s="23" t="s">
        <v>7120</v>
      </c>
      <c r="L3010" s="49" t="e">
        <f>VLOOKUP(E3010&amp;F3010,団体コード!$A$1:$C$1743,3,FALSE)</f>
        <v>#N/A</v>
      </c>
      <c r="M3010" s="49" t="e">
        <f>VLOOKUP(E3010&amp;F3010,団体コード!$A$1:$C$1743,2,FALSE)</f>
        <v>#N/A</v>
      </c>
      <c r="N3010" s="51" t="e">
        <f>VLOOKUP(E3010,団体コード!$E$1:$F$48,2,FALSE)</f>
        <v>#N/A</v>
      </c>
      <c r="O3010" s="51" t="e">
        <f t="shared" si="95"/>
        <v>#N/A</v>
      </c>
      <c r="P3010" s="51">
        <v>1</v>
      </c>
      <c r="Q3010" s="51" t="s">
        <v>5341</v>
      </c>
      <c r="R3010" s="54" t="b">
        <v>1</v>
      </c>
      <c r="S3010" s="52" t="s">
        <v>7126</v>
      </c>
      <c r="T3010" s="67" t="s">
        <v>7127</v>
      </c>
      <c r="U3010" s="75" t="s">
        <v>5331</v>
      </c>
      <c r="V3010" s="47" t="s">
        <v>5331</v>
      </c>
      <c r="W3010" s="47" t="s">
        <v>5331</v>
      </c>
      <c r="X3010" s="47" t="s">
        <v>5331</v>
      </c>
      <c r="Y3010" s="47" t="s">
        <v>5331</v>
      </c>
      <c r="Z3010" s="28"/>
      <c r="AA3010" s="27"/>
      <c r="AB3010" s="27"/>
      <c r="AC3010" s="27"/>
      <c r="AD3010" s="30"/>
      <c r="AE3010" s="1"/>
      <c r="AF3010" s="23" t="s">
        <v>5331</v>
      </c>
      <c r="AG3010" s="26"/>
      <c r="AH3010" s="53"/>
    </row>
    <row r="3011" spans="1:34" ht="51.6" customHeight="1" x14ac:dyDescent="0.45">
      <c r="A3011" s="23">
        <v>3005</v>
      </c>
      <c r="B3011" s="25"/>
      <c r="C3011" s="25"/>
      <c r="D3011" s="29"/>
      <c r="E3011" s="1"/>
      <c r="F3011" s="1"/>
      <c r="G3011" s="25"/>
      <c r="H3011" s="71"/>
      <c r="I3011" s="83"/>
      <c r="J3011" s="50" t="str">
        <f t="shared" si="94"/>
        <v/>
      </c>
      <c r="K3011" s="23" t="s">
        <v>7120</v>
      </c>
      <c r="L3011" s="49" t="e">
        <f>VLOOKUP(E3011&amp;F3011,団体コード!$A$1:$C$1743,3,FALSE)</f>
        <v>#N/A</v>
      </c>
      <c r="M3011" s="49" t="e">
        <f>VLOOKUP(E3011&amp;F3011,団体コード!$A$1:$C$1743,2,FALSE)</f>
        <v>#N/A</v>
      </c>
      <c r="N3011" s="51" t="e">
        <f>VLOOKUP(E3011,団体コード!$E$1:$F$48,2,FALSE)</f>
        <v>#N/A</v>
      </c>
      <c r="O3011" s="51" t="e">
        <f t="shared" si="95"/>
        <v>#N/A</v>
      </c>
      <c r="P3011" s="51">
        <v>1</v>
      </c>
      <c r="Q3011" s="51" t="s">
        <v>5341</v>
      </c>
      <c r="R3011" s="54" t="b">
        <v>1</v>
      </c>
      <c r="S3011" s="52" t="s">
        <v>7126</v>
      </c>
      <c r="T3011" s="67" t="s">
        <v>7127</v>
      </c>
      <c r="U3011" s="75" t="s">
        <v>5331</v>
      </c>
      <c r="V3011" s="47" t="s">
        <v>5331</v>
      </c>
      <c r="W3011" s="47" t="s">
        <v>5331</v>
      </c>
      <c r="X3011" s="47" t="s">
        <v>5331</v>
      </c>
      <c r="Y3011" s="47" t="s">
        <v>5331</v>
      </c>
      <c r="Z3011" s="28"/>
      <c r="AA3011" s="27"/>
      <c r="AB3011" s="27"/>
      <c r="AC3011" s="27"/>
      <c r="AD3011" s="30"/>
      <c r="AE3011" s="1"/>
      <c r="AF3011" s="23" t="s">
        <v>5331</v>
      </c>
      <c r="AG3011" s="26"/>
      <c r="AH3011" s="53"/>
    </row>
    <row r="3012" spans="1:34" ht="51.6" customHeight="1" x14ac:dyDescent="0.45">
      <c r="A3012" s="23">
        <v>3006</v>
      </c>
      <c r="B3012" s="25"/>
      <c r="C3012" s="25"/>
      <c r="D3012" s="29"/>
      <c r="E3012" s="1"/>
      <c r="F3012" s="1"/>
      <c r="G3012" s="25"/>
      <c r="H3012" s="71"/>
      <c r="I3012" s="83"/>
      <c r="J3012" s="50" t="str">
        <f t="shared" si="94"/>
        <v/>
      </c>
      <c r="K3012" s="23" t="s">
        <v>7120</v>
      </c>
      <c r="L3012" s="49" t="e">
        <f>VLOOKUP(E3012&amp;F3012,団体コード!$A$1:$C$1743,3,FALSE)</f>
        <v>#N/A</v>
      </c>
      <c r="M3012" s="49" t="e">
        <f>VLOOKUP(E3012&amp;F3012,団体コード!$A$1:$C$1743,2,FALSE)</f>
        <v>#N/A</v>
      </c>
      <c r="N3012" s="51" t="e">
        <f>VLOOKUP(E3012,団体コード!$E$1:$F$48,2,FALSE)</f>
        <v>#N/A</v>
      </c>
      <c r="O3012" s="51" t="e">
        <f t="shared" si="95"/>
        <v>#N/A</v>
      </c>
      <c r="P3012" s="51">
        <v>1</v>
      </c>
      <c r="Q3012" s="51" t="s">
        <v>5341</v>
      </c>
      <c r="R3012" s="54" t="b">
        <v>1</v>
      </c>
      <c r="S3012" s="52" t="s">
        <v>7126</v>
      </c>
      <c r="T3012" s="67" t="s">
        <v>7127</v>
      </c>
      <c r="U3012" s="75" t="s">
        <v>5331</v>
      </c>
      <c r="V3012" s="47" t="s">
        <v>5331</v>
      </c>
      <c r="W3012" s="47" t="s">
        <v>5331</v>
      </c>
      <c r="X3012" s="47" t="s">
        <v>5331</v>
      </c>
      <c r="Y3012" s="47" t="s">
        <v>5331</v>
      </c>
      <c r="Z3012" s="28"/>
      <c r="AA3012" s="27"/>
      <c r="AB3012" s="27"/>
      <c r="AC3012" s="27"/>
      <c r="AD3012" s="30"/>
      <c r="AE3012" s="1"/>
      <c r="AF3012" s="23" t="s">
        <v>5331</v>
      </c>
      <c r="AG3012" s="26"/>
      <c r="AH3012" s="53"/>
    </row>
    <row r="3013" spans="1:34" ht="51.6" customHeight="1" x14ac:dyDescent="0.45">
      <c r="A3013" s="23">
        <v>3007</v>
      </c>
      <c r="B3013" s="25"/>
      <c r="C3013" s="25"/>
      <c r="D3013" s="29"/>
      <c r="E3013" s="1"/>
      <c r="F3013" s="1"/>
      <c r="G3013" s="25"/>
      <c r="H3013" s="71"/>
      <c r="I3013" s="83"/>
      <c r="J3013" s="50" t="str">
        <f t="shared" si="94"/>
        <v/>
      </c>
      <c r="K3013" s="23" t="s">
        <v>7120</v>
      </c>
      <c r="L3013" s="49" t="e">
        <f>VLOOKUP(E3013&amp;F3013,団体コード!$A$1:$C$1743,3,FALSE)</f>
        <v>#N/A</v>
      </c>
      <c r="M3013" s="49" t="e">
        <f>VLOOKUP(E3013&amp;F3013,団体コード!$A$1:$C$1743,2,FALSE)</f>
        <v>#N/A</v>
      </c>
      <c r="N3013" s="51" t="e">
        <f>VLOOKUP(E3013,団体コード!$E$1:$F$48,2,FALSE)</f>
        <v>#N/A</v>
      </c>
      <c r="O3013" s="51" t="e">
        <f t="shared" si="95"/>
        <v>#N/A</v>
      </c>
      <c r="P3013" s="51">
        <v>1</v>
      </c>
      <c r="Q3013" s="51" t="s">
        <v>5341</v>
      </c>
      <c r="R3013" s="54" t="b">
        <v>1</v>
      </c>
      <c r="S3013" s="52" t="s">
        <v>7126</v>
      </c>
      <c r="T3013" s="67" t="s">
        <v>7127</v>
      </c>
      <c r="U3013" s="75" t="s">
        <v>5331</v>
      </c>
      <c r="V3013" s="47" t="s">
        <v>5331</v>
      </c>
      <c r="W3013" s="47" t="s">
        <v>5331</v>
      </c>
      <c r="X3013" s="47" t="s">
        <v>5331</v>
      </c>
      <c r="Y3013" s="47" t="s">
        <v>5331</v>
      </c>
      <c r="Z3013" s="28"/>
      <c r="AA3013" s="27"/>
      <c r="AB3013" s="27"/>
      <c r="AC3013" s="27"/>
      <c r="AD3013" s="30"/>
      <c r="AE3013" s="1"/>
      <c r="AF3013" s="23" t="s">
        <v>5331</v>
      </c>
      <c r="AG3013" s="26"/>
      <c r="AH3013" s="53"/>
    </row>
    <row r="3014" spans="1:34" ht="51.6" customHeight="1" x14ac:dyDescent="0.45">
      <c r="A3014" s="23">
        <v>3008</v>
      </c>
      <c r="B3014" s="25"/>
      <c r="C3014" s="25"/>
      <c r="D3014" s="29"/>
      <c r="E3014" s="1"/>
      <c r="F3014" s="1"/>
      <c r="G3014" s="25"/>
      <c r="H3014" s="71"/>
      <c r="I3014" s="83"/>
      <c r="J3014" s="50" t="str">
        <f t="shared" si="94"/>
        <v/>
      </c>
      <c r="K3014" s="23" t="s">
        <v>7120</v>
      </c>
      <c r="L3014" s="49" t="e">
        <f>VLOOKUP(E3014&amp;F3014,団体コード!$A$1:$C$1743,3,FALSE)</f>
        <v>#N/A</v>
      </c>
      <c r="M3014" s="49" t="e">
        <f>VLOOKUP(E3014&amp;F3014,団体コード!$A$1:$C$1743,2,FALSE)</f>
        <v>#N/A</v>
      </c>
      <c r="N3014" s="51" t="e">
        <f>VLOOKUP(E3014,団体コード!$E$1:$F$48,2,FALSE)</f>
        <v>#N/A</v>
      </c>
      <c r="O3014" s="51" t="e">
        <f t="shared" si="95"/>
        <v>#N/A</v>
      </c>
      <c r="P3014" s="51">
        <v>1</v>
      </c>
      <c r="Q3014" s="51" t="s">
        <v>5341</v>
      </c>
      <c r="R3014" s="54" t="b">
        <v>1</v>
      </c>
      <c r="S3014" s="52" t="s">
        <v>7126</v>
      </c>
      <c r="T3014" s="67" t="s">
        <v>7127</v>
      </c>
      <c r="U3014" s="75" t="s">
        <v>5331</v>
      </c>
      <c r="V3014" s="47" t="s">
        <v>5331</v>
      </c>
      <c r="W3014" s="47" t="s">
        <v>5331</v>
      </c>
      <c r="X3014" s="47" t="s">
        <v>5331</v>
      </c>
      <c r="Y3014" s="47" t="s">
        <v>5331</v>
      </c>
      <c r="Z3014" s="28"/>
      <c r="AA3014" s="27"/>
      <c r="AB3014" s="27"/>
      <c r="AC3014" s="27"/>
      <c r="AD3014" s="30"/>
      <c r="AE3014" s="1"/>
      <c r="AF3014" s="23" t="s">
        <v>5331</v>
      </c>
      <c r="AG3014" s="26"/>
      <c r="AH3014" s="53"/>
    </row>
    <row r="3015" spans="1:34" ht="51.6" customHeight="1" x14ac:dyDescent="0.45">
      <c r="A3015" s="23">
        <v>3009</v>
      </c>
      <c r="B3015" s="25"/>
      <c r="C3015" s="25"/>
      <c r="D3015" s="29"/>
      <c r="E3015" s="1"/>
      <c r="F3015" s="1"/>
      <c r="G3015" s="25"/>
      <c r="H3015" s="71"/>
      <c r="I3015" s="83"/>
      <c r="J3015" s="50" t="str">
        <f t="shared" si="94"/>
        <v/>
      </c>
      <c r="K3015" s="23" t="s">
        <v>7120</v>
      </c>
      <c r="L3015" s="49" t="e">
        <f>VLOOKUP(E3015&amp;F3015,団体コード!$A$1:$C$1743,3,FALSE)</f>
        <v>#N/A</v>
      </c>
      <c r="M3015" s="49" t="e">
        <f>VLOOKUP(E3015&amp;F3015,団体コード!$A$1:$C$1743,2,FALSE)</f>
        <v>#N/A</v>
      </c>
      <c r="N3015" s="51" t="e">
        <f>VLOOKUP(E3015,団体コード!$E$1:$F$48,2,FALSE)</f>
        <v>#N/A</v>
      </c>
      <c r="O3015" s="51" t="e">
        <f t="shared" si="95"/>
        <v>#N/A</v>
      </c>
      <c r="P3015" s="51">
        <v>1</v>
      </c>
      <c r="Q3015" s="51" t="s">
        <v>5341</v>
      </c>
      <c r="R3015" s="54" t="b">
        <v>1</v>
      </c>
      <c r="S3015" s="52" t="s">
        <v>7126</v>
      </c>
      <c r="T3015" s="67" t="s">
        <v>7127</v>
      </c>
      <c r="U3015" s="75" t="s">
        <v>5331</v>
      </c>
      <c r="V3015" s="47" t="s">
        <v>5331</v>
      </c>
      <c r="W3015" s="47" t="s">
        <v>5331</v>
      </c>
      <c r="X3015" s="47" t="s">
        <v>5331</v>
      </c>
      <c r="Y3015" s="47" t="s">
        <v>5331</v>
      </c>
      <c r="Z3015" s="28"/>
      <c r="AA3015" s="27"/>
      <c r="AB3015" s="27"/>
      <c r="AC3015" s="27"/>
      <c r="AD3015" s="30"/>
      <c r="AE3015" s="1"/>
      <c r="AF3015" s="23" t="s">
        <v>5331</v>
      </c>
      <c r="AG3015" s="26"/>
      <c r="AH3015" s="53"/>
    </row>
    <row r="3016" spans="1:34" ht="51.6" customHeight="1" x14ac:dyDescent="0.45">
      <c r="A3016" s="23">
        <v>3010</v>
      </c>
      <c r="B3016" s="25"/>
      <c r="C3016" s="25"/>
      <c r="D3016" s="29"/>
      <c r="E3016" s="1"/>
      <c r="F3016" s="1"/>
      <c r="G3016" s="25"/>
      <c r="H3016" s="71"/>
      <c r="I3016" s="83"/>
      <c r="J3016" s="50" t="str">
        <f t="shared" ref="J3016:J3079" si="96">E3016&amp;F3016&amp;G3016</f>
        <v/>
      </c>
      <c r="K3016" s="23" t="s">
        <v>7120</v>
      </c>
      <c r="L3016" s="49" t="e">
        <f>VLOOKUP(E3016&amp;F3016,団体コード!$A$1:$C$1743,3,FALSE)</f>
        <v>#N/A</v>
      </c>
      <c r="M3016" s="49" t="e">
        <f>VLOOKUP(E3016&amp;F3016,団体コード!$A$1:$C$1743,2,FALSE)</f>
        <v>#N/A</v>
      </c>
      <c r="N3016" s="51" t="e">
        <f>VLOOKUP(E3016,団体コード!$E$1:$F$48,2,FALSE)</f>
        <v>#N/A</v>
      </c>
      <c r="O3016" s="51" t="e">
        <f t="shared" ref="O3016:O3079" si="97">N3016</f>
        <v>#N/A</v>
      </c>
      <c r="P3016" s="51">
        <v>1</v>
      </c>
      <c r="Q3016" s="51" t="s">
        <v>5341</v>
      </c>
      <c r="R3016" s="54" t="b">
        <v>1</v>
      </c>
      <c r="S3016" s="52" t="s">
        <v>7126</v>
      </c>
      <c r="T3016" s="67" t="s">
        <v>7127</v>
      </c>
      <c r="U3016" s="75" t="s">
        <v>5331</v>
      </c>
      <c r="V3016" s="47" t="s">
        <v>5331</v>
      </c>
      <c r="W3016" s="47" t="s">
        <v>5331</v>
      </c>
      <c r="X3016" s="47" t="s">
        <v>5331</v>
      </c>
      <c r="Y3016" s="47" t="s">
        <v>5331</v>
      </c>
      <c r="Z3016" s="28"/>
      <c r="AA3016" s="27"/>
      <c r="AB3016" s="27"/>
      <c r="AC3016" s="27"/>
      <c r="AD3016" s="30"/>
      <c r="AE3016" s="1"/>
      <c r="AF3016" s="23" t="s">
        <v>5331</v>
      </c>
      <c r="AG3016" s="26"/>
      <c r="AH3016" s="53"/>
    </row>
    <row r="3017" spans="1:34" ht="51.6" customHeight="1" x14ac:dyDescent="0.45">
      <c r="A3017" s="23">
        <v>3011</v>
      </c>
      <c r="B3017" s="25"/>
      <c r="C3017" s="25"/>
      <c r="D3017" s="29"/>
      <c r="E3017" s="1"/>
      <c r="F3017" s="1"/>
      <c r="G3017" s="25"/>
      <c r="H3017" s="71"/>
      <c r="I3017" s="83"/>
      <c r="J3017" s="50" t="str">
        <f t="shared" si="96"/>
        <v/>
      </c>
      <c r="K3017" s="23" t="s">
        <v>7120</v>
      </c>
      <c r="L3017" s="49" t="e">
        <f>VLOOKUP(E3017&amp;F3017,団体コード!$A$1:$C$1743,3,FALSE)</f>
        <v>#N/A</v>
      </c>
      <c r="M3017" s="49" t="e">
        <f>VLOOKUP(E3017&amp;F3017,団体コード!$A$1:$C$1743,2,FALSE)</f>
        <v>#N/A</v>
      </c>
      <c r="N3017" s="51" t="e">
        <f>VLOOKUP(E3017,団体コード!$E$1:$F$48,2,FALSE)</f>
        <v>#N/A</v>
      </c>
      <c r="O3017" s="51" t="e">
        <f t="shared" si="97"/>
        <v>#N/A</v>
      </c>
      <c r="P3017" s="51">
        <v>1</v>
      </c>
      <c r="Q3017" s="51" t="s">
        <v>5341</v>
      </c>
      <c r="R3017" s="54" t="b">
        <v>1</v>
      </c>
      <c r="S3017" s="52" t="s">
        <v>7126</v>
      </c>
      <c r="T3017" s="67" t="s">
        <v>7127</v>
      </c>
      <c r="U3017" s="75" t="s">
        <v>5331</v>
      </c>
      <c r="V3017" s="47" t="s">
        <v>5331</v>
      </c>
      <c r="W3017" s="47" t="s">
        <v>5331</v>
      </c>
      <c r="X3017" s="47" t="s">
        <v>5331</v>
      </c>
      <c r="Y3017" s="47" t="s">
        <v>5331</v>
      </c>
      <c r="Z3017" s="28"/>
      <c r="AA3017" s="27"/>
      <c r="AB3017" s="27"/>
      <c r="AC3017" s="27"/>
      <c r="AD3017" s="30"/>
      <c r="AE3017" s="1"/>
      <c r="AF3017" s="23" t="s">
        <v>5331</v>
      </c>
      <c r="AG3017" s="26"/>
      <c r="AH3017" s="53"/>
    </row>
    <row r="3018" spans="1:34" ht="51.6" customHeight="1" x14ac:dyDescent="0.45">
      <c r="A3018" s="23">
        <v>3012</v>
      </c>
      <c r="B3018" s="25"/>
      <c r="C3018" s="25"/>
      <c r="D3018" s="29"/>
      <c r="E3018" s="1"/>
      <c r="F3018" s="1"/>
      <c r="G3018" s="25"/>
      <c r="H3018" s="71"/>
      <c r="I3018" s="83"/>
      <c r="J3018" s="50" t="str">
        <f t="shared" si="96"/>
        <v/>
      </c>
      <c r="K3018" s="23" t="s">
        <v>7120</v>
      </c>
      <c r="L3018" s="49" t="e">
        <f>VLOOKUP(E3018&amp;F3018,団体コード!$A$1:$C$1743,3,FALSE)</f>
        <v>#N/A</v>
      </c>
      <c r="M3018" s="49" t="e">
        <f>VLOOKUP(E3018&amp;F3018,団体コード!$A$1:$C$1743,2,FALSE)</f>
        <v>#N/A</v>
      </c>
      <c r="N3018" s="51" t="e">
        <f>VLOOKUP(E3018,団体コード!$E$1:$F$48,2,FALSE)</f>
        <v>#N/A</v>
      </c>
      <c r="O3018" s="51" t="e">
        <f t="shared" si="97"/>
        <v>#N/A</v>
      </c>
      <c r="P3018" s="51">
        <v>1</v>
      </c>
      <c r="Q3018" s="51" t="s">
        <v>5341</v>
      </c>
      <c r="R3018" s="54" t="b">
        <v>1</v>
      </c>
      <c r="S3018" s="52" t="s">
        <v>7126</v>
      </c>
      <c r="T3018" s="67" t="s">
        <v>7127</v>
      </c>
      <c r="U3018" s="75" t="s">
        <v>5331</v>
      </c>
      <c r="V3018" s="47" t="s">
        <v>5331</v>
      </c>
      <c r="W3018" s="47" t="s">
        <v>5331</v>
      </c>
      <c r="X3018" s="47" t="s">
        <v>5331</v>
      </c>
      <c r="Y3018" s="47" t="s">
        <v>5331</v>
      </c>
      <c r="Z3018" s="28"/>
      <c r="AA3018" s="27"/>
      <c r="AB3018" s="27"/>
      <c r="AC3018" s="27"/>
      <c r="AD3018" s="30"/>
      <c r="AE3018" s="1"/>
      <c r="AF3018" s="23" t="s">
        <v>5331</v>
      </c>
      <c r="AG3018" s="26"/>
      <c r="AH3018" s="53"/>
    </row>
    <row r="3019" spans="1:34" ht="51.6" customHeight="1" x14ac:dyDescent="0.45">
      <c r="A3019" s="23">
        <v>3013</v>
      </c>
      <c r="B3019" s="25"/>
      <c r="C3019" s="25"/>
      <c r="D3019" s="29"/>
      <c r="E3019" s="1"/>
      <c r="F3019" s="1"/>
      <c r="G3019" s="25"/>
      <c r="H3019" s="71"/>
      <c r="I3019" s="83"/>
      <c r="J3019" s="50" t="str">
        <f t="shared" si="96"/>
        <v/>
      </c>
      <c r="K3019" s="23" t="s">
        <v>7120</v>
      </c>
      <c r="L3019" s="49" t="e">
        <f>VLOOKUP(E3019&amp;F3019,団体コード!$A$1:$C$1743,3,FALSE)</f>
        <v>#N/A</v>
      </c>
      <c r="M3019" s="49" t="e">
        <f>VLOOKUP(E3019&amp;F3019,団体コード!$A$1:$C$1743,2,FALSE)</f>
        <v>#N/A</v>
      </c>
      <c r="N3019" s="51" t="e">
        <f>VLOOKUP(E3019,団体コード!$E$1:$F$48,2,FALSE)</f>
        <v>#N/A</v>
      </c>
      <c r="O3019" s="51" t="e">
        <f t="shared" si="97"/>
        <v>#N/A</v>
      </c>
      <c r="P3019" s="51">
        <v>1</v>
      </c>
      <c r="Q3019" s="51" t="s">
        <v>5341</v>
      </c>
      <c r="R3019" s="54" t="b">
        <v>1</v>
      </c>
      <c r="S3019" s="52" t="s">
        <v>7126</v>
      </c>
      <c r="T3019" s="67" t="s">
        <v>7127</v>
      </c>
      <c r="U3019" s="75" t="s">
        <v>5331</v>
      </c>
      <c r="V3019" s="47" t="s">
        <v>5331</v>
      </c>
      <c r="W3019" s="47" t="s">
        <v>5331</v>
      </c>
      <c r="X3019" s="47" t="s">
        <v>5331</v>
      </c>
      <c r="Y3019" s="47" t="s">
        <v>5331</v>
      </c>
      <c r="Z3019" s="28"/>
      <c r="AA3019" s="27"/>
      <c r="AB3019" s="27"/>
      <c r="AC3019" s="27"/>
      <c r="AD3019" s="30"/>
      <c r="AE3019" s="1"/>
      <c r="AF3019" s="23" t="s">
        <v>5331</v>
      </c>
      <c r="AG3019" s="26"/>
      <c r="AH3019" s="53"/>
    </row>
    <row r="3020" spans="1:34" ht="51.6" customHeight="1" x14ac:dyDescent="0.45">
      <c r="A3020" s="23">
        <v>3014</v>
      </c>
      <c r="B3020" s="25"/>
      <c r="C3020" s="25"/>
      <c r="D3020" s="29"/>
      <c r="E3020" s="1"/>
      <c r="F3020" s="1"/>
      <c r="G3020" s="25"/>
      <c r="H3020" s="71"/>
      <c r="I3020" s="83"/>
      <c r="J3020" s="50" t="str">
        <f t="shared" si="96"/>
        <v/>
      </c>
      <c r="K3020" s="23" t="s">
        <v>7120</v>
      </c>
      <c r="L3020" s="49" t="e">
        <f>VLOOKUP(E3020&amp;F3020,団体コード!$A$1:$C$1743,3,FALSE)</f>
        <v>#N/A</v>
      </c>
      <c r="M3020" s="49" t="e">
        <f>VLOOKUP(E3020&amp;F3020,団体コード!$A$1:$C$1743,2,FALSE)</f>
        <v>#N/A</v>
      </c>
      <c r="N3020" s="51" t="e">
        <f>VLOOKUP(E3020,団体コード!$E$1:$F$48,2,FALSE)</f>
        <v>#N/A</v>
      </c>
      <c r="O3020" s="51" t="e">
        <f t="shared" si="97"/>
        <v>#N/A</v>
      </c>
      <c r="P3020" s="51">
        <v>1</v>
      </c>
      <c r="Q3020" s="51" t="s">
        <v>5341</v>
      </c>
      <c r="R3020" s="54" t="b">
        <v>1</v>
      </c>
      <c r="S3020" s="52" t="s">
        <v>7126</v>
      </c>
      <c r="T3020" s="67" t="s">
        <v>7127</v>
      </c>
      <c r="U3020" s="75" t="s">
        <v>5331</v>
      </c>
      <c r="V3020" s="47" t="s">
        <v>5331</v>
      </c>
      <c r="W3020" s="47" t="s">
        <v>5331</v>
      </c>
      <c r="X3020" s="47" t="s">
        <v>5331</v>
      </c>
      <c r="Y3020" s="47" t="s">
        <v>5331</v>
      </c>
      <c r="Z3020" s="28"/>
      <c r="AA3020" s="27"/>
      <c r="AB3020" s="27"/>
      <c r="AC3020" s="27"/>
      <c r="AD3020" s="30"/>
      <c r="AE3020" s="1"/>
      <c r="AF3020" s="23" t="s">
        <v>5331</v>
      </c>
      <c r="AG3020" s="26"/>
      <c r="AH3020" s="53"/>
    </row>
    <row r="3021" spans="1:34" ht="51.6" customHeight="1" x14ac:dyDescent="0.45">
      <c r="A3021" s="23">
        <v>3015</v>
      </c>
      <c r="B3021" s="25"/>
      <c r="C3021" s="25"/>
      <c r="D3021" s="29"/>
      <c r="E3021" s="1"/>
      <c r="F3021" s="1"/>
      <c r="G3021" s="25"/>
      <c r="H3021" s="71"/>
      <c r="I3021" s="83"/>
      <c r="J3021" s="50" t="str">
        <f t="shared" si="96"/>
        <v/>
      </c>
      <c r="K3021" s="23" t="s">
        <v>7120</v>
      </c>
      <c r="L3021" s="49" t="e">
        <f>VLOOKUP(E3021&amp;F3021,団体コード!$A$1:$C$1743,3,FALSE)</f>
        <v>#N/A</v>
      </c>
      <c r="M3021" s="49" t="e">
        <f>VLOOKUP(E3021&amp;F3021,団体コード!$A$1:$C$1743,2,FALSE)</f>
        <v>#N/A</v>
      </c>
      <c r="N3021" s="51" t="e">
        <f>VLOOKUP(E3021,団体コード!$E$1:$F$48,2,FALSE)</f>
        <v>#N/A</v>
      </c>
      <c r="O3021" s="51" t="e">
        <f t="shared" si="97"/>
        <v>#N/A</v>
      </c>
      <c r="P3021" s="51">
        <v>1</v>
      </c>
      <c r="Q3021" s="51" t="s">
        <v>5341</v>
      </c>
      <c r="R3021" s="54" t="b">
        <v>1</v>
      </c>
      <c r="S3021" s="52" t="s">
        <v>7126</v>
      </c>
      <c r="T3021" s="67" t="s">
        <v>7127</v>
      </c>
      <c r="U3021" s="75" t="s">
        <v>5331</v>
      </c>
      <c r="V3021" s="47" t="s">
        <v>5331</v>
      </c>
      <c r="W3021" s="47" t="s">
        <v>5331</v>
      </c>
      <c r="X3021" s="47" t="s">
        <v>5331</v>
      </c>
      <c r="Y3021" s="47" t="s">
        <v>5331</v>
      </c>
      <c r="Z3021" s="28"/>
      <c r="AA3021" s="27"/>
      <c r="AB3021" s="27"/>
      <c r="AC3021" s="27"/>
      <c r="AD3021" s="30"/>
      <c r="AE3021" s="1"/>
      <c r="AF3021" s="23" t="s">
        <v>5331</v>
      </c>
      <c r="AG3021" s="26"/>
      <c r="AH3021" s="53"/>
    </row>
    <row r="3022" spans="1:34" ht="51.6" customHeight="1" x14ac:dyDescent="0.45">
      <c r="A3022" s="23">
        <v>3016</v>
      </c>
      <c r="B3022" s="25"/>
      <c r="C3022" s="25"/>
      <c r="D3022" s="29"/>
      <c r="E3022" s="1"/>
      <c r="F3022" s="1"/>
      <c r="G3022" s="25"/>
      <c r="H3022" s="71"/>
      <c r="I3022" s="83"/>
      <c r="J3022" s="50" t="str">
        <f t="shared" si="96"/>
        <v/>
      </c>
      <c r="K3022" s="23" t="s">
        <v>7120</v>
      </c>
      <c r="L3022" s="49" t="e">
        <f>VLOOKUP(E3022&amp;F3022,団体コード!$A$1:$C$1743,3,FALSE)</f>
        <v>#N/A</v>
      </c>
      <c r="M3022" s="49" t="e">
        <f>VLOOKUP(E3022&amp;F3022,団体コード!$A$1:$C$1743,2,FALSE)</f>
        <v>#N/A</v>
      </c>
      <c r="N3022" s="51" t="e">
        <f>VLOOKUP(E3022,団体コード!$E$1:$F$48,2,FALSE)</f>
        <v>#N/A</v>
      </c>
      <c r="O3022" s="51" t="e">
        <f t="shared" si="97"/>
        <v>#N/A</v>
      </c>
      <c r="P3022" s="51">
        <v>1</v>
      </c>
      <c r="Q3022" s="51" t="s">
        <v>5341</v>
      </c>
      <c r="R3022" s="54" t="b">
        <v>1</v>
      </c>
      <c r="S3022" s="52" t="s">
        <v>7126</v>
      </c>
      <c r="T3022" s="67" t="s">
        <v>7127</v>
      </c>
      <c r="U3022" s="75" t="s">
        <v>5331</v>
      </c>
      <c r="V3022" s="47" t="s">
        <v>5331</v>
      </c>
      <c r="W3022" s="47" t="s">
        <v>5331</v>
      </c>
      <c r="X3022" s="47" t="s">
        <v>5331</v>
      </c>
      <c r="Y3022" s="47" t="s">
        <v>5331</v>
      </c>
      <c r="Z3022" s="28"/>
      <c r="AA3022" s="27"/>
      <c r="AB3022" s="27"/>
      <c r="AC3022" s="27"/>
      <c r="AD3022" s="30"/>
      <c r="AE3022" s="1"/>
      <c r="AF3022" s="23" t="s">
        <v>5331</v>
      </c>
      <c r="AG3022" s="26"/>
      <c r="AH3022" s="53"/>
    </row>
    <row r="3023" spans="1:34" ht="51.6" customHeight="1" x14ac:dyDescent="0.45">
      <c r="A3023" s="23">
        <v>3017</v>
      </c>
      <c r="B3023" s="25"/>
      <c r="C3023" s="25"/>
      <c r="D3023" s="29"/>
      <c r="E3023" s="1"/>
      <c r="F3023" s="1"/>
      <c r="G3023" s="25"/>
      <c r="H3023" s="71"/>
      <c r="I3023" s="83"/>
      <c r="J3023" s="50" t="str">
        <f t="shared" si="96"/>
        <v/>
      </c>
      <c r="K3023" s="23" t="s">
        <v>7120</v>
      </c>
      <c r="L3023" s="49" t="e">
        <f>VLOOKUP(E3023&amp;F3023,団体コード!$A$1:$C$1743,3,FALSE)</f>
        <v>#N/A</v>
      </c>
      <c r="M3023" s="49" t="e">
        <f>VLOOKUP(E3023&amp;F3023,団体コード!$A$1:$C$1743,2,FALSE)</f>
        <v>#N/A</v>
      </c>
      <c r="N3023" s="51" t="e">
        <f>VLOOKUP(E3023,団体コード!$E$1:$F$48,2,FALSE)</f>
        <v>#N/A</v>
      </c>
      <c r="O3023" s="51" t="e">
        <f t="shared" si="97"/>
        <v>#N/A</v>
      </c>
      <c r="P3023" s="51">
        <v>1</v>
      </c>
      <c r="Q3023" s="51" t="s">
        <v>5341</v>
      </c>
      <c r="R3023" s="54" t="b">
        <v>1</v>
      </c>
      <c r="S3023" s="52" t="s">
        <v>7126</v>
      </c>
      <c r="T3023" s="67" t="s">
        <v>7127</v>
      </c>
      <c r="U3023" s="75" t="s">
        <v>5331</v>
      </c>
      <c r="V3023" s="47" t="s">
        <v>5331</v>
      </c>
      <c r="W3023" s="47" t="s">
        <v>5331</v>
      </c>
      <c r="X3023" s="47" t="s">
        <v>5331</v>
      </c>
      <c r="Y3023" s="47" t="s">
        <v>5331</v>
      </c>
      <c r="Z3023" s="28"/>
      <c r="AA3023" s="27"/>
      <c r="AB3023" s="27"/>
      <c r="AC3023" s="27"/>
      <c r="AD3023" s="30"/>
      <c r="AE3023" s="1"/>
      <c r="AF3023" s="23" t="s">
        <v>5331</v>
      </c>
      <c r="AG3023" s="26"/>
      <c r="AH3023" s="53"/>
    </row>
    <row r="3024" spans="1:34" ht="51.6" customHeight="1" x14ac:dyDescent="0.45">
      <c r="A3024" s="23">
        <v>3018</v>
      </c>
      <c r="B3024" s="25"/>
      <c r="C3024" s="25"/>
      <c r="D3024" s="29"/>
      <c r="E3024" s="1"/>
      <c r="F3024" s="1"/>
      <c r="G3024" s="25"/>
      <c r="H3024" s="71"/>
      <c r="I3024" s="83"/>
      <c r="J3024" s="50" t="str">
        <f t="shared" si="96"/>
        <v/>
      </c>
      <c r="K3024" s="23" t="s">
        <v>7120</v>
      </c>
      <c r="L3024" s="49" t="e">
        <f>VLOOKUP(E3024&amp;F3024,団体コード!$A$1:$C$1743,3,FALSE)</f>
        <v>#N/A</v>
      </c>
      <c r="M3024" s="49" t="e">
        <f>VLOOKUP(E3024&amp;F3024,団体コード!$A$1:$C$1743,2,FALSE)</f>
        <v>#N/A</v>
      </c>
      <c r="N3024" s="51" t="e">
        <f>VLOOKUP(E3024,団体コード!$E$1:$F$48,2,FALSE)</f>
        <v>#N/A</v>
      </c>
      <c r="O3024" s="51" t="e">
        <f t="shared" si="97"/>
        <v>#N/A</v>
      </c>
      <c r="P3024" s="51">
        <v>1</v>
      </c>
      <c r="Q3024" s="51" t="s">
        <v>5341</v>
      </c>
      <c r="R3024" s="54" t="b">
        <v>1</v>
      </c>
      <c r="S3024" s="52" t="s">
        <v>7126</v>
      </c>
      <c r="T3024" s="67" t="s">
        <v>7127</v>
      </c>
      <c r="U3024" s="75" t="s">
        <v>5331</v>
      </c>
      <c r="V3024" s="47" t="s">
        <v>5331</v>
      </c>
      <c r="W3024" s="47" t="s">
        <v>5331</v>
      </c>
      <c r="X3024" s="47" t="s">
        <v>5331</v>
      </c>
      <c r="Y3024" s="47" t="s">
        <v>5331</v>
      </c>
      <c r="Z3024" s="28"/>
      <c r="AA3024" s="27"/>
      <c r="AB3024" s="27"/>
      <c r="AC3024" s="27"/>
      <c r="AD3024" s="30"/>
      <c r="AE3024" s="1"/>
      <c r="AF3024" s="23" t="s">
        <v>5331</v>
      </c>
      <c r="AG3024" s="26"/>
      <c r="AH3024" s="53"/>
    </row>
    <row r="3025" spans="1:34" ht="51.6" customHeight="1" x14ac:dyDescent="0.45">
      <c r="A3025" s="23">
        <v>3019</v>
      </c>
      <c r="B3025" s="25"/>
      <c r="C3025" s="25"/>
      <c r="D3025" s="29"/>
      <c r="E3025" s="1"/>
      <c r="F3025" s="1"/>
      <c r="G3025" s="25"/>
      <c r="H3025" s="71"/>
      <c r="I3025" s="83"/>
      <c r="J3025" s="50" t="str">
        <f t="shared" si="96"/>
        <v/>
      </c>
      <c r="K3025" s="23" t="s">
        <v>7120</v>
      </c>
      <c r="L3025" s="49" t="e">
        <f>VLOOKUP(E3025&amp;F3025,団体コード!$A$1:$C$1743,3,FALSE)</f>
        <v>#N/A</v>
      </c>
      <c r="M3025" s="49" t="e">
        <f>VLOOKUP(E3025&amp;F3025,団体コード!$A$1:$C$1743,2,FALSE)</f>
        <v>#N/A</v>
      </c>
      <c r="N3025" s="51" t="e">
        <f>VLOOKUP(E3025,団体コード!$E$1:$F$48,2,FALSE)</f>
        <v>#N/A</v>
      </c>
      <c r="O3025" s="51" t="e">
        <f t="shared" si="97"/>
        <v>#N/A</v>
      </c>
      <c r="P3025" s="51">
        <v>1</v>
      </c>
      <c r="Q3025" s="51" t="s">
        <v>5341</v>
      </c>
      <c r="R3025" s="54" t="b">
        <v>1</v>
      </c>
      <c r="S3025" s="52" t="s">
        <v>7126</v>
      </c>
      <c r="T3025" s="67" t="s">
        <v>7127</v>
      </c>
      <c r="U3025" s="75" t="s">
        <v>5331</v>
      </c>
      <c r="V3025" s="47" t="s">
        <v>5331</v>
      </c>
      <c r="W3025" s="47" t="s">
        <v>5331</v>
      </c>
      <c r="X3025" s="47" t="s">
        <v>5331</v>
      </c>
      <c r="Y3025" s="47" t="s">
        <v>5331</v>
      </c>
      <c r="Z3025" s="28"/>
      <c r="AA3025" s="27"/>
      <c r="AB3025" s="27"/>
      <c r="AC3025" s="27"/>
      <c r="AD3025" s="30"/>
      <c r="AE3025" s="1"/>
      <c r="AF3025" s="23" t="s">
        <v>5331</v>
      </c>
      <c r="AG3025" s="26"/>
      <c r="AH3025" s="53"/>
    </row>
    <row r="3026" spans="1:34" ht="51.6" customHeight="1" x14ac:dyDescent="0.45">
      <c r="A3026" s="23">
        <v>3020</v>
      </c>
      <c r="B3026" s="25"/>
      <c r="C3026" s="25"/>
      <c r="D3026" s="29"/>
      <c r="E3026" s="1"/>
      <c r="F3026" s="1"/>
      <c r="G3026" s="25"/>
      <c r="H3026" s="71"/>
      <c r="I3026" s="83"/>
      <c r="J3026" s="50" t="str">
        <f t="shared" si="96"/>
        <v/>
      </c>
      <c r="K3026" s="23" t="s">
        <v>7120</v>
      </c>
      <c r="L3026" s="49" t="e">
        <f>VLOOKUP(E3026&amp;F3026,団体コード!$A$1:$C$1743,3,FALSE)</f>
        <v>#N/A</v>
      </c>
      <c r="M3026" s="49" t="e">
        <f>VLOOKUP(E3026&amp;F3026,団体コード!$A$1:$C$1743,2,FALSE)</f>
        <v>#N/A</v>
      </c>
      <c r="N3026" s="51" t="e">
        <f>VLOOKUP(E3026,団体コード!$E$1:$F$48,2,FALSE)</f>
        <v>#N/A</v>
      </c>
      <c r="O3026" s="51" t="e">
        <f t="shared" si="97"/>
        <v>#N/A</v>
      </c>
      <c r="P3026" s="51">
        <v>1</v>
      </c>
      <c r="Q3026" s="51" t="s">
        <v>5341</v>
      </c>
      <c r="R3026" s="54" t="b">
        <v>1</v>
      </c>
      <c r="S3026" s="52" t="s">
        <v>7126</v>
      </c>
      <c r="T3026" s="67" t="s">
        <v>7127</v>
      </c>
      <c r="U3026" s="75" t="s">
        <v>5331</v>
      </c>
      <c r="V3026" s="47" t="s">
        <v>5331</v>
      </c>
      <c r="W3026" s="47" t="s">
        <v>5331</v>
      </c>
      <c r="X3026" s="47" t="s">
        <v>5331</v>
      </c>
      <c r="Y3026" s="47" t="s">
        <v>5331</v>
      </c>
      <c r="Z3026" s="28"/>
      <c r="AA3026" s="27"/>
      <c r="AB3026" s="27"/>
      <c r="AC3026" s="27"/>
      <c r="AD3026" s="30"/>
      <c r="AE3026" s="1"/>
      <c r="AF3026" s="23" t="s">
        <v>5331</v>
      </c>
      <c r="AG3026" s="26"/>
      <c r="AH3026" s="53"/>
    </row>
    <row r="3027" spans="1:34" ht="51.6" customHeight="1" x14ac:dyDescent="0.45">
      <c r="A3027" s="23">
        <v>3021</v>
      </c>
      <c r="B3027" s="25"/>
      <c r="C3027" s="25"/>
      <c r="D3027" s="29"/>
      <c r="E3027" s="1"/>
      <c r="F3027" s="1"/>
      <c r="G3027" s="25"/>
      <c r="H3027" s="71"/>
      <c r="I3027" s="83"/>
      <c r="J3027" s="50" t="str">
        <f t="shared" si="96"/>
        <v/>
      </c>
      <c r="K3027" s="23" t="s">
        <v>7120</v>
      </c>
      <c r="L3027" s="49" t="e">
        <f>VLOOKUP(E3027&amp;F3027,団体コード!$A$1:$C$1743,3,FALSE)</f>
        <v>#N/A</v>
      </c>
      <c r="M3027" s="49" t="e">
        <f>VLOOKUP(E3027&amp;F3027,団体コード!$A$1:$C$1743,2,FALSE)</f>
        <v>#N/A</v>
      </c>
      <c r="N3027" s="51" t="e">
        <f>VLOOKUP(E3027,団体コード!$E$1:$F$48,2,FALSE)</f>
        <v>#N/A</v>
      </c>
      <c r="O3027" s="51" t="e">
        <f t="shared" si="97"/>
        <v>#N/A</v>
      </c>
      <c r="P3027" s="51">
        <v>1</v>
      </c>
      <c r="Q3027" s="51" t="s">
        <v>5341</v>
      </c>
      <c r="R3027" s="54" t="b">
        <v>1</v>
      </c>
      <c r="S3027" s="52" t="s">
        <v>7126</v>
      </c>
      <c r="T3027" s="67" t="s">
        <v>7127</v>
      </c>
      <c r="U3027" s="75" t="s">
        <v>5331</v>
      </c>
      <c r="V3027" s="47" t="s">
        <v>5331</v>
      </c>
      <c r="W3027" s="47" t="s">
        <v>5331</v>
      </c>
      <c r="X3027" s="47" t="s">
        <v>5331</v>
      </c>
      <c r="Y3027" s="47" t="s">
        <v>5331</v>
      </c>
      <c r="Z3027" s="28"/>
      <c r="AA3027" s="27"/>
      <c r="AB3027" s="27"/>
      <c r="AC3027" s="27"/>
      <c r="AD3027" s="30"/>
      <c r="AE3027" s="1"/>
      <c r="AF3027" s="23" t="s">
        <v>5331</v>
      </c>
      <c r="AG3027" s="26"/>
      <c r="AH3027" s="53"/>
    </row>
    <row r="3028" spans="1:34" ht="51.6" customHeight="1" x14ac:dyDescent="0.45">
      <c r="A3028" s="23">
        <v>3022</v>
      </c>
      <c r="B3028" s="25"/>
      <c r="C3028" s="25"/>
      <c r="D3028" s="29"/>
      <c r="E3028" s="1"/>
      <c r="F3028" s="1"/>
      <c r="G3028" s="25"/>
      <c r="H3028" s="71"/>
      <c r="I3028" s="83"/>
      <c r="J3028" s="50" t="str">
        <f t="shared" si="96"/>
        <v/>
      </c>
      <c r="K3028" s="23" t="s">
        <v>7120</v>
      </c>
      <c r="L3028" s="49" t="e">
        <f>VLOOKUP(E3028&amp;F3028,団体コード!$A$1:$C$1743,3,FALSE)</f>
        <v>#N/A</v>
      </c>
      <c r="M3028" s="49" t="e">
        <f>VLOOKUP(E3028&amp;F3028,団体コード!$A$1:$C$1743,2,FALSE)</f>
        <v>#N/A</v>
      </c>
      <c r="N3028" s="51" t="e">
        <f>VLOOKUP(E3028,団体コード!$E$1:$F$48,2,FALSE)</f>
        <v>#N/A</v>
      </c>
      <c r="O3028" s="51" t="e">
        <f t="shared" si="97"/>
        <v>#N/A</v>
      </c>
      <c r="P3028" s="51">
        <v>1</v>
      </c>
      <c r="Q3028" s="51" t="s">
        <v>5341</v>
      </c>
      <c r="R3028" s="54" t="b">
        <v>1</v>
      </c>
      <c r="S3028" s="52" t="s">
        <v>7126</v>
      </c>
      <c r="T3028" s="67" t="s">
        <v>7127</v>
      </c>
      <c r="U3028" s="75" t="s">
        <v>5331</v>
      </c>
      <c r="V3028" s="47" t="s">
        <v>5331</v>
      </c>
      <c r="W3028" s="47" t="s">
        <v>5331</v>
      </c>
      <c r="X3028" s="47" t="s">
        <v>5331</v>
      </c>
      <c r="Y3028" s="47" t="s">
        <v>5331</v>
      </c>
      <c r="Z3028" s="28"/>
      <c r="AA3028" s="27"/>
      <c r="AB3028" s="27"/>
      <c r="AC3028" s="27"/>
      <c r="AD3028" s="30"/>
      <c r="AE3028" s="1"/>
      <c r="AF3028" s="23" t="s">
        <v>5331</v>
      </c>
      <c r="AG3028" s="26"/>
      <c r="AH3028" s="53"/>
    </row>
    <row r="3029" spans="1:34" ht="51.6" customHeight="1" x14ac:dyDescent="0.45">
      <c r="A3029" s="23">
        <v>3023</v>
      </c>
      <c r="B3029" s="25"/>
      <c r="C3029" s="25"/>
      <c r="D3029" s="29"/>
      <c r="E3029" s="1"/>
      <c r="F3029" s="1"/>
      <c r="G3029" s="25"/>
      <c r="H3029" s="71"/>
      <c r="I3029" s="83"/>
      <c r="J3029" s="50" t="str">
        <f t="shared" si="96"/>
        <v/>
      </c>
      <c r="K3029" s="23" t="s">
        <v>7120</v>
      </c>
      <c r="L3029" s="49" t="e">
        <f>VLOOKUP(E3029&amp;F3029,団体コード!$A$1:$C$1743,3,FALSE)</f>
        <v>#N/A</v>
      </c>
      <c r="M3029" s="49" t="e">
        <f>VLOOKUP(E3029&amp;F3029,団体コード!$A$1:$C$1743,2,FALSE)</f>
        <v>#N/A</v>
      </c>
      <c r="N3029" s="51" t="e">
        <f>VLOOKUP(E3029,団体コード!$E$1:$F$48,2,FALSE)</f>
        <v>#N/A</v>
      </c>
      <c r="O3029" s="51" t="e">
        <f t="shared" si="97"/>
        <v>#N/A</v>
      </c>
      <c r="P3029" s="51">
        <v>1</v>
      </c>
      <c r="Q3029" s="51" t="s">
        <v>5341</v>
      </c>
      <c r="R3029" s="54" t="b">
        <v>1</v>
      </c>
      <c r="S3029" s="52" t="s">
        <v>7126</v>
      </c>
      <c r="T3029" s="67" t="s">
        <v>7127</v>
      </c>
      <c r="U3029" s="75" t="s">
        <v>5331</v>
      </c>
      <c r="V3029" s="47" t="s">
        <v>5331</v>
      </c>
      <c r="W3029" s="47" t="s">
        <v>5331</v>
      </c>
      <c r="X3029" s="47" t="s">
        <v>5331</v>
      </c>
      <c r="Y3029" s="47" t="s">
        <v>5331</v>
      </c>
      <c r="Z3029" s="28"/>
      <c r="AA3029" s="27"/>
      <c r="AB3029" s="27"/>
      <c r="AC3029" s="27"/>
      <c r="AD3029" s="30"/>
      <c r="AE3029" s="1"/>
      <c r="AF3029" s="23" t="s">
        <v>5331</v>
      </c>
      <c r="AG3029" s="26"/>
      <c r="AH3029" s="53"/>
    </row>
    <row r="3030" spans="1:34" ht="51.6" customHeight="1" x14ac:dyDescent="0.45">
      <c r="A3030" s="23">
        <v>3024</v>
      </c>
      <c r="B3030" s="25"/>
      <c r="C3030" s="25"/>
      <c r="D3030" s="29"/>
      <c r="E3030" s="1"/>
      <c r="F3030" s="1"/>
      <c r="G3030" s="25"/>
      <c r="H3030" s="71"/>
      <c r="I3030" s="83"/>
      <c r="J3030" s="50" t="str">
        <f t="shared" si="96"/>
        <v/>
      </c>
      <c r="K3030" s="23" t="s">
        <v>7120</v>
      </c>
      <c r="L3030" s="49" t="e">
        <f>VLOOKUP(E3030&amp;F3030,団体コード!$A$1:$C$1743,3,FALSE)</f>
        <v>#N/A</v>
      </c>
      <c r="M3030" s="49" t="e">
        <f>VLOOKUP(E3030&amp;F3030,団体コード!$A$1:$C$1743,2,FALSE)</f>
        <v>#N/A</v>
      </c>
      <c r="N3030" s="51" t="e">
        <f>VLOOKUP(E3030,団体コード!$E$1:$F$48,2,FALSE)</f>
        <v>#N/A</v>
      </c>
      <c r="O3030" s="51" t="e">
        <f t="shared" si="97"/>
        <v>#N/A</v>
      </c>
      <c r="P3030" s="51">
        <v>1</v>
      </c>
      <c r="Q3030" s="51" t="s">
        <v>5341</v>
      </c>
      <c r="R3030" s="54" t="b">
        <v>1</v>
      </c>
      <c r="S3030" s="52" t="s">
        <v>7126</v>
      </c>
      <c r="T3030" s="67" t="s">
        <v>7127</v>
      </c>
      <c r="U3030" s="75" t="s">
        <v>5331</v>
      </c>
      <c r="V3030" s="47" t="s">
        <v>5331</v>
      </c>
      <c r="W3030" s="47" t="s">
        <v>5331</v>
      </c>
      <c r="X3030" s="47" t="s">
        <v>5331</v>
      </c>
      <c r="Y3030" s="47" t="s">
        <v>5331</v>
      </c>
      <c r="Z3030" s="28"/>
      <c r="AA3030" s="27"/>
      <c r="AB3030" s="27"/>
      <c r="AC3030" s="27"/>
      <c r="AD3030" s="30"/>
      <c r="AE3030" s="1"/>
      <c r="AF3030" s="23" t="s">
        <v>5331</v>
      </c>
      <c r="AG3030" s="26"/>
      <c r="AH3030" s="53"/>
    </row>
    <row r="3031" spans="1:34" ht="51.6" customHeight="1" x14ac:dyDescent="0.45">
      <c r="A3031" s="23">
        <v>3025</v>
      </c>
      <c r="B3031" s="25"/>
      <c r="C3031" s="25"/>
      <c r="D3031" s="29"/>
      <c r="E3031" s="1"/>
      <c r="F3031" s="1"/>
      <c r="G3031" s="25"/>
      <c r="H3031" s="71"/>
      <c r="I3031" s="83"/>
      <c r="J3031" s="50" t="str">
        <f t="shared" si="96"/>
        <v/>
      </c>
      <c r="K3031" s="23" t="s">
        <v>7120</v>
      </c>
      <c r="L3031" s="49" t="e">
        <f>VLOOKUP(E3031&amp;F3031,団体コード!$A$1:$C$1743,3,FALSE)</f>
        <v>#N/A</v>
      </c>
      <c r="M3031" s="49" t="e">
        <f>VLOOKUP(E3031&amp;F3031,団体コード!$A$1:$C$1743,2,FALSE)</f>
        <v>#N/A</v>
      </c>
      <c r="N3031" s="51" t="e">
        <f>VLOOKUP(E3031,団体コード!$E$1:$F$48,2,FALSE)</f>
        <v>#N/A</v>
      </c>
      <c r="O3031" s="51" t="e">
        <f t="shared" si="97"/>
        <v>#N/A</v>
      </c>
      <c r="P3031" s="51">
        <v>1</v>
      </c>
      <c r="Q3031" s="51" t="s">
        <v>5341</v>
      </c>
      <c r="R3031" s="54" t="b">
        <v>1</v>
      </c>
      <c r="S3031" s="52" t="s">
        <v>7126</v>
      </c>
      <c r="T3031" s="67" t="s">
        <v>7127</v>
      </c>
      <c r="U3031" s="75" t="s">
        <v>5331</v>
      </c>
      <c r="V3031" s="47" t="s">
        <v>5331</v>
      </c>
      <c r="W3031" s="47" t="s">
        <v>5331</v>
      </c>
      <c r="X3031" s="47" t="s">
        <v>5331</v>
      </c>
      <c r="Y3031" s="47" t="s">
        <v>5331</v>
      </c>
      <c r="Z3031" s="28"/>
      <c r="AA3031" s="27"/>
      <c r="AB3031" s="27"/>
      <c r="AC3031" s="27"/>
      <c r="AD3031" s="30"/>
      <c r="AE3031" s="1"/>
      <c r="AF3031" s="23" t="s">
        <v>5331</v>
      </c>
      <c r="AG3031" s="26"/>
      <c r="AH3031" s="53"/>
    </row>
    <row r="3032" spans="1:34" ht="51.6" customHeight="1" x14ac:dyDescent="0.45">
      <c r="A3032" s="23">
        <v>3026</v>
      </c>
      <c r="B3032" s="25"/>
      <c r="C3032" s="25"/>
      <c r="D3032" s="29"/>
      <c r="E3032" s="1"/>
      <c r="F3032" s="1"/>
      <c r="G3032" s="25"/>
      <c r="H3032" s="71"/>
      <c r="I3032" s="83"/>
      <c r="J3032" s="50" t="str">
        <f t="shared" si="96"/>
        <v/>
      </c>
      <c r="K3032" s="23" t="s">
        <v>7120</v>
      </c>
      <c r="L3032" s="49" t="e">
        <f>VLOOKUP(E3032&amp;F3032,団体コード!$A$1:$C$1743,3,FALSE)</f>
        <v>#N/A</v>
      </c>
      <c r="M3032" s="49" t="e">
        <f>VLOOKUP(E3032&amp;F3032,団体コード!$A$1:$C$1743,2,FALSE)</f>
        <v>#N/A</v>
      </c>
      <c r="N3032" s="51" t="e">
        <f>VLOOKUP(E3032,団体コード!$E$1:$F$48,2,FALSE)</f>
        <v>#N/A</v>
      </c>
      <c r="O3032" s="51" t="e">
        <f t="shared" si="97"/>
        <v>#N/A</v>
      </c>
      <c r="P3032" s="51">
        <v>1</v>
      </c>
      <c r="Q3032" s="51" t="s">
        <v>5341</v>
      </c>
      <c r="R3032" s="54" t="b">
        <v>1</v>
      </c>
      <c r="S3032" s="52" t="s">
        <v>7126</v>
      </c>
      <c r="T3032" s="67" t="s">
        <v>7127</v>
      </c>
      <c r="U3032" s="75" t="s">
        <v>5331</v>
      </c>
      <c r="V3032" s="47" t="s">
        <v>5331</v>
      </c>
      <c r="W3032" s="47" t="s">
        <v>5331</v>
      </c>
      <c r="X3032" s="47" t="s">
        <v>5331</v>
      </c>
      <c r="Y3032" s="47" t="s">
        <v>5331</v>
      </c>
      <c r="Z3032" s="28"/>
      <c r="AA3032" s="27"/>
      <c r="AB3032" s="27"/>
      <c r="AC3032" s="27"/>
      <c r="AD3032" s="30"/>
      <c r="AE3032" s="1"/>
      <c r="AF3032" s="23" t="s">
        <v>5331</v>
      </c>
      <c r="AG3032" s="26"/>
      <c r="AH3032" s="53"/>
    </row>
    <row r="3033" spans="1:34" ht="51.6" customHeight="1" x14ac:dyDescent="0.45">
      <c r="A3033" s="23">
        <v>3027</v>
      </c>
      <c r="B3033" s="25"/>
      <c r="C3033" s="25"/>
      <c r="D3033" s="29"/>
      <c r="E3033" s="1"/>
      <c r="F3033" s="1"/>
      <c r="G3033" s="25"/>
      <c r="H3033" s="71"/>
      <c r="I3033" s="83"/>
      <c r="J3033" s="50" t="str">
        <f t="shared" si="96"/>
        <v/>
      </c>
      <c r="K3033" s="23" t="s">
        <v>7120</v>
      </c>
      <c r="L3033" s="49" t="e">
        <f>VLOOKUP(E3033&amp;F3033,団体コード!$A$1:$C$1743,3,FALSE)</f>
        <v>#N/A</v>
      </c>
      <c r="M3033" s="49" t="e">
        <f>VLOOKUP(E3033&amp;F3033,団体コード!$A$1:$C$1743,2,FALSE)</f>
        <v>#N/A</v>
      </c>
      <c r="N3033" s="51" t="e">
        <f>VLOOKUP(E3033,団体コード!$E$1:$F$48,2,FALSE)</f>
        <v>#N/A</v>
      </c>
      <c r="O3033" s="51" t="e">
        <f t="shared" si="97"/>
        <v>#N/A</v>
      </c>
      <c r="P3033" s="51">
        <v>1</v>
      </c>
      <c r="Q3033" s="51" t="s">
        <v>5341</v>
      </c>
      <c r="R3033" s="54" t="b">
        <v>1</v>
      </c>
      <c r="S3033" s="52" t="s">
        <v>7126</v>
      </c>
      <c r="T3033" s="67" t="s">
        <v>7127</v>
      </c>
      <c r="U3033" s="75" t="s">
        <v>5331</v>
      </c>
      <c r="V3033" s="47" t="s">
        <v>5331</v>
      </c>
      <c r="W3033" s="47" t="s">
        <v>5331</v>
      </c>
      <c r="X3033" s="47" t="s">
        <v>5331</v>
      </c>
      <c r="Y3033" s="47" t="s">
        <v>5331</v>
      </c>
      <c r="Z3033" s="28"/>
      <c r="AA3033" s="27"/>
      <c r="AB3033" s="27"/>
      <c r="AC3033" s="27"/>
      <c r="AD3033" s="30"/>
      <c r="AE3033" s="1"/>
      <c r="AF3033" s="23" t="s">
        <v>5331</v>
      </c>
      <c r="AG3033" s="26"/>
      <c r="AH3033" s="53"/>
    </row>
    <row r="3034" spans="1:34" ht="51.6" customHeight="1" x14ac:dyDescent="0.45">
      <c r="A3034" s="23">
        <v>3028</v>
      </c>
      <c r="B3034" s="25"/>
      <c r="C3034" s="25"/>
      <c r="D3034" s="29"/>
      <c r="E3034" s="1"/>
      <c r="F3034" s="1"/>
      <c r="G3034" s="25"/>
      <c r="H3034" s="71"/>
      <c r="I3034" s="83"/>
      <c r="J3034" s="50" t="str">
        <f t="shared" si="96"/>
        <v/>
      </c>
      <c r="K3034" s="23" t="s">
        <v>7120</v>
      </c>
      <c r="L3034" s="49" t="e">
        <f>VLOOKUP(E3034&amp;F3034,団体コード!$A$1:$C$1743,3,FALSE)</f>
        <v>#N/A</v>
      </c>
      <c r="M3034" s="49" t="e">
        <f>VLOOKUP(E3034&amp;F3034,団体コード!$A$1:$C$1743,2,FALSE)</f>
        <v>#N/A</v>
      </c>
      <c r="N3034" s="51" t="e">
        <f>VLOOKUP(E3034,団体コード!$E$1:$F$48,2,FALSE)</f>
        <v>#N/A</v>
      </c>
      <c r="O3034" s="51" t="e">
        <f t="shared" si="97"/>
        <v>#N/A</v>
      </c>
      <c r="P3034" s="51">
        <v>1</v>
      </c>
      <c r="Q3034" s="51" t="s">
        <v>5341</v>
      </c>
      <c r="R3034" s="54" t="b">
        <v>1</v>
      </c>
      <c r="S3034" s="52" t="s">
        <v>7126</v>
      </c>
      <c r="T3034" s="67" t="s">
        <v>7127</v>
      </c>
      <c r="U3034" s="75" t="s">
        <v>5331</v>
      </c>
      <c r="V3034" s="47" t="s">
        <v>5331</v>
      </c>
      <c r="W3034" s="47" t="s">
        <v>5331</v>
      </c>
      <c r="X3034" s="47" t="s">
        <v>5331</v>
      </c>
      <c r="Y3034" s="47" t="s">
        <v>5331</v>
      </c>
      <c r="Z3034" s="28"/>
      <c r="AA3034" s="27"/>
      <c r="AB3034" s="27"/>
      <c r="AC3034" s="27"/>
      <c r="AD3034" s="30"/>
      <c r="AE3034" s="1"/>
      <c r="AF3034" s="23" t="s">
        <v>5331</v>
      </c>
      <c r="AG3034" s="26"/>
      <c r="AH3034" s="53"/>
    </row>
    <row r="3035" spans="1:34" ht="51.6" customHeight="1" x14ac:dyDescent="0.45">
      <c r="A3035" s="23">
        <v>3029</v>
      </c>
      <c r="B3035" s="25"/>
      <c r="C3035" s="25"/>
      <c r="D3035" s="29"/>
      <c r="E3035" s="1"/>
      <c r="F3035" s="1"/>
      <c r="G3035" s="25"/>
      <c r="H3035" s="71"/>
      <c r="I3035" s="83"/>
      <c r="J3035" s="50" t="str">
        <f t="shared" si="96"/>
        <v/>
      </c>
      <c r="K3035" s="23" t="s">
        <v>7120</v>
      </c>
      <c r="L3035" s="49" t="e">
        <f>VLOOKUP(E3035&amp;F3035,団体コード!$A$1:$C$1743,3,FALSE)</f>
        <v>#N/A</v>
      </c>
      <c r="M3035" s="49" t="e">
        <f>VLOOKUP(E3035&amp;F3035,団体コード!$A$1:$C$1743,2,FALSE)</f>
        <v>#N/A</v>
      </c>
      <c r="N3035" s="51" t="e">
        <f>VLOOKUP(E3035,団体コード!$E$1:$F$48,2,FALSE)</f>
        <v>#N/A</v>
      </c>
      <c r="O3035" s="51" t="e">
        <f t="shared" si="97"/>
        <v>#N/A</v>
      </c>
      <c r="P3035" s="51">
        <v>1</v>
      </c>
      <c r="Q3035" s="51" t="s">
        <v>5341</v>
      </c>
      <c r="R3035" s="54" t="b">
        <v>1</v>
      </c>
      <c r="S3035" s="52" t="s">
        <v>7126</v>
      </c>
      <c r="T3035" s="67" t="s">
        <v>7127</v>
      </c>
      <c r="U3035" s="75" t="s">
        <v>5331</v>
      </c>
      <c r="V3035" s="47" t="s">
        <v>5331</v>
      </c>
      <c r="W3035" s="47" t="s">
        <v>5331</v>
      </c>
      <c r="X3035" s="47" t="s">
        <v>5331</v>
      </c>
      <c r="Y3035" s="47" t="s">
        <v>5331</v>
      </c>
      <c r="Z3035" s="28"/>
      <c r="AA3035" s="27"/>
      <c r="AB3035" s="27"/>
      <c r="AC3035" s="27"/>
      <c r="AD3035" s="30"/>
      <c r="AE3035" s="1"/>
      <c r="AF3035" s="23" t="s">
        <v>5331</v>
      </c>
      <c r="AG3035" s="26"/>
      <c r="AH3035" s="53"/>
    </row>
    <row r="3036" spans="1:34" ht="51.6" customHeight="1" x14ac:dyDescent="0.45">
      <c r="A3036" s="23">
        <v>3030</v>
      </c>
      <c r="B3036" s="25"/>
      <c r="C3036" s="25"/>
      <c r="D3036" s="29"/>
      <c r="E3036" s="1"/>
      <c r="F3036" s="1"/>
      <c r="G3036" s="25"/>
      <c r="H3036" s="71"/>
      <c r="I3036" s="83"/>
      <c r="J3036" s="50" t="str">
        <f t="shared" si="96"/>
        <v/>
      </c>
      <c r="K3036" s="23" t="s">
        <v>7120</v>
      </c>
      <c r="L3036" s="49" t="e">
        <f>VLOOKUP(E3036&amp;F3036,団体コード!$A$1:$C$1743,3,FALSE)</f>
        <v>#N/A</v>
      </c>
      <c r="M3036" s="49" t="e">
        <f>VLOOKUP(E3036&amp;F3036,団体コード!$A$1:$C$1743,2,FALSE)</f>
        <v>#N/A</v>
      </c>
      <c r="N3036" s="51" t="e">
        <f>VLOOKUP(E3036,団体コード!$E$1:$F$48,2,FALSE)</f>
        <v>#N/A</v>
      </c>
      <c r="O3036" s="51" t="e">
        <f t="shared" si="97"/>
        <v>#N/A</v>
      </c>
      <c r="P3036" s="51">
        <v>1</v>
      </c>
      <c r="Q3036" s="51" t="s">
        <v>5341</v>
      </c>
      <c r="R3036" s="54" t="b">
        <v>1</v>
      </c>
      <c r="S3036" s="52" t="s">
        <v>7126</v>
      </c>
      <c r="T3036" s="67" t="s">
        <v>7127</v>
      </c>
      <c r="U3036" s="75" t="s">
        <v>5331</v>
      </c>
      <c r="V3036" s="47" t="s">
        <v>5331</v>
      </c>
      <c r="W3036" s="47" t="s">
        <v>5331</v>
      </c>
      <c r="X3036" s="47" t="s">
        <v>5331</v>
      </c>
      <c r="Y3036" s="47" t="s">
        <v>5331</v>
      </c>
      <c r="Z3036" s="28"/>
      <c r="AA3036" s="27"/>
      <c r="AB3036" s="27"/>
      <c r="AC3036" s="27"/>
      <c r="AD3036" s="30"/>
      <c r="AE3036" s="1"/>
      <c r="AF3036" s="23" t="s">
        <v>5331</v>
      </c>
      <c r="AG3036" s="26"/>
      <c r="AH3036" s="53"/>
    </row>
    <row r="3037" spans="1:34" ht="51.6" customHeight="1" x14ac:dyDescent="0.45">
      <c r="A3037" s="23">
        <v>3031</v>
      </c>
      <c r="B3037" s="25"/>
      <c r="C3037" s="25"/>
      <c r="D3037" s="29"/>
      <c r="E3037" s="1"/>
      <c r="F3037" s="1"/>
      <c r="G3037" s="25"/>
      <c r="H3037" s="71"/>
      <c r="I3037" s="83"/>
      <c r="J3037" s="50" t="str">
        <f t="shared" si="96"/>
        <v/>
      </c>
      <c r="K3037" s="23" t="s">
        <v>7120</v>
      </c>
      <c r="L3037" s="49" t="e">
        <f>VLOOKUP(E3037&amp;F3037,団体コード!$A$1:$C$1743,3,FALSE)</f>
        <v>#N/A</v>
      </c>
      <c r="M3037" s="49" t="e">
        <f>VLOOKUP(E3037&amp;F3037,団体コード!$A$1:$C$1743,2,FALSE)</f>
        <v>#N/A</v>
      </c>
      <c r="N3037" s="51" t="e">
        <f>VLOOKUP(E3037,団体コード!$E$1:$F$48,2,FALSE)</f>
        <v>#N/A</v>
      </c>
      <c r="O3037" s="51" t="e">
        <f t="shared" si="97"/>
        <v>#N/A</v>
      </c>
      <c r="P3037" s="51">
        <v>1</v>
      </c>
      <c r="Q3037" s="51" t="s">
        <v>5341</v>
      </c>
      <c r="R3037" s="54" t="b">
        <v>1</v>
      </c>
      <c r="S3037" s="52" t="s">
        <v>7126</v>
      </c>
      <c r="T3037" s="67" t="s">
        <v>7127</v>
      </c>
      <c r="U3037" s="75" t="s">
        <v>5331</v>
      </c>
      <c r="V3037" s="47" t="s">
        <v>5331</v>
      </c>
      <c r="W3037" s="47" t="s">
        <v>5331</v>
      </c>
      <c r="X3037" s="47" t="s">
        <v>5331</v>
      </c>
      <c r="Y3037" s="47" t="s">
        <v>5331</v>
      </c>
      <c r="Z3037" s="28"/>
      <c r="AA3037" s="27"/>
      <c r="AB3037" s="27"/>
      <c r="AC3037" s="27"/>
      <c r="AD3037" s="30"/>
      <c r="AE3037" s="1"/>
      <c r="AF3037" s="23" t="s">
        <v>5331</v>
      </c>
      <c r="AG3037" s="26"/>
      <c r="AH3037" s="53"/>
    </row>
    <row r="3038" spans="1:34" ht="51.6" customHeight="1" x14ac:dyDescent="0.45">
      <c r="A3038" s="23">
        <v>3032</v>
      </c>
      <c r="B3038" s="25"/>
      <c r="C3038" s="25"/>
      <c r="D3038" s="29"/>
      <c r="E3038" s="1"/>
      <c r="F3038" s="1"/>
      <c r="G3038" s="25"/>
      <c r="H3038" s="71"/>
      <c r="I3038" s="83"/>
      <c r="J3038" s="50" t="str">
        <f t="shared" si="96"/>
        <v/>
      </c>
      <c r="K3038" s="23" t="s">
        <v>7120</v>
      </c>
      <c r="L3038" s="49" t="e">
        <f>VLOOKUP(E3038&amp;F3038,団体コード!$A$1:$C$1743,3,FALSE)</f>
        <v>#N/A</v>
      </c>
      <c r="M3038" s="49" t="e">
        <f>VLOOKUP(E3038&amp;F3038,団体コード!$A$1:$C$1743,2,FALSE)</f>
        <v>#N/A</v>
      </c>
      <c r="N3038" s="51" t="e">
        <f>VLOOKUP(E3038,団体コード!$E$1:$F$48,2,FALSE)</f>
        <v>#N/A</v>
      </c>
      <c r="O3038" s="51" t="e">
        <f t="shared" si="97"/>
        <v>#N/A</v>
      </c>
      <c r="P3038" s="51">
        <v>1</v>
      </c>
      <c r="Q3038" s="51" t="s">
        <v>5341</v>
      </c>
      <c r="R3038" s="54" t="b">
        <v>1</v>
      </c>
      <c r="S3038" s="52" t="s">
        <v>7126</v>
      </c>
      <c r="T3038" s="67" t="s">
        <v>7127</v>
      </c>
      <c r="U3038" s="75" t="s">
        <v>5331</v>
      </c>
      <c r="V3038" s="47" t="s">
        <v>5331</v>
      </c>
      <c r="W3038" s="47" t="s">
        <v>5331</v>
      </c>
      <c r="X3038" s="47" t="s">
        <v>5331</v>
      </c>
      <c r="Y3038" s="47" t="s">
        <v>5331</v>
      </c>
      <c r="Z3038" s="28"/>
      <c r="AA3038" s="27"/>
      <c r="AB3038" s="27"/>
      <c r="AC3038" s="27"/>
      <c r="AD3038" s="30"/>
      <c r="AE3038" s="1"/>
      <c r="AF3038" s="23" t="s">
        <v>5331</v>
      </c>
      <c r="AG3038" s="26"/>
      <c r="AH3038" s="53"/>
    </row>
    <row r="3039" spans="1:34" ht="51.6" customHeight="1" x14ac:dyDescent="0.45">
      <c r="A3039" s="23">
        <v>3033</v>
      </c>
      <c r="B3039" s="25"/>
      <c r="C3039" s="25"/>
      <c r="D3039" s="29"/>
      <c r="E3039" s="1"/>
      <c r="F3039" s="1"/>
      <c r="G3039" s="25"/>
      <c r="H3039" s="71"/>
      <c r="I3039" s="83"/>
      <c r="J3039" s="50" t="str">
        <f t="shared" si="96"/>
        <v/>
      </c>
      <c r="K3039" s="23" t="s">
        <v>7120</v>
      </c>
      <c r="L3039" s="49" t="e">
        <f>VLOOKUP(E3039&amp;F3039,団体コード!$A$1:$C$1743,3,FALSE)</f>
        <v>#N/A</v>
      </c>
      <c r="M3039" s="49" t="e">
        <f>VLOOKUP(E3039&amp;F3039,団体コード!$A$1:$C$1743,2,FALSE)</f>
        <v>#N/A</v>
      </c>
      <c r="N3039" s="51" t="e">
        <f>VLOOKUP(E3039,団体コード!$E$1:$F$48,2,FALSE)</f>
        <v>#N/A</v>
      </c>
      <c r="O3039" s="51" t="e">
        <f t="shared" si="97"/>
        <v>#N/A</v>
      </c>
      <c r="P3039" s="51">
        <v>1</v>
      </c>
      <c r="Q3039" s="51" t="s">
        <v>5341</v>
      </c>
      <c r="R3039" s="54" t="b">
        <v>1</v>
      </c>
      <c r="S3039" s="52" t="s">
        <v>7126</v>
      </c>
      <c r="T3039" s="67" t="s">
        <v>7127</v>
      </c>
      <c r="U3039" s="75" t="s">
        <v>5331</v>
      </c>
      <c r="V3039" s="47" t="s">
        <v>5331</v>
      </c>
      <c r="W3039" s="47" t="s">
        <v>5331</v>
      </c>
      <c r="X3039" s="47" t="s">
        <v>5331</v>
      </c>
      <c r="Y3039" s="47" t="s">
        <v>5331</v>
      </c>
      <c r="Z3039" s="28"/>
      <c r="AA3039" s="27"/>
      <c r="AB3039" s="27"/>
      <c r="AC3039" s="27"/>
      <c r="AD3039" s="30"/>
      <c r="AE3039" s="1"/>
      <c r="AF3039" s="23" t="s">
        <v>5331</v>
      </c>
      <c r="AG3039" s="26"/>
      <c r="AH3039" s="53"/>
    </row>
    <row r="3040" spans="1:34" ht="51.6" customHeight="1" x14ac:dyDescent="0.45">
      <c r="A3040" s="23">
        <v>3034</v>
      </c>
      <c r="B3040" s="25"/>
      <c r="C3040" s="25"/>
      <c r="D3040" s="29"/>
      <c r="E3040" s="1"/>
      <c r="F3040" s="1"/>
      <c r="G3040" s="25"/>
      <c r="H3040" s="71"/>
      <c r="I3040" s="83"/>
      <c r="J3040" s="50" t="str">
        <f t="shared" si="96"/>
        <v/>
      </c>
      <c r="K3040" s="23" t="s">
        <v>7120</v>
      </c>
      <c r="L3040" s="49" t="e">
        <f>VLOOKUP(E3040&amp;F3040,団体コード!$A$1:$C$1743,3,FALSE)</f>
        <v>#N/A</v>
      </c>
      <c r="M3040" s="49" t="e">
        <f>VLOOKUP(E3040&amp;F3040,団体コード!$A$1:$C$1743,2,FALSE)</f>
        <v>#N/A</v>
      </c>
      <c r="N3040" s="51" t="e">
        <f>VLOOKUP(E3040,団体コード!$E$1:$F$48,2,FALSE)</f>
        <v>#N/A</v>
      </c>
      <c r="O3040" s="51" t="e">
        <f t="shared" si="97"/>
        <v>#N/A</v>
      </c>
      <c r="P3040" s="51">
        <v>1</v>
      </c>
      <c r="Q3040" s="51" t="s">
        <v>5341</v>
      </c>
      <c r="R3040" s="54" t="b">
        <v>1</v>
      </c>
      <c r="S3040" s="52" t="s">
        <v>7126</v>
      </c>
      <c r="T3040" s="67" t="s">
        <v>7127</v>
      </c>
      <c r="U3040" s="75" t="s">
        <v>5331</v>
      </c>
      <c r="V3040" s="47" t="s">
        <v>5331</v>
      </c>
      <c r="W3040" s="47" t="s">
        <v>5331</v>
      </c>
      <c r="X3040" s="47" t="s">
        <v>5331</v>
      </c>
      <c r="Y3040" s="47" t="s">
        <v>5331</v>
      </c>
      <c r="Z3040" s="28"/>
      <c r="AA3040" s="27"/>
      <c r="AB3040" s="27"/>
      <c r="AC3040" s="27"/>
      <c r="AD3040" s="30"/>
      <c r="AE3040" s="1"/>
      <c r="AF3040" s="23" t="s">
        <v>5331</v>
      </c>
      <c r="AG3040" s="26"/>
      <c r="AH3040" s="53"/>
    </row>
    <row r="3041" spans="1:34" ht="51.6" customHeight="1" x14ac:dyDescent="0.45">
      <c r="A3041" s="23">
        <v>3035</v>
      </c>
      <c r="B3041" s="25"/>
      <c r="C3041" s="25"/>
      <c r="D3041" s="29"/>
      <c r="E3041" s="1"/>
      <c r="F3041" s="1"/>
      <c r="G3041" s="25"/>
      <c r="H3041" s="71"/>
      <c r="I3041" s="83"/>
      <c r="J3041" s="50" t="str">
        <f t="shared" si="96"/>
        <v/>
      </c>
      <c r="K3041" s="23" t="s">
        <v>7120</v>
      </c>
      <c r="L3041" s="49" t="e">
        <f>VLOOKUP(E3041&amp;F3041,団体コード!$A$1:$C$1743,3,FALSE)</f>
        <v>#N/A</v>
      </c>
      <c r="M3041" s="49" t="e">
        <f>VLOOKUP(E3041&amp;F3041,団体コード!$A$1:$C$1743,2,FALSE)</f>
        <v>#N/A</v>
      </c>
      <c r="N3041" s="51" t="e">
        <f>VLOOKUP(E3041,団体コード!$E$1:$F$48,2,FALSE)</f>
        <v>#N/A</v>
      </c>
      <c r="O3041" s="51" t="e">
        <f t="shared" si="97"/>
        <v>#N/A</v>
      </c>
      <c r="P3041" s="51">
        <v>1</v>
      </c>
      <c r="Q3041" s="51" t="s">
        <v>5341</v>
      </c>
      <c r="R3041" s="54" t="b">
        <v>1</v>
      </c>
      <c r="S3041" s="52" t="s">
        <v>7126</v>
      </c>
      <c r="T3041" s="67" t="s">
        <v>7127</v>
      </c>
      <c r="U3041" s="75" t="s">
        <v>5331</v>
      </c>
      <c r="V3041" s="47" t="s">
        <v>5331</v>
      </c>
      <c r="W3041" s="47" t="s">
        <v>5331</v>
      </c>
      <c r="X3041" s="47" t="s">
        <v>5331</v>
      </c>
      <c r="Y3041" s="47" t="s">
        <v>5331</v>
      </c>
      <c r="Z3041" s="28"/>
      <c r="AA3041" s="27"/>
      <c r="AB3041" s="27"/>
      <c r="AC3041" s="27"/>
      <c r="AD3041" s="30"/>
      <c r="AE3041" s="1"/>
      <c r="AF3041" s="23" t="s">
        <v>5331</v>
      </c>
      <c r="AG3041" s="26"/>
      <c r="AH3041" s="53"/>
    </row>
    <row r="3042" spans="1:34" ht="51.6" customHeight="1" x14ac:dyDescent="0.45">
      <c r="A3042" s="23">
        <v>3036</v>
      </c>
      <c r="B3042" s="25"/>
      <c r="C3042" s="25"/>
      <c r="D3042" s="29"/>
      <c r="E3042" s="1"/>
      <c r="F3042" s="1"/>
      <c r="G3042" s="25"/>
      <c r="H3042" s="71"/>
      <c r="I3042" s="83"/>
      <c r="J3042" s="50" t="str">
        <f t="shared" si="96"/>
        <v/>
      </c>
      <c r="K3042" s="23" t="s">
        <v>7120</v>
      </c>
      <c r="L3042" s="49" t="e">
        <f>VLOOKUP(E3042&amp;F3042,団体コード!$A$1:$C$1743,3,FALSE)</f>
        <v>#N/A</v>
      </c>
      <c r="M3042" s="49" t="e">
        <f>VLOOKUP(E3042&amp;F3042,団体コード!$A$1:$C$1743,2,FALSE)</f>
        <v>#N/A</v>
      </c>
      <c r="N3042" s="51" t="e">
        <f>VLOOKUP(E3042,団体コード!$E$1:$F$48,2,FALSE)</f>
        <v>#N/A</v>
      </c>
      <c r="O3042" s="51" t="e">
        <f t="shared" si="97"/>
        <v>#N/A</v>
      </c>
      <c r="P3042" s="51">
        <v>1</v>
      </c>
      <c r="Q3042" s="51" t="s">
        <v>5341</v>
      </c>
      <c r="R3042" s="54" t="b">
        <v>1</v>
      </c>
      <c r="S3042" s="52" t="s">
        <v>7126</v>
      </c>
      <c r="T3042" s="67" t="s">
        <v>7127</v>
      </c>
      <c r="U3042" s="75" t="s">
        <v>5331</v>
      </c>
      <c r="V3042" s="47" t="s">
        <v>5331</v>
      </c>
      <c r="W3042" s="47" t="s">
        <v>5331</v>
      </c>
      <c r="X3042" s="47" t="s">
        <v>5331</v>
      </c>
      <c r="Y3042" s="47" t="s">
        <v>5331</v>
      </c>
      <c r="Z3042" s="28"/>
      <c r="AA3042" s="27"/>
      <c r="AB3042" s="27"/>
      <c r="AC3042" s="27"/>
      <c r="AD3042" s="30"/>
      <c r="AE3042" s="1"/>
      <c r="AF3042" s="23" t="s">
        <v>5331</v>
      </c>
      <c r="AG3042" s="26"/>
      <c r="AH3042" s="53"/>
    </row>
    <row r="3043" spans="1:34" ht="51.6" customHeight="1" x14ac:dyDescent="0.45">
      <c r="A3043" s="23">
        <v>3037</v>
      </c>
      <c r="B3043" s="25"/>
      <c r="C3043" s="25"/>
      <c r="D3043" s="29"/>
      <c r="E3043" s="1"/>
      <c r="F3043" s="1"/>
      <c r="G3043" s="25"/>
      <c r="H3043" s="71"/>
      <c r="I3043" s="83"/>
      <c r="J3043" s="50" t="str">
        <f t="shared" si="96"/>
        <v/>
      </c>
      <c r="K3043" s="23" t="s">
        <v>7120</v>
      </c>
      <c r="L3043" s="49" t="e">
        <f>VLOOKUP(E3043&amp;F3043,団体コード!$A$1:$C$1743,3,FALSE)</f>
        <v>#N/A</v>
      </c>
      <c r="M3043" s="49" t="e">
        <f>VLOOKUP(E3043&amp;F3043,団体コード!$A$1:$C$1743,2,FALSE)</f>
        <v>#N/A</v>
      </c>
      <c r="N3043" s="51" t="e">
        <f>VLOOKUP(E3043,団体コード!$E$1:$F$48,2,FALSE)</f>
        <v>#N/A</v>
      </c>
      <c r="O3043" s="51" t="e">
        <f t="shared" si="97"/>
        <v>#N/A</v>
      </c>
      <c r="P3043" s="51">
        <v>1</v>
      </c>
      <c r="Q3043" s="51" t="s">
        <v>5341</v>
      </c>
      <c r="R3043" s="54" t="b">
        <v>1</v>
      </c>
      <c r="S3043" s="52" t="s">
        <v>7126</v>
      </c>
      <c r="T3043" s="67" t="s">
        <v>7127</v>
      </c>
      <c r="U3043" s="75" t="s">
        <v>5331</v>
      </c>
      <c r="V3043" s="47" t="s">
        <v>5331</v>
      </c>
      <c r="W3043" s="47" t="s">
        <v>5331</v>
      </c>
      <c r="X3043" s="47" t="s">
        <v>5331</v>
      </c>
      <c r="Y3043" s="47" t="s">
        <v>5331</v>
      </c>
      <c r="Z3043" s="28"/>
      <c r="AA3043" s="27"/>
      <c r="AB3043" s="27"/>
      <c r="AC3043" s="27"/>
      <c r="AD3043" s="30"/>
      <c r="AE3043" s="1"/>
      <c r="AF3043" s="23" t="s">
        <v>5331</v>
      </c>
      <c r="AG3043" s="26"/>
      <c r="AH3043" s="53"/>
    </row>
    <row r="3044" spans="1:34" ht="51.6" customHeight="1" x14ac:dyDescent="0.45">
      <c r="A3044" s="23">
        <v>3038</v>
      </c>
      <c r="B3044" s="25"/>
      <c r="C3044" s="25"/>
      <c r="D3044" s="29"/>
      <c r="E3044" s="1"/>
      <c r="F3044" s="1"/>
      <c r="G3044" s="25"/>
      <c r="H3044" s="71"/>
      <c r="I3044" s="83"/>
      <c r="J3044" s="50" t="str">
        <f t="shared" si="96"/>
        <v/>
      </c>
      <c r="K3044" s="23" t="s">
        <v>7120</v>
      </c>
      <c r="L3044" s="49" t="e">
        <f>VLOOKUP(E3044&amp;F3044,団体コード!$A$1:$C$1743,3,FALSE)</f>
        <v>#N/A</v>
      </c>
      <c r="M3044" s="49" t="e">
        <f>VLOOKUP(E3044&amp;F3044,団体コード!$A$1:$C$1743,2,FALSE)</f>
        <v>#N/A</v>
      </c>
      <c r="N3044" s="51" t="e">
        <f>VLOOKUP(E3044,団体コード!$E$1:$F$48,2,FALSE)</f>
        <v>#N/A</v>
      </c>
      <c r="O3044" s="51" t="e">
        <f t="shared" si="97"/>
        <v>#N/A</v>
      </c>
      <c r="P3044" s="51">
        <v>1</v>
      </c>
      <c r="Q3044" s="51" t="s">
        <v>5341</v>
      </c>
      <c r="R3044" s="54" t="b">
        <v>1</v>
      </c>
      <c r="S3044" s="52" t="s">
        <v>7126</v>
      </c>
      <c r="T3044" s="67" t="s">
        <v>7127</v>
      </c>
      <c r="U3044" s="75" t="s">
        <v>5331</v>
      </c>
      <c r="V3044" s="47" t="s">
        <v>5331</v>
      </c>
      <c r="W3044" s="47" t="s">
        <v>5331</v>
      </c>
      <c r="X3044" s="47" t="s">
        <v>5331</v>
      </c>
      <c r="Y3044" s="47" t="s">
        <v>5331</v>
      </c>
      <c r="Z3044" s="28"/>
      <c r="AA3044" s="27"/>
      <c r="AB3044" s="27"/>
      <c r="AC3044" s="27"/>
      <c r="AD3044" s="30"/>
      <c r="AE3044" s="1"/>
      <c r="AF3044" s="23" t="s">
        <v>5331</v>
      </c>
      <c r="AG3044" s="26"/>
      <c r="AH3044" s="53"/>
    </row>
    <row r="3045" spans="1:34" ht="51.6" customHeight="1" x14ac:dyDescent="0.45">
      <c r="A3045" s="23">
        <v>3039</v>
      </c>
      <c r="B3045" s="25"/>
      <c r="C3045" s="25"/>
      <c r="D3045" s="29"/>
      <c r="E3045" s="1"/>
      <c r="F3045" s="1"/>
      <c r="G3045" s="25"/>
      <c r="H3045" s="71"/>
      <c r="I3045" s="83"/>
      <c r="J3045" s="50" t="str">
        <f t="shared" si="96"/>
        <v/>
      </c>
      <c r="K3045" s="23" t="s">
        <v>7120</v>
      </c>
      <c r="L3045" s="49" t="e">
        <f>VLOOKUP(E3045&amp;F3045,団体コード!$A$1:$C$1743,3,FALSE)</f>
        <v>#N/A</v>
      </c>
      <c r="M3045" s="49" t="e">
        <f>VLOOKUP(E3045&amp;F3045,団体コード!$A$1:$C$1743,2,FALSE)</f>
        <v>#N/A</v>
      </c>
      <c r="N3045" s="51" t="e">
        <f>VLOOKUP(E3045,団体コード!$E$1:$F$48,2,FALSE)</f>
        <v>#N/A</v>
      </c>
      <c r="O3045" s="51" t="e">
        <f t="shared" si="97"/>
        <v>#N/A</v>
      </c>
      <c r="P3045" s="51">
        <v>1</v>
      </c>
      <c r="Q3045" s="51" t="s">
        <v>5341</v>
      </c>
      <c r="R3045" s="54" t="b">
        <v>1</v>
      </c>
      <c r="S3045" s="52" t="s">
        <v>7126</v>
      </c>
      <c r="T3045" s="67" t="s">
        <v>7127</v>
      </c>
      <c r="U3045" s="75" t="s">
        <v>5331</v>
      </c>
      <c r="V3045" s="47" t="s">
        <v>5331</v>
      </c>
      <c r="W3045" s="47" t="s">
        <v>5331</v>
      </c>
      <c r="X3045" s="47" t="s">
        <v>5331</v>
      </c>
      <c r="Y3045" s="47" t="s">
        <v>5331</v>
      </c>
      <c r="Z3045" s="28"/>
      <c r="AA3045" s="27"/>
      <c r="AB3045" s="27"/>
      <c r="AC3045" s="27"/>
      <c r="AD3045" s="30"/>
      <c r="AE3045" s="1"/>
      <c r="AF3045" s="23" t="s">
        <v>5331</v>
      </c>
      <c r="AG3045" s="26"/>
      <c r="AH3045" s="53"/>
    </row>
    <row r="3046" spans="1:34" ht="51.6" customHeight="1" x14ac:dyDescent="0.45">
      <c r="A3046" s="23">
        <v>3040</v>
      </c>
      <c r="B3046" s="25"/>
      <c r="C3046" s="25"/>
      <c r="D3046" s="29"/>
      <c r="E3046" s="1"/>
      <c r="F3046" s="1"/>
      <c r="G3046" s="25"/>
      <c r="H3046" s="71"/>
      <c r="I3046" s="83"/>
      <c r="J3046" s="50" t="str">
        <f t="shared" si="96"/>
        <v/>
      </c>
      <c r="K3046" s="23" t="s">
        <v>7120</v>
      </c>
      <c r="L3046" s="49" t="e">
        <f>VLOOKUP(E3046&amp;F3046,団体コード!$A$1:$C$1743,3,FALSE)</f>
        <v>#N/A</v>
      </c>
      <c r="M3046" s="49" t="e">
        <f>VLOOKUP(E3046&amp;F3046,団体コード!$A$1:$C$1743,2,FALSE)</f>
        <v>#N/A</v>
      </c>
      <c r="N3046" s="51" t="e">
        <f>VLOOKUP(E3046,団体コード!$E$1:$F$48,2,FALSE)</f>
        <v>#N/A</v>
      </c>
      <c r="O3046" s="51" t="e">
        <f t="shared" si="97"/>
        <v>#N/A</v>
      </c>
      <c r="P3046" s="51">
        <v>1</v>
      </c>
      <c r="Q3046" s="51" t="s">
        <v>5341</v>
      </c>
      <c r="R3046" s="54" t="b">
        <v>1</v>
      </c>
      <c r="S3046" s="52" t="s">
        <v>7126</v>
      </c>
      <c r="T3046" s="67" t="s">
        <v>7127</v>
      </c>
      <c r="U3046" s="75" t="s">
        <v>5331</v>
      </c>
      <c r="V3046" s="47" t="s">
        <v>5331</v>
      </c>
      <c r="W3046" s="47" t="s">
        <v>5331</v>
      </c>
      <c r="X3046" s="47" t="s">
        <v>5331</v>
      </c>
      <c r="Y3046" s="47" t="s">
        <v>5331</v>
      </c>
      <c r="Z3046" s="28"/>
      <c r="AA3046" s="27"/>
      <c r="AB3046" s="27"/>
      <c r="AC3046" s="27"/>
      <c r="AD3046" s="30"/>
      <c r="AE3046" s="1"/>
      <c r="AF3046" s="23" t="s">
        <v>5331</v>
      </c>
      <c r="AG3046" s="26"/>
      <c r="AH3046" s="53"/>
    </row>
    <row r="3047" spans="1:34" ht="51.6" customHeight="1" x14ac:dyDescent="0.45">
      <c r="A3047" s="23">
        <v>3041</v>
      </c>
      <c r="B3047" s="25"/>
      <c r="C3047" s="25"/>
      <c r="D3047" s="29"/>
      <c r="E3047" s="1"/>
      <c r="F3047" s="1"/>
      <c r="G3047" s="25"/>
      <c r="H3047" s="71"/>
      <c r="I3047" s="83"/>
      <c r="J3047" s="50" t="str">
        <f t="shared" si="96"/>
        <v/>
      </c>
      <c r="K3047" s="23" t="s">
        <v>7120</v>
      </c>
      <c r="L3047" s="49" t="e">
        <f>VLOOKUP(E3047&amp;F3047,団体コード!$A$1:$C$1743,3,FALSE)</f>
        <v>#N/A</v>
      </c>
      <c r="M3047" s="49" t="e">
        <f>VLOOKUP(E3047&amp;F3047,団体コード!$A$1:$C$1743,2,FALSE)</f>
        <v>#N/A</v>
      </c>
      <c r="N3047" s="51" t="e">
        <f>VLOOKUP(E3047,団体コード!$E$1:$F$48,2,FALSE)</f>
        <v>#N/A</v>
      </c>
      <c r="O3047" s="51" t="e">
        <f t="shared" si="97"/>
        <v>#N/A</v>
      </c>
      <c r="P3047" s="51">
        <v>1</v>
      </c>
      <c r="Q3047" s="51" t="s">
        <v>5341</v>
      </c>
      <c r="R3047" s="54" t="b">
        <v>1</v>
      </c>
      <c r="S3047" s="52" t="s">
        <v>7126</v>
      </c>
      <c r="T3047" s="67" t="s">
        <v>7127</v>
      </c>
      <c r="U3047" s="75" t="s">
        <v>5331</v>
      </c>
      <c r="V3047" s="47" t="s">
        <v>5331</v>
      </c>
      <c r="W3047" s="47" t="s">
        <v>5331</v>
      </c>
      <c r="X3047" s="47" t="s">
        <v>5331</v>
      </c>
      <c r="Y3047" s="47" t="s">
        <v>5331</v>
      </c>
      <c r="Z3047" s="28"/>
      <c r="AA3047" s="27"/>
      <c r="AB3047" s="27"/>
      <c r="AC3047" s="27"/>
      <c r="AD3047" s="30"/>
      <c r="AE3047" s="1"/>
      <c r="AF3047" s="23" t="s">
        <v>5331</v>
      </c>
      <c r="AG3047" s="26"/>
      <c r="AH3047" s="53"/>
    </row>
    <row r="3048" spans="1:34" ht="51.6" customHeight="1" x14ac:dyDescent="0.45">
      <c r="A3048" s="23">
        <v>3042</v>
      </c>
      <c r="B3048" s="25"/>
      <c r="C3048" s="25"/>
      <c r="D3048" s="29"/>
      <c r="E3048" s="1"/>
      <c r="F3048" s="1"/>
      <c r="G3048" s="25"/>
      <c r="H3048" s="71"/>
      <c r="I3048" s="83"/>
      <c r="J3048" s="50" t="str">
        <f t="shared" si="96"/>
        <v/>
      </c>
      <c r="K3048" s="23" t="s">
        <v>7120</v>
      </c>
      <c r="L3048" s="49" t="e">
        <f>VLOOKUP(E3048&amp;F3048,団体コード!$A$1:$C$1743,3,FALSE)</f>
        <v>#N/A</v>
      </c>
      <c r="M3048" s="49" t="e">
        <f>VLOOKUP(E3048&amp;F3048,団体コード!$A$1:$C$1743,2,FALSE)</f>
        <v>#N/A</v>
      </c>
      <c r="N3048" s="51" t="e">
        <f>VLOOKUP(E3048,団体コード!$E$1:$F$48,2,FALSE)</f>
        <v>#N/A</v>
      </c>
      <c r="O3048" s="51" t="e">
        <f t="shared" si="97"/>
        <v>#N/A</v>
      </c>
      <c r="P3048" s="51">
        <v>1</v>
      </c>
      <c r="Q3048" s="51" t="s">
        <v>5341</v>
      </c>
      <c r="R3048" s="54" t="b">
        <v>1</v>
      </c>
      <c r="S3048" s="52" t="s">
        <v>7126</v>
      </c>
      <c r="T3048" s="67" t="s">
        <v>7127</v>
      </c>
      <c r="U3048" s="75" t="s">
        <v>5331</v>
      </c>
      <c r="V3048" s="47" t="s">
        <v>5331</v>
      </c>
      <c r="W3048" s="47" t="s">
        <v>5331</v>
      </c>
      <c r="X3048" s="47" t="s">
        <v>5331</v>
      </c>
      <c r="Y3048" s="47" t="s">
        <v>5331</v>
      </c>
      <c r="Z3048" s="28"/>
      <c r="AA3048" s="27"/>
      <c r="AB3048" s="27"/>
      <c r="AC3048" s="27"/>
      <c r="AD3048" s="30"/>
      <c r="AE3048" s="1"/>
      <c r="AF3048" s="23" t="s">
        <v>5331</v>
      </c>
      <c r="AG3048" s="26"/>
      <c r="AH3048" s="53"/>
    </row>
    <row r="3049" spans="1:34" ht="51.6" customHeight="1" x14ac:dyDescent="0.45">
      <c r="A3049" s="23">
        <v>3043</v>
      </c>
      <c r="B3049" s="25"/>
      <c r="C3049" s="25"/>
      <c r="D3049" s="29"/>
      <c r="E3049" s="1"/>
      <c r="F3049" s="1"/>
      <c r="G3049" s="25"/>
      <c r="H3049" s="71"/>
      <c r="I3049" s="83"/>
      <c r="J3049" s="50" t="str">
        <f t="shared" si="96"/>
        <v/>
      </c>
      <c r="K3049" s="23" t="s">
        <v>7120</v>
      </c>
      <c r="L3049" s="49" t="e">
        <f>VLOOKUP(E3049&amp;F3049,団体コード!$A$1:$C$1743,3,FALSE)</f>
        <v>#N/A</v>
      </c>
      <c r="M3049" s="49" t="e">
        <f>VLOOKUP(E3049&amp;F3049,団体コード!$A$1:$C$1743,2,FALSE)</f>
        <v>#N/A</v>
      </c>
      <c r="N3049" s="51" t="e">
        <f>VLOOKUP(E3049,団体コード!$E$1:$F$48,2,FALSE)</f>
        <v>#N/A</v>
      </c>
      <c r="O3049" s="51" t="e">
        <f t="shared" si="97"/>
        <v>#N/A</v>
      </c>
      <c r="P3049" s="51">
        <v>1</v>
      </c>
      <c r="Q3049" s="51" t="s">
        <v>5341</v>
      </c>
      <c r="R3049" s="54" t="b">
        <v>1</v>
      </c>
      <c r="S3049" s="52" t="s">
        <v>7126</v>
      </c>
      <c r="T3049" s="67" t="s">
        <v>7127</v>
      </c>
      <c r="U3049" s="75" t="s">
        <v>5331</v>
      </c>
      <c r="V3049" s="47" t="s">
        <v>5331</v>
      </c>
      <c r="W3049" s="47" t="s">
        <v>5331</v>
      </c>
      <c r="X3049" s="47" t="s">
        <v>5331</v>
      </c>
      <c r="Y3049" s="47" t="s">
        <v>5331</v>
      </c>
      <c r="Z3049" s="28"/>
      <c r="AA3049" s="27"/>
      <c r="AB3049" s="27"/>
      <c r="AC3049" s="27"/>
      <c r="AD3049" s="30"/>
      <c r="AE3049" s="1"/>
      <c r="AF3049" s="23" t="s">
        <v>5331</v>
      </c>
      <c r="AG3049" s="26"/>
      <c r="AH3049" s="53"/>
    </row>
    <row r="3050" spans="1:34" ht="51.6" customHeight="1" x14ac:dyDescent="0.45">
      <c r="A3050" s="23">
        <v>3044</v>
      </c>
      <c r="B3050" s="25"/>
      <c r="C3050" s="25"/>
      <c r="D3050" s="29"/>
      <c r="E3050" s="1"/>
      <c r="F3050" s="1"/>
      <c r="G3050" s="25"/>
      <c r="H3050" s="71"/>
      <c r="I3050" s="83"/>
      <c r="J3050" s="50" t="str">
        <f t="shared" si="96"/>
        <v/>
      </c>
      <c r="K3050" s="23" t="s">
        <v>7120</v>
      </c>
      <c r="L3050" s="49" t="e">
        <f>VLOOKUP(E3050&amp;F3050,団体コード!$A$1:$C$1743,3,FALSE)</f>
        <v>#N/A</v>
      </c>
      <c r="M3050" s="49" t="e">
        <f>VLOOKUP(E3050&amp;F3050,団体コード!$A$1:$C$1743,2,FALSE)</f>
        <v>#N/A</v>
      </c>
      <c r="N3050" s="51" t="e">
        <f>VLOOKUP(E3050,団体コード!$E$1:$F$48,2,FALSE)</f>
        <v>#N/A</v>
      </c>
      <c r="O3050" s="51" t="e">
        <f t="shared" si="97"/>
        <v>#N/A</v>
      </c>
      <c r="P3050" s="51">
        <v>1</v>
      </c>
      <c r="Q3050" s="51" t="s">
        <v>5341</v>
      </c>
      <c r="R3050" s="54" t="b">
        <v>1</v>
      </c>
      <c r="S3050" s="52" t="s">
        <v>7126</v>
      </c>
      <c r="T3050" s="67" t="s">
        <v>7127</v>
      </c>
      <c r="U3050" s="75" t="s">
        <v>5331</v>
      </c>
      <c r="V3050" s="47" t="s">
        <v>5331</v>
      </c>
      <c r="W3050" s="47" t="s">
        <v>5331</v>
      </c>
      <c r="X3050" s="47" t="s">
        <v>5331</v>
      </c>
      <c r="Y3050" s="47" t="s">
        <v>5331</v>
      </c>
      <c r="Z3050" s="28"/>
      <c r="AA3050" s="27"/>
      <c r="AB3050" s="27"/>
      <c r="AC3050" s="27"/>
      <c r="AD3050" s="30"/>
      <c r="AE3050" s="1"/>
      <c r="AF3050" s="23" t="s">
        <v>5331</v>
      </c>
      <c r="AG3050" s="26"/>
      <c r="AH3050" s="53"/>
    </row>
    <row r="3051" spans="1:34" ht="51.6" customHeight="1" x14ac:dyDescent="0.45">
      <c r="A3051" s="23">
        <v>3045</v>
      </c>
      <c r="B3051" s="25"/>
      <c r="C3051" s="25"/>
      <c r="D3051" s="29"/>
      <c r="E3051" s="1"/>
      <c r="F3051" s="1"/>
      <c r="G3051" s="25"/>
      <c r="H3051" s="71"/>
      <c r="I3051" s="83"/>
      <c r="J3051" s="50" t="str">
        <f t="shared" si="96"/>
        <v/>
      </c>
      <c r="K3051" s="23" t="s">
        <v>7120</v>
      </c>
      <c r="L3051" s="49" t="e">
        <f>VLOOKUP(E3051&amp;F3051,団体コード!$A$1:$C$1743,3,FALSE)</f>
        <v>#N/A</v>
      </c>
      <c r="M3051" s="49" t="e">
        <f>VLOOKUP(E3051&amp;F3051,団体コード!$A$1:$C$1743,2,FALSE)</f>
        <v>#N/A</v>
      </c>
      <c r="N3051" s="51" t="e">
        <f>VLOOKUP(E3051,団体コード!$E$1:$F$48,2,FALSE)</f>
        <v>#N/A</v>
      </c>
      <c r="O3051" s="51" t="e">
        <f t="shared" si="97"/>
        <v>#N/A</v>
      </c>
      <c r="P3051" s="51">
        <v>1</v>
      </c>
      <c r="Q3051" s="51" t="s">
        <v>5341</v>
      </c>
      <c r="R3051" s="54" t="b">
        <v>1</v>
      </c>
      <c r="S3051" s="52" t="s">
        <v>7126</v>
      </c>
      <c r="T3051" s="67" t="s">
        <v>7127</v>
      </c>
      <c r="U3051" s="75" t="s">
        <v>5331</v>
      </c>
      <c r="V3051" s="47" t="s">
        <v>5331</v>
      </c>
      <c r="W3051" s="47" t="s">
        <v>5331</v>
      </c>
      <c r="X3051" s="47" t="s">
        <v>5331</v>
      </c>
      <c r="Y3051" s="47" t="s">
        <v>5331</v>
      </c>
      <c r="Z3051" s="28"/>
      <c r="AA3051" s="27"/>
      <c r="AB3051" s="27"/>
      <c r="AC3051" s="27"/>
      <c r="AD3051" s="30"/>
      <c r="AE3051" s="1"/>
      <c r="AF3051" s="23" t="s">
        <v>5331</v>
      </c>
      <c r="AG3051" s="26"/>
      <c r="AH3051" s="53"/>
    </row>
    <row r="3052" spans="1:34" ht="51.6" customHeight="1" x14ac:dyDescent="0.45">
      <c r="A3052" s="23">
        <v>3046</v>
      </c>
      <c r="B3052" s="25"/>
      <c r="C3052" s="25"/>
      <c r="D3052" s="29"/>
      <c r="E3052" s="1"/>
      <c r="F3052" s="1"/>
      <c r="G3052" s="25"/>
      <c r="H3052" s="71"/>
      <c r="I3052" s="83"/>
      <c r="J3052" s="50" t="str">
        <f t="shared" si="96"/>
        <v/>
      </c>
      <c r="K3052" s="23" t="s">
        <v>7120</v>
      </c>
      <c r="L3052" s="49" t="e">
        <f>VLOOKUP(E3052&amp;F3052,団体コード!$A$1:$C$1743,3,FALSE)</f>
        <v>#N/A</v>
      </c>
      <c r="M3052" s="49" t="e">
        <f>VLOOKUP(E3052&amp;F3052,団体コード!$A$1:$C$1743,2,FALSE)</f>
        <v>#N/A</v>
      </c>
      <c r="N3052" s="51" t="e">
        <f>VLOOKUP(E3052,団体コード!$E$1:$F$48,2,FALSE)</f>
        <v>#N/A</v>
      </c>
      <c r="O3052" s="51" t="e">
        <f t="shared" si="97"/>
        <v>#N/A</v>
      </c>
      <c r="P3052" s="51">
        <v>1</v>
      </c>
      <c r="Q3052" s="51" t="s">
        <v>5341</v>
      </c>
      <c r="R3052" s="54" t="b">
        <v>1</v>
      </c>
      <c r="S3052" s="52" t="s">
        <v>7126</v>
      </c>
      <c r="T3052" s="67" t="s">
        <v>7127</v>
      </c>
      <c r="U3052" s="75" t="s">
        <v>5331</v>
      </c>
      <c r="V3052" s="47" t="s">
        <v>5331</v>
      </c>
      <c r="W3052" s="47" t="s">
        <v>5331</v>
      </c>
      <c r="X3052" s="47" t="s">
        <v>5331</v>
      </c>
      <c r="Y3052" s="47" t="s">
        <v>5331</v>
      </c>
      <c r="Z3052" s="28"/>
      <c r="AA3052" s="27"/>
      <c r="AB3052" s="27"/>
      <c r="AC3052" s="27"/>
      <c r="AD3052" s="30"/>
      <c r="AE3052" s="1"/>
      <c r="AF3052" s="23" t="s">
        <v>5331</v>
      </c>
      <c r="AG3052" s="26"/>
      <c r="AH3052" s="53"/>
    </row>
    <row r="3053" spans="1:34" ht="51.6" customHeight="1" x14ac:dyDescent="0.45">
      <c r="A3053" s="23">
        <v>3047</v>
      </c>
      <c r="B3053" s="25"/>
      <c r="C3053" s="25"/>
      <c r="D3053" s="29"/>
      <c r="E3053" s="1"/>
      <c r="F3053" s="1"/>
      <c r="G3053" s="25"/>
      <c r="H3053" s="71"/>
      <c r="I3053" s="83"/>
      <c r="J3053" s="50" t="str">
        <f t="shared" si="96"/>
        <v/>
      </c>
      <c r="K3053" s="23" t="s">
        <v>7120</v>
      </c>
      <c r="L3053" s="49" t="e">
        <f>VLOOKUP(E3053&amp;F3053,団体コード!$A$1:$C$1743,3,FALSE)</f>
        <v>#N/A</v>
      </c>
      <c r="M3053" s="49" t="e">
        <f>VLOOKUP(E3053&amp;F3053,団体コード!$A$1:$C$1743,2,FALSE)</f>
        <v>#N/A</v>
      </c>
      <c r="N3053" s="51" t="e">
        <f>VLOOKUP(E3053,団体コード!$E$1:$F$48,2,FALSE)</f>
        <v>#N/A</v>
      </c>
      <c r="O3053" s="51" t="e">
        <f t="shared" si="97"/>
        <v>#N/A</v>
      </c>
      <c r="P3053" s="51">
        <v>1</v>
      </c>
      <c r="Q3053" s="51" t="s">
        <v>5341</v>
      </c>
      <c r="R3053" s="54" t="b">
        <v>1</v>
      </c>
      <c r="S3053" s="52" t="s">
        <v>7126</v>
      </c>
      <c r="T3053" s="67" t="s">
        <v>7127</v>
      </c>
      <c r="U3053" s="75" t="s">
        <v>5331</v>
      </c>
      <c r="V3053" s="47" t="s">
        <v>5331</v>
      </c>
      <c r="W3053" s="47" t="s">
        <v>5331</v>
      </c>
      <c r="X3053" s="47" t="s">
        <v>5331</v>
      </c>
      <c r="Y3053" s="47" t="s">
        <v>5331</v>
      </c>
      <c r="Z3053" s="28"/>
      <c r="AA3053" s="27"/>
      <c r="AB3053" s="27"/>
      <c r="AC3053" s="27"/>
      <c r="AD3053" s="30"/>
      <c r="AE3053" s="1"/>
      <c r="AF3053" s="23" t="s">
        <v>5331</v>
      </c>
      <c r="AG3053" s="26"/>
      <c r="AH3053" s="53"/>
    </row>
    <row r="3054" spans="1:34" ht="51.6" customHeight="1" x14ac:dyDescent="0.45">
      <c r="A3054" s="23">
        <v>3048</v>
      </c>
      <c r="B3054" s="25"/>
      <c r="C3054" s="25"/>
      <c r="D3054" s="29"/>
      <c r="E3054" s="1"/>
      <c r="F3054" s="1"/>
      <c r="G3054" s="25"/>
      <c r="H3054" s="71"/>
      <c r="I3054" s="83"/>
      <c r="J3054" s="50" t="str">
        <f t="shared" si="96"/>
        <v/>
      </c>
      <c r="K3054" s="23" t="s">
        <v>7120</v>
      </c>
      <c r="L3054" s="49" t="e">
        <f>VLOOKUP(E3054&amp;F3054,団体コード!$A$1:$C$1743,3,FALSE)</f>
        <v>#N/A</v>
      </c>
      <c r="M3054" s="49" t="e">
        <f>VLOOKUP(E3054&amp;F3054,団体コード!$A$1:$C$1743,2,FALSE)</f>
        <v>#N/A</v>
      </c>
      <c r="N3054" s="51" t="e">
        <f>VLOOKUP(E3054,団体コード!$E$1:$F$48,2,FALSE)</f>
        <v>#N/A</v>
      </c>
      <c r="O3054" s="51" t="e">
        <f t="shared" si="97"/>
        <v>#N/A</v>
      </c>
      <c r="P3054" s="51">
        <v>1</v>
      </c>
      <c r="Q3054" s="51" t="s">
        <v>5341</v>
      </c>
      <c r="R3054" s="54" t="b">
        <v>1</v>
      </c>
      <c r="S3054" s="52" t="s">
        <v>7126</v>
      </c>
      <c r="T3054" s="67" t="s">
        <v>7127</v>
      </c>
      <c r="U3054" s="75" t="s">
        <v>5331</v>
      </c>
      <c r="V3054" s="47" t="s">
        <v>5331</v>
      </c>
      <c r="W3054" s="47" t="s">
        <v>5331</v>
      </c>
      <c r="X3054" s="47" t="s">
        <v>5331</v>
      </c>
      <c r="Y3054" s="47" t="s">
        <v>5331</v>
      </c>
      <c r="Z3054" s="28"/>
      <c r="AA3054" s="27"/>
      <c r="AB3054" s="27"/>
      <c r="AC3054" s="27"/>
      <c r="AD3054" s="30"/>
      <c r="AE3054" s="1"/>
      <c r="AF3054" s="23" t="s">
        <v>5331</v>
      </c>
      <c r="AG3054" s="26"/>
      <c r="AH3054" s="53"/>
    </row>
    <row r="3055" spans="1:34" ht="51.6" customHeight="1" x14ac:dyDescent="0.45">
      <c r="A3055" s="23">
        <v>3049</v>
      </c>
      <c r="B3055" s="25"/>
      <c r="C3055" s="25"/>
      <c r="D3055" s="29"/>
      <c r="E3055" s="1"/>
      <c r="F3055" s="1"/>
      <c r="G3055" s="25"/>
      <c r="H3055" s="71"/>
      <c r="I3055" s="83"/>
      <c r="J3055" s="50" t="str">
        <f t="shared" si="96"/>
        <v/>
      </c>
      <c r="K3055" s="23" t="s">
        <v>7120</v>
      </c>
      <c r="L3055" s="49" t="e">
        <f>VLOOKUP(E3055&amp;F3055,団体コード!$A$1:$C$1743,3,FALSE)</f>
        <v>#N/A</v>
      </c>
      <c r="M3055" s="49" t="e">
        <f>VLOOKUP(E3055&amp;F3055,団体コード!$A$1:$C$1743,2,FALSE)</f>
        <v>#N/A</v>
      </c>
      <c r="N3055" s="51" t="e">
        <f>VLOOKUP(E3055,団体コード!$E$1:$F$48,2,FALSE)</f>
        <v>#N/A</v>
      </c>
      <c r="O3055" s="51" t="e">
        <f t="shared" si="97"/>
        <v>#N/A</v>
      </c>
      <c r="P3055" s="51">
        <v>1</v>
      </c>
      <c r="Q3055" s="51" t="s">
        <v>5341</v>
      </c>
      <c r="R3055" s="54" t="b">
        <v>1</v>
      </c>
      <c r="S3055" s="52" t="s">
        <v>7126</v>
      </c>
      <c r="T3055" s="67" t="s">
        <v>7127</v>
      </c>
      <c r="U3055" s="75" t="s">
        <v>5331</v>
      </c>
      <c r="V3055" s="47" t="s">
        <v>5331</v>
      </c>
      <c r="W3055" s="47" t="s">
        <v>5331</v>
      </c>
      <c r="X3055" s="47" t="s">
        <v>5331</v>
      </c>
      <c r="Y3055" s="47" t="s">
        <v>5331</v>
      </c>
      <c r="Z3055" s="28"/>
      <c r="AA3055" s="27"/>
      <c r="AB3055" s="27"/>
      <c r="AC3055" s="27"/>
      <c r="AD3055" s="30"/>
      <c r="AE3055" s="1"/>
      <c r="AF3055" s="23" t="s">
        <v>5331</v>
      </c>
      <c r="AG3055" s="26"/>
      <c r="AH3055" s="53"/>
    </row>
    <row r="3056" spans="1:34" ht="51.6" customHeight="1" x14ac:dyDescent="0.45">
      <c r="A3056" s="23">
        <v>3050</v>
      </c>
      <c r="B3056" s="25"/>
      <c r="C3056" s="25"/>
      <c r="D3056" s="29"/>
      <c r="E3056" s="1"/>
      <c r="F3056" s="1"/>
      <c r="G3056" s="25"/>
      <c r="H3056" s="71"/>
      <c r="I3056" s="83"/>
      <c r="J3056" s="50" t="str">
        <f t="shared" si="96"/>
        <v/>
      </c>
      <c r="K3056" s="23" t="s">
        <v>7120</v>
      </c>
      <c r="L3056" s="49" t="e">
        <f>VLOOKUP(E3056&amp;F3056,団体コード!$A$1:$C$1743,3,FALSE)</f>
        <v>#N/A</v>
      </c>
      <c r="M3056" s="49" t="e">
        <f>VLOOKUP(E3056&amp;F3056,団体コード!$A$1:$C$1743,2,FALSE)</f>
        <v>#N/A</v>
      </c>
      <c r="N3056" s="51" t="e">
        <f>VLOOKUP(E3056,団体コード!$E$1:$F$48,2,FALSE)</f>
        <v>#N/A</v>
      </c>
      <c r="O3056" s="51" t="e">
        <f t="shared" si="97"/>
        <v>#N/A</v>
      </c>
      <c r="P3056" s="51">
        <v>1</v>
      </c>
      <c r="Q3056" s="51" t="s">
        <v>5341</v>
      </c>
      <c r="R3056" s="54" t="b">
        <v>1</v>
      </c>
      <c r="S3056" s="52" t="s">
        <v>7126</v>
      </c>
      <c r="T3056" s="67" t="s">
        <v>7127</v>
      </c>
      <c r="U3056" s="75" t="s">
        <v>5331</v>
      </c>
      <c r="V3056" s="47" t="s">
        <v>5331</v>
      </c>
      <c r="W3056" s="47" t="s">
        <v>5331</v>
      </c>
      <c r="X3056" s="47" t="s">
        <v>5331</v>
      </c>
      <c r="Y3056" s="47" t="s">
        <v>5331</v>
      </c>
      <c r="Z3056" s="28"/>
      <c r="AA3056" s="27"/>
      <c r="AB3056" s="27"/>
      <c r="AC3056" s="27"/>
      <c r="AD3056" s="30"/>
      <c r="AE3056" s="1"/>
      <c r="AF3056" s="23" t="s">
        <v>5331</v>
      </c>
      <c r="AG3056" s="26"/>
      <c r="AH3056" s="53"/>
    </row>
    <row r="3057" spans="1:34" ht="51.6" customHeight="1" x14ac:dyDescent="0.45">
      <c r="A3057" s="23">
        <v>3051</v>
      </c>
      <c r="B3057" s="25"/>
      <c r="C3057" s="25"/>
      <c r="D3057" s="29"/>
      <c r="E3057" s="1"/>
      <c r="F3057" s="1"/>
      <c r="G3057" s="25"/>
      <c r="H3057" s="71"/>
      <c r="I3057" s="83"/>
      <c r="J3057" s="50" t="str">
        <f t="shared" si="96"/>
        <v/>
      </c>
      <c r="K3057" s="23" t="s">
        <v>7120</v>
      </c>
      <c r="L3057" s="49" t="e">
        <f>VLOOKUP(E3057&amp;F3057,団体コード!$A$1:$C$1743,3,FALSE)</f>
        <v>#N/A</v>
      </c>
      <c r="M3057" s="49" t="e">
        <f>VLOOKUP(E3057&amp;F3057,団体コード!$A$1:$C$1743,2,FALSE)</f>
        <v>#N/A</v>
      </c>
      <c r="N3057" s="51" t="e">
        <f>VLOOKUP(E3057,団体コード!$E$1:$F$48,2,FALSE)</f>
        <v>#N/A</v>
      </c>
      <c r="O3057" s="51" t="e">
        <f t="shared" si="97"/>
        <v>#N/A</v>
      </c>
      <c r="P3057" s="51">
        <v>1</v>
      </c>
      <c r="Q3057" s="51" t="s">
        <v>5341</v>
      </c>
      <c r="R3057" s="54" t="b">
        <v>1</v>
      </c>
      <c r="S3057" s="52" t="s">
        <v>7126</v>
      </c>
      <c r="T3057" s="67" t="s">
        <v>7127</v>
      </c>
      <c r="U3057" s="75" t="s">
        <v>5331</v>
      </c>
      <c r="V3057" s="47" t="s">
        <v>5331</v>
      </c>
      <c r="W3057" s="47" t="s">
        <v>5331</v>
      </c>
      <c r="X3057" s="47" t="s">
        <v>5331</v>
      </c>
      <c r="Y3057" s="47" t="s">
        <v>5331</v>
      </c>
      <c r="Z3057" s="28"/>
      <c r="AA3057" s="27"/>
      <c r="AB3057" s="27"/>
      <c r="AC3057" s="27"/>
      <c r="AD3057" s="30"/>
      <c r="AE3057" s="1"/>
      <c r="AF3057" s="23" t="s">
        <v>5331</v>
      </c>
      <c r="AG3057" s="26"/>
      <c r="AH3057" s="53"/>
    </row>
    <row r="3058" spans="1:34" ht="51.6" customHeight="1" x14ac:dyDescent="0.45">
      <c r="A3058" s="23">
        <v>3052</v>
      </c>
      <c r="B3058" s="25"/>
      <c r="C3058" s="25"/>
      <c r="D3058" s="29"/>
      <c r="E3058" s="1"/>
      <c r="F3058" s="1"/>
      <c r="G3058" s="25"/>
      <c r="H3058" s="71"/>
      <c r="I3058" s="83"/>
      <c r="J3058" s="50" t="str">
        <f t="shared" si="96"/>
        <v/>
      </c>
      <c r="K3058" s="23" t="s">
        <v>7120</v>
      </c>
      <c r="L3058" s="49" t="e">
        <f>VLOOKUP(E3058&amp;F3058,団体コード!$A$1:$C$1743,3,FALSE)</f>
        <v>#N/A</v>
      </c>
      <c r="M3058" s="49" t="e">
        <f>VLOOKUP(E3058&amp;F3058,団体コード!$A$1:$C$1743,2,FALSE)</f>
        <v>#N/A</v>
      </c>
      <c r="N3058" s="51" t="e">
        <f>VLOOKUP(E3058,団体コード!$E$1:$F$48,2,FALSE)</f>
        <v>#N/A</v>
      </c>
      <c r="O3058" s="51" t="e">
        <f t="shared" si="97"/>
        <v>#N/A</v>
      </c>
      <c r="P3058" s="51">
        <v>1</v>
      </c>
      <c r="Q3058" s="51" t="s">
        <v>5341</v>
      </c>
      <c r="R3058" s="54" t="b">
        <v>1</v>
      </c>
      <c r="S3058" s="52" t="s">
        <v>7126</v>
      </c>
      <c r="T3058" s="67" t="s">
        <v>7127</v>
      </c>
      <c r="U3058" s="75" t="s">
        <v>5331</v>
      </c>
      <c r="V3058" s="47" t="s">
        <v>5331</v>
      </c>
      <c r="W3058" s="47" t="s">
        <v>5331</v>
      </c>
      <c r="X3058" s="47" t="s">
        <v>5331</v>
      </c>
      <c r="Y3058" s="47" t="s">
        <v>5331</v>
      </c>
      <c r="Z3058" s="28"/>
      <c r="AA3058" s="27"/>
      <c r="AB3058" s="27"/>
      <c r="AC3058" s="27"/>
      <c r="AD3058" s="30"/>
      <c r="AE3058" s="1"/>
      <c r="AF3058" s="23" t="s">
        <v>5331</v>
      </c>
      <c r="AG3058" s="26"/>
      <c r="AH3058" s="53"/>
    </row>
    <row r="3059" spans="1:34" ht="51.6" customHeight="1" x14ac:dyDescent="0.45">
      <c r="A3059" s="23">
        <v>3053</v>
      </c>
      <c r="B3059" s="25"/>
      <c r="C3059" s="25"/>
      <c r="D3059" s="29"/>
      <c r="E3059" s="1"/>
      <c r="F3059" s="1"/>
      <c r="G3059" s="25"/>
      <c r="H3059" s="71"/>
      <c r="I3059" s="83"/>
      <c r="J3059" s="50" t="str">
        <f t="shared" si="96"/>
        <v/>
      </c>
      <c r="K3059" s="23" t="s">
        <v>7120</v>
      </c>
      <c r="L3059" s="49" t="e">
        <f>VLOOKUP(E3059&amp;F3059,団体コード!$A$1:$C$1743,3,FALSE)</f>
        <v>#N/A</v>
      </c>
      <c r="M3059" s="49" t="e">
        <f>VLOOKUP(E3059&amp;F3059,団体コード!$A$1:$C$1743,2,FALSE)</f>
        <v>#N/A</v>
      </c>
      <c r="N3059" s="51" t="e">
        <f>VLOOKUP(E3059,団体コード!$E$1:$F$48,2,FALSE)</f>
        <v>#N/A</v>
      </c>
      <c r="O3059" s="51" t="e">
        <f t="shared" si="97"/>
        <v>#N/A</v>
      </c>
      <c r="P3059" s="51">
        <v>1</v>
      </c>
      <c r="Q3059" s="51" t="s">
        <v>5341</v>
      </c>
      <c r="R3059" s="54" t="b">
        <v>1</v>
      </c>
      <c r="S3059" s="52" t="s">
        <v>7126</v>
      </c>
      <c r="T3059" s="67" t="s">
        <v>7127</v>
      </c>
      <c r="U3059" s="75" t="s">
        <v>5331</v>
      </c>
      <c r="V3059" s="47" t="s">
        <v>5331</v>
      </c>
      <c r="W3059" s="47" t="s">
        <v>5331</v>
      </c>
      <c r="X3059" s="47" t="s">
        <v>5331</v>
      </c>
      <c r="Y3059" s="47" t="s">
        <v>5331</v>
      </c>
      <c r="Z3059" s="28"/>
      <c r="AA3059" s="27"/>
      <c r="AB3059" s="27"/>
      <c r="AC3059" s="27"/>
      <c r="AD3059" s="30"/>
      <c r="AE3059" s="1"/>
      <c r="AF3059" s="23" t="s">
        <v>5331</v>
      </c>
      <c r="AG3059" s="26"/>
      <c r="AH3059" s="53"/>
    </row>
    <row r="3060" spans="1:34" ht="51.6" customHeight="1" x14ac:dyDescent="0.45">
      <c r="A3060" s="23">
        <v>3054</v>
      </c>
      <c r="B3060" s="25"/>
      <c r="C3060" s="25"/>
      <c r="D3060" s="29"/>
      <c r="E3060" s="1"/>
      <c r="F3060" s="1"/>
      <c r="G3060" s="25"/>
      <c r="H3060" s="71"/>
      <c r="I3060" s="83"/>
      <c r="J3060" s="50" t="str">
        <f t="shared" si="96"/>
        <v/>
      </c>
      <c r="K3060" s="23" t="s">
        <v>7120</v>
      </c>
      <c r="L3060" s="49" t="e">
        <f>VLOOKUP(E3060&amp;F3060,団体コード!$A$1:$C$1743,3,FALSE)</f>
        <v>#N/A</v>
      </c>
      <c r="M3060" s="49" t="e">
        <f>VLOOKUP(E3060&amp;F3060,団体コード!$A$1:$C$1743,2,FALSE)</f>
        <v>#N/A</v>
      </c>
      <c r="N3060" s="51" t="e">
        <f>VLOOKUP(E3060,団体コード!$E$1:$F$48,2,FALSE)</f>
        <v>#N/A</v>
      </c>
      <c r="O3060" s="51" t="e">
        <f t="shared" si="97"/>
        <v>#N/A</v>
      </c>
      <c r="P3060" s="51">
        <v>1</v>
      </c>
      <c r="Q3060" s="51" t="s">
        <v>5341</v>
      </c>
      <c r="R3060" s="54" t="b">
        <v>1</v>
      </c>
      <c r="S3060" s="52" t="s">
        <v>7126</v>
      </c>
      <c r="T3060" s="67" t="s">
        <v>7127</v>
      </c>
      <c r="U3060" s="75" t="s">
        <v>5331</v>
      </c>
      <c r="V3060" s="47" t="s">
        <v>5331</v>
      </c>
      <c r="W3060" s="47" t="s">
        <v>5331</v>
      </c>
      <c r="X3060" s="47" t="s">
        <v>5331</v>
      </c>
      <c r="Y3060" s="47" t="s">
        <v>5331</v>
      </c>
      <c r="Z3060" s="28"/>
      <c r="AA3060" s="27"/>
      <c r="AB3060" s="27"/>
      <c r="AC3060" s="27"/>
      <c r="AD3060" s="30"/>
      <c r="AE3060" s="1"/>
      <c r="AF3060" s="23" t="s">
        <v>5331</v>
      </c>
      <c r="AG3060" s="26"/>
      <c r="AH3060" s="53"/>
    </row>
    <row r="3061" spans="1:34" ht="51.6" customHeight="1" x14ac:dyDescent="0.45">
      <c r="A3061" s="23">
        <v>3055</v>
      </c>
      <c r="B3061" s="25"/>
      <c r="C3061" s="25"/>
      <c r="D3061" s="29"/>
      <c r="E3061" s="1"/>
      <c r="F3061" s="1"/>
      <c r="G3061" s="25"/>
      <c r="H3061" s="71"/>
      <c r="I3061" s="83"/>
      <c r="J3061" s="50" t="str">
        <f t="shared" si="96"/>
        <v/>
      </c>
      <c r="K3061" s="23" t="s">
        <v>7120</v>
      </c>
      <c r="L3061" s="49" t="e">
        <f>VLOOKUP(E3061&amp;F3061,団体コード!$A$1:$C$1743,3,FALSE)</f>
        <v>#N/A</v>
      </c>
      <c r="M3061" s="49" t="e">
        <f>VLOOKUP(E3061&amp;F3061,団体コード!$A$1:$C$1743,2,FALSE)</f>
        <v>#N/A</v>
      </c>
      <c r="N3061" s="51" t="e">
        <f>VLOOKUP(E3061,団体コード!$E$1:$F$48,2,FALSE)</f>
        <v>#N/A</v>
      </c>
      <c r="O3061" s="51" t="e">
        <f t="shared" si="97"/>
        <v>#N/A</v>
      </c>
      <c r="P3061" s="51">
        <v>1</v>
      </c>
      <c r="Q3061" s="51" t="s">
        <v>5341</v>
      </c>
      <c r="R3061" s="54" t="b">
        <v>1</v>
      </c>
      <c r="S3061" s="52" t="s">
        <v>7126</v>
      </c>
      <c r="T3061" s="67" t="s">
        <v>7127</v>
      </c>
      <c r="U3061" s="75" t="s">
        <v>5331</v>
      </c>
      <c r="V3061" s="47" t="s">
        <v>5331</v>
      </c>
      <c r="W3061" s="47" t="s">
        <v>5331</v>
      </c>
      <c r="X3061" s="47" t="s">
        <v>5331</v>
      </c>
      <c r="Y3061" s="47" t="s">
        <v>5331</v>
      </c>
      <c r="Z3061" s="28"/>
      <c r="AA3061" s="27"/>
      <c r="AB3061" s="27"/>
      <c r="AC3061" s="27"/>
      <c r="AD3061" s="30"/>
      <c r="AE3061" s="1"/>
      <c r="AF3061" s="23" t="s">
        <v>5331</v>
      </c>
      <c r="AG3061" s="26"/>
      <c r="AH3061" s="53"/>
    </row>
    <row r="3062" spans="1:34" ht="51.6" customHeight="1" x14ac:dyDescent="0.45">
      <c r="A3062" s="23">
        <v>3056</v>
      </c>
      <c r="B3062" s="25"/>
      <c r="C3062" s="25"/>
      <c r="D3062" s="29"/>
      <c r="E3062" s="1"/>
      <c r="F3062" s="1"/>
      <c r="G3062" s="25"/>
      <c r="H3062" s="71"/>
      <c r="I3062" s="83"/>
      <c r="J3062" s="50" t="str">
        <f t="shared" si="96"/>
        <v/>
      </c>
      <c r="K3062" s="23" t="s">
        <v>7120</v>
      </c>
      <c r="L3062" s="49" t="e">
        <f>VLOOKUP(E3062&amp;F3062,団体コード!$A$1:$C$1743,3,FALSE)</f>
        <v>#N/A</v>
      </c>
      <c r="M3062" s="49" t="e">
        <f>VLOOKUP(E3062&amp;F3062,団体コード!$A$1:$C$1743,2,FALSE)</f>
        <v>#N/A</v>
      </c>
      <c r="N3062" s="51" t="e">
        <f>VLOOKUP(E3062,団体コード!$E$1:$F$48,2,FALSE)</f>
        <v>#N/A</v>
      </c>
      <c r="O3062" s="51" t="e">
        <f t="shared" si="97"/>
        <v>#N/A</v>
      </c>
      <c r="P3062" s="51">
        <v>1</v>
      </c>
      <c r="Q3062" s="51" t="s">
        <v>5341</v>
      </c>
      <c r="R3062" s="54" t="b">
        <v>1</v>
      </c>
      <c r="S3062" s="52" t="s">
        <v>7126</v>
      </c>
      <c r="T3062" s="67" t="s">
        <v>7127</v>
      </c>
      <c r="U3062" s="75" t="s">
        <v>5331</v>
      </c>
      <c r="V3062" s="47" t="s">
        <v>5331</v>
      </c>
      <c r="W3062" s="47" t="s">
        <v>5331</v>
      </c>
      <c r="X3062" s="47" t="s">
        <v>5331</v>
      </c>
      <c r="Y3062" s="47" t="s">
        <v>5331</v>
      </c>
      <c r="Z3062" s="28"/>
      <c r="AA3062" s="27"/>
      <c r="AB3062" s="27"/>
      <c r="AC3062" s="27"/>
      <c r="AD3062" s="30"/>
      <c r="AE3062" s="1"/>
      <c r="AF3062" s="23" t="s">
        <v>5331</v>
      </c>
      <c r="AG3062" s="26"/>
      <c r="AH3062" s="53"/>
    </row>
    <row r="3063" spans="1:34" ht="51.6" customHeight="1" x14ac:dyDescent="0.45">
      <c r="A3063" s="23">
        <v>3057</v>
      </c>
      <c r="B3063" s="25"/>
      <c r="C3063" s="25"/>
      <c r="D3063" s="29"/>
      <c r="E3063" s="1"/>
      <c r="F3063" s="1"/>
      <c r="G3063" s="25"/>
      <c r="H3063" s="71"/>
      <c r="I3063" s="83"/>
      <c r="J3063" s="50" t="str">
        <f t="shared" si="96"/>
        <v/>
      </c>
      <c r="K3063" s="23" t="s">
        <v>7120</v>
      </c>
      <c r="L3063" s="49" t="e">
        <f>VLOOKUP(E3063&amp;F3063,団体コード!$A$1:$C$1743,3,FALSE)</f>
        <v>#N/A</v>
      </c>
      <c r="M3063" s="49" t="e">
        <f>VLOOKUP(E3063&amp;F3063,団体コード!$A$1:$C$1743,2,FALSE)</f>
        <v>#N/A</v>
      </c>
      <c r="N3063" s="51" t="e">
        <f>VLOOKUP(E3063,団体コード!$E$1:$F$48,2,FALSE)</f>
        <v>#N/A</v>
      </c>
      <c r="O3063" s="51" t="e">
        <f t="shared" si="97"/>
        <v>#N/A</v>
      </c>
      <c r="P3063" s="51">
        <v>1</v>
      </c>
      <c r="Q3063" s="51" t="s">
        <v>5341</v>
      </c>
      <c r="R3063" s="54" t="b">
        <v>1</v>
      </c>
      <c r="S3063" s="52" t="s">
        <v>7126</v>
      </c>
      <c r="T3063" s="67" t="s">
        <v>7127</v>
      </c>
      <c r="U3063" s="75" t="s">
        <v>5331</v>
      </c>
      <c r="V3063" s="47" t="s">
        <v>5331</v>
      </c>
      <c r="W3063" s="47" t="s">
        <v>5331</v>
      </c>
      <c r="X3063" s="47" t="s">
        <v>5331</v>
      </c>
      <c r="Y3063" s="47" t="s">
        <v>5331</v>
      </c>
      <c r="Z3063" s="28"/>
      <c r="AA3063" s="27"/>
      <c r="AB3063" s="27"/>
      <c r="AC3063" s="27"/>
      <c r="AD3063" s="30"/>
      <c r="AE3063" s="1"/>
      <c r="AF3063" s="23" t="s">
        <v>5331</v>
      </c>
      <c r="AG3063" s="26"/>
      <c r="AH3063" s="53"/>
    </row>
    <row r="3064" spans="1:34" ht="51.6" customHeight="1" x14ac:dyDescent="0.45">
      <c r="A3064" s="23">
        <v>3058</v>
      </c>
      <c r="B3064" s="25"/>
      <c r="C3064" s="25"/>
      <c r="D3064" s="29"/>
      <c r="E3064" s="1"/>
      <c r="F3064" s="1"/>
      <c r="G3064" s="25"/>
      <c r="H3064" s="71"/>
      <c r="I3064" s="83"/>
      <c r="J3064" s="50" t="str">
        <f t="shared" si="96"/>
        <v/>
      </c>
      <c r="K3064" s="23" t="s">
        <v>7120</v>
      </c>
      <c r="L3064" s="49" t="e">
        <f>VLOOKUP(E3064&amp;F3064,団体コード!$A$1:$C$1743,3,FALSE)</f>
        <v>#N/A</v>
      </c>
      <c r="M3064" s="49" t="e">
        <f>VLOOKUP(E3064&amp;F3064,団体コード!$A$1:$C$1743,2,FALSE)</f>
        <v>#N/A</v>
      </c>
      <c r="N3064" s="51" t="e">
        <f>VLOOKUP(E3064,団体コード!$E$1:$F$48,2,FALSE)</f>
        <v>#N/A</v>
      </c>
      <c r="O3064" s="51" t="e">
        <f t="shared" si="97"/>
        <v>#N/A</v>
      </c>
      <c r="P3064" s="51">
        <v>1</v>
      </c>
      <c r="Q3064" s="51" t="s">
        <v>5341</v>
      </c>
      <c r="R3064" s="54" t="b">
        <v>1</v>
      </c>
      <c r="S3064" s="52" t="s">
        <v>7126</v>
      </c>
      <c r="T3064" s="67" t="s">
        <v>7127</v>
      </c>
      <c r="U3064" s="75" t="s">
        <v>5331</v>
      </c>
      <c r="V3064" s="47" t="s">
        <v>5331</v>
      </c>
      <c r="W3064" s="47" t="s">
        <v>5331</v>
      </c>
      <c r="X3064" s="47" t="s">
        <v>5331</v>
      </c>
      <c r="Y3064" s="47" t="s">
        <v>5331</v>
      </c>
      <c r="Z3064" s="28"/>
      <c r="AA3064" s="27"/>
      <c r="AB3064" s="27"/>
      <c r="AC3064" s="27"/>
      <c r="AD3064" s="30"/>
      <c r="AE3064" s="1"/>
      <c r="AF3064" s="23" t="s">
        <v>5331</v>
      </c>
      <c r="AG3064" s="26"/>
      <c r="AH3064" s="53"/>
    </row>
    <row r="3065" spans="1:34" ht="51.6" customHeight="1" x14ac:dyDescent="0.45">
      <c r="A3065" s="23">
        <v>3059</v>
      </c>
      <c r="B3065" s="25"/>
      <c r="C3065" s="25"/>
      <c r="D3065" s="29"/>
      <c r="E3065" s="1"/>
      <c r="F3065" s="1"/>
      <c r="G3065" s="25"/>
      <c r="H3065" s="71"/>
      <c r="I3065" s="83"/>
      <c r="J3065" s="50" t="str">
        <f t="shared" si="96"/>
        <v/>
      </c>
      <c r="K3065" s="23" t="s">
        <v>7120</v>
      </c>
      <c r="L3065" s="49" t="e">
        <f>VLOOKUP(E3065&amp;F3065,団体コード!$A$1:$C$1743,3,FALSE)</f>
        <v>#N/A</v>
      </c>
      <c r="M3065" s="49" t="e">
        <f>VLOOKUP(E3065&amp;F3065,団体コード!$A$1:$C$1743,2,FALSE)</f>
        <v>#N/A</v>
      </c>
      <c r="N3065" s="51" t="e">
        <f>VLOOKUP(E3065,団体コード!$E$1:$F$48,2,FALSE)</f>
        <v>#N/A</v>
      </c>
      <c r="O3065" s="51" t="e">
        <f t="shared" si="97"/>
        <v>#N/A</v>
      </c>
      <c r="P3065" s="51">
        <v>1</v>
      </c>
      <c r="Q3065" s="51" t="s">
        <v>5341</v>
      </c>
      <c r="R3065" s="54" t="b">
        <v>1</v>
      </c>
      <c r="S3065" s="52" t="s">
        <v>7126</v>
      </c>
      <c r="T3065" s="67" t="s">
        <v>7127</v>
      </c>
      <c r="U3065" s="75" t="s">
        <v>5331</v>
      </c>
      <c r="V3065" s="47" t="s">
        <v>5331</v>
      </c>
      <c r="W3065" s="47" t="s">
        <v>5331</v>
      </c>
      <c r="X3065" s="47" t="s">
        <v>5331</v>
      </c>
      <c r="Y3065" s="47" t="s">
        <v>5331</v>
      </c>
      <c r="Z3065" s="28"/>
      <c r="AA3065" s="27"/>
      <c r="AB3065" s="27"/>
      <c r="AC3065" s="27"/>
      <c r="AD3065" s="30"/>
      <c r="AE3065" s="1"/>
      <c r="AF3065" s="23" t="s">
        <v>5331</v>
      </c>
      <c r="AG3065" s="26"/>
      <c r="AH3065" s="53"/>
    </row>
    <row r="3066" spans="1:34" ht="51.6" customHeight="1" x14ac:dyDescent="0.45">
      <c r="A3066" s="23">
        <v>3060</v>
      </c>
      <c r="B3066" s="25"/>
      <c r="C3066" s="25"/>
      <c r="D3066" s="29"/>
      <c r="E3066" s="1"/>
      <c r="F3066" s="1"/>
      <c r="G3066" s="25"/>
      <c r="H3066" s="71"/>
      <c r="I3066" s="83"/>
      <c r="J3066" s="50" t="str">
        <f t="shared" si="96"/>
        <v/>
      </c>
      <c r="K3066" s="23" t="s">
        <v>7120</v>
      </c>
      <c r="L3066" s="49" t="e">
        <f>VLOOKUP(E3066&amp;F3066,団体コード!$A$1:$C$1743,3,FALSE)</f>
        <v>#N/A</v>
      </c>
      <c r="M3066" s="49" t="e">
        <f>VLOOKUP(E3066&amp;F3066,団体コード!$A$1:$C$1743,2,FALSE)</f>
        <v>#N/A</v>
      </c>
      <c r="N3066" s="51" t="e">
        <f>VLOOKUP(E3066,団体コード!$E$1:$F$48,2,FALSE)</f>
        <v>#N/A</v>
      </c>
      <c r="O3066" s="51" t="e">
        <f t="shared" si="97"/>
        <v>#N/A</v>
      </c>
      <c r="P3066" s="51">
        <v>1</v>
      </c>
      <c r="Q3066" s="51" t="s">
        <v>5341</v>
      </c>
      <c r="R3066" s="54" t="b">
        <v>1</v>
      </c>
      <c r="S3066" s="52" t="s">
        <v>7126</v>
      </c>
      <c r="T3066" s="67" t="s">
        <v>7127</v>
      </c>
      <c r="U3066" s="75" t="s">
        <v>5331</v>
      </c>
      <c r="V3066" s="47" t="s">
        <v>5331</v>
      </c>
      <c r="W3066" s="47" t="s">
        <v>5331</v>
      </c>
      <c r="X3066" s="47" t="s">
        <v>5331</v>
      </c>
      <c r="Y3066" s="47" t="s">
        <v>5331</v>
      </c>
      <c r="Z3066" s="28"/>
      <c r="AA3066" s="27"/>
      <c r="AB3066" s="27"/>
      <c r="AC3066" s="27"/>
      <c r="AD3066" s="30"/>
      <c r="AE3066" s="1"/>
      <c r="AF3066" s="23" t="s">
        <v>5331</v>
      </c>
      <c r="AG3066" s="26"/>
      <c r="AH3066" s="53"/>
    </row>
    <row r="3067" spans="1:34" ht="51.6" customHeight="1" x14ac:dyDescent="0.45">
      <c r="A3067" s="23">
        <v>3061</v>
      </c>
      <c r="B3067" s="25"/>
      <c r="C3067" s="25"/>
      <c r="D3067" s="29"/>
      <c r="E3067" s="1"/>
      <c r="F3067" s="1"/>
      <c r="G3067" s="25"/>
      <c r="H3067" s="71"/>
      <c r="I3067" s="83"/>
      <c r="J3067" s="50" t="str">
        <f t="shared" si="96"/>
        <v/>
      </c>
      <c r="K3067" s="23" t="s">
        <v>7120</v>
      </c>
      <c r="L3067" s="49" t="e">
        <f>VLOOKUP(E3067&amp;F3067,団体コード!$A$1:$C$1743,3,FALSE)</f>
        <v>#N/A</v>
      </c>
      <c r="M3067" s="49" t="e">
        <f>VLOOKUP(E3067&amp;F3067,団体コード!$A$1:$C$1743,2,FALSE)</f>
        <v>#N/A</v>
      </c>
      <c r="N3067" s="51" t="e">
        <f>VLOOKUP(E3067,団体コード!$E$1:$F$48,2,FALSE)</f>
        <v>#N/A</v>
      </c>
      <c r="O3067" s="51" t="e">
        <f t="shared" si="97"/>
        <v>#N/A</v>
      </c>
      <c r="P3067" s="51">
        <v>1</v>
      </c>
      <c r="Q3067" s="51" t="s">
        <v>5341</v>
      </c>
      <c r="R3067" s="54" t="b">
        <v>1</v>
      </c>
      <c r="S3067" s="52" t="s">
        <v>7126</v>
      </c>
      <c r="T3067" s="67" t="s">
        <v>7127</v>
      </c>
      <c r="U3067" s="75" t="s">
        <v>5331</v>
      </c>
      <c r="V3067" s="47" t="s">
        <v>5331</v>
      </c>
      <c r="W3067" s="47" t="s">
        <v>5331</v>
      </c>
      <c r="X3067" s="47" t="s">
        <v>5331</v>
      </c>
      <c r="Y3067" s="47" t="s">
        <v>5331</v>
      </c>
      <c r="Z3067" s="28"/>
      <c r="AA3067" s="27"/>
      <c r="AB3067" s="27"/>
      <c r="AC3067" s="27"/>
      <c r="AD3067" s="30"/>
      <c r="AE3067" s="1"/>
      <c r="AF3067" s="23" t="s">
        <v>5331</v>
      </c>
      <c r="AG3067" s="26"/>
      <c r="AH3067" s="53"/>
    </row>
    <row r="3068" spans="1:34" ht="51.6" customHeight="1" x14ac:dyDescent="0.45">
      <c r="A3068" s="23">
        <v>3062</v>
      </c>
      <c r="B3068" s="25"/>
      <c r="C3068" s="25"/>
      <c r="D3068" s="29"/>
      <c r="E3068" s="1"/>
      <c r="F3068" s="1"/>
      <c r="G3068" s="25"/>
      <c r="H3068" s="71"/>
      <c r="I3068" s="83"/>
      <c r="J3068" s="50" t="str">
        <f t="shared" si="96"/>
        <v/>
      </c>
      <c r="K3068" s="23" t="s">
        <v>7120</v>
      </c>
      <c r="L3068" s="49" t="e">
        <f>VLOOKUP(E3068&amp;F3068,団体コード!$A$1:$C$1743,3,FALSE)</f>
        <v>#N/A</v>
      </c>
      <c r="M3068" s="49" t="e">
        <f>VLOOKUP(E3068&amp;F3068,団体コード!$A$1:$C$1743,2,FALSE)</f>
        <v>#N/A</v>
      </c>
      <c r="N3068" s="51" t="e">
        <f>VLOOKUP(E3068,団体コード!$E$1:$F$48,2,FALSE)</f>
        <v>#N/A</v>
      </c>
      <c r="O3068" s="51" t="e">
        <f t="shared" si="97"/>
        <v>#N/A</v>
      </c>
      <c r="P3068" s="51">
        <v>1</v>
      </c>
      <c r="Q3068" s="51" t="s">
        <v>5341</v>
      </c>
      <c r="R3068" s="54" t="b">
        <v>1</v>
      </c>
      <c r="S3068" s="52" t="s">
        <v>7126</v>
      </c>
      <c r="T3068" s="67" t="s">
        <v>7127</v>
      </c>
      <c r="U3068" s="75" t="s">
        <v>5331</v>
      </c>
      <c r="V3068" s="47" t="s">
        <v>5331</v>
      </c>
      <c r="W3068" s="47" t="s">
        <v>5331</v>
      </c>
      <c r="X3068" s="47" t="s">
        <v>5331</v>
      </c>
      <c r="Y3068" s="47" t="s">
        <v>5331</v>
      </c>
      <c r="Z3068" s="28"/>
      <c r="AA3068" s="27"/>
      <c r="AB3068" s="27"/>
      <c r="AC3068" s="27"/>
      <c r="AD3068" s="30"/>
      <c r="AE3068" s="1"/>
      <c r="AF3068" s="23" t="s">
        <v>5331</v>
      </c>
      <c r="AG3068" s="26"/>
      <c r="AH3068" s="53"/>
    </row>
    <row r="3069" spans="1:34" ht="51.6" customHeight="1" x14ac:dyDescent="0.45">
      <c r="A3069" s="23">
        <v>3063</v>
      </c>
      <c r="B3069" s="25"/>
      <c r="C3069" s="25"/>
      <c r="D3069" s="29"/>
      <c r="E3069" s="1"/>
      <c r="F3069" s="1"/>
      <c r="G3069" s="25"/>
      <c r="H3069" s="71"/>
      <c r="I3069" s="83"/>
      <c r="J3069" s="50" t="str">
        <f t="shared" si="96"/>
        <v/>
      </c>
      <c r="K3069" s="23" t="s">
        <v>7120</v>
      </c>
      <c r="L3069" s="49" t="e">
        <f>VLOOKUP(E3069&amp;F3069,団体コード!$A$1:$C$1743,3,FALSE)</f>
        <v>#N/A</v>
      </c>
      <c r="M3069" s="49" t="e">
        <f>VLOOKUP(E3069&amp;F3069,団体コード!$A$1:$C$1743,2,FALSE)</f>
        <v>#N/A</v>
      </c>
      <c r="N3069" s="51" t="e">
        <f>VLOOKUP(E3069,団体コード!$E$1:$F$48,2,FALSE)</f>
        <v>#N/A</v>
      </c>
      <c r="O3069" s="51" t="e">
        <f t="shared" si="97"/>
        <v>#N/A</v>
      </c>
      <c r="P3069" s="51">
        <v>1</v>
      </c>
      <c r="Q3069" s="51" t="s">
        <v>5341</v>
      </c>
      <c r="R3069" s="54" t="b">
        <v>1</v>
      </c>
      <c r="S3069" s="52" t="s">
        <v>7126</v>
      </c>
      <c r="T3069" s="67" t="s">
        <v>7127</v>
      </c>
      <c r="U3069" s="75" t="s">
        <v>5331</v>
      </c>
      <c r="V3069" s="47" t="s">
        <v>5331</v>
      </c>
      <c r="W3069" s="47" t="s">
        <v>5331</v>
      </c>
      <c r="X3069" s="47" t="s">
        <v>5331</v>
      </c>
      <c r="Y3069" s="47" t="s">
        <v>5331</v>
      </c>
      <c r="Z3069" s="28"/>
      <c r="AA3069" s="27"/>
      <c r="AB3069" s="27"/>
      <c r="AC3069" s="27"/>
      <c r="AD3069" s="30"/>
      <c r="AE3069" s="1"/>
      <c r="AF3069" s="23" t="s">
        <v>5331</v>
      </c>
      <c r="AG3069" s="26"/>
      <c r="AH3069" s="53"/>
    </row>
    <row r="3070" spans="1:34" ht="51.6" customHeight="1" x14ac:dyDescent="0.45">
      <c r="A3070" s="23">
        <v>3064</v>
      </c>
      <c r="B3070" s="25"/>
      <c r="C3070" s="25"/>
      <c r="D3070" s="29"/>
      <c r="E3070" s="1"/>
      <c r="F3070" s="1"/>
      <c r="G3070" s="25"/>
      <c r="H3070" s="71"/>
      <c r="I3070" s="83"/>
      <c r="J3070" s="50" t="str">
        <f t="shared" si="96"/>
        <v/>
      </c>
      <c r="K3070" s="23" t="s">
        <v>7120</v>
      </c>
      <c r="L3070" s="49" t="e">
        <f>VLOOKUP(E3070&amp;F3070,団体コード!$A$1:$C$1743,3,FALSE)</f>
        <v>#N/A</v>
      </c>
      <c r="M3070" s="49" t="e">
        <f>VLOOKUP(E3070&amp;F3070,団体コード!$A$1:$C$1743,2,FALSE)</f>
        <v>#N/A</v>
      </c>
      <c r="N3070" s="51" t="e">
        <f>VLOOKUP(E3070,団体コード!$E$1:$F$48,2,FALSE)</f>
        <v>#N/A</v>
      </c>
      <c r="O3070" s="51" t="e">
        <f t="shared" si="97"/>
        <v>#N/A</v>
      </c>
      <c r="P3070" s="51">
        <v>1</v>
      </c>
      <c r="Q3070" s="51" t="s">
        <v>5341</v>
      </c>
      <c r="R3070" s="54" t="b">
        <v>1</v>
      </c>
      <c r="S3070" s="52" t="s">
        <v>7126</v>
      </c>
      <c r="T3070" s="67" t="s">
        <v>7127</v>
      </c>
      <c r="U3070" s="75" t="s">
        <v>5331</v>
      </c>
      <c r="V3070" s="47" t="s">
        <v>5331</v>
      </c>
      <c r="W3070" s="47" t="s">
        <v>5331</v>
      </c>
      <c r="X3070" s="47" t="s">
        <v>5331</v>
      </c>
      <c r="Y3070" s="47" t="s">
        <v>5331</v>
      </c>
      <c r="Z3070" s="28"/>
      <c r="AA3070" s="27"/>
      <c r="AB3070" s="27"/>
      <c r="AC3070" s="27"/>
      <c r="AD3070" s="30"/>
      <c r="AE3070" s="1"/>
      <c r="AF3070" s="23" t="s">
        <v>5331</v>
      </c>
      <c r="AG3070" s="26"/>
      <c r="AH3070" s="53"/>
    </row>
    <row r="3071" spans="1:34" ht="51.6" customHeight="1" x14ac:dyDescent="0.45">
      <c r="A3071" s="23">
        <v>3065</v>
      </c>
      <c r="B3071" s="25"/>
      <c r="C3071" s="25"/>
      <c r="D3071" s="29"/>
      <c r="E3071" s="1"/>
      <c r="F3071" s="1"/>
      <c r="G3071" s="25"/>
      <c r="H3071" s="71"/>
      <c r="I3071" s="83"/>
      <c r="J3071" s="50" t="str">
        <f t="shared" si="96"/>
        <v/>
      </c>
      <c r="K3071" s="23" t="s">
        <v>7120</v>
      </c>
      <c r="L3071" s="49" t="e">
        <f>VLOOKUP(E3071&amp;F3071,団体コード!$A$1:$C$1743,3,FALSE)</f>
        <v>#N/A</v>
      </c>
      <c r="M3071" s="49" t="e">
        <f>VLOOKUP(E3071&amp;F3071,団体コード!$A$1:$C$1743,2,FALSE)</f>
        <v>#N/A</v>
      </c>
      <c r="N3071" s="51" t="e">
        <f>VLOOKUP(E3071,団体コード!$E$1:$F$48,2,FALSE)</f>
        <v>#N/A</v>
      </c>
      <c r="O3071" s="51" t="e">
        <f t="shared" si="97"/>
        <v>#N/A</v>
      </c>
      <c r="P3071" s="51">
        <v>1</v>
      </c>
      <c r="Q3071" s="51" t="s">
        <v>5341</v>
      </c>
      <c r="R3071" s="54" t="b">
        <v>1</v>
      </c>
      <c r="S3071" s="52" t="s">
        <v>7126</v>
      </c>
      <c r="T3071" s="67" t="s">
        <v>7127</v>
      </c>
      <c r="U3071" s="75" t="s">
        <v>5331</v>
      </c>
      <c r="V3071" s="47" t="s">
        <v>5331</v>
      </c>
      <c r="W3071" s="47" t="s">
        <v>5331</v>
      </c>
      <c r="X3071" s="47" t="s">
        <v>5331</v>
      </c>
      <c r="Y3071" s="47" t="s">
        <v>5331</v>
      </c>
      <c r="Z3071" s="28"/>
      <c r="AA3071" s="27"/>
      <c r="AB3071" s="27"/>
      <c r="AC3071" s="27"/>
      <c r="AD3071" s="30"/>
      <c r="AE3071" s="1"/>
      <c r="AF3071" s="23" t="s">
        <v>5331</v>
      </c>
      <c r="AG3071" s="26"/>
      <c r="AH3071" s="53"/>
    </row>
    <row r="3072" spans="1:34" ht="51.6" customHeight="1" x14ac:dyDescent="0.45">
      <c r="A3072" s="23">
        <v>3066</v>
      </c>
      <c r="B3072" s="25"/>
      <c r="C3072" s="25"/>
      <c r="D3072" s="29"/>
      <c r="E3072" s="1"/>
      <c r="F3072" s="1"/>
      <c r="G3072" s="25"/>
      <c r="H3072" s="71"/>
      <c r="I3072" s="83"/>
      <c r="J3072" s="50" t="str">
        <f t="shared" si="96"/>
        <v/>
      </c>
      <c r="K3072" s="23" t="s">
        <v>7120</v>
      </c>
      <c r="L3072" s="49" t="e">
        <f>VLOOKUP(E3072&amp;F3072,団体コード!$A$1:$C$1743,3,FALSE)</f>
        <v>#N/A</v>
      </c>
      <c r="M3072" s="49" t="e">
        <f>VLOOKUP(E3072&amp;F3072,団体コード!$A$1:$C$1743,2,FALSE)</f>
        <v>#N/A</v>
      </c>
      <c r="N3072" s="51" t="e">
        <f>VLOOKUP(E3072,団体コード!$E$1:$F$48,2,FALSE)</f>
        <v>#N/A</v>
      </c>
      <c r="O3072" s="51" t="e">
        <f t="shared" si="97"/>
        <v>#N/A</v>
      </c>
      <c r="P3072" s="51">
        <v>1</v>
      </c>
      <c r="Q3072" s="51" t="s">
        <v>5341</v>
      </c>
      <c r="R3072" s="54" t="b">
        <v>1</v>
      </c>
      <c r="S3072" s="52" t="s">
        <v>7126</v>
      </c>
      <c r="T3072" s="67" t="s">
        <v>7127</v>
      </c>
      <c r="U3072" s="75" t="s">
        <v>5331</v>
      </c>
      <c r="V3072" s="47" t="s">
        <v>5331</v>
      </c>
      <c r="W3072" s="47" t="s">
        <v>5331</v>
      </c>
      <c r="X3072" s="47" t="s">
        <v>5331</v>
      </c>
      <c r="Y3072" s="47" t="s">
        <v>5331</v>
      </c>
      <c r="Z3072" s="28"/>
      <c r="AA3072" s="27"/>
      <c r="AB3072" s="27"/>
      <c r="AC3072" s="27"/>
      <c r="AD3072" s="30"/>
      <c r="AE3072" s="1"/>
      <c r="AF3072" s="23" t="s">
        <v>5331</v>
      </c>
      <c r="AG3072" s="26"/>
      <c r="AH3072" s="53"/>
    </row>
    <row r="3073" spans="1:34" ht="51.6" customHeight="1" x14ac:dyDescent="0.45">
      <c r="A3073" s="23">
        <v>3067</v>
      </c>
      <c r="B3073" s="25"/>
      <c r="C3073" s="25"/>
      <c r="D3073" s="29"/>
      <c r="E3073" s="1"/>
      <c r="F3073" s="1"/>
      <c r="G3073" s="25"/>
      <c r="H3073" s="71"/>
      <c r="I3073" s="83"/>
      <c r="J3073" s="50" t="str">
        <f t="shared" si="96"/>
        <v/>
      </c>
      <c r="K3073" s="23" t="s">
        <v>7120</v>
      </c>
      <c r="L3073" s="49" t="e">
        <f>VLOOKUP(E3073&amp;F3073,団体コード!$A$1:$C$1743,3,FALSE)</f>
        <v>#N/A</v>
      </c>
      <c r="M3073" s="49" t="e">
        <f>VLOOKUP(E3073&amp;F3073,団体コード!$A$1:$C$1743,2,FALSE)</f>
        <v>#N/A</v>
      </c>
      <c r="N3073" s="51" t="e">
        <f>VLOOKUP(E3073,団体コード!$E$1:$F$48,2,FALSE)</f>
        <v>#N/A</v>
      </c>
      <c r="O3073" s="51" t="e">
        <f t="shared" si="97"/>
        <v>#N/A</v>
      </c>
      <c r="P3073" s="51">
        <v>1</v>
      </c>
      <c r="Q3073" s="51" t="s">
        <v>5341</v>
      </c>
      <c r="R3073" s="54" t="b">
        <v>1</v>
      </c>
      <c r="S3073" s="52" t="s">
        <v>7126</v>
      </c>
      <c r="T3073" s="67" t="s">
        <v>7127</v>
      </c>
      <c r="U3073" s="75" t="s">
        <v>5331</v>
      </c>
      <c r="V3073" s="47" t="s">
        <v>5331</v>
      </c>
      <c r="W3073" s="47" t="s">
        <v>5331</v>
      </c>
      <c r="X3073" s="47" t="s">
        <v>5331</v>
      </c>
      <c r="Y3073" s="47" t="s">
        <v>5331</v>
      </c>
      <c r="Z3073" s="28"/>
      <c r="AA3073" s="27"/>
      <c r="AB3073" s="27"/>
      <c r="AC3073" s="27"/>
      <c r="AD3073" s="30"/>
      <c r="AE3073" s="1"/>
      <c r="AF3073" s="23" t="s">
        <v>5331</v>
      </c>
      <c r="AG3073" s="26"/>
      <c r="AH3073" s="53"/>
    </row>
    <row r="3074" spans="1:34" ht="51.6" customHeight="1" x14ac:dyDescent="0.45">
      <c r="A3074" s="23">
        <v>3068</v>
      </c>
      <c r="B3074" s="25"/>
      <c r="C3074" s="25"/>
      <c r="D3074" s="29"/>
      <c r="E3074" s="1"/>
      <c r="F3074" s="1"/>
      <c r="G3074" s="25"/>
      <c r="H3074" s="71"/>
      <c r="I3074" s="83"/>
      <c r="J3074" s="50" t="str">
        <f t="shared" si="96"/>
        <v/>
      </c>
      <c r="K3074" s="23" t="s">
        <v>7120</v>
      </c>
      <c r="L3074" s="49" t="e">
        <f>VLOOKUP(E3074&amp;F3074,団体コード!$A$1:$C$1743,3,FALSE)</f>
        <v>#N/A</v>
      </c>
      <c r="M3074" s="49" t="e">
        <f>VLOOKUP(E3074&amp;F3074,団体コード!$A$1:$C$1743,2,FALSE)</f>
        <v>#N/A</v>
      </c>
      <c r="N3074" s="51" t="e">
        <f>VLOOKUP(E3074,団体コード!$E$1:$F$48,2,FALSE)</f>
        <v>#N/A</v>
      </c>
      <c r="O3074" s="51" t="e">
        <f t="shared" si="97"/>
        <v>#N/A</v>
      </c>
      <c r="P3074" s="51">
        <v>1</v>
      </c>
      <c r="Q3074" s="51" t="s">
        <v>5341</v>
      </c>
      <c r="R3074" s="54" t="b">
        <v>1</v>
      </c>
      <c r="S3074" s="52" t="s">
        <v>7126</v>
      </c>
      <c r="T3074" s="67" t="s">
        <v>7127</v>
      </c>
      <c r="U3074" s="75" t="s">
        <v>5331</v>
      </c>
      <c r="V3074" s="47" t="s">
        <v>5331</v>
      </c>
      <c r="W3074" s="47" t="s">
        <v>5331</v>
      </c>
      <c r="X3074" s="47" t="s">
        <v>5331</v>
      </c>
      <c r="Y3074" s="47" t="s">
        <v>5331</v>
      </c>
      <c r="Z3074" s="28"/>
      <c r="AA3074" s="27"/>
      <c r="AB3074" s="27"/>
      <c r="AC3074" s="27"/>
      <c r="AD3074" s="30"/>
      <c r="AE3074" s="1"/>
      <c r="AF3074" s="23" t="s">
        <v>5331</v>
      </c>
      <c r="AG3074" s="26"/>
      <c r="AH3074" s="53"/>
    </row>
    <row r="3075" spans="1:34" ht="51.6" customHeight="1" x14ac:dyDescent="0.45">
      <c r="A3075" s="23">
        <v>3069</v>
      </c>
      <c r="B3075" s="25"/>
      <c r="C3075" s="25"/>
      <c r="D3075" s="29"/>
      <c r="E3075" s="1"/>
      <c r="F3075" s="1"/>
      <c r="G3075" s="25"/>
      <c r="H3075" s="71"/>
      <c r="I3075" s="83"/>
      <c r="J3075" s="50" t="str">
        <f t="shared" si="96"/>
        <v/>
      </c>
      <c r="K3075" s="23" t="s">
        <v>7120</v>
      </c>
      <c r="L3075" s="49" t="e">
        <f>VLOOKUP(E3075&amp;F3075,団体コード!$A$1:$C$1743,3,FALSE)</f>
        <v>#N/A</v>
      </c>
      <c r="M3075" s="49" t="e">
        <f>VLOOKUP(E3075&amp;F3075,団体コード!$A$1:$C$1743,2,FALSE)</f>
        <v>#N/A</v>
      </c>
      <c r="N3075" s="51" t="e">
        <f>VLOOKUP(E3075,団体コード!$E$1:$F$48,2,FALSE)</f>
        <v>#N/A</v>
      </c>
      <c r="O3075" s="51" t="e">
        <f t="shared" si="97"/>
        <v>#N/A</v>
      </c>
      <c r="P3075" s="51">
        <v>1</v>
      </c>
      <c r="Q3075" s="51" t="s">
        <v>5341</v>
      </c>
      <c r="R3075" s="54" t="b">
        <v>1</v>
      </c>
      <c r="S3075" s="52" t="s">
        <v>7126</v>
      </c>
      <c r="T3075" s="67" t="s">
        <v>7127</v>
      </c>
      <c r="U3075" s="75" t="s">
        <v>5331</v>
      </c>
      <c r="V3075" s="47" t="s">
        <v>5331</v>
      </c>
      <c r="W3075" s="47" t="s">
        <v>5331</v>
      </c>
      <c r="X3075" s="47" t="s">
        <v>5331</v>
      </c>
      <c r="Y3075" s="47" t="s">
        <v>5331</v>
      </c>
      <c r="Z3075" s="28"/>
      <c r="AA3075" s="27"/>
      <c r="AB3075" s="27"/>
      <c r="AC3075" s="27"/>
      <c r="AD3075" s="30"/>
      <c r="AE3075" s="1"/>
      <c r="AF3075" s="23" t="s">
        <v>5331</v>
      </c>
      <c r="AG3075" s="26"/>
      <c r="AH3075" s="53"/>
    </row>
    <row r="3076" spans="1:34" ht="51.6" customHeight="1" x14ac:dyDescent="0.45">
      <c r="A3076" s="23">
        <v>3070</v>
      </c>
      <c r="B3076" s="25"/>
      <c r="C3076" s="25"/>
      <c r="D3076" s="29"/>
      <c r="E3076" s="1"/>
      <c r="F3076" s="1"/>
      <c r="G3076" s="25"/>
      <c r="H3076" s="71"/>
      <c r="I3076" s="83"/>
      <c r="J3076" s="50" t="str">
        <f t="shared" si="96"/>
        <v/>
      </c>
      <c r="K3076" s="23" t="s">
        <v>7120</v>
      </c>
      <c r="L3076" s="49" t="e">
        <f>VLOOKUP(E3076&amp;F3076,団体コード!$A$1:$C$1743,3,FALSE)</f>
        <v>#N/A</v>
      </c>
      <c r="M3076" s="49" t="e">
        <f>VLOOKUP(E3076&amp;F3076,団体コード!$A$1:$C$1743,2,FALSE)</f>
        <v>#N/A</v>
      </c>
      <c r="N3076" s="51" t="e">
        <f>VLOOKUP(E3076,団体コード!$E$1:$F$48,2,FALSE)</f>
        <v>#N/A</v>
      </c>
      <c r="O3076" s="51" t="e">
        <f t="shared" si="97"/>
        <v>#N/A</v>
      </c>
      <c r="P3076" s="51">
        <v>1</v>
      </c>
      <c r="Q3076" s="51" t="s">
        <v>5341</v>
      </c>
      <c r="R3076" s="54" t="b">
        <v>1</v>
      </c>
      <c r="S3076" s="52" t="s">
        <v>7126</v>
      </c>
      <c r="T3076" s="67" t="s">
        <v>7127</v>
      </c>
      <c r="U3076" s="75" t="s">
        <v>5331</v>
      </c>
      <c r="V3076" s="47" t="s">
        <v>5331</v>
      </c>
      <c r="W3076" s="47" t="s">
        <v>5331</v>
      </c>
      <c r="X3076" s="47" t="s">
        <v>5331</v>
      </c>
      <c r="Y3076" s="47" t="s">
        <v>5331</v>
      </c>
      <c r="Z3076" s="28"/>
      <c r="AA3076" s="27"/>
      <c r="AB3076" s="27"/>
      <c r="AC3076" s="27"/>
      <c r="AD3076" s="30"/>
      <c r="AE3076" s="1"/>
      <c r="AF3076" s="23" t="s">
        <v>5331</v>
      </c>
      <c r="AG3076" s="26"/>
      <c r="AH3076" s="53"/>
    </row>
    <row r="3077" spans="1:34" ht="51.6" customHeight="1" x14ac:dyDescent="0.45">
      <c r="A3077" s="23">
        <v>3071</v>
      </c>
      <c r="B3077" s="25"/>
      <c r="C3077" s="25"/>
      <c r="D3077" s="29"/>
      <c r="E3077" s="1"/>
      <c r="F3077" s="1"/>
      <c r="G3077" s="25"/>
      <c r="H3077" s="71"/>
      <c r="I3077" s="83"/>
      <c r="J3077" s="50" t="str">
        <f t="shared" si="96"/>
        <v/>
      </c>
      <c r="K3077" s="23" t="s">
        <v>7120</v>
      </c>
      <c r="L3077" s="49" t="e">
        <f>VLOOKUP(E3077&amp;F3077,団体コード!$A$1:$C$1743,3,FALSE)</f>
        <v>#N/A</v>
      </c>
      <c r="M3077" s="49" t="e">
        <f>VLOOKUP(E3077&amp;F3077,団体コード!$A$1:$C$1743,2,FALSE)</f>
        <v>#N/A</v>
      </c>
      <c r="N3077" s="51" t="e">
        <f>VLOOKUP(E3077,団体コード!$E$1:$F$48,2,FALSE)</f>
        <v>#N/A</v>
      </c>
      <c r="O3077" s="51" t="e">
        <f t="shared" si="97"/>
        <v>#N/A</v>
      </c>
      <c r="P3077" s="51">
        <v>1</v>
      </c>
      <c r="Q3077" s="51" t="s">
        <v>5341</v>
      </c>
      <c r="R3077" s="54" t="b">
        <v>1</v>
      </c>
      <c r="S3077" s="52" t="s">
        <v>7126</v>
      </c>
      <c r="T3077" s="67" t="s">
        <v>7127</v>
      </c>
      <c r="U3077" s="75" t="s">
        <v>5331</v>
      </c>
      <c r="V3077" s="47" t="s">
        <v>5331</v>
      </c>
      <c r="W3077" s="47" t="s">
        <v>5331</v>
      </c>
      <c r="X3077" s="47" t="s">
        <v>5331</v>
      </c>
      <c r="Y3077" s="47" t="s">
        <v>5331</v>
      </c>
      <c r="Z3077" s="28"/>
      <c r="AA3077" s="27"/>
      <c r="AB3077" s="27"/>
      <c r="AC3077" s="27"/>
      <c r="AD3077" s="30"/>
      <c r="AE3077" s="1"/>
      <c r="AF3077" s="23" t="s">
        <v>5331</v>
      </c>
      <c r="AG3077" s="26"/>
      <c r="AH3077" s="53"/>
    </row>
    <row r="3078" spans="1:34" ht="51.6" customHeight="1" x14ac:dyDescent="0.45">
      <c r="A3078" s="23">
        <v>3072</v>
      </c>
      <c r="B3078" s="25"/>
      <c r="C3078" s="25"/>
      <c r="D3078" s="29"/>
      <c r="E3078" s="1"/>
      <c r="F3078" s="1"/>
      <c r="G3078" s="25"/>
      <c r="H3078" s="71"/>
      <c r="I3078" s="83"/>
      <c r="J3078" s="50" t="str">
        <f t="shared" si="96"/>
        <v/>
      </c>
      <c r="K3078" s="23" t="s">
        <v>7120</v>
      </c>
      <c r="L3078" s="49" t="e">
        <f>VLOOKUP(E3078&amp;F3078,団体コード!$A$1:$C$1743,3,FALSE)</f>
        <v>#N/A</v>
      </c>
      <c r="M3078" s="49" t="e">
        <f>VLOOKUP(E3078&amp;F3078,団体コード!$A$1:$C$1743,2,FALSE)</f>
        <v>#N/A</v>
      </c>
      <c r="N3078" s="51" t="e">
        <f>VLOOKUP(E3078,団体コード!$E$1:$F$48,2,FALSE)</f>
        <v>#N/A</v>
      </c>
      <c r="O3078" s="51" t="e">
        <f t="shared" si="97"/>
        <v>#N/A</v>
      </c>
      <c r="P3078" s="51">
        <v>1</v>
      </c>
      <c r="Q3078" s="51" t="s">
        <v>5341</v>
      </c>
      <c r="R3078" s="54" t="b">
        <v>1</v>
      </c>
      <c r="S3078" s="52" t="s">
        <v>7126</v>
      </c>
      <c r="T3078" s="67" t="s">
        <v>7127</v>
      </c>
      <c r="U3078" s="75" t="s">
        <v>5331</v>
      </c>
      <c r="V3078" s="47" t="s">
        <v>5331</v>
      </c>
      <c r="W3078" s="47" t="s">
        <v>5331</v>
      </c>
      <c r="X3078" s="47" t="s">
        <v>5331</v>
      </c>
      <c r="Y3078" s="47" t="s">
        <v>5331</v>
      </c>
      <c r="Z3078" s="28"/>
      <c r="AA3078" s="27"/>
      <c r="AB3078" s="27"/>
      <c r="AC3078" s="27"/>
      <c r="AD3078" s="30"/>
      <c r="AE3078" s="1"/>
      <c r="AF3078" s="23" t="s">
        <v>5331</v>
      </c>
      <c r="AG3078" s="26"/>
      <c r="AH3078" s="53"/>
    </row>
    <row r="3079" spans="1:34" ht="51.6" customHeight="1" x14ac:dyDescent="0.45">
      <c r="A3079" s="23">
        <v>3073</v>
      </c>
      <c r="B3079" s="25"/>
      <c r="C3079" s="25"/>
      <c r="D3079" s="29"/>
      <c r="E3079" s="1"/>
      <c r="F3079" s="1"/>
      <c r="G3079" s="25"/>
      <c r="H3079" s="71"/>
      <c r="I3079" s="83"/>
      <c r="J3079" s="50" t="str">
        <f t="shared" si="96"/>
        <v/>
      </c>
      <c r="K3079" s="23" t="s">
        <v>7120</v>
      </c>
      <c r="L3079" s="49" t="e">
        <f>VLOOKUP(E3079&amp;F3079,団体コード!$A$1:$C$1743,3,FALSE)</f>
        <v>#N/A</v>
      </c>
      <c r="M3079" s="49" t="e">
        <f>VLOOKUP(E3079&amp;F3079,団体コード!$A$1:$C$1743,2,FALSE)</f>
        <v>#N/A</v>
      </c>
      <c r="N3079" s="51" t="e">
        <f>VLOOKUP(E3079,団体コード!$E$1:$F$48,2,FALSE)</f>
        <v>#N/A</v>
      </c>
      <c r="O3079" s="51" t="e">
        <f t="shared" si="97"/>
        <v>#N/A</v>
      </c>
      <c r="P3079" s="51">
        <v>1</v>
      </c>
      <c r="Q3079" s="51" t="s">
        <v>5341</v>
      </c>
      <c r="R3079" s="54" t="b">
        <v>1</v>
      </c>
      <c r="S3079" s="52" t="s">
        <v>7126</v>
      </c>
      <c r="T3079" s="67" t="s">
        <v>7127</v>
      </c>
      <c r="U3079" s="75" t="s">
        <v>5331</v>
      </c>
      <c r="V3079" s="47" t="s">
        <v>5331</v>
      </c>
      <c r="W3079" s="47" t="s">
        <v>5331</v>
      </c>
      <c r="X3079" s="47" t="s">
        <v>5331</v>
      </c>
      <c r="Y3079" s="47" t="s">
        <v>5331</v>
      </c>
      <c r="Z3079" s="28"/>
      <c r="AA3079" s="27"/>
      <c r="AB3079" s="27"/>
      <c r="AC3079" s="27"/>
      <c r="AD3079" s="30"/>
      <c r="AE3079" s="1"/>
      <c r="AF3079" s="23" t="s">
        <v>5331</v>
      </c>
      <c r="AG3079" s="26"/>
      <c r="AH3079" s="53"/>
    </row>
    <row r="3080" spans="1:34" ht="51.6" customHeight="1" x14ac:dyDescent="0.45">
      <c r="A3080" s="23">
        <v>3074</v>
      </c>
      <c r="B3080" s="25"/>
      <c r="C3080" s="25"/>
      <c r="D3080" s="29"/>
      <c r="E3080" s="1"/>
      <c r="F3080" s="1"/>
      <c r="G3080" s="25"/>
      <c r="H3080" s="71"/>
      <c r="I3080" s="83"/>
      <c r="J3080" s="50" t="str">
        <f t="shared" ref="J3080:J3143" si="98">E3080&amp;F3080&amp;G3080</f>
        <v/>
      </c>
      <c r="K3080" s="23" t="s">
        <v>7120</v>
      </c>
      <c r="L3080" s="49" t="e">
        <f>VLOOKUP(E3080&amp;F3080,団体コード!$A$1:$C$1743,3,FALSE)</f>
        <v>#N/A</v>
      </c>
      <c r="M3080" s="49" t="e">
        <f>VLOOKUP(E3080&amp;F3080,団体コード!$A$1:$C$1743,2,FALSE)</f>
        <v>#N/A</v>
      </c>
      <c r="N3080" s="51" t="e">
        <f>VLOOKUP(E3080,団体コード!$E$1:$F$48,2,FALSE)</f>
        <v>#N/A</v>
      </c>
      <c r="O3080" s="51" t="e">
        <f t="shared" ref="O3080:O3143" si="99">N3080</f>
        <v>#N/A</v>
      </c>
      <c r="P3080" s="51">
        <v>1</v>
      </c>
      <c r="Q3080" s="51" t="s">
        <v>5341</v>
      </c>
      <c r="R3080" s="54" t="b">
        <v>1</v>
      </c>
      <c r="S3080" s="52" t="s">
        <v>7126</v>
      </c>
      <c r="T3080" s="67" t="s">
        <v>7127</v>
      </c>
      <c r="U3080" s="75" t="s">
        <v>5331</v>
      </c>
      <c r="V3080" s="47" t="s">
        <v>5331</v>
      </c>
      <c r="W3080" s="47" t="s">
        <v>5331</v>
      </c>
      <c r="X3080" s="47" t="s">
        <v>5331</v>
      </c>
      <c r="Y3080" s="47" t="s">
        <v>5331</v>
      </c>
      <c r="Z3080" s="28"/>
      <c r="AA3080" s="27"/>
      <c r="AB3080" s="27"/>
      <c r="AC3080" s="27"/>
      <c r="AD3080" s="30"/>
      <c r="AE3080" s="1"/>
      <c r="AF3080" s="23" t="s">
        <v>5331</v>
      </c>
      <c r="AG3080" s="26"/>
      <c r="AH3080" s="53"/>
    </row>
    <row r="3081" spans="1:34" ht="51.6" customHeight="1" x14ac:dyDescent="0.45">
      <c r="A3081" s="23">
        <v>3075</v>
      </c>
      <c r="B3081" s="25"/>
      <c r="C3081" s="25"/>
      <c r="D3081" s="29"/>
      <c r="E3081" s="1"/>
      <c r="F3081" s="1"/>
      <c r="G3081" s="25"/>
      <c r="H3081" s="71"/>
      <c r="I3081" s="83"/>
      <c r="J3081" s="50" t="str">
        <f t="shared" si="98"/>
        <v/>
      </c>
      <c r="K3081" s="23" t="s">
        <v>7120</v>
      </c>
      <c r="L3081" s="49" t="e">
        <f>VLOOKUP(E3081&amp;F3081,団体コード!$A$1:$C$1743,3,FALSE)</f>
        <v>#N/A</v>
      </c>
      <c r="M3081" s="49" t="e">
        <f>VLOOKUP(E3081&amp;F3081,団体コード!$A$1:$C$1743,2,FALSE)</f>
        <v>#N/A</v>
      </c>
      <c r="N3081" s="51" t="e">
        <f>VLOOKUP(E3081,団体コード!$E$1:$F$48,2,FALSE)</f>
        <v>#N/A</v>
      </c>
      <c r="O3081" s="51" t="e">
        <f t="shared" si="99"/>
        <v>#N/A</v>
      </c>
      <c r="P3081" s="51">
        <v>1</v>
      </c>
      <c r="Q3081" s="51" t="s">
        <v>5341</v>
      </c>
      <c r="R3081" s="54" t="b">
        <v>1</v>
      </c>
      <c r="S3081" s="52" t="s">
        <v>7126</v>
      </c>
      <c r="T3081" s="67" t="s">
        <v>7127</v>
      </c>
      <c r="U3081" s="75" t="s">
        <v>5331</v>
      </c>
      <c r="V3081" s="47" t="s">
        <v>5331</v>
      </c>
      <c r="W3081" s="47" t="s">
        <v>5331</v>
      </c>
      <c r="X3081" s="47" t="s">
        <v>5331</v>
      </c>
      <c r="Y3081" s="47" t="s">
        <v>5331</v>
      </c>
      <c r="Z3081" s="28"/>
      <c r="AA3081" s="27"/>
      <c r="AB3081" s="27"/>
      <c r="AC3081" s="27"/>
      <c r="AD3081" s="30"/>
      <c r="AE3081" s="1"/>
      <c r="AF3081" s="23" t="s">
        <v>5331</v>
      </c>
      <c r="AG3081" s="26"/>
      <c r="AH3081" s="53"/>
    </row>
    <row r="3082" spans="1:34" ht="51.6" customHeight="1" x14ac:dyDescent="0.45">
      <c r="A3082" s="23">
        <v>3076</v>
      </c>
      <c r="B3082" s="25"/>
      <c r="C3082" s="25"/>
      <c r="D3082" s="29"/>
      <c r="E3082" s="1"/>
      <c r="F3082" s="1"/>
      <c r="G3082" s="25"/>
      <c r="H3082" s="71"/>
      <c r="I3082" s="83"/>
      <c r="J3082" s="50" t="str">
        <f t="shared" si="98"/>
        <v/>
      </c>
      <c r="K3082" s="23" t="s">
        <v>7120</v>
      </c>
      <c r="L3082" s="49" t="e">
        <f>VLOOKUP(E3082&amp;F3082,団体コード!$A$1:$C$1743,3,FALSE)</f>
        <v>#N/A</v>
      </c>
      <c r="M3082" s="49" t="e">
        <f>VLOOKUP(E3082&amp;F3082,団体コード!$A$1:$C$1743,2,FALSE)</f>
        <v>#N/A</v>
      </c>
      <c r="N3082" s="51" t="e">
        <f>VLOOKUP(E3082,団体コード!$E$1:$F$48,2,FALSE)</f>
        <v>#N/A</v>
      </c>
      <c r="O3082" s="51" t="e">
        <f t="shared" si="99"/>
        <v>#N/A</v>
      </c>
      <c r="P3082" s="51">
        <v>1</v>
      </c>
      <c r="Q3082" s="51" t="s">
        <v>5341</v>
      </c>
      <c r="R3082" s="54" t="b">
        <v>1</v>
      </c>
      <c r="S3082" s="52" t="s">
        <v>7126</v>
      </c>
      <c r="T3082" s="67" t="s">
        <v>7127</v>
      </c>
      <c r="U3082" s="75" t="s">
        <v>5331</v>
      </c>
      <c r="V3082" s="47" t="s">
        <v>5331</v>
      </c>
      <c r="W3082" s="47" t="s">
        <v>5331</v>
      </c>
      <c r="X3082" s="47" t="s">
        <v>5331</v>
      </c>
      <c r="Y3082" s="47" t="s">
        <v>5331</v>
      </c>
      <c r="Z3082" s="28"/>
      <c r="AA3082" s="27"/>
      <c r="AB3082" s="27"/>
      <c r="AC3082" s="27"/>
      <c r="AD3082" s="30"/>
      <c r="AE3082" s="1"/>
      <c r="AF3082" s="23" t="s">
        <v>5331</v>
      </c>
      <c r="AG3082" s="26"/>
      <c r="AH3082" s="53"/>
    </row>
    <row r="3083" spans="1:34" ht="51.6" customHeight="1" x14ac:dyDescent="0.45">
      <c r="A3083" s="23">
        <v>3077</v>
      </c>
      <c r="B3083" s="25"/>
      <c r="C3083" s="25"/>
      <c r="D3083" s="29"/>
      <c r="E3083" s="1"/>
      <c r="F3083" s="1"/>
      <c r="G3083" s="25"/>
      <c r="H3083" s="71"/>
      <c r="I3083" s="83"/>
      <c r="J3083" s="50" t="str">
        <f t="shared" si="98"/>
        <v/>
      </c>
      <c r="K3083" s="23" t="s">
        <v>7120</v>
      </c>
      <c r="L3083" s="49" t="e">
        <f>VLOOKUP(E3083&amp;F3083,団体コード!$A$1:$C$1743,3,FALSE)</f>
        <v>#N/A</v>
      </c>
      <c r="M3083" s="49" t="e">
        <f>VLOOKUP(E3083&amp;F3083,団体コード!$A$1:$C$1743,2,FALSE)</f>
        <v>#N/A</v>
      </c>
      <c r="N3083" s="51" t="e">
        <f>VLOOKUP(E3083,団体コード!$E$1:$F$48,2,FALSE)</f>
        <v>#N/A</v>
      </c>
      <c r="O3083" s="51" t="e">
        <f t="shared" si="99"/>
        <v>#N/A</v>
      </c>
      <c r="P3083" s="51">
        <v>1</v>
      </c>
      <c r="Q3083" s="51" t="s">
        <v>5341</v>
      </c>
      <c r="R3083" s="54" t="b">
        <v>1</v>
      </c>
      <c r="S3083" s="52" t="s">
        <v>7126</v>
      </c>
      <c r="T3083" s="67" t="s">
        <v>7127</v>
      </c>
      <c r="U3083" s="75" t="s">
        <v>5331</v>
      </c>
      <c r="V3083" s="47" t="s">
        <v>5331</v>
      </c>
      <c r="W3083" s="47" t="s">
        <v>5331</v>
      </c>
      <c r="X3083" s="47" t="s">
        <v>5331</v>
      </c>
      <c r="Y3083" s="47" t="s">
        <v>5331</v>
      </c>
      <c r="Z3083" s="28"/>
      <c r="AA3083" s="27"/>
      <c r="AB3083" s="27"/>
      <c r="AC3083" s="27"/>
      <c r="AD3083" s="30"/>
      <c r="AE3083" s="1"/>
      <c r="AF3083" s="23" t="s">
        <v>5331</v>
      </c>
      <c r="AG3083" s="26"/>
      <c r="AH3083" s="53"/>
    </row>
    <row r="3084" spans="1:34" ht="51.6" customHeight="1" x14ac:dyDescent="0.45">
      <c r="A3084" s="23">
        <v>3078</v>
      </c>
      <c r="B3084" s="25"/>
      <c r="C3084" s="25"/>
      <c r="D3084" s="29"/>
      <c r="E3084" s="1"/>
      <c r="F3084" s="1"/>
      <c r="G3084" s="25"/>
      <c r="H3084" s="71"/>
      <c r="I3084" s="83"/>
      <c r="J3084" s="50" t="str">
        <f t="shared" si="98"/>
        <v/>
      </c>
      <c r="K3084" s="23" t="s">
        <v>7120</v>
      </c>
      <c r="L3084" s="49" t="e">
        <f>VLOOKUP(E3084&amp;F3084,団体コード!$A$1:$C$1743,3,FALSE)</f>
        <v>#N/A</v>
      </c>
      <c r="M3084" s="49" t="e">
        <f>VLOOKUP(E3084&amp;F3084,団体コード!$A$1:$C$1743,2,FALSE)</f>
        <v>#N/A</v>
      </c>
      <c r="N3084" s="51" t="e">
        <f>VLOOKUP(E3084,団体コード!$E$1:$F$48,2,FALSE)</f>
        <v>#N/A</v>
      </c>
      <c r="O3084" s="51" t="e">
        <f t="shared" si="99"/>
        <v>#N/A</v>
      </c>
      <c r="P3084" s="51">
        <v>1</v>
      </c>
      <c r="Q3084" s="51" t="s">
        <v>5341</v>
      </c>
      <c r="R3084" s="54" t="b">
        <v>1</v>
      </c>
      <c r="S3084" s="52" t="s">
        <v>7126</v>
      </c>
      <c r="T3084" s="67" t="s">
        <v>7127</v>
      </c>
      <c r="U3084" s="75" t="s">
        <v>5331</v>
      </c>
      <c r="V3084" s="47" t="s">
        <v>5331</v>
      </c>
      <c r="W3084" s="47" t="s">
        <v>5331</v>
      </c>
      <c r="X3084" s="47" t="s">
        <v>5331</v>
      </c>
      <c r="Y3084" s="47" t="s">
        <v>5331</v>
      </c>
      <c r="Z3084" s="28"/>
      <c r="AA3084" s="27"/>
      <c r="AB3084" s="27"/>
      <c r="AC3084" s="27"/>
      <c r="AD3084" s="30"/>
      <c r="AE3084" s="1"/>
      <c r="AF3084" s="23" t="s">
        <v>5331</v>
      </c>
      <c r="AG3084" s="26"/>
      <c r="AH3084" s="53"/>
    </row>
    <row r="3085" spans="1:34" ht="51.6" customHeight="1" x14ac:dyDescent="0.45">
      <c r="A3085" s="23">
        <v>3079</v>
      </c>
      <c r="B3085" s="25"/>
      <c r="C3085" s="25"/>
      <c r="D3085" s="29"/>
      <c r="E3085" s="1"/>
      <c r="F3085" s="1"/>
      <c r="G3085" s="25"/>
      <c r="H3085" s="71"/>
      <c r="I3085" s="83"/>
      <c r="J3085" s="50" t="str">
        <f t="shared" si="98"/>
        <v/>
      </c>
      <c r="K3085" s="23" t="s">
        <v>7120</v>
      </c>
      <c r="L3085" s="49" t="e">
        <f>VLOOKUP(E3085&amp;F3085,団体コード!$A$1:$C$1743,3,FALSE)</f>
        <v>#N/A</v>
      </c>
      <c r="M3085" s="49" t="e">
        <f>VLOOKUP(E3085&amp;F3085,団体コード!$A$1:$C$1743,2,FALSE)</f>
        <v>#N/A</v>
      </c>
      <c r="N3085" s="51" t="e">
        <f>VLOOKUP(E3085,団体コード!$E$1:$F$48,2,FALSE)</f>
        <v>#N/A</v>
      </c>
      <c r="O3085" s="51" t="e">
        <f t="shared" si="99"/>
        <v>#N/A</v>
      </c>
      <c r="P3085" s="51">
        <v>1</v>
      </c>
      <c r="Q3085" s="51" t="s">
        <v>5341</v>
      </c>
      <c r="R3085" s="54" t="b">
        <v>1</v>
      </c>
      <c r="S3085" s="52" t="s">
        <v>7126</v>
      </c>
      <c r="T3085" s="67" t="s">
        <v>7127</v>
      </c>
      <c r="U3085" s="75" t="s">
        <v>5331</v>
      </c>
      <c r="V3085" s="47" t="s">
        <v>5331</v>
      </c>
      <c r="W3085" s="47" t="s">
        <v>5331</v>
      </c>
      <c r="X3085" s="47" t="s">
        <v>5331</v>
      </c>
      <c r="Y3085" s="47" t="s">
        <v>5331</v>
      </c>
      <c r="Z3085" s="28"/>
      <c r="AA3085" s="27"/>
      <c r="AB3085" s="27"/>
      <c r="AC3085" s="27"/>
      <c r="AD3085" s="30"/>
      <c r="AE3085" s="1"/>
      <c r="AF3085" s="23" t="s">
        <v>5331</v>
      </c>
      <c r="AG3085" s="26"/>
      <c r="AH3085" s="53"/>
    </row>
    <row r="3086" spans="1:34" ht="51.6" customHeight="1" x14ac:dyDescent="0.45">
      <c r="A3086" s="23">
        <v>3080</v>
      </c>
      <c r="B3086" s="25"/>
      <c r="C3086" s="25"/>
      <c r="D3086" s="29"/>
      <c r="E3086" s="1"/>
      <c r="F3086" s="1"/>
      <c r="G3086" s="25"/>
      <c r="H3086" s="71"/>
      <c r="I3086" s="83"/>
      <c r="J3086" s="50" t="str">
        <f t="shared" si="98"/>
        <v/>
      </c>
      <c r="K3086" s="23" t="s">
        <v>7120</v>
      </c>
      <c r="L3086" s="49" t="e">
        <f>VLOOKUP(E3086&amp;F3086,団体コード!$A$1:$C$1743,3,FALSE)</f>
        <v>#N/A</v>
      </c>
      <c r="M3086" s="49" t="e">
        <f>VLOOKUP(E3086&amp;F3086,団体コード!$A$1:$C$1743,2,FALSE)</f>
        <v>#N/A</v>
      </c>
      <c r="N3086" s="51" t="e">
        <f>VLOOKUP(E3086,団体コード!$E$1:$F$48,2,FALSE)</f>
        <v>#N/A</v>
      </c>
      <c r="O3086" s="51" t="e">
        <f t="shared" si="99"/>
        <v>#N/A</v>
      </c>
      <c r="P3086" s="51">
        <v>1</v>
      </c>
      <c r="Q3086" s="51" t="s">
        <v>5341</v>
      </c>
      <c r="R3086" s="54" t="b">
        <v>1</v>
      </c>
      <c r="S3086" s="52" t="s">
        <v>7126</v>
      </c>
      <c r="T3086" s="67" t="s">
        <v>7127</v>
      </c>
      <c r="U3086" s="75" t="s">
        <v>5331</v>
      </c>
      <c r="V3086" s="47" t="s">
        <v>5331</v>
      </c>
      <c r="W3086" s="47" t="s">
        <v>5331</v>
      </c>
      <c r="X3086" s="47" t="s">
        <v>5331</v>
      </c>
      <c r="Y3086" s="47" t="s">
        <v>5331</v>
      </c>
      <c r="Z3086" s="28"/>
      <c r="AA3086" s="27"/>
      <c r="AB3086" s="27"/>
      <c r="AC3086" s="27"/>
      <c r="AD3086" s="30"/>
      <c r="AE3086" s="1"/>
      <c r="AF3086" s="23" t="s">
        <v>5331</v>
      </c>
      <c r="AG3086" s="26"/>
      <c r="AH3086" s="53"/>
    </row>
    <row r="3087" spans="1:34" ht="51.6" customHeight="1" x14ac:dyDescent="0.45">
      <c r="A3087" s="23">
        <v>3081</v>
      </c>
      <c r="B3087" s="25"/>
      <c r="C3087" s="25"/>
      <c r="D3087" s="29"/>
      <c r="E3087" s="1"/>
      <c r="F3087" s="1"/>
      <c r="G3087" s="25"/>
      <c r="H3087" s="71"/>
      <c r="I3087" s="83"/>
      <c r="J3087" s="50" t="str">
        <f t="shared" si="98"/>
        <v/>
      </c>
      <c r="K3087" s="23" t="s">
        <v>7120</v>
      </c>
      <c r="L3087" s="49" t="e">
        <f>VLOOKUP(E3087&amp;F3087,団体コード!$A$1:$C$1743,3,FALSE)</f>
        <v>#N/A</v>
      </c>
      <c r="M3087" s="49" t="e">
        <f>VLOOKUP(E3087&amp;F3087,団体コード!$A$1:$C$1743,2,FALSE)</f>
        <v>#N/A</v>
      </c>
      <c r="N3087" s="51" t="e">
        <f>VLOOKUP(E3087,団体コード!$E$1:$F$48,2,FALSE)</f>
        <v>#N/A</v>
      </c>
      <c r="O3087" s="51" t="e">
        <f t="shared" si="99"/>
        <v>#N/A</v>
      </c>
      <c r="P3087" s="51">
        <v>1</v>
      </c>
      <c r="Q3087" s="51" t="s">
        <v>5341</v>
      </c>
      <c r="R3087" s="54" t="b">
        <v>1</v>
      </c>
      <c r="S3087" s="52" t="s">
        <v>7126</v>
      </c>
      <c r="T3087" s="67" t="s">
        <v>7127</v>
      </c>
      <c r="U3087" s="75" t="s">
        <v>5331</v>
      </c>
      <c r="V3087" s="47" t="s">
        <v>5331</v>
      </c>
      <c r="W3087" s="47" t="s">
        <v>5331</v>
      </c>
      <c r="X3087" s="47" t="s">
        <v>5331</v>
      </c>
      <c r="Y3087" s="47" t="s">
        <v>5331</v>
      </c>
      <c r="Z3087" s="28"/>
      <c r="AA3087" s="27"/>
      <c r="AB3087" s="27"/>
      <c r="AC3087" s="27"/>
      <c r="AD3087" s="30"/>
      <c r="AE3087" s="1"/>
      <c r="AF3087" s="23" t="s">
        <v>5331</v>
      </c>
      <c r="AG3087" s="26"/>
      <c r="AH3087" s="53"/>
    </row>
    <row r="3088" spans="1:34" ht="51.6" customHeight="1" x14ac:dyDescent="0.45">
      <c r="A3088" s="23">
        <v>3082</v>
      </c>
      <c r="B3088" s="25"/>
      <c r="C3088" s="25"/>
      <c r="D3088" s="29"/>
      <c r="E3088" s="1"/>
      <c r="F3088" s="1"/>
      <c r="G3088" s="25"/>
      <c r="H3088" s="71"/>
      <c r="I3088" s="83"/>
      <c r="J3088" s="50" t="str">
        <f t="shared" si="98"/>
        <v/>
      </c>
      <c r="K3088" s="23" t="s">
        <v>7120</v>
      </c>
      <c r="L3088" s="49" t="e">
        <f>VLOOKUP(E3088&amp;F3088,団体コード!$A$1:$C$1743,3,FALSE)</f>
        <v>#N/A</v>
      </c>
      <c r="M3088" s="49" t="e">
        <f>VLOOKUP(E3088&amp;F3088,団体コード!$A$1:$C$1743,2,FALSE)</f>
        <v>#N/A</v>
      </c>
      <c r="N3088" s="51" t="e">
        <f>VLOOKUP(E3088,団体コード!$E$1:$F$48,2,FALSE)</f>
        <v>#N/A</v>
      </c>
      <c r="O3088" s="51" t="e">
        <f t="shared" si="99"/>
        <v>#N/A</v>
      </c>
      <c r="P3088" s="51">
        <v>1</v>
      </c>
      <c r="Q3088" s="51" t="s">
        <v>5341</v>
      </c>
      <c r="R3088" s="54" t="b">
        <v>1</v>
      </c>
      <c r="S3088" s="52" t="s">
        <v>7126</v>
      </c>
      <c r="T3088" s="67" t="s">
        <v>7127</v>
      </c>
      <c r="U3088" s="75" t="s">
        <v>5331</v>
      </c>
      <c r="V3088" s="47" t="s">
        <v>5331</v>
      </c>
      <c r="W3088" s="47" t="s">
        <v>5331</v>
      </c>
      <c r="X3088" s="47" t="s">
        <v>5331</v>
      </c>
      <c r="Y3088" s="47" t="s">
        <v>5331</v>
      </c>
      <c r="Z3088" s="28"/>
      <c r="AA3088" s="27"/>
      <c r="AB3088" s="27"/>
      <c r="AC3088" s="27"/>
      <c r="AD3088" s="30"/>
      <c r="AE3088" s="1"/>
      <c r="AF3088" s="23" t="s">
        <v>5331</v>
      </c>
      <c r="AG3088" s="26"/>
      <c r="AH3088" s="53"/>
    </row>
    <row r="3089" spans="1:34" ht="51.6" customHeight="1" x14ac:dyDescent="0.45">
      <c r="A3089" s="23">
        <v>3083</v>
      </c>
      <c r="B3089" s="25"/>
      <c r="C3089" s="25"/>
      <c r="D3089" s="29"/>
      <c r="E3089" s="1"/>
      <c r="F3089" s="1"/>
      <c r="G3089" s="25"/>
      <c r="H3089" s="71"/>
      <c r="I3089" s="83"/>
      <c r="J3089" s="50" t="str">
        <f t="shared" si="98"/>
        <v/>
      </c>
      <c r="K3089" s="23" t="s">
        <v>7120</v>
      </c>
      <c r="L3089" s="49" t="e">
        <f>VLOOKUP(E3089&amp;F3089,団体コード!$A$1:$C$1743,3,FALSE)</f>
        <v>#N/A</v>
      </c>
      <c r="M3089" s="49" t="e">
        <f>VLOOKUP(E3089&amp;F3089,団体コード!$A$1:$C$1743,2,FALSE)</f>
        <v>#N/A</v>
      </c>
      <c r="N3089" s="51" t="e">
        <f>VLOOKUP(E3089,団体コード!$E$1:$F$48,2,FALSE)</f>
        <v>#N/A</v>
      </c>
      <c r="O3089" s="51" t="e">
        <f t="shared" si="99"/>
        <v>#N/A</v>
      </c>
      <c r="P3089" s="51">
        <v>1</v>
      </c>
      <c r="Q3089" s="51" t="s">
        <v>5341</v>
      </c>
      <c r="R3089" s="54" t="b">
        <v>1</v>
      </c>
      <c r="S3089" s="52" t="s">
        <v>7126</v>
      </c>
      <c r="T3089" s="67" t="s">
        <v>7127</v>
      </c>
      <c r="U3089" s="75" t="s">
        <v>5331</v>
      </c>
      <c r="V3089" s="47" t="s">
        <v>5331</v>
      </c>
      <c r="W3089" s="47" t="s">
        <v>5331</v>
      </c>
      <c r="X3089" s="47" t="s">
        <v>5331</v>
      </c>
      <c r="Y3089" s="47" t="s">
        <v>5331</v>
      </c>
      <c r="Z3089" s="28"/>
      <c r="AA3089" s="27"/>
      <c r="AB3089" s="27"/>
      <c r="AC3089" s="27"/>
      <c r="AD3089" s="30"/>
      <c r="AE3089" s="1"/>
      <c r="AF3089" s="23" t="s">
        <v>5331</v>
      </c>
      <c r="AG3089" s="26"/>
      <c r="AH3089" s="53"/>
    </row>
    <row r="3090" spans="1:34" ht="51.6" customHeight="1" x14ac:dyDescent="0.45">
      <c r="A3090" s="23">
        <v>3084</v>
      </c>
      <c r="B3090" s="25"/>
      <c r="C3090" s="25"/>
      <c r="D3090" s="29"/>
      <c r="E3090" s="1"/>
      <c r="F3090" s="1"/>
      <c r="G3090" s="25"/>
      <c r="H3090" s="71"/>
      <c r="I3090" s="83"/>
      <c r="J3090" s="50" t="str">
        <f t="shared" si="98"/>
        <v/>
      </c>
      <c r="K3090" s="23" t="s">
        <v>7120</v>
      </c>
      <c r="L3090" s="49" t="e">
        <f>VLOOKUP(E3090&amp;F3090,団体コード!$A$1:$C$1743,3,FALSE)</f>
        <v>#N/A</v>
      </c>
      <c r="M3090" s="49" t="e">
        <f>VLOOKUP(E3090&amp;F3090,団体コード!$A$1:$C$1743,2,FALSE)</f>
        <v>#N/A</v>
      </c>
      <c r="N3090" s="51" t="e">
        <f>VLOOKUP(E3090,団体コード!$E$1:$F$48,2,FALSE)</f>
        <v>#N/A</v>
      </c>
      <c r="O3090" s="51" t="e">
        <f t="shared" si="99"/>
        <v>#N/A</v>
      </c>
      <c r="P3090" s="51">
        <v>1</v>
      </c>
      <c r="Q3090" s="51" t="s">
        <v>5341</v>
      </c>
      <c r="R3090" s="54" t="b">
        <v>1</v>
      </c>
      <c r="S3090" s="52" t="s">
        <v>7126</v>
      </c>
      <c r="T3090" s="67" t="s">
        <v>7127</v>
      </c>
      <c r="U3090" s="75" t="s">
        <v>5331</v>
      </c>
      <c r="V3090" s="47" t="s">
        <v>5331</v>
      </c>
      <c r="W3090" s="47" t="s">
        <v>5331</v>
      </c>
      <c r="X3090" s="47" t="s">
        <v>5331</v>
      </c>
      <c r="Y3090" s="47" t="s">
        <v>5331</v>
      </c>
      <c r="Z3090" s="28"/>
      <c r="AA3090" s="27"/>
      <c r="AB3090" s="27"/>
      <c r="AC3090" s="27"/>
      <c r="AD3090" s="30"/>
      <c r="AE3090" s="1"/>
      <c r="AF3090" s="23" t="s">
        <v>5331</v>
      </c>
      <c r="AG3090" s="26"/>
      <c r="AH3090" s="53"/>
    </row>
    <row r="3091" spans="1:34" ht="51.6" customHeight="1" x14ac:dyDescent="0.45">
      <c r="A3091" s="23">
        <v>3085</v>
      </c>
      <c r="B3091" s="25"/>
      <c r="C3091" s="25"/>
      <c r="D3091" s="29"/>
      <c r="E3091" s="1"/>
      <c r="F3091" s="1"/>
      <c r="G3091" s="25"/>
      <c r="H3091" s="71"/>
      <c r="I3091" s="83"/>
      <c r="J3091" s="50" t="str">
        <f t="shared" si="98"/>
        <v/>
      </c>
      <c r="K3091" s="23" t="s">
        <v>7120</v>
      </c>
      <c r="L3091" s="49" t="e">
        <f>VLOOKUP(E3091&amp;F3091,団体コード!$A$1:$C$1743,3,FALSE)</f>
        <v>#N/A</v>
      </c>
      <c r="M3091" s="49" t="e">
        <f>VLOOKUP(E3091&amp;F3091,団体コード!$A$1:$C$1743,2,FALSE)</f>
        <v>#N/A</v>
      </c>
      <c r="N3091" s="51" t="e">
        <f>VLOOKUP(E3091,団体コード!$E$1:$F$48,2,FALSE)</f>
        <v>#N/A</v>
      </c>
      <c r="O3091" s="51" t="e">
        <f t="shared" si="99"/>
        <v>#N/A</v>
      </c>
      <c r="P3091" s="51">
        <v>1</v>
      </c>
      <c r="Q3091" s="51" t="s">
        <v>5341</v>
      </c>
      <c r="R3091" s="54" t="b">
        <v>1</v>
      </c>
      <c r="S3091" s="52" t="s">
        <v>7126</v>
      </c>
      <c r="T3091" s="67" t="s">
        <v>7127</v>
      </c>
      <c r="U3091" s="75" t="s">
        <v>5331</v>
      </c>
      <c r="V3091" s="47" t="s">
        <v>5331</v>
      </c>
      <c r="W3091" s="47" t="s">
        <v>5331</v>
      </c>
      <c r="X3091" s="47" t="s">
        <v>5331</v>
      </c>
      <c r="Y3091" s="47" t="s">
        <v>5331</v>
      </c>
      <c r="Z3091" s="28"/>
      <c r="AA3091" s="27"/>
      <c r="AB3091" s="27"/>
      <c r="AC3091" s="27"/>
      <c r="AD3091" s="30"/>
      <c r="AE3091" s="1"/>
      <c r="AF3091" s="23" t="s">
        <v>5331</v>
      </c>
      <c r="AG3091" s="26"/>
      <c r="AH3091" s="53"/>
    </row>
    <row r="3092" spans="1:34" ht="51.6" customHeight="1" x14ac:dyDescent="0.45">
      <c r="A3092" s="23">
        <v>3086</v>
      </c>
      <c r="B3092" s="25"/>
      <c r="C3092" s="25"/>
      <c r="D3092" s="29"/>
      <c r="E3092" s="1"/>
      <c r="F3092" s="1"/>
      <c r="G3092" s="25"/>
      <c r="H3092" s="71"/>
      <c r="I3092" s="83"/>
      <c r="J3092" s="50" t="str">
        <f t="shared" si="98"/>
        <v/>
      </c>
      <c r="K3092" s="23" t="s">
        <v>7120</v>
      </c>
      <c r="L3092" s="49" t="e">
        <f>VLOOKUP(E3092&amp;F3092,団体コード!$A$1:$C$1743,3,FALSE)</f>
        <v>#N/A</v>
      </c>
      <c r="M3092" s="49" t="e">
        <f>VLOOKUP(E3092&amp;F3092,団体コード!$A$1:$C$1743,2,FALSE)</f>
        <v>#N/A</v>
      </c>
      <c r="N3092" s="51" t="e">
        <f>VLOOKUP(E3092,団体コード!$E$1:$F$48,2,FALSE)</f>
        <v>#N/A</v>
      </c>
      <c r="O3092" s="51" t="e">
        <f t="shared" si="99"/>
        <v>#N/A</v>
      </c>
      <c r="P3092" s="51">
        <v>1</v>
      </c>
      <c r="Q3092" s="51" t="s">
        <v>5341</v>
      </c>
      <c r="R3092" s="54" t="b">
        <v>1</v>
      </c>
      <c r="S3092" s="52" t="s">
        <v>7126</v>
      </c>
      <c r="T3092" s="67" t="s">
        <v>7127</v>
      </c>
      <c r="U3092" s="75" t="s">
        <v>5331</v>
      </c>
      <c r="V3092" s="47" t="s">
        <v>5331</v>
      </c>
      <c r="W3092" s="47" t="s">
        <v>5331</v>
      </c>
      <c r="X3092" s="47" t="s">
        <v>5331</v>
      </c>
      <c r="Y3092" s="47" t="s">
        <v>5331</v>
      </c>
      <c r="Z3092" s="28"/>
      <c r="AA3092" s="27"/>
      <c r="AB3092" s="27"/>
      <c r="AC3092" s="27"/>
      <c r="AD3092" s="30"/>
      <c r="AE3092" s="1"/>
      <c r="AF3092" s="23" t="s">
        <v>5331</v>
      </c>
      <c r="AG3092" s="26"/>
      <c r="AH3092" s="53"/>
    </row>
    <row r="3093" spans="1:34" ht="51.6" customHeight="1" x14ac:dyDescent="0.45">
      <c r="A3093" s="23">
        <v>3087</v>
      </c>
      <c r="B3093" s="25"/>
      <c r="C3093" s="25"/>
      <c r="D3093" s="29"/>
      <c r="E3093" s="1"/>
      <c r="F3093" s="1"/>
      <c r="G3093" s="25"/>
      <c r="H3093" s="71"/>
      <c r="I3093" s="83"/>
      <c r="J3093" s="50" t="str">
        <f t="shared" si="98"/>
        <v/>
      </c>
      <c r="K3093" s="23" t="s">
        <v>7120</v>
      </c>
      <c r="L3093" s="49" t="e">
        <f>VLOOKUP(E3093&amp;F3093,団体コード!$A$1:$C$1743,3,FALSE)</f>
        <v>#N/A</v>
      </c>
      <c r="M3093" s="49" t="e">
        <f>VLOOKUP(E3093&amp;F3093,団体コード!$A$1:$C$1743,2,FALSE)</f>
        <v>#N/A</v>
      </c>
      <c r="N3093" s="51" t="e">
        <f>VLOOKUP(E3093,団体コード!$E$1:$F$48,2,FALSE)</f>
        <v>#N/A</v>
      </c>
      <c r="O3093" s="51" t="e">
        <f t="shared" si="99"/>
        <v>#N/A</v>
      </c>
      <c r="P3093" s="51">
        <v>1</v>
      </c>
      <c r="Q3093" s="51" t="s">
        <v>5341</v>
      </c>
      <c r="R3093" s="54" t="b">
        <v>1</v>
      </c>
      <c r="S3093" s="52" t="s">
        <v>7126</v>
      </c>
      <c r="T3093" s="67" t="s">
        <v>7127</v>
      </c>
      <c r="U3093" s="75" t="s">
        <v>5331</v>
      </c>
      <c r="V3093" s="47" t="s">
        <v>5331</v>
      </c>
      <c r="W3093" s="47" t="s">
        <v>5331</v>
      </c>
      <c r="X3093" s="47" t="s">
        <v>5331</v>
      </c>
      <c r="Y3093" s="47" t="s">
        <v>5331</v>
      </c>
      <c r="Z3093" s="28"/>
      <c r="AA3093" s="27"/>
      <c r="AB3093" s="27"/>
      <c r="AC3093" s="27"/>
      <c r="AD3093" s="30"/>
      <c r="AE3093" s="1"/>
      <c r="AF3093" s="23" t="s">
        <v>5331</v>
      </c>
      <c r="AG3093" s="26"/>
      <c r="AH3093" s="53"/>
    </row>
    <row r="3094" spans="1:34" ht="51.6" customHeight="1" x14ac:dyDescent="0.45">
      <c r="A3094" s="23">
        <v>3088</v>
      </c>
      <c r="B3094" s="25"/>
      <c r="C3094" s="25"/>
      <c r="D3094" s="29"/>
      <c r="E3094" s="1"/>
      <c r="F3094" s="1"/>
      <c r="G3094" s="25"/>
      <c r="H3094" s="71"/>
      <c r="I3094" s="83"/>
      <c r="J3094" s="50" t="str">
        <f t="shared" si="98"/>
        <v/>
      </c>
      <c r="K3094" s="23" t="s">
        <v>7120</v>
      </c>
      <c r="L3094" s="49" t="e">
        <f>VLOOKUP(E3094&amp;F3094,団体コード!$A$1:$C$1743,3,FALSE)</f>
        <v>#N/A</v>
      </c>
      <c r="M3094" s="49" t="e">
        <f>VLOOKUP(E3094&amp;F3094,団体コード!$A$1:$C$1743,2,FALSE)</f>
        <v>#N/A</v>
      </c>
      <c r="N3094" s="51" t="e">
        <f>VLOOKUP(E3094,団体コード!$E$1:$F$48,2,FALSE)</f>
        <v>#N/A</v>
      </c>
      <c r="O3094" s="51" t="e">
        <f t="shared" si="99"/>
        <v>#N/A</v>
      </c>
      <c r="P3094" s="51">
        <v>1</v>
      </c>
      <c r="Q3094" s="51" t="s">
        <v>5341</v>
      </c>
      <c r="R3094" s="54" t="b">
        <v>1</v>
      </c>
      <c r="S3094" s="52" t="s">
        <v>7126</v>
      </c>
      <c r="T3094" s="67" t="s">
        <v>7127</v>
      </c>
      <c r="U3094" s="75" t="s">
        <v>5331</v>
      </c>
      <c r="V3094" s="47" t="s">
        <v>5331</v>
      </c>
      <c r="W3094" s="47" t="s">
        <v>5331</v>
      </c>
      <c r="X3094" s="47" t="s">
        <v>5331</v>
      </c>
      <c r="Y3094" s="47" t="s">
        <v>5331</v>
      </c>
      <c r="Z3094" s="28"/>
      <c r="AA3094" s="27"/>
      <c r="AB3094" s="27"/>
      <c r="AC3094" s="27"/>
      <c r="AD3094" s="30"/>
      <c r="AE3094" s="1"/>
      <c r="AF3094" s="23" t="s">
        <v>5331</v>
      </c>
      <c r="AG3094" s="26"/>
      <c r="AH3094" s="53"/>
    </row>
    <row r="3095" spans="1:34" ht="51.6" customHeight="1" x14ac:dyDescent="0.45">
      <c r="A3095" s="23">
        <v>3089</v>
      </c>
      <c r="B3095" s="25"/>
      <c r="C3095" s="25"/>
      <c r="D3095" s="29"/>
      <c r="E3095" s="1"/>
      <c r="F3095" s="1"/>
      <c r="G3095" s="25"/>
      <c r="H3095" s="71"/>
      <c r="I3095" s="83"/>
      <c r="J3095" s="50" t="str">
        <f t="shared" si="98"/>
        <v/>
      </c>
      <c r="K3095" s="23" t="s">
        <v>7120</v>
      </c>
      <c r="L3095" s="49" t="e">
        <f>VLOOKUP(E3095&amp;F3095,団体コード!$A$1:$C$1743,3,FALSE)</f>
        <v>#N/A</v>
      </c>
      <c r="M3095" s="49" t="e">
        <f>VLOOKUP(E3095&amp;F3095,団体コード!$A$1:$C$1743,2,FALSE)</f>
        <v>#N/A</v>
      </c>
      <c r="N3095" s="51" t="e">
        <f>VLOOKUP(E3095,団体コード!$E$1:$F$48,2,FALSE)</f>
        <v>#N/A</v>
      </c>
      <c r="O3095" s="51" t="e">
        <f t="shared" si="99"/>
        <v>#N/A</v>
      </c>
      <c r="P3095" s="51">
        <v>1</v>
      </c>
      <c r="Q3095" s="51" t="s">
        <v>5341</v>
      </c>
      <c r="R3095" s="54" t="b">
        <v>1</v>
      </c>
      <c r="S3095" s="52" t="s">
        <v>7126</v>
      </c>
      <c r="T3095" s="67" t="s">
        <v>7127</v>
      </c>
      <c r="U3095" s="75" t="s">
        <v>5331</v>
      </c>
      <c r="V3095" s="47" t="s">
        <v>5331</v>
      </c>
      <c r="W3095" s="47" t="s">
        <v>5331</v>
      </c>
      <c r="X3095" s="47" t="s">
        <v>5331</v>
      </c>
      <c r="Y3095" s="47" t="s">
        <v>5331</v>
      </c>
      <c r="Z3095" s="28"/>
      <c r="AA3095" s="27"/>
      <c r="AB3095" s="27"/>
      <c r="AC3095" s="27"/>
      <c r="AD3095" s="30"/>
      <c r="AE3095" s="1"/>
      <c r="AF3095" s="23" t="s">
        <v>5331</v>
      </c>
      <c r="AG3095" s="26"/>
      <c r="AH3095" s="53"/>
    </row>
    <row r="3096" spans="1:34" ht="51.6" customHeight="1" x14ac:dyDescent="0.45">
      <c r="A3096" s="23">
        <v>3090</v>
      </c>
      <c r="B3096" s="25"/>
      <c r="C3096" s="25"/>
      <c r="D3096" s="29"/>
      <c r="E3096" s="1"/>
      <c r="F3096" s="1"/>
      <c r="G3096" s="25"/>
      <c r="H3096" s="71"/>
      <c r="I3096" s="83"/>
      <c r="J3096" s="50" t="str">
        <f t="shared" si="98"/>
        <v/>
      </c>
      <c r="K3096" s="23" t="s">
        <v>7120</v>
      </c>
      <c r="L3096" s="49" t="e">
        <f>VLOOKUP(E3096&amp;F3096,団体コード!$A$1:$C$1743,3,FALSE)</f>
        <v>#N/A</v>
      </c>
      <c r="M3096" s="49" t="e">
        <f>VLOOKUP(E3096&amp;F3096,団体コード!$A$1:$C$1743,2,FALSE)</f>
        <v>#N/A</v>
      </c>
      <c r="N3096" s="51" t="e">
        <f>VLOOKUP(E3096,団体コード!$E$1:$F$48,2,FALSE)</f>
        <v>#N/A</v>
      </c>
      <c r="O3096" s="51" t="e">
        <f t="shared" si="99"/>
        <v>#N/A</v>
      </c>
      <c r="P3096" s="51">
        <v>1</v>
      </c>
      <c r="Q3096" s="51" t="s">
        <v>5341</v>
      </c>
      <c r="R3096" s="54" t="b">
        <v>1</v>
      </c>
      <c r="S3096" s="52" t="s">
        <v>7126</v>
      </c>
      <c r="T3096" s="67" t="s">
        <v>7127</v>
      </c>
      <c r="U3096" s="75" t="s">
        <v>5331</v>
      </c>
      <c r="V3096" s="47" t="s">
        <v>5331</v>
      </c>
      <c r="W3096" s="47" t="s">
        <v>5331</v>
      </c>
      <c r="X3096" s="47" t="s">
        <v>5331</v>
      </c>
      <c r="Y3096" s="47" t="s">
        <v>5331</v>
      </c>
      <c r="Z3096" s="28"/>
      <c r="AA3096" s="27"/>
      <c r="AB3096" s="27"/>
      <c r="AC3096" s="27"/>
      <c r="AD3096" s="30"/>
      <c r="AE3096" s="1"/>
      <c r="AF3096" s="23" t="s">
        <v>5331</v>
      </c>
      <c r="AG3096" s="26"/>
      <c r="AH3096" s="53"/>
    </row>
    <row r="3097" spans="1:34" ht="51.6" customHeight="1" x14ac:dyDescent="0.45">
      <c r="A3097" s="23">
        <v>3091</v>
      </c>
      <c r="B3097" s="25"/>
      <c r="C3097" s="25"/>
      <c r="D3097" s="29"/>
      <c r="E3097" s="1"/>
      <c r="F3097" s="1"/>
      <c r="G3097" s="25"/>
      <c r="H3097" s="71"/>
      <c r="I3097" s="83"/>
      <c r="J3097" s="50" t="str">
        <f t="shared" si="98"/>
        <v/>
      </c>
      <c r="K3097" s="23" t="s">
        <v>7120</v>
      </c>
      <c r="L3097" s="49" t="e">
        <f>VLOOKUP(E3097&amp;F3097,団体コード!$A$1:$C$1743,3,FALSE)</f>
        <v>#N/A</v>
      </c>
      <c r="M3097" s="49" t="e">
        <f>VLOOKUP(E3097&amp;F3097,団体コード!$A$1:$C$1743,2,FALSE)</f>
        <v>#N/A</v>
      </c>
      <c r="N3097" s="51" t="e">
        <f>VLOOKUP(E3097,団体コード!$E$1:$F$48,2,FALSE)</f>
        <v>#N/A</v>
      </c>
      <c r="O3097" s="51" t="e">
        <f t="shared" si="99"/>
        <v>#N/A</v>
      </c>
      <c r="P3097" s="51">
        <v>1</v>
      </c>
      <c r="Q3097" s="51" t="s">
        <v>5341</v>
      </c>
      <c r="R3097" s="54" t="b">
        <v>1</v>
      </c>
      <c r="S3097" s="52" t="s">
        <v>7126</v>
      </c>
      <c r="T3097" s="67" t="s">
        <v>7127</v>
      </c>
      <c r="U3097" s="75" t="s">
        <v>5331</v>
      </c>
      <c r="V3097" s="47" t="s">
        <v>5331</v>
      </c>
      <c r="W3097" s="47" t="s">
        <v>5331</v>
      </c>
      <c r="X3097" s="47" t="s">
        <v>5331</v>
      </c>
      <c r="Y3097" s="47" t="s">
        <v>5331</v>
      </c>
      <c r="Z3097" s="28"/>
      <c r="AA3097" s="27"/>
      <c r="AB3097" s="27"/>
      <c r="AC3097" s="27"/>
      <c r="AD3097" s="30"/>
      <c r="AE3097" s="1"/>
      <c r="AF3097" s="23" t="s">
        <v>5331</v>
      </c>
      <c r="AG3097" s="26"/>
      <c r="AH3097" s="53"/>
    </row>
    <row r="3098" spans="1:34" ht="51.6" customHeight="1" x14ac:dyDescent="0.45">
      <c r="A3098" s="23">
        <v>3092</v>
      </c>
      <c r="B3098" s="25"/>
      <c r="C3098" s="25"/>
      <c r="D3098" s="29"/>
      <c r="E3098" s="1"/>
      <c r="F3098" s="1"/>
      <c r="G3098" s="25"/>
      <c r="H3098" s="71"/>
      <c r="I3098" s="83"/>
      <c r="J3098" s="50" t="str">
        <f t="shared" si="98"/>
        <v/>
      </c>
      <c r="K3098" s="23" t="s">
        <v>7120</v>
      </c>
      <c r="L3098" s="49" t="e">
        <f>VLOOKUP(E3098&amp;F3098,団体コード!$A$1:$C$1743,3,FALSE)</f>
        <v>#N/A</v>
      </c>
      <c r="M3098" s="49" t="e">
        <f>VLOOKUP(E3098&amp;F3098,団体コード!$A$1:$C$1743,2,FALSE)</f>
        <v>#N/A</v>
      </c>
      <c r="N3098" s="51" t="e">
        <f>VLOOKUP(E3098,団体コード!$E$1:$F$48,2,FALSE)</f>
        <v>#N/A</v>
      </c>
      <c r="O3098" s="51" t="e">
        <f t="shared" si="99"/>
        <v>#N/A</v>
      </c>
      <c r="P3098" s="51">
        <v>1</v>
      </c>
      <c r="Q3098" s="51" t="s">
        <v>5341</v>
      </c>
      <c r="R3098" s="54" t="b">
        <v>1</v>
      </c>
      <c r="S3098" s="52" t="s">
        <v>7126</v>
      </c>
      <c r="T3098" s="67" t="s">
        <v>7127</v>
      </c>
      <c r="U3098" s="75" t="s">
        <v>5331</v>
      </c>
      <c r="V3098" s="47" t="s">
        <v>5331</v>
      </c>
      <c r="W3098" s="47" t="s">
        <v>5331</v>
      </c>
      <c r="X3098" s="47" t="s">
        <v>5331</v>
      </c>
      <c r="Y3098" s="47" t="s">
        <v>5331</v>
      </c>
      <c r="Z3098" s="28"/>
      <c r="AA3098" s="27"/>
      <c r="AB3098" s="27"/>
      <c r="AC3098" s="27"/>
      <c r="AD3098" s="30"/>
      <c r="AE3098" s="1"/>
      <c r="AF3098" s="23" t="s">
        <v>5331</v>
      </c>
      <c r="AG3098" s="26"/>
      <c r="AH3098" s="53"/>
    </row>
    <row r="3099" spans="1:34" ht="51.6" customHeight="1" x14ac:dyDescent="0.45">
      <c r="A3099" s="23">
        <v>3093</v>
      </c>
      <c r="B3099" s="25"/>
      <c r="C3099" s="25"/>
      <c r="D3099" s="29"/>
      <c r="E3099" s="1"/>
      <c r="F3099" s="1"/>
      <c r="G3099" s="25"/>
      <c r="H3099" s="71"/>
      <c r="I3099" s="83"/>
      <c r="J3099" s="50" t="str">
        <f t="shared" si="98"/>
        <v/>
      </c>
      <c r="K3099" s="23" t="s">
        <v>7120</v>
      </c>
      <c r="L3099" s="49" t="e">
        <f>VLOOKUP(E3099&amp;F3099,団体コード!$A$1:$C$1743,3,FALSE)</f>
        <v>#N/A</v>
      </c>
      <c r="M3099" s="49" t="e">
        <f>VLOOKUP(E3099&amp;F3099,団体コード!$A$1:$C$1743,2,FALSE)</f>
        <v>#N/A</v>
      </c>
      <c r="N3099" s="51" t="e">
        <f>VLOOKUP(E3099,団体コード!$E$1:$F$48,2,FALSE)</f>
        <v>#N/A</v>
      </c>
      <c r="O3099" s="51" t="e">
        <f t="shared" si="99"/>
        <v>#N/A</v>
      </c>
      <c r="P3099" s="51">
        <v>1</v>
      </c>
      <c r="Q3099" s="51" t="s">
        <v>5341</v>
      </c>
      <c r="R3099" s="54" t="b">
        <v>1</v>
      </c>
      <c r="S3099" s="52" t="s">
        <v>7126</v>
      </c>
      <c r="T3099" s="67" t="s">
        <v>7127</v>
      </c>
      <c r="U3099" s="75" t="s">
        <v>5331</v>
      </c>
      <c r="V3099" s="47" t="s">
        <v>5331</v>
      </c>
      <c r="W3099" s="47" t="s">
        <v>5331</v>
      </c>
      <c r="X3099" s="47" t="s">
        <v>5331</v>
      </c>
      <c r="Y3099" s="47" t="s">
        <v>5331</v>
      </c>
      <c r="Z3099" s="28"/>
      <c r="AA3099" s="27"/>
      <c r="AB3099" s="27"/>
      <c r="AC3099" s="27"/>
      <c r="AD3099" s="30"/>
      <c r="AE3099" s="1"/>
      <c r="AF3099" s="23" t="s">
        <v>5331</v>
      </c>
      <c r="AG3099" s="26"/>
      <c r="AH3099" s="53"/>
    </row>
    <row r="3100" spans="1:34" ht="51.6" customHeight="1" x14ac:dyDescent="0.45">
      <c r="A3100" s="23">
        <v>3094</v>
      </c>
      <c r="B3100" s="25"/>
      <c r="C3100" s="25"/>
      <c r="D3100" s="29"/>
      <c r="E3100" s="1"/>
      <c r="F3100" s="1"/>
      <c r="G3100" s="25"/>
      <c r="H3100" s="71"/>
      <c r="I3100" s="83"/>
      <c r="J3100" s="50" t="str">
        <f t="shared" si="98"/>
        <v/>
      </c>
      <c r="K3100" s="23" t="s">
        <v>7120</v>
      </c>
      <c r="L3100" s="49" t="e">
        <f>VLOOKUP(E3100&amp;F3100,団体コード!$A$1:$C$1743,3,FALSE)</f>
        <v>#N/A</v>
      </c>
      <c r="M3100" s="49" t="e">
        <f>VLOOKUP(E3100&amp;F3100,団体コード!$A$1:$C$1743,2,FALSE)</f>
        <v>#N/A</v>
      </c>
      <c r="N3100" s="51" t="e">
        <f>VLOOKUP(E3100,団体コード!$E$1:$F$48,2,FALSE)</f>
        <v>#N/A</v>
      </c>
      <c r="O3100" s="51" t="e">
        <f t="shared" si="99"/>
        <v>#N/A</v>
      </c>
      <c r="P3100" s="51">
        <v>1</v>
      </c>
      <c r="Q3100" s="51" t="s">
        <v>5341</v>
      </c>
      <c r="R3100" s="54" t="b">
        <v>1</v>
      </c>
      <c r="S3100" s="52" t="s">
        <v>7126</v>
      </c>
      <c r="T3100" s="67" t="s">
        <v>7127</v>
      </c>
      <c r="U3100" s="75" t="s">
        <v>5331</v>
      </c>
      <c r="V3100" s="47" t="s">
        <v>5331</v>
      </c>
      <c r="W3100" s="47" t="s">
        <v>5331</v>
      </c>
      <c r="X3100" s="47" t="s">
        <v>5331</v>
      </c>
      <c r="Y3100" s="47" t="s">
        <v>5331</v>
      </c>
      <c r="Z3100" s="28"/>
      <c r="AA3100" s="27"/>
      <c r="AB3100" s="27"/>
      <c r="AC3100" s="27"/>
      <c r="AD3100" s="30"/>
      <c r="AE3100" s="1"/>
      <c r="AF3100" s="23" t="s">
        <v>5331</v>
      </c>
      <c r="AG3100" s="26"/>
      <c r="AH3100" s="53"/>
    </row>
    <row r="3101" spans="1:34" ht="51.6" customHeight="1" x14ac:dyDescent="0.45">
      <c r="A3101" s="23">
        <v>3095</v>
      </c>
      <c r="B3101" s="25"/>
      <c r="C3101" s="25"/>
      <c r="D3101" s="29"/>
      <c r="E3101" s="1"/>
      <c r="F3101" s="1"/>
      <c r="G3101" s="25"/>
      <c r="H3101" s="71"/>
      <c r="I3101" s="83"/>
      <c r="J3101" s="50" t="str">
        <f t="shared" si="98"/>
        <v/>
      </c>
      <c r="K3101" s="23" t="s">
        <v>7120</v>
      </c>
      <c r="L3101" s="49" t="e">
        <f>VLOOKUP(E3101&amp;F3101,団体コード!$A$1:$C$1743,3,FALSE)</f>
        <v>#N/A</v>
      </c>
      <c r="M3101" s="49" t="e">
        <f>VLOOKUP(E3101&amp;F3101,団体コード!$A$1:$C$1743,2,FALSE)</f>
        <v>#N/A</v>
      </c>
      <c r="N3101" s="51" t="e">
        <f>VLOOKUP(E3101,団体コード!$E$1:$F$48,2,FALSE)</f>
        <v>#N/A</v>
      </c>
      <c r="O3101" s="51" t="e">
        <f t="shared" si="99"/>
        <v>#N/A</v>
      </c>
      <c r="P3101" s="51">
        <v>1</v>
      </c>
      <c r="Q3101" s="51" t="s">
        <v>5341</v>
      </c>
      <c r="R3101" s="54" t="b">
        <v>1</v>
      </c>
      <c r="S3101" s="52" t="s">
        <v>7126</v>
      </c>
      <c r="T3101" s="67" t="s">
        <v>7127</v>
      </c>
      <c r="U3101" s="75" t="s">
        <v>5331</v>
      </c>
      <c r="V3101" s="47" t="s">
        <v>5331</v>
      </c>
      <c r="W3101" s="47" t="s">
        <v>5331</v>
      </c>
      <c r="X3101" s="47" t="s">
        <v>5331</v>
      </c>
      <c r="Y3101" s="47" t="s">
        <v>5331</v>
      </c>
      <c r="Z3101" s="28"/>
      <c r="AA3101" s="27"/>
      <c r="AB3101" s="27"/>
      <c r="AC3101" s="27"/>
      <c r="AD3101" s="30"/>
      <c r="AE3101" s="1"/>
      <c r="AF3101" s="23" t="s">
        <v>5331</v>
      </c>
      <c r="AG3101" s="26"/>
      <c r="AH3101" s="53"/>
    </row>
    <row r="3102" spans="1:34" ht="51.6" customHeight="1" x14ac:dyDescent="0.45">
      <c r="A3102" s="23">
        <v>3096</v>
      </c>
      <c r="B3102" s="25"/>
      <c r="C3102" s="25"/>
      <c r="D3102" s="29"/>
      <c r="E3102" s="1"/>
      <c r="F3102" s="1"/>
      <c r="G3102" s="25"/>
      <c r="H3102" s="71"/>
      <c r="I3102" s="83"/>
      <c r="J3102" s="50" t="str">
        <f t="shared" si="98"/>
        <v/>
      </c>
      <c r="K3102" s="23" t="s">
        <v>7120</v>
      </c>
      <c r="L3102" s="49" t="e">
        <f>VLOOKUP(E3102&amp;F3102,団体コード!$A$1:$C$1743,3,FALSE)</f>
        <v>#N/A</v>
      </c>
      <c r="M3102" s="49" t="e">
        <f>VLOOKUP(E3102&amp;F3102,団体コード!$A$1:$C$1743,2,FALSE)</f>
        <v>#N/A</v>
      </c>
      <c r="N3102" s="51" t="e">
        <f>VLOOKUP(E3102,団体コード!$E$1:$F$48,2,FALSE)</f>
        <v>#N/A</v>
      </c>
      <c r="O3102" s="51" t="e">
        <f t="shared" si="99"/>
        <v>#N/A</v>
      </c>
      <c r="P3102" s="51">
        <v>1</v>
      </c>
      <c r="Q3102" s="51" t="s">
        <v>5341</v>
      </c>
      <c r="R3102" s="54" t="b">
        <v>1</v>
      </c>
      <c r="S3102" s="52" t="s">
        <v>7126</v>
      </c>
      <c r="T3102" s="67" t="s">
        <v>7127</v>
      </c>
      <c r="U3102" s="75" t="s">
        <v>5331</v>
      </c>
      <c r="V3102" s="47" t="s">
        <v>5331</v>
      </c>
      <c r="W3102" s="47" t="s">
        <v>5331</v>
      </c>
      <c r="X3102" s="47" t="s">
        <v>5331</v>
      </c>
      <c r="Y3102" s="47" t="s">
        <v>5331</v>
      </c>
      <c r="Z3102" s="28"/>
      <c r="AA3102" s="27"/>
      <c r="AB3102" s="27"/>
      <c r="AC3102" s="27"/>
      <c r="AD3102" s="30"/>
      <c r="AE3102" s="1"/>
      <c r="AF3102" s="23" t="s">
        <v>5331</v>
      </c>
      <c r="AG3102" s="26"/>
      <c r="AH3102" s="53"/>
    </row>
    <row r="3103" spans="1:34" ht="51.6" customHeight="1" x14ac:dyDescent="0.45">
      <c r="A3103" s="23">
        <v>3097</v>
      </c>
      <c r="B3103" s="25"/>
      <c r="C3103" s="25"/>
      <c r="D3103" s="29"/>
      <c r="E3103" s="1"/>
      <c r="F3103" s="1"/>
      <c r="G3103" s="25"/>
      <c r="H3103" s="71"/>
      <c r="I3103" s="83"/>
      <c r="J3103" s="50" t="str">
        <f t="shared" si="98"/>
        <v/>
      </c>
      <c r="K3103" s="23" t="s">
        <v>7120</v>
      </c>
      <c r="L3103" s="49" t="e">
        <f>VLOOKUP(E3103&amp;F3103,団体コード!$A$1:$C$1743,3,FALSE)</f>
        <v>#N/A</v>
      </c>
      <c r="M3103" s="49" t="e">
        <f>VLOOKUP(E3103&amp;F3103,団体コード!$A$1:$C$1743,2,FALSE)</f>
        <v>#N/A</v>
      </c>
      <c r="N3103" s="51" t="e">
        <f>VLOOKUP(E3103,団体コード!$E$1:$F$48,2,FALSE)</f>
        <v>#N/A</v>
      </c>
      <c r="O3103" s="51" t="e">
        <f t="shared" si="99"/>
        <v>#N/A</v>
      </c>
      <c r="P3103" s="51">
        <v>1</v>
      </c>
      <c r="Q3103" s="51" t="s">
        <v>5341</v>
      </c>
      <c r="R3103" s="54" t="b">
        <v>1</v>
      </c>
      <c r="S3103" s="52" t="s">
        <v>7126</v>
      </c>
      <c r="T3103" s="67" t="s">
        <v>7127</v>
      </c>
      <c r="U3103" s="75" t="s">
        <v>5331</v>
      </c>
      <c r="V3103" s="47" t="s">
        <v>5331</v>
      </c>
      <c r="W3103" s="47" t="s">
        <v>5331</v>
      </c>
      <c r="X3103" s="47" t="s">
        <v>5331</v>
      </c>
      <c r="Y3103" s="47" t="s">
        <v>5331</v>
      </c>
      <c r="Z3103" s="28"/>
      <c r="AA3103" s="27"/>
      <c r="AB3103" s="27"/>
      <c r="AC3103" s="27"/>
      <c r="AD3103" s="30"/>
      <c r="AE3103" s="1"/>
      <c r="AF3103" s="23" t="s">
        <v>5331</v>
      </c>
      <c r="AG3103" s="26"/>
      <c r="AH3103" s="53"/>
    </row>
    <row r="3104" spans="1:34" ht="51.6" customHeight="1" x14ac:dyDescent="0.45">
      <c r="A3104" s="23">
        <v>3098</v>
      </c>
      <c r="B3104" s="25"/>
      <c r="C3104" s="25"/>
      <c r="D3104" s="29"/>
      <c r="E3104" s="1"/>
      <c r="F3104" s="1"/>
      <c r="G3104" s="25"/>
      <c r="H3104" s="71"/>
      <c r="I3104" s="83"/>
      <c r="J3104" s="50" t="str">
        <f t="shared" si="98"/>
        <v/>
      </c>
      <c r="K3104" s="23" t="s">
        <v>7120</v>
      </c>
      <c r="L3104" s="49" t="e">
        <f>VLOOKUP(E3104&amp;F3104,団体コード!$A$1:$C$1743,3,FALSE)</f>
        <v>#N/A</v>
      </c>
      <c r="M3104" s="49" t="e">
        <f>VLOOKUP(E3104&amp;F3104,団体コード!$A$1:$C$1743,2,FALSE)</f>
        <v>#N/A</v>
      </c>
      <c r="N3104" s="51" t="e">
        <f>VLOOKUP(E3104,団体コード!$E$1:$F$48,2,FALSE)</f>
        <v>#N/A</v>
      </c>
      <c r="O3104" s="51" t="e">
        <f t="shared" si="99"/>
        <v>#N/A</v>
      </c>
      <c r="P3104" s="51">
        <v>1</v>
      </c>
      <c r="Q3104" s="51" t="s">
        <v>5341</v>
      </c>
      <c r="R3104" s="54" t="b">
        <v>1</v>
      </c>
      <c r="S3104" s="52" t="s">
        <v>7126</v>
      </c>
      <c r="T3104" s="67" t="s">
        <v>7127</v>
      </c>
      <c r="U3104" s="75" t="s">
        <v>5331</v>
      </c>
      <c r="V3104" s="47" t="s">
        <v>5331</v>
      </c>
      <c r="W3104" s="47" t="s">
        <v>5331</v>
      </c>
      <c r="X3104" s="47" t="s">
        <v>5331</v>
      </c>
      <c r="Y3104" s="47" t="s">
        <v>5331</v>
      </c>
      <c r="Z3104" s="28"/>
      <c r="AA3104" s="27"/>
      <c r="AB3104" s="27"/>
      <c r="AC3104" s="27"/>
      <c r="AD3104" s="30"/>
      <c r="AE3104" s="1"/>
      <c r="AF3104" s="23" t="s">
        <v>5331</v>
      </c>
      <c r="AG3104" s="26"/>
      <c r="AH3104" s="53"/>
    </row>
    <row r="3105" spans="1:34" ht="51.6" customHeight="1" x14ac:dyDescent="0.45">
      <c r="A3105" s="23">
        <v>3099</v>
      </c>
      <c r="B3105" s="25"/>
      <c r="C3105" s="25"/>
      <c r="D3105" s="29"/>
      <c r="E3105" s="1"/>
      <c r="F3105" s="1"/>
      <c r="G3105" s="25"/>
      <c r="H3105" s="71"/>
      <c r="I3105" s="83"/>
      <c r="J3105" s="50" t="str">
        <f t="shared" si="98"/>
        <v/>
      </c>
      <c r="K3105" s="23" t="s">
        <v>7120</v>
      </c>
      <c r="L3105" s="49" t="e">
        <f>VLOOKUP(E3105&amp;F3105,団体コード!$A$1:$C$1743,3,FALSE)</f>
        <v>#N/A</v>
      </c>
      <c r="M3105" s="49" t="e">
        <f>VLOOKUP(E3105&amp;F3105,団体コード!$A$1:$C$1743,2,FALSE)</f>
        <v>#N/A</v>
      </c>
      <c r="N3105" s="51" t="e">
        <f>VLOOKUP(E3105,団体コード!$E$1:$F$48,2,FALSE)</f>
        <v>#N/A</v>
      </c>
      <c r="O3105" s="51" t="e">
        <f t="shared" si="99"/>
        <v>#N/A</v>
      </c>
      <c r="P3105" s="51">
        <v>1</v>
      </c>
      <c r="Q3105" s="51" t="s">
        <v>5341</v>
      </c>
      <c r="R3105" s="54" t="b">
        <v>1</v>
      </c>
      <c r="S3105" s="52" t="s">
        <v>7126</v>
      </c>
      <c r="T3105" s="67" t="s">
        <v>7127</v>
      </c>
      <c r="U3105" s="75" t="s">
        <v>5331</v>
      </c>
      <c r="V3105" s="47" t="s">
        <v>5331</v>
      </c>
      <c r="W3105" s="47" t="s">
        <v>5331</v>
      </c>
      <c r="X3105" s="47" t="s">
        <v>5331</v>
      </c>
      <c r="Y3105" s="47" t="s">
        <v>5331</v>
      </c>
      <c r="Z3105" s="28"/>
      <c r="AA3105" s="27"/>
      <c r="AB3105" s="27"/>
      <c r="AC3105" s="27"/>
      <c r="AD3105" s="30"/>
      <c r="AE3105" s="1"/>
      <c r="AF3105" s="23" t="s">
        <v>5331</v>
      </c>
      <c r="AG3105" s="26"/>
      <c r="AH3105" s="53"/>
    </row>
    <row r="3106" spans="1:34" ht="51.6" customHeight="1" x14ac:dyDescent="0.45">
      <c r="A3106" s="23">
        <v>3100</v>
      </c>
      <c r="B3106" s="25"/>
      <c r="C3106" s="25"/>
      <c r="D3106" s="29"/>
      <c r="E3106" s="1"/>
      <c r="F3106" s="1"/>
      <c r="G3106" s="25"/>
      <c r="H3106" s="71"/>
      <c r="I3106" s="83"/>
      <c r="J3106" s="50" t="str">
        <f t="shared" si="98"/>
        <v/>
      </c>
      <c r="K3106" s="23" t="s">
        <v>7120</v>
      </c>
      <c r="L3106" s="49" t="e">
        <f>VLOOKUP(E3106&amp;F3106,団体コード!$A$1:$C$1743,3,FALSE)</f>
        <v>#N/A</v>
      </c>
      <c r="M3106" s="49" t="e">
        <f>VLOOKUP(E3106&amp;F3106,団体コード!$A$1:$C$1743,2,FALSE)</f>
        <v>#N/A</v>
      </c>
      <c r="N3106" s="51" t="e">
        <f>VLOOKUP(E3106,団体コード!$E$1:$F$48,2,FALSE)</f>
        <v>#N/A</v>
      </c>
      <c r="O3106" s="51" t="e">
        <f t="shared" si="99"/>
        <v>#N/A</v>
      </c>
      <c r="P3106" s="51">
        <v>1</v>
      </c>
      <c r="Q3106" s="51" t="s">
        <v>5341</v>
      </c>
      <c r="R3106" s="54" t="b">
        <v>1</v>
      </c>
      <c r="S3106" s="52" t="s">
        <v>7126</v>
      </c>
      <c r="T3106" s="67" t="s">
        <v>7127</v>
      </c>
      <c r="U3106" s="75" t="s">
        <v>5331</v>
      </c>
      <c r="V3106" s="47" t="s">
        <v>5331</v>
      </c>
      <c r="W3106" s="47" t="s">
        <v>5331</v>
      </c>
      <c r="X3106" s="47" t="s">
        <v>5331</v>
      </c>
      <c r="Y3106" s="47" t="s">
        <v>5331</v>
      </c>
      <c r="Z3106" s="28"/>
      <c r="AA3106" s="27"/>
      <c r="AB3106" s="27"/>
      <c r="AC3106" s="27"/>
      <c r="AD3106" s="30"/>
      <c r="AE3106" s="1"/>
      <c r="AF3106" s="23" t="s">
        <v>5331</v>
      </c>
      <c r="AG3106" s="26"/>
      <c r="AH3106" s="53"/>
    </row>
    <row r="3107" spans="1:34" ht="51.6" customHeight="1" x14ac:dyDescent="0.45">
      <c r="A3107" s="23">
        <v>3101</v>
      </c>
      <c r="B3107" s="25"/>
      <c r="C3107" s="25"/>
      <c r="D3107" s="29"/>
      <c r="E3107" s="1"/>
      <c r="F3107" s="1"/>
      <c r="G3107" s="25"/>
      <c r="H3107" s="71"/>
      <c r="I3107" s="83"/>
      <c r="J3107" s="50" t="str">
        <f t="shared" si="98"/>
        <v/>
      </c>
      <c r="K3107" s="23" t="s">
        <v>7120</v>
      </c>
      <c r="L3107" s="49" t="e">
        <f>VLOOKUP(E3107&amp;F3107,団体コード!$A$1:$C$1743,3,FALSE)</f>
        <v>#N/A</v>
      </c>
      <c r="M3107" s="49" t="e">
        <f>VLOOKUP(E3107&amp;F3107,団体コード!$A$1:$C$1743,2,FALSE)</f>
        <v>#N/A</v>
      </c>
      <c r="N3107" s="51" t="e">
        <f>VLOOKUP(E3107,団体コード!$E$1:$F$48,2,FALSE)</f>
        <v>#N/A</v>
      </c>
      <c r="O3107" s="51" t="e">
        <f t="shared" si="99"/>
        <v>#N/A</v>
      </c>
      <c r="P3107" s="51">
        <v>1</v>
      </c>
      <c r="Q3107" s="51" t="s">
        <v>5341</v>
      </c>
      <c r="R3107" s="54" t="b">
        <v>1</v>
      </c>
      <c r="S3107" s="52" t="s">
        <v>7126</v>
      </c>
      <c r="T3107" s="67" t="s">
        <v>7127</v>
      </c>
      <c r="U3107" s="75" t="s">
        <v>5331</v>
      </c>
      <c r="V3107" s="47" t="s">
        <v>5331</v>
      </c>
      <c r="W3107" s="47" t="s">
        <v>5331</v>
      </c>
      <c r="X3107" s="47" t="s">
        <v>5331</v>
      </c>
      <c r="Y3107" s="47" t="s">
        <v>5331</v>
      </c>
      <c r="Z3107" s="28"/>
      <c r="AA3107" s="27"/>
      <c r="AB3107" s="27"/>
      <c r="AC3107" s="27"/>
      <c r="AD3107" s="30"/>
      <c r="AE3107" s="1"/>
      <c r="AF3107" s="23" t="s">
        <v>5331</v>
      </c>
      <c r="AG3107" s="26"/>
      <c r="AH3107" s="53"/>
    </row>
    <row r="3108" spans="1:34" ht="51.6" customHeight="1" x14ac:dyDescent="0.45">
      <c r="A3108" s="23">
        <v>3102</v>
      </c>
      <c r="B3108" s="25"/>
      <c r="C3108" s="25"/>
      <c r="D3108" s="29"/>
      <c r="E3108" s="1"/>
      <c r="F3108" s="1"/>
      <c r="G3108" s="25"/>
      <c r="H3108" s="71"/>
      <c r="I3108" s="83"/>
      <c r="J3108" s="50" t="str">
        <f t="shared" si="98"/>
        <v/>
      </c>
      <c r="K3108" s="23" t="s">
        <v>7120</v>
      </c>
      <c r="L3108" s="49" t="e">
        <f>VLOOKUP(E3108&amp;F3108,団体コード!$A$1:$C$1743,3,FALSE)</f>
        <v>#N/A</v>
      </c>
      <c r="M3108" s="49" t="e">
        <f>VLOOKUP(E3108&amp;F3108,団体コード!$A$1:$C$1743,2,FALSE)</f>
        <v>#N/A</v>
      </c>
      <c r="N3108" s="51" t="e">
        <f>VLOOKUP(E3108,団体コード!$E$1:$F$48,2,FALSE)</f>
        <v>#N/A</v>
      </c>
      <c r="O3108" s="51" t="e">
        <f t="shared" si="99"/>
        <v>#N/A</v>
      </c>
      <c r="P3108" s="51">
        <v>1</v>
      </c>
      <c r="Q3108" s="51" t="s">
        <v>5341</v>
      </c>
      <c r="R3108" s="54" t="b">
        <v>1</v>
      </c>
      <c r="S3108" s="52" t="s">
        <v>7126</v>
      </c>
      <c r="T3108" s="67" t="s">
        <v>7127</v>
      </c>
      <c r="U3108" s="75" t="s">
        <v>5331</v>
      </c>
      <c r="V3108" s="47" t="s">
        <v>5331</v>
      </c>
      <c r="W3108" s="47" t="s">
        <v>5331</v>
      </c>
      <c r="X3108" s="47" t="s">
        <v>5331</v>
      </c>
      <c r="Y3108" s="47" t="s">
        <v>5331</v>
      </c>
      <c r="Z3108" s="28"/>
      <c r="AA3108" s="27"/>
      <c r="AB3108" s="27"/>
      <c r="AC3108" s="27"/>
      <c r="AD3108" s="30"/>
      <c r="AE3108" s="1"/>
      <c r="AF3108" s="23" t="s">
        <v>5331</v>
      </c>
      <c r="AG3108" s="26"/>
      <c r="AH3108" s="53"/>
    </row>
    <row r="3109" spans="1:34" ht="51.6" customHeight="1" x14ac:dyDescent="0.45">
      <c r="A3109" s="23">
        <v>3103</v>
      </c>
      <c r="B3109" s="25"/>
      <c r="C3109" s="25"/>
      <c r="D3109" s="29"/>
      <c r="E3109" s="1"/>
      <c r="F3109" s="1"/>
      <c r="G3109" s="25"/>
      <c r="H3109" s="71"/>
      <c r="I3109" s="83"/>
      <c r="J3109" s="50" t="str">
        <f t="shared" si="98"/>
        <v/>
      </c>
      <c r="K3109" s="23" t="s">
        <v>7120</v>
      </c>
      <c r="L3109" s="49" t="e">
        <f>VLOOKUP(E3109&amp;F3109,団体コード!$A$1:$C$1743,3,FALSE)</f>
        <v>#N/A</v>
      </c>
      <c r="M3109" s="49" t="e">
        <f>VLOOKUP(E3109&amp;F3109,団体コード!$A$1:$C$1743,2,FALSE)</f>
        <v>#N/A</v>
      </c>
      <c r="N3109" s="51" t="e">
        <f>VLOOKUP(E3109,団体コード!$E$1:$F$48,2,FALSE)</f>
        <v>#N/A</v>
      </c>
      <c r="O3109" s="51" t="e">
        <f t="shared" si="99"/>
        <v>#N/A</v>
      </c>
      <c r="P3109" s="51">
        <v>1</v>
      </c>
      <c r="Q3109" s="51" t="s">
        <v>5341</v>
      </c>
      <c r="R3109" s="54" t="b">
        <v>1</v>
      </c>
      <c r="S3109" s="52" t="s">
        <v>7126</v>
      </c>
      <c r="T3109" s="67" t="s">
        <v>7127</v>
      </c>
      <c r="U3109" s="75" t="s">
        <v>5331</v>
      </c>
      <c r="V3109" s="47" t="s">
        <v>5331</v>
      </c>
      <c r="W3109" s="47" t="s">
        <v>5331</v>
      </c>
      <c r="X3109" s="47" t="s">
        <v>5331</v>
      </c>
      <c r="Y3109" s="47" t="s">
        <v>5331</v>
      </c>
      <c r="Z3109" s="28"/>
      <c r="AA3109" s="27"/>
      <c r="AB3109" s="27"/>
      <c r="AC3109" s="27"/>
      <c r="AD3109" s="30"/>
      <c r="AE3109" s="1"/>
      <c r="AF3109" s="23" t="s">
        <v>5331</v>
      </c>
      <c r="AG3109" s="26"/>
      <c r="AH3109" s="53"/>
    </row>
    <row r="3110" spans="1:34" ht="51.6" customHeight="1" x14ac:dyDescent="0.45">
      <c r="A3110" s="23">
        <v>3104</v>
      </c>
      <c r="B3110" s="25"/>
      <c r="C3110" s="25"/>
      <c r="D3110" s="29"/>
      <c r="E3110" s="1"/>
      <c r="F3110" s="1"/>
      <c r="G3110" s="25"/>
      <c r="H3110" s="71"/>
      <c r="I3110" s="83"/>
      <c r="J3110" s="50" t="str">
        <f t="shared" si="98"/>
        <v/>
      </c>
      <c r="K3110" s="23" t="s">
        <v>7120</v>
      </c>
      <c r="L3110" s="49" t="e">
        <f>VLOOKUP(E3110&amp;F3110,団体コード!$A$1:$C$1743,3,FALSE)</f>
        <v>#N/A</v>
      </c>
      <c r="M3110" s="49" t="e">
        <f>VLOOKUP(E3110&amp;F3110,団体コード!$A$1:$C$1743,2,FALSE)</f>
        <v>#N/A</v>
      </c>
      <c r="N3110" s="51" t="e">
        <f>VLOOKUP(E3110,団体コード!$E$1:$F$48,2,FALSE)</f>
        <v>#N/A</v>
      </c>
      <c r="O3110" s="51" t="e">
        <f t="shared" si="99"/>
        <v>#N/A</v>
      </c>
      <c r="P3110" s="51">
        <v>1</v>
      </c>
      <c r="Q3110" s="51" t="s">
        <v>5341</v>
      </c>
      <c r="R3110" s="54" t="b">
        <v>1</v>
      </c>
      <c r="S3110" s="52" t="s">
        <v>7126</v>
      </c>
      <c r="T3110" s="67" t="s">
        <v>7127</v>
      </c>
      <c r="U3110" s="75" t="s">
        <v>5331</v>
      </c>
      <c r="V3110" s="47" t="s">
        <v>5331</v>
      </c>
      <c r="W3110" s="47" t="s">
        <v>5331</v>
      </c>
      <c r="X3110" s="47" t="s">
        <v>5331</v>
      </c>
      <c r="Y3110" s="47" t="s">
        <v>5331</v>
      </c>
      <c r="Z3110" s="28"/>
      <c r="AA3110" s="27"/>
      <c r="AB3110" s="27"/>
      <c r="AC3110" s="27"/>
      <c r="AD3110" s="30"/>
      <c r="AE3110" s="1"/>
      <c r="AF3110" s="23" t="s">
        <v>5331</v>
      </c>
      <c r="AG3110" s="26"/>
      <c r="AH3110" s="53"/>
    </row>
    <row r="3111" spans="1:34" ht="51.6" customHeight="1" x14ac:dyDescent="0.45">
      <c r="A3111" s="23">
        <v>3105</v>
      </c>
      <c r="B3111" s="25"/>
      <c r="C3111" s="25"/>
      <c r="D3111" s="29"/>
      <c r="E3111" s="1"/>
      <c r="F3111" s="1"/>
      <c r="G3111" s="25"/>
      <c r="H3111" s="71"/>
      <c r="I3111" s="83"/>
      <c r="J3111" s="50" t="str">
        <f t="shared" si="98"/>
        <v/>
      </c>
      <c r="K3111" s="23" t="s">
        <v>7120</v>
      </c>
      <c r="L3111" s="49" t="e">
        <f>VLOOKUP(E3111&amp;F3111,団体コード!$A$1:$C$1743,3,FALSE)</f>
        <v>#N/A</v>
      </c>
      <c r="M3111" s="49" t="e">
        <f>VLOOKUP(E3111&amp;F3111,団体コード!$A$1:$C$1743,2,FALSE)</f>
        <v>#N/A</v>
      </c>
      <c r="N3111" s="51" t="e">
        <f>VLOOKUP(E3111,団体コード!$E$1:$F$48,2,FALSE)</f>
        <v>#N/A</v>
      </c>
      <c r="O3111" s="51" t="e">
        <f t="shared" si="99"/>
        <v>#N/A</v>
      </c>
      <c r="P3111" s="51">
        <v>1</v>
      </c>
      <c r="Q3111" s="51" t="s">
        <v>5341</v>
      </c>
      <c r="R3111" s="54" t="b">
        <v>1</v>
      </c>
      <c r="S3111" s="52" t="s">
        <v>7126</v>
      </c>
      <c r="T3111" s="67" t="s">
        <v>7127</v>
      </c>
      <c r="U3111" s="75" t="s">
        <v>5331</v>
      </c>
      <c r="V3111" s="47" t="s">
        <v>5331</v>
      </c>
      <c r="W3111" s="47" t="s">
        <v>5331</v>
      </c>
      <c r="X3111" s="47" t="s">
        <v>5331</v>
      </c>
      <c r="Y3111" s="47" t="s">
        <v>5331</v>
      </c>
      <c r="Z3111" s="28"/>
      <c r="AA3111" s="27"/>
      <c r="AB3111" s="27"/>
      <c r="AC3111" s="27"/>
      <c r="AD3111" s="30"/>
      <c r="AE3111" s="1"/>
      <c r="AF3111" s="23" t="s">
        <v>5331</v>
      </c>
      <c r="AG3111" s="26"/>
      <c r="AH3111" s="53"/>
    </row>
    <row r="3112" spans="1:34" ht="51.6" customHeight="1" x14ac:dyDescent="0.45">
      <c r="A3112" s="23">
        <v>3106</v>
      </c>
      <c r="B3112" s="25"/>
      <c r="C3112" s="25"/>
      <c r="D3112" s="29"/>
      <c r="E3112" s="1"/>
      <c r="F3112" s="1"/>
      <c r="G3112" s="25"/>
      <c r="H3112" s="71"/>
      <c r="I3112" s="83"/>
      <c r="J3112" s="50" t="str">
        <f t="shared" si="98"/>
        <v/>
      </c>
      <c r="K3112" s="23" t="s">
        <v>7120</v>
      </c>
      <c r="L3112" s="49" t="e">
        <f>VLOOKUP(E3112&amp;F3112,団体コード!$A$1:$C$1743,3,FALSE)</f>
        <v>#N/A</v>
      </c>
      <c r="M3112" s="49" t="e">
        <f>VLOOKUP(E3112&amp;F3112,団体コード!$A$1:$C$1743,2,FALSE)</f>
        <v>#N/A</v>
      </c>
      <c r="N3112" s="51" t="e">
        <f>VLOOKUP(E3112,団体コード!$E$1:$F$48,2,FALSE)</f>
        <v>#N/A</v>
      </c>
      <c r="O3112" s="51" t="e">
        <f t="shared" si="99"/>
        <v>#N/A</v>
      </c>
      <c r="P3112" s="51">
        <v>1</v>
      </c>
      <c r="Q3112" s="51" t="s">
        <v>5341</v>
      </c>
      <c r="R3112" s="54" t="b">
        <v>1</v>
      </c>
      <c r="S3112" s="52" t="s">
        <v>7126</v>
      </c>
      <c r="T3112" s="67" t="s">
        <v>7127</v>
      </c>
      <c r="U3112" s="75" t="s">
        <v>5331</v>
      </c>
      <c r="V3112" s="47" t="s">
        <v>5331</v>
      </c>
      <c r="W3112" s="47" t="s">
        <v>5331</v>
      </c>
      <c r="X3112" s="47" t="s">
        <v>5331</v>
      </c>
      <c r="Y3112" s="47" t="s">
        <v>5331</v>
      </c>
      <c r="Z3112" s="28"/>
      <c r="AA3112" s="27"/>
      <c r="AB3112" s="27"/>
      <c r="AC3112" s="27"/>
      <c r="AD3112" s="30"/>
      <c r="AE3112" s="1"/>
      <c r="AF3112" s="23" t="s">
        <v>5331</v>
      </c>
      <c r="AG3112" s="26"/>
      <c r="AH3112" s="53"/>
    </row>
    <row r="3113" spans="1:34" ht="51.6" customHeight="1" x14ac:dyDescent="0.45">
      <c r="A3113" s="23">
        <v>3107</v>
      </c>
      <c r="B3113" s="25"/>
      <c r="C3113" s="25"/>
      <c r="D3113" s="29"/>
      <c r="E3113" s="1"/>
      <c r="F3113" s="1"/>
      <c r="G3113" s="25"/>
      <c r="H3113" s="71"/>
      <c r="I3113" s="83"/>
      <c r="J3113" s="50" t="str">
        <f t="shared" si="98"/>
        <v/>
      </c>
      <c r="K3113" s="23" t="s">
        <v>7120</v>
      </c>
      <c r="L3113" s="49" t="e">
        <f>VLOOKUP(E3113&amp;F3113,団体コード!$A$1:$C$1743,3,FALSE)</f>
        <v>#N/A</v>
      </c>
      <c r="M3113" s="49" t="e">
        <f>VLOOKUP(E3113&amp;F3113,団体コード!$A$1:$C$1743,2,FALSE)</f>
        <v>#N/A</v>
      </c>
      <c r="N3113" s="51" t="e">
        <f>VLOOKUP(E3113,団体コード!$E$1:$F$48,2,FALSE)</f>
        <v>#N/A</v>
      </c>
      <c r="O3113" s="51" t="e">
        <f t="shared" si="99"/>
        <v>#N/A</v>
      </c>
      <c r="P3113" s="51">
        <v>1</v>
      </c>
      <c r="Q3113" s="51" t="s">
        <v>5341</v>
      </c>
      <c r="R3113" s="54" t="b">
        <v>1</v>
      </c>
      <c r="S3113" s="52" t="s">
        <v>7126</v>
      </c>
      <c r="T3113" s="67" t="s">
        <v>7127</v>
      </c>
      <c r="U3113" s="75" t="s">
        <v>5331</v>
      </c>
      <c r="V3113" s="47" t="s">
        <v>5331</v>
      </c>
      <c r="W3113" s="47" t="s">
        <v>5331</v>
      </c>
      <c r="X3113" s="47" t="s">
        <v>5331</v>
      </c>
      <c r="Y3113" s="47" t="s">
        <v>5331</v>
      </c>
      <c r="Z3113" s="28"/>
      <c r="AA3113" s="27"/>
      <c r="AB3113" s="27"/>
      <c r="AC3113" s="27"/>
      <c r="AD3113" s="30"/>
      <c r="AE3113" s="1"/>
      <c r="AF3113" s="23" t="s">
        <v>5331</v>
      </c>
      <c r="AG3113" s="26"/>
      <c r="AH3113" s="53"/>
    </row>
    <row r="3114" spans="1:34" ht="51.6" customHeight="1" x14ac:dyDescent="0.45">
      <c r="A3114" s="23">
        <v>3108</v>
      </c>
      <c r="B3114" s="25"/>
      <c r="C3114" s="25"/>
      <c r="D3114" s="29"/>
      <c r="E3114" s="1"/>
      <c r="F3114" s="1"/>
      <c r="G3114" s="25"/>
      <c r="H3114" s="71"/>
      <c r="I3114" s="83"/>
      <c r="J3114" s="50" t="str">
        <f t="shared" si="98"/>
        <v/>
      </c>
      <c r="K3114" s="23" t="s">
        <v>7120</v>
      </c>
      <c r="L3114" s="49" t="e">
        <f>VLOOKUP(E3114&amp;F3114,団体コード!$A$1:$C$1743,3,FALSE)</f>
        <v>#N/A</v>
      </c>
      <c r="M3114" s="49" t="e">
        <f>VLOOKUP(E3114&amp;F3114,団体コード!$A$1:$C$1743,2,FALSE)</f>
        <v>#N/A</v>
      </c>
      <c r="N3114" s="51" t="e">
        <f>VLOOKUP(E3114,団体コード!$E$1:$F$48,2,FALSE)</f>
        <v>#N/A</v>
      </c>
      <c r="O3114" s="51" t="e">
        <f t="shared" si="99"/>
        <v>#N/A</v>
      </c>
      <c r="P3114" s="51">
        <v>1</v>
      </c>
      <c r="Q3114" s="51" t="s">
        <v>5341</v>
      </c>
      <c r="R3114" s="54" t="b">
        <v>1</v>
      </c>
      <c r="S3114" s="52" t="s">
        <v>7126</v>
      </c>
      <c r="T3114" s="67" t="s">
        <v>7127</v>
      </c>
      <c r="U3114" s="75" t="s">
        <v>5331</v>
      </c>
      <c r="V3114" s="47" t="s">
        <v>5331</v>
      </c>
      <c r="W3114" s="47" t="s">
        <v>5331</v>
      </c>
      <c r="X3114" s="47" t="s">
        <v>5331</v>
      </c>
      <c r="Y3114" s="47" t="s">
        <v>5331</v>
      </c>
      <c r="Z3114" s="28"/>
      <c r="AA3114" s="27"/>
      <c r="AB3114" s="27"/>
      <c r="AC3114" s="27"/>
      <c r="AD3114" s="30"/>
      <c r="AE3114" s="1"/>
      <c r="AF3114" s="23" t="s">
        <v>5331</v>
      </c>
      <c r="AG3114" s="26"/>
      <c r="AH3114" s="53"/>
    </row>
    <row r="3115" spans="1:34" ht="51.6" customHeight="1" x14ac:dyDescent="0.45">
      <c r="A3115" s="23">
        <v>3109</v>
      </c>
      <c r="B3115" s="25"/>
      <c r="C3115" s="25"/>
      <c r="D3115" s="29"/>
      <c r="E3115" s="1"/>
      <c r="F3115" s="1"/>
      <c r="G3115" s="25"/>
      <c r="H3115" s="71"/>
      <c r="I3115" s="83"/>
      <c r="J3115" s="50" t="str">
        <f t="shared" si="98"/>
        <v/>
      </c>
      <c r="K3115" s="23" t="s">
        <v>7120</v>
      </c>
      <c r="L3115" s="49" t="e">
        <f>VLOOKUP(E3115&amp;F3115,団体コード!$A$1:$C$1743,3,FALSE)</f>
        <v>#N/A</v>
      </c>
      <c r="M3115" s="49" t="e">
        <f>VLOOKUP(E3115&amp;F3115,団体コード!$A$1:$C$1743,2,FALSE)</f>
        <v>#N/A</v>
      </c>
      <c r="N3115" s="51" t="e">
        <f>VLOOKUP(E3115,団体コード!$E$1:$F$48,2,FALSE)</f>
        <v>#N/A</v>
      </c>
      <c r="O3115" s="51" t="e">
        <f t="shared" si="99"/>
        <v>#N/A</v>
      </c>
      <c r="P3115" s="51">
        <v>1</v>
      </c>
      <c r="Q3115" s="51" t="s">
        <v>5341</v>
      </c>
      <c r="R3115" s="54" t="b">
        <v>1</v>
      </c>
      <c r="S3115" s="52" t="s">
        <v>7126</v>
      </c>
      <c r="T3115" s="67" t="s">
        <v>7127</v>
      </c>
      <c r="U3115" s="75" t="s">
        <v>5331</v>
      </c>
      <c r="V3115" s="47" t="s">
        <v>5331</v>
      </c>
      <c r="W3115" s="47" t="s">
        <v>5331</v>
      </c>
      <c r="X3115" s="47" t="s">
        <v>5331</v>
      </c>
      <c r="Y3115" s="47" t="s">
        <v>5331</v>
      </c>
      <c r="Z3115" s="28"/>
      <c r="AA3115" s="27"/>
      <c r="AB3115" s="27"/>
      <c r="AC3115" s="27"/>
      <c r="AD3115" s="30"/>
      <c r="AE3115" s="1"/>
      <c r="AF3115" s="23" t="s">
        <v>5331</v>
      </c>
      <c r="AG3115" s="26"/>
      <c r="AH3115" s="53"/>
    </row>
    <row r="3116" spans="1:34" ht="51.6" customHeight="1" x14ac:dyDescent="0.45">
      <c r="A3116" s="23">
        <v>3110</v>
      </c>
      <c r="B3116" s="25"/>
      <c r="C3116" s="25"/>
      <c r="D3116" s="29"/>
      <c r="E3116" s="1"/>
      <c r="F3116" s="1"/>
      <c r="G3116" s="25"/>
      <c r="H3116" s="71"/>
      <c r="I3116" s="83"/>
      <c r="J3116" s="50" t="str">
        <f t="shared" si="98"/>
        <v/>
      </c>
      <c r="K3116" s="23" t="s">
        <v>7120</v>
      </c>
      <c r="L3116" s="49" t="e">
        <f>VLOOKUP(E3116&amp;F3116,団体コード!$A$1:$C$1743,3,FALSE)</f>
        <v>#N/A</v>
      </c>
      <c r="M3116" s="49" t="e">
        <f>VLOOKUP(E3116&amp;F3116,団体コード!$A$1:$C$1743,2,FALSE)</f>
        <v>#N/A</v>
      </c>
      <c r="N3116" s="51" t="e">
        <f>VLOOKUP(E3116,団体コード!$E$1:$F$48,2,FALSE)</f>
        <v>#N/A</v>
      </c>
      <c r="O3116" s="51" t="e">
        <f t="shared" si="99"/>
        <v>#N/A</v>
      </c>
      <c r="P3116" s="51">
        <v>1</v>
      </c>
      <c r="Q3116" s="51" t="s">
        <v>5341</v>
      </c>
      <c r="R3116" s="54" t="b">
        <v>1</v>
      </c>
      <c r="S3116" s="52" t="s">
        <v>7126</v>
      </c>
      <c r="T3116" s="67" t="s">
        <v>7127</v>
      </c>
      <c r="U3116" s="75" t="s">
        <v>5331</v>
      </c>
      <c r="V3116" s="47" t="s">
        <v>5331</v>
      </c>
      <c r="W3116" s="47" t="s">
        <v>5331</v>
      </c>
      <c r="X3116" s="47" t="s">
        <v>5331</v>
      </c>
      <c r="Y3116" s="47" t="s">
        <v>5331</v>
      </c>
      <c r="Z3116" s="28"/>
      <c r="AA3116" s="27"/>
      <c r="AB3116" s="27"/>
      <c r="AC3116" s="27"/>
      <c r="AD3116" s="30"/>
      <c r="AE3116" s="1"/>
      <c r="AF3116" s="23" t="s">
        <v>5331</v>
      </c>
      <c r="AG3116" s="26"/>
      <c r="AH3116" s="53"/>
    </row>
    <row r="3117" spans="1:34" ht="51.6" customHeight="1" x14ac:dyDescent="0.45">
      <c r="A3117" s="23">
        <v>3111</v>
      </c>
      <c r="B3117" s="25"/>
      <c r="C3117" s="25"/>
      <c r="D3117" s="29"/>
      <c r="E3117" s="1"/>
      <c r="F3117" s="1"/>
      <c r="G3117" s="25"/>
      <c r="H3117" s="71"/>
      <c r="I3117" s="83"/>
      <c r="J3117" s="50" t="str">
        <f t="shared" si="98"/>
        <v/>
      </c>
      <c r="K3117" s="23" t="s">
        <v>7120</v>
      </c>
      <c r="L3117" s="49" t="e">
        <f>VLOOKUP(E3117&amp;F3117,団体コード!$A$1:$C$1743,3,FALSE)</f>
        <v>#N/A</v>
      </c>
      <c r="M3117" s="49" t="e">
        <f>VLOOKUP(E3117&amp;F3117,団体コード!$A$1:$C$1743,2,FALSE)</f>
        <v>#N/A</v>
      </c>
      <c r="N3117" s="51" t="e">
        <f>VLOOKUP(E3117,団体コード!$E$1:$F$48,2,FALSE)</f>
        <v>#N/A</v>
      </c>
      <c r="O3117" s="51" t="e">
        <f t="shared" si="99"/>
        <v>#N/A</v>
      </c>
      <c r="P3117" s="51">
        <v>1</v>
      </c>
      <c r="Q3117" s="51" t="s">
        <v>5341</v>
      </c>
      <c r="R3117" s="54" t="b">
        <v>1</v>
      </c>
      <c r="S3117" s="52" t="s">
        <v>7126</v>
      </c>
      <c r="T3117" s="67" t="s">
        <v>7127</v>
      </c>
      <c r="U3117" s="75" t="s">
        <v>5331</v>
      </c>
      <c r="V3117" s="47" t="s">
        <v>5331</v>
      </c>
      <c r="W3117" s="47" t="s">
        <v>5331</v>
      </c>
      <c r="X3117" s="47" t="s">
        <v>5331</v>
      </c>
      <c r="Y3117" s="47" t="s">
        <v>5331</v>
      </c>
      <c r="Z3117" s="28"/>
      <c r="AA3117" s="27"/>
      <c r="AB3117" s="27"/>
      <c r="AC3117" s="27"/>
      <c r="AD3117" s="30"/>
      <c r="AE3117" s="1"/>
      <c r="AF3117" s="23" t="s">
        <v>5331</v>
      </c>
      <c r="AG3117" s="26"/>
      <c r="AH3117" s="53"/>
    </row>
    <row r="3118" spans="1:34" ht="51.6" customHeight="1" x14ac:dyDescent="0.45">
      <c r="A3118" s="23">
        <v>3112</v>
      </c>
      <c r="B3118" s="25"/>
      <c r="C3118" s="25"/>
      <c r="D3118" s="29"/>
      <c r="E3118" s="1"/>
      <c r="F3118" s="1"/>
      <c r="G3118" s="25"/>
      <c r="H3118" s="71"/>
      <c r="I3118" s="83"/>
      <c r="J3118" s="50" t="str">
        <f t="shared" si="98"/>
        <v/>
      </c>
      <c r="K3118" s="23" t="s">
        <v>7120</v>
      </c>
      <c r="L3118" s="49" t="e">
        <f>VLOOKUP(E3118&amp;F3118,団体コード!$A$1:$C$1743,3,FALSE)</f>
        <v>#N/A</v>
      </c>
      <c r="M3118" s="49" t="e">
        <f>VLOOKUP(E3118&amp;F3118,団体コード!$A$1:$C$1743,2,FALSE)</f>
        <v>#N/A</v>
      </c>
      <c r="N3118" s="51" t="e">
        <f>VLOOKUP(E3118,団体コード!$E$1:$F$48,2,FALSE)</f>
        <v>#N/A</v>
      </c>
      <c r="O3118" s="51" t="e">
        <f t="shared" si="99"/>
        <v>#N/A</v>
      </c>
      <c r="P3118" s="51">
        <v>1</v>
      </c>
      <c r="Q3118" s="51" t="s">
        <v>5341</v>
      </c>
      <c r="R3118" s="54" t="b">
        <v>1</v>
      </c>
      <c r="S3118" s="52" t="s">
        <v>7126</v>
      </c>
      <c r="T3118" s="67" t="s">
        <v>7127</v>
      </c>
      <c r="U3118" s="75" t="s">
        <v>5331</v>
      </c>
      <c r="V3118" s="47" t="s">
        <v>5331</v>
      </c>
      <c r="W3118" s="47" t="s">
        <v>5331</v>
      </c>
      <c r="X3118" s="47" t="s">
        <v>5331</v>
      </c>
      <c r="Y3118" s="47" t="s">
        <v>5331</v>
      </c>
      <c r="Z3118" s="28"/>
      <c r="AA3118" s="27"/>
      <c r="AB3118" s="27"/>
      <c r="AC3118" s="27"/>
      <c r="AD3118" s="30"/>
      <c r="AE3118" s="1"/>
      <c r="AF3118" s="23" t="s">
        <v>5331</v>
      </c>
      <c r="AG3118" s="26"/>
      <c r="AH3118" s="53"/>
    </row>
    <row r="3119" spans="1:34" ht="51.6" customHeight="1" x14ac:dyDescent="0.45">
      <c r="A3119" s="23">
        <v>3113</v>
      </c>
      <c r="B3119" s="25"/>
      <c r="C3119" s="25"/>
      <c r="D3119" s="29"/>
      <c r="E3119" s="1"/>
      <c r="F3119" s="1"/>
      <c r="G3119" s="25"/>
      <c r="H3119" s="71"/>
      <c r="I3119" s="83"/>
      <c r="J3119" s="50" t="str">
        <f t="shared" si="98"/>
        <v/>
      </c>
      <c r="K3119" s="23" t="s">
        <v>7120</v>
      </c>
      <c r="L3119" s="49" t="e">
        <f>VLOOKUP(E3119&amp;F3119,団体コード!$A$1:$C$1743,3,FALSE)</f>
        <v>#N/A</v>
      </c>
      <c r="M3119" s="49" t="e">
        <f>VLOOKUP(E3119&amp;F3119,団体コード!$A$1:$C$1743,2,FALSE)</f>
        <v>#N/A</v>
      </c>
      <c r="N3119" s="51" t="e">
        <f>VLOOKUP(E3119,団体コード!$E$1:$F$48,2,FALSE)</f>
        <v>#N/A</v>
      </c>
      <c r="O3119" s="51" t="e">
        <f t="shared" si="99"/>
        <v>#N/A</v>
      </c>
      <c r="P3119" s="51">
        <v>1</v>
      </c>
      <c r="Q3119" s="51" t="s">
        <v>5341</v>
      </c>
      <c r="R3119" s="54" t="b">
        <v>1</v>
      </c>
      <c r="S3119" s="52" t="s">
        <v>7126</v>
      </c>
      <c r="T3119" s="67" t="s">
        <v>7127</v>
      </c>
      <c r="U3119" s="75" t="s">
        <v>5331</v>
      </c>
      <c r="V3119" s="47" t="s">
        <v>5331</v>
      </c>
      <c r="W3119" s="47" t="s">
        <v>5331</v>
      </c>
      <c r="X3119" s="47" t="s">
        <v>5331</v>
      </c>
      <c r="Y3119" s="47" t="s">
        <v>5331</v>
      </c>
      <c r="Z3119" s="28"/>
      <c r="AA3119" s="27"/>
      <c r="AB3119" s="27"/>
      <c r="AC3119" s="27"/>
      <c r="AD3119" s="30"/>
      <c r="AE3119" s="1"/>
      <c r="AF3119" s="23" t="s">
        <v>5331</v>
      </c>
      <c r="AG3119" s="26"/>
      <c r="AH3119" s="53"/>
    </row>
    <row r="3120" spans="1:34" ht="51.6" customHeight="1" x14ac:dyDescent="0.45">
      <c r="A3120" s="23">
        <v>3114</v>
      </c>
      <c r="B3120" s="25"/>
      <c r="C3120" s="25"/>
      <c r="D3120" s="29"/>
      <c r="E3120" s="1"/>
      <c r="F3120" s="1"/>
      <c r="G3120" s="25"/>
      <c r="H3120" s="71"/>
      <c r="I3120" s="83"/>
      <c r="J3120" s="50" t="str">
        <f t="shared" si="98"/>
        <v/>
      </c>
      <c r="K3120" s="23" t="s">
        <v>7120</v>
      </c>
      <c r="L3120" s="49" t="e">
        <f>VLOOKUP(E3120&amp;F3120,団体コード!$A$1:$C$1743,3,FALSE)</f>
        <v>#N/A</v>
      </c>
      <c r="M3120" s="49" t="e">
        <f>VLOOKUP(E3120&amp;F3120,団体コード!$A$1:$C$1743,2,FALSE)</f>
        <v>#N/A</v>
      </c>
      <c r="N3120" s="51" t="e">
        <f>VLOOKUP(E3120,団体コード!$E$1:$F$48,2,FALSE)</f>
        <v>#N/A</v>
      </c>
      <c r="O3120" s="51" t="e">
        <f t="shared" si="99"/>
        <v>#N/A</v>
      </c>
      <c r="P3120" s="51">
        <v>1</v>
      </c>
      <c r="Q3120" s="51" t="s">
        <v>5341</v>
      </c>
      <c r="R3120" s="54" t="b">
        <v>1</v>
      </c>
      <c r="S3120" s="52" t="s">
        <v>7126</v>
      </c>
      <c r="T3120" s="67" t="s">
        <v>7127</v>
      </c>
      <c r="U3120" s="75" t="s">
        <v>5331</v>
      </c>
      <c r="V3120" s="47" t="s">
        <v>5331</v>
      </c>
      <c r="W3120" s="47" t="s">
        <v>5331</v>
      </c>
      <c r="X3120" s="47" t="s">
        <v>5331</v>
      </c>
      <c r="Y3120" s="47" t="s">
        <v>5331</v>
      </c>
      <c r="Z3120" s="28"/>
      <c r="AA3120" s="27"/>
      <c r="AB3120" s="27"/>
      <c r="AC3120" s="27"/>
      <c r="AD3120" s="30"/>
      <c r="AE3120" s="1"/>
      <c r="AF3120" s="23" t="s">
        <v>5331</v>
      </c>
      <c r="AG3120" s="26"/>
      <c r="AH3120" s="53"/>
    </row>
    <row r="3121" spans="1:34" ht="51.6" customHeight="1" x14ac:dyDescent="0.45">
      <c r="A3121" s="23">
        <v>3115</v>
      </c>
      <c r="B3121" s="25"/>
      <c r="C3121" s="25"/>
      <c r="D3121" s="29"/>
      <c r="E3121" s="1"/>
      <c r="F3121" s="1"/>
      <c r="G3121" s="25"/>
      <c r="H3121" s="71"/>
      <c r="I3121" s="83"/>
      <c r="J3121" s="50" t="str">
        <f t="shared" si="98"/>
        <v/>
      </c>
      <c r="K3121" s="23" t="s">
        <v>7120</v>
      </c>
      <c r="L3121" s="49" t="e">
        <f>VLOOKUP(E3121&amp;F3121,団体コード!$A$1:$C$1743,3,FALSE)</f>
        <v>#N/A</v>
      </c>
      <c r="M3121" s="49" t="e">
        <f>VLOOKUP(E3121&amp;F3121,団体コード!$A$1:$C$1743,2,FALSE)</f>
        <v>#N/A</v>
      </c>
      <c r="N3121" s="51" t="e">
        <f>VLOOKUP(E3121,団体コード!$E$1:$F$48,2,FALSE)</f>
        <v>#N/A</v>
      </c>
      <c r="O3121" s="51" t="e">
        <f t="shared" si="99"/>
        <v>#N/A</v>
      </c>
      <c r="P3121" s="51">
        <v>1</v>
      </c>
      <c r="Q3121" s="51" t="s">
        <v>5341</v>
      </c>
      <c r="R3121" s="54" t="b">
        <v>1</v>
      </c>
      <c r="S3121" s="52" t="s">
        <v>7126</v>
      </c>
      <c r="T3121" s="67" t="s">
        <v>7127</v>
      </c>
      <c r="U3121" s="75" t="s">
        <v>5331</v>
      </c>
      <c r="V3121" s="47" t="s">
        <v>5331</v>
      </c>
      <c r="W3121" s="47" t="s">
        <v>5331</v>
      </c>
      <c r="X3121" s="47" t="s">
        <v>5331</v>
      </c>
      <c r="Y3121" s="47" t="s">
        <v>5331</v>
      </c>
      <c r="Z3121" s="28"/>
      <c r="AA3121" s="27"/>
      <c r="AB3121" s="27"/>
      <c r="AC3121" s="27"/>
      <c r="AD3121" s="30"/>
      <c r="AE3121" s="1"/>
      <c r="AF3121" s="23" t="s">
        <v>5331</v>
      </c>
      <c r="AG3121" s="26"/>
      <c r="AH3121" s="53"/>
    </row>
    <row r="3122" spans="1:34" ht="51.6" customHeight="1" x14ac:dyDescent="0.45">
      <c r="A3122" s="23">
        <v>3116</v>
      </c>
      <c r="B3122" s="25"/>
      <c r="C3122" s="25"/>
      <c r="D3122" s="29"/>
      <c r="E3122" s="1"/>
      <c r="F3122" s="1"/>
      <c r="G3122" s="25"/>
      <c r="H3122" s="71"/>
      <c r="I3122" s="83"/>
      <c r="J3122" s="50" t="str">
        <f t="shared" si="98"/>
        <v/>
      </c>
      <c r="K3122" s="23" t="s">
        <v>7120</v>
      </c>
      <c r="L3122" s="49" t="e">
        <f>VLOOKUP(E3122&amp;F3122,団体コード!$A$1:$C$1743,3,FALSE)</f>
        <v>#N/A</v>
      </c>
      <c r="M3122" s="49" t="e">
        <f>VLOOKUP(E3122&amp;F3122,団体コード!$A$1:$C$1743,2,FALSE)</f>
        <v>#N/A</v>
      </c>
      <c r="N3122" s="51" t="e">
        <f>VLOOKUP(E3122,団体コード!$E$1:$F$48,2,FALSE)</f>
        <v>#N/A</v>
      </c>
      <c r="O3122" s="51" t="e">
        <f t="shared" si="99"/>
        <v>#N/A</v>
      </c>
      <c r="P3122" s="51">
        <v>1</v>
      </c>
      <c r="Q3122" s="51" t="s">
        <v>5341</v>
      </c>
      <c r="R3122" s="54" t="b">
        <v>1</v>
      </c>
      <c r="S3122" s="52" t="s">
        <v>7126</v>
      </c>
      <c r="T3122" s="67" t="s">
        <v>7127</v>
      </c>
      <c r="U3122" s="75" t="s">
        <v>5331</v>
      </c>
      <c r="V3122" s="47" t="s">
        <v>5331</v>
      </c>
      <c r="W3122" s="47" t="s">
        <v>5331</v>
      </c>
      <c r="X3122" s="47" t="s">
        <v>5331</v>
      </c>
      <c r="Y3122" s="47" t="s">
        <v>5331</v>
      </c>
      <c r="Z3122" s="28"/>
      <c r="AA3122" s="27"/>
      <c r="AB3122" s="27"/>
      <c r="AC3122" s="27"/>
      <c r="AD3122" s="30"/>
      <c r="AE3122" s="1"/>
      <c r="AF3122" s="23" t="s">
        <v>5331</v>
      </c>
      <c r="AG3122" s="26"/>
      <c r="AH3122" s="53"/>
    </row>
    <row r="3123" spans="1:34" ht="51.6" customHeight="1" x14ac:dyDescent="0.45">
      <c r="A3123" s="23">
        <v>3117</v>
      </c>
      <c r="B3123" s="25"/>
      <c r="C3123" s="25"/>
      <c r="D3123" s="29"/>
      <c r="E3123" s="1"/>
      <c r="F3123" s="1"/>
      <c r="G3123" s="25"/>
      <c r="H3123" s="71"/>
      <c r="I3123" s="83"/>
      <c r="J3123" s="50" t="str">
        <f t="shared" si="98"/>
        <v/>
      </c>
      <c r="K3123" s="23" t="s">
        <v>7120</v>
      </c>
      <c r="L3123" s="49" t="e">
        <f>VLOOKUP(E3123&amp;F3123,団体コード!$A$1:$C$1743,3,FALSE)</f>
        <v>#N/A</v>
      </c>
      <c r="M3123" s="49" t="e">
        <f>VLOOKUP(E3123&amp;F3123,団体コード!$A$1:$C$1743,2,FALSE)</f>
        <v>#N/A</v>
      </c>
      <c r="N3123" s="51" t="e">
        <f>VLOOKUP(E3123,団体コード!$E$1:$F$48,2,FALSE)</f>
        <v>#N/A</v>
      </c>
      <c r="O3123" s="51" t="e">
        <f t="shared" si="99"/>
        <v>#N/A</v>
      </c>
      <c r="P3123" s="51">
        <v>1</v>
      </c>
      <c r="Q3123" s="51" t="s">
        <v>5341</v>
      </c>
      <c r="R3123" s="54" t="b">
        <v>1</v>
      </c>
      <c r="S3123" s="52" t="s">
        <v>7126</v>
      </c>
      <c r="T3123" s="67" t="s">
        <v>7127</v>
      </c>
      <c r="U3123" s="75" t="s">
        <v>5331</v>
      </c>
      <c r="V3123" s="47" t="s">
        <v>5331</v>
      </c>
      <c r="W3123" s="47" t="s">
        <v>5331</v>
      </c>
      <c r="X3123" s="47" t="s">
        <v>5331</v>
      </c>
      <c r="Y3123" s="47" t="s">
        <v>5331</v>
      </c>
      <c r="Z3123" s="28"/>
      <c r="AA3123" s="27"/>
      <c r="AB3123" s="27"/>
      <c r="AC3123" s="27"/>
      <c r="AD3123" s="30"/>
      <c r="AE3123" s="1"/>
      <c r="AF3123" s="23" t="s">
        <v>5331</v>
      </c>
      <c r="AG3123" s="26"/>
      <c r="AH3123" s="53"/>
    </row>
    <row r="3124" spans="1:34" ht="51.6" customHeight="1" x14ac:dyDescent="0.45">
      <c r="A3124" s="23">
        <v>3118</v>
      </c>
      <c r="B3124" s="25"/>
      <c r="C3124" s="25"/>
      <c r="D3124" s="29"/>
      <c r="E3124" s="1"/>
      <c r="F3124" s="1"/>
      <c r="G3124" s="25"/>
      <c r="H3124" s="71"/>
      <c r="I3124" s="83"/>
      <c r="J3124" s="50" t="str">
        <f t="shared" si="98"/>
        <v/>
      </c>
      <c r="K3124" s="23" t="s">
        <v>7120</v>
      </c>
      <c r="L3124" s="49" t="e">
        <f>VLOOKUP(E3124&amp;F3124,団体コード!$A$1:$C$1743,3,FALSE)</f>
        <v>#N/A</v>
      </c>
      <c r="M3124" s="49" t="e">
        <f>VLOOKUP(E3124&amp;F3124,団体コード!$A$1:$C$1743,2,FALSE)</f>
        <v>#N/A</v>
      </c>
      <c r="N3124" s="51" t="e">
        <f>VLOOKUP(E3124,団体コード!$E$1:$F$48,2,FALSE)</f>
        <v>#N/A</v>
      </c>
      <c r="O3124" s="51" t="e">
        <f t="shared" si="99"/>
        <v>#N/A</v>
      </c>
      <c r="P3124" s="51">
        <v>1</v>
      </c>
      <c r="Q3124" s="51" t="s">
        <v>5341</v>
      </c>
      <c r="R3124" s="54" t="b">
        <v>1</v>
      </c>
      <c r="S3124" s="52" t="s">
        <v>7126</v>
      </c>
      <c r="T3124" s="67" t="s">
        <v>7127</v>
      </c>
      <c r="U3124" s="75" t="s">
        <v>5331</v>
      </c>
      <c r="V3124" s="47" t="s">
        <v>5331</v>
      </c>
      <c r="W3124" s="47" t="s">
        <v>5331</v>
      </c>
      <c r="X3124" s="47" t="s">
        <v>5331</v>
      </c>
      <c r="Y3124" s="47" t="s">
        <v>5331</v>
      </c>
      <c r="Z3124" s="28"/>
      <c r="AA3124" s="27"/>
      <c r="AB3124" s="27"/>
      <c r="AC3124" s="27"/>
      <c r="AD3124" s="30"/>
      <c r="AE3124" s="1"/>
      <c r="AF3124" s="23" t="s">
        <v>5331</v>
      </c>
      <c r="AG3124" s="26"/>
      <c r="AH3124" s="53"/>
    </row>
    <row r="3125" spans="1:34" ht="51.6" customHeight="1" x14ac:dyDescent="0.45">
      <c r="A3125" s="23">
        <v>3119</v>
      </c>
      <c r="B3125" s="25"/>
      <c r="C3125" s="25"/>
      <c r="D3125" s="29"/>
      <c r="E3125" s="1"/>
      <c r="F3125" s="1"/>
      <c r="G3125" s="25"/>
      <c r="H3125" s="71"/>
      <c r="I3125" s="83"/>
      <c r="J3125" s="50" t="str">
        <f t="shared" si="98"/>
        <v/>
      </c>
      <c r="K3125" s="23" t="s">
        <v>7120</v>
      </c>
      <c r="L3125" s="49" t="e">
        <f>VLOOKUP(E3125&amp;F3125,団体コード!$A$1:$C$1743,3,FALSE)</f>
        <v>#N/A</v>
      </c>
      <c r="M3125" s="49" t="e">
        <f>VLOOKUP(E3125&amp;F3125,団体コード!$A$1:$C$1743,2,FALSE)</f>
        <v>#N/A</v>
      </c>
      <c r="N3125" s="51" t="e">
        <f>VLOOKUP(E3125,団体コード!$E$1:$F$48,2,FALSE)</f>
        <v>#N/A</v>
      </c>
      <c r="O3125" s="51" t="e">
        <f t="shared" si="99"/>
        <v>#N/A</v>
      </c>
      <c r="P3125" s="51">
        <v>1</v>
      </c>
      <c r="Q3125" s="51" t="s">
        <v>5341</v>
      </c>
      <c r="R3125" s="54" t="b">
        <v>1</v>
      </c>
      <c r="S3125" s="52" t="s">
        <v>7126</v>
      </c>
      <c r="T3125" s="67" t="s">
        <v>7127</v>
      </c>
      <c r="U3125" s="75" t="s">
        <v>5331</v>
      </c>
      <c r="V3125" s="47" t="s">
        <v>5331</v>
      </c>
      <c r="W3125" s="47" t="s">
        <v>5331</v>
      </c>
      <c r="X3125" s="47" t="s">
        <v>5331</v>
      </c>
      <c r="Y3125" s="47" t="s">
        <v>5331</v>
      </c>
      <c r="Z3125" s="28"/>
      <c r="AA3125" s="27"/>
      <c r="AB3125" s="27"/>
      <c r="AC3125" s="27"/>
      <c r="AD3125" s="30"/>
      <c r="AE3125" s="1"/>
      <c r="AF3125" s="23" t="s">
        <v>5331</v>
      </c>
      <c r="AG3125" s="26"/>
      <c r="AH3125" s="53"/>
    </row>
    <row r="3126" spans="1:34" ht="51.6" customHeight="1" x14ac:dyDescent="0.45">
      <c r="A3126" s="23">
        <v>3120</v>
      </c>
      <c r="B3126" s="25"/>
      <c r="C3126" s="25"/>
      <c r="D3126" s="29"/>
      <c r="E3126" s="1"/>
      <c r="F3126" s="1"/>
      <c r="G3126" s="25"/>
      <c r="H3126" s="71"/>
      <c r="I3126" s="83"/>
      <c r="J3126" s="50" t="str">
        <f t="shared" si="98"/>
        <v/>
      </c>
      <c r="K3126" s="23" t="s">
        <v>7120</v>
      </c>
      <c r="L3126" s="49" t="e">
        <f>VLOOKUP(E3126&amp;F3126,団体コード!$A$1:$C$1743,3,FALSE)</f>
        <v>#N/A</v>
      </c>
      <c r="M3126" s="49" t="e">
        <f>VLOOKUP(E3126&amp;F3126,団体コード!$A$1:$C$1743,2,FALSE)</f>
        <v>#N/A</v>
      </c>
      <c r="N3126" s="51" t="e">
        <f>VLOOKUP(E3126,団体コード!$E$1:$F$48,2,FALSE)</f>
        <v>#N/A</v>
      </c>
      <c r="O3126" s="51" t="e">
        <f t="shared" si="99"/>
        <v>#N/A</v>
      </c>
      <c r="P3126" s="51">
        <v>1</v>
      </c>
      <c r="Q3126" s="51" t="s">
        <v>5341</v>
      </c>
      <c r="R3126" s="54" t="b">
        <v>1</v>
      </c>
      <c r="S3126" s="52" t="s">
        <v>7126</v>
      </c>
      <c r="T3126" s="67" t="s">
        <v>7127</v>
      </c>
      <c r="U3126" s="75" t="s">
        <v>5331</v>
      </c>
      <c r="V3126" s="47" t="s">
        <v>5331</v>
      </c>
      <c r="W3126" s="47" t="s">
        <v>5331</v>
      </c>
      <c r="X3126" s="47" t="s">
        <v>5331</v>
      </c>
      <c r="Y3126" s="47" t="s">
        <v>5331</v>
      </c>
      <c r="Z3126" s="28"/>
      <c r="AA3126" s="27"/>
      <c r="AB3126" s="27"/>
      <c r="AC3126" s="27"/>
      <c r="AD3126" s="30"/>
      <c r="AE3126" s="1"/>
      <c r="AF3126" s="23" t="s">
        <v>5331</v>
      </c>
      <c r="AG3126" s="26"/>
      <c r="AH3126" s="53"/>
    </row>
    <row r="3127" spans="1:34" ht="51.6" customHeight="1" x14ac:dyDescent="0.45">
      <c r="A3127" s="23">
        <v>3121</v>
      </c>
      <c r="B3127" s="25"/>
      <c r="C3127" s="25"/>
      <c r="D3127" s="29"/>
      <c r="E3127" s="1"/>
      <c r="F3127" s="1"/>
      <c r="G3127" s="25"/>
      <c r="H3127" s="71"/>
      <c r="I3127" s="83"/>
      <c r="J3127" s="50" t="str">
        <f t="shared" si="98"/>
        <v/>
      </c>
      <c r="K3127" s="23" t="s">
        <v>7120</v>
      </c>
      <c r="L3127" s="49" t="e">
        <f>VLOOKUP(E3127&amp;F3127,団体コード!$A$1:$C$1743,3,FALSE)</f>
        <v>#N/A</v>
      </c>
      <c r="M3127" s="49" t="e">
        <f>VLOOKUP(E3127&amp;F3127,団体コード!$A$1:$C$1743,2,FALSE)</f>
        <v>#N/A</v>
      </c>
      <c r="N3127" s="51" t="e">
        <f>VLOOKUP(E3127,団体コード!$E$1:$F$48,2,FALSE)</f>
        <v>#N/A</v>
      </c>
      <c r="O3127" s="51" t="e">
        <f t="shared" si="99"/>
        <v>#N/A</v>
      </c>
      <c r="P3127" s="51">
        <v>1</v>
      </c>
      <c r="Q3127" s="51" t="s">
        <v>5341</v>
      </c>
      <c r="R3127" s="54" t="b">
        <v>1</v>
      </c>
      <c r="S3127" s="52" t="s">
        <v>7126</v>
      </c>
      <c r="T3127" s="67" t="s">
        <v>7127</v>
      </c>
      <c r="U3127" s="75" t="s">
        <v>5331</v>
      </c>
      <c r="V3127" s="47" t="s">
        <v>5331</v>
      </c>
      <c r="W3127" s="47" t="s">
        <v>5331</v>
      </c>
      <c r="X3127" s="47" t="s">
        <v>5331</v>
      </c>
      <c r="Y3127" s="47" t="s">
        <v>5331</v>
      </c>
      <c r="Z3127" s="28"/>
      <c r="AA3127" s="27"/>
      <c r="AB3127" s="27"/>
      <c r="AC3127" s="27"/>
      <c r="AD3127" s="30"/>
      <c r="AE3127" s="1"/>
      <c r="AF3127" s="23" t="s">
        <v>5331</v>
      </c>
      <c r="AG3127" s="26"/>
      <c r="AH3127" s="53"/>
    </row>
    <row r="3128" spans="1:34" ht="51.6" customHeight="1" x14ac:dyDescent="0.45">
      <c r="A3128" s="23">
        <v>3122</v>
      </c>
      <c r="B3128" s="25"/>
      <c r="C3128" s="25"/>
      <c r="D3128" s="29"/>
      <c r="E3128" s="1"/>
      <c r="F3128" s="1"/>
      <c r="G3128" s="25"/>
      <c r="H3128" s="71"/>
      <c r="I3128" s="83"/>
      <c r="J3128" s="50" t="str">
        <f t="shared" si="98"/>
        <v/>
      </c>
      <c r="K3128" s="23" t="s">
        <v>7120</v>
      </c>
      <c r="L3128" s="49" t="e">
        <f>VLOOKUP(E3128&amp;F3128,団体コード!$A$1:$C$1743,3,FALSE)</f>
        <v>#N/A</v>
      </c>
      <c r="M3128" s="49" t="e">
        <f>VLOOKUP(E3128&amp;F3128,団体コード!$A$1:$C$1743,2,FALSE)</f>
        <v>#N/A</v>
      </c>
      <c r="N3128" s="51" t="e">
        <f>VLOOKUP(E3128,団体コード!$E$1:$F$48,2,FALSE)</f>
        <v>#N/A</v>
      </c>
      <c r="O3128" s="51" t="e">
        <f t="shared" si="99"/>
        <v>#N/A</v>
      </c>
      <c r="P3128" s="51">
        <v>1</v>
      </c>
      <c r="Q3128" s="51" t="s">
        <v>5341</v>
      </c>
      <c r="R3128" s="54" t="b">
        <v>1</v>
      </c>
      <c r="S3128" s="52" t="s">
        <v>7126</v>
      </c>
      <c r="T3128" s="67" t="s">
        <v>7127</v>
      </c>
      <c r="U3128" s="75" t="s">
        <v>5331</v>
      </c>
      <c r="V3128" s="47" t="s">
        <v>5331</v>
      </c>
      <c r="W3128" s="47" t="s">
        <v>5331</v>
      </c>
      <c r="X3128" s="47" t="s">
        <v>5331</v>
      </c>
      <c r="Y3128" s="47" t="s">
        <v>5331</v>
      </c>
      <c r="Z3128" s="28"/>
      <c r="AA3128" s="27"/>
      <c r="AB3128" s="27"/>
      <c r="AC3128" s="27"/>
      <c r="AD3128" s="30"/>
      <c r="AE3128" s="1"/>
      <c r="AF3128" s="23" t="s">
        <v>5331</v>
      </c>
      <c r="AG3128" s="26"/>
      <c r="AH3128" s="53"/>
    </row>
    <row r="3129" spans="1:34" ht="51.6" customHeight="1" x14ac:dyDescent="0.45">
      <c r="A3129" s="23">
        <v>3123</v>
      </c>
      <c r="B3129" s="25"/>
      <c r="C3129" s="25"/>
      <c r="D3129" s="29"/>
      <c r="E3129" s="1"/>
      <c r="F3129" s="1"/>
      <c r="G3129" s="25"/>
      <c r="H3129" s="71"/>
      <c r="I3129" s="83"/>
      <c r="J3129" s="50" t="str">
        <f t="shared" si="98"/>
        <v/>
      </c>
      <c r="K3129" s="23" t="s">
        <v>7120</v>
      </c>
      <c r="L3129" s="49" t="e">
        <f>VLOOKUP(E3129&amp;F3129,団体コード!$A$1:$C$1743,3,FALSE)</f>
        <v>#N/A</v>
      </c>
      <c r="M3129" s="49" t="e">
        <f>VLOOKUP(E3129&amp;F3129,団体コード!$A$1:$C$1743,2,FALSE)</f>
        <v>#N/A</v>
      </c>
      <c r="N3129" s="51" t="e">
        <f>VLOOKUP(E3129,団体コード!$E$1:$F$48,2,FALSE)</f>
        <v>#N/A</v>
      </c>
      <c r="O3129" s="51" t="e">
        <f t="shared" si="99"/>
        <v>#N/A</v>
      </c>
      <c r="P3129" s="51">
        <v>1</v>
      </c>
      <c r="Q3129" s="51" t="s">
        <v>5341</v>
      </c>
      <c r="R3129" s="54" t="b">
        <v>1</v>
      </c>
      <c r="S3129" s="52" t="s">
        <v>7126</v>
      </c>
      <c r="T3129" s="67" t="s">
        <v>7127</v>
      </c>
      <c r="U3129" s="75" t="s">
        <v>5331</v>
      </c>
      <c r="V3129" s="47" t="s">
        <v>5331</v>
      </c>
      <c r="W3129" s="47" t="s">
        <v>5331</v>
      </c>
      <c r="X3129" s="47" t="s">
        <v>5331</v>
      </c>
      <c r="Y3129" s="47" t="s">
        <v>5331</v>
      </c>
      <c r="Z3129" s="28"/>
      <c r="AA3129" s="27"/>
      <c r="AB3129" s="27"/>
      <c r="AC3129" s="27"/>
      <c r="AD3129" s="30"/>
      <c r="AE3129" s="1"/>
      <c r="AF3129" s="23" t="s">
        <v>5331</v>
      </c>
      <c r="AG3129" s="26"/>
      <c r="AH3129" s="53"/>
    </row>
    <row r="3130" spans="1:34" ht="51.6" customHeight="1" x14ac:dyDescent="0.45">
      <c r="A3130" s="23">
        <v>3124</v>
      </c>
      <c r="B3130" s="25"/>
      <c r="C3130" s="25"/>
      <c r="D3130" s="29"/>
      <c r="E3130" s="1"/>
      <c r="F3130" s="1"/>
      <c r="G3130" s="25"/>
      <c r="H3130" s="71"/>
      <c r="I3130" s="83"/>
      <c r="J3130" s="50" t="str">
        <f t="shared" si="98"/>
        <v/>
      </c>
      <c r="K3130" s="23" t="s">
        <v>7120</v>
      </c>
      <c r="L3130" s="49" t="e">
        <f>VLOOKUP(E3130&amp;F3130,団体コード!$A$1:$C$1743,3,FALSE)</f>
        <v>#N/A</v>
      </c>
      <c r="M3130" s="49" t="e">
        <f>VLOOKUP(E3130&amp;F3130,団体コード!$A$1:$C$1743,2,FALSE)</f>
        <v>#N/A</v>
      </c>
      <c r="N3130" s="51" t="e">
        <f>VLOOKUP(E3130,団体コード!$E$1:$F$48,2,FALSE)</f>
        <v>#N/A</v>
      </c>
      <c r="O3130" s="51" t="e">
        <f t="shared" si="99"/>
        <v>#N/A</v>
      </c>
      <c r="P3130" s="51">
        <v>1</v>
      </c>
      <c r="Q3130" s="51" t="s">
        <v>5341</v>
      </c>
      <c r="R3130" s="54" t="b">
        <v>1</v>
      </c>
      <c r="S3130" s="52" t="s">
        <v>7126</v>
      </c>
      <c r="T3130" s="67" t="s">
        <v>7127</v>
      </c>
      <c r="U3130" s="75" t="s">
        <v>5331</v>
      </c>
      <c r="V3130" s="47" t="s">
        <v>5331</v>
      </c>
      <c r="W3130" s="47" t="s">
        <v>5331</v>
      </c>
      <c r="X3130" s="47" t="s">
        <v>5331</v>
      </c>
      <c r="Y3130" s="47" t="s">
        <v>5331</v>
      </c>
      <c r="Z3130" s="28"/>
      <c r="AA3130" s="27"/>
      <c r="AB3130" s="27"/>
      <c r="AC3130" s="27"/>
      <c r="AD3130" s="30"/>
      <c r="AE3130" s="1"/>
      <c r="AF3130" s="23" t="s">
        <v>5331</v>
      </c>
      <c r="AG3130" s="26"/>
      <c r="AH3130" s="53"/>
    </row>
    <row r="3131" spans="1:34" ht="51.6" customHeight="1" x14ac:dyDescent="0.45">
      <c r="A3131" s="23">
        <v>3125</v>
      </c>
      <c r="B3131" s="25"/>
      <c r="C3131" s="25"/>
      <c r="D3131" s="29"/>
      <c r="E3131" s="1"/>
      <c r="F3131" s="1"/>
      <c r="G3131" s="25"/>
      <c r="H3131" s="71"/>
      <c r="I3131" s="83"/>
      <c r="J3131" s="50" t="str">
        <f t="shared" si="98"/>
        <v/>
      </c>
      <c r="K3131" s="23" t="s">
        <v>7120</v>
      </c>
      <c r="L3131" s="49" t="e">
        <f>VLOOKUP(E3131&amp;F3131,団体コード!$A$1:$C$1743,3,FALSE)</f>
        <v>#N/A</v>
      </c>
      <c r="M3131" s="49" t="e">
        <f>VLOOKUP(E3131&amp;F3131,団体コード!$A$1:$C$1743,2,FALSE)</f>
        <v>#N/A</v>
      </c>
      <c r="N3131" s="51" t="e">
        <f>VLOOKUP(E3131,団体コード!$E$1:$F$48,2,FALSE)</f>
        <v>#N/A</v>
      </c>
      <c r="O3131" s="51" t="e">
        <f t="shared" si="99"/>
        <v>#N/A</v>
      </c>
      <c r="P3131" s="51">
        <v>1</v>
      </c>
      <c r="Q3131" s="51" t="s">
        <v>5341</v>
      </c>
      <c r="R3131" s="54" t="b">
        <v>1</v>
      </c>
      <c r="S3131" s="52" t="s">
        <v>7126</v>
      </c>
      <c r="T3131" s="67" t="s">
        <v>7127</v>
      </c>
      <c r="U3131" s="75" t="s">
        <v>5331</v>
      </c>
      <c r="V3131" s="47" t="s">
        <v>5331</v>
      </c>
      <c r="W3131" s="47" t="s">
        <v>5331</v>
      </c>
      <c r="X3131" s="47" t="s">
        <v>5331</v>
      </c>
      <c r="Y3131" s="47" t="s">
        <v>5331</v>
      </c>
      <c r="Z3131" s="28"/>
      <c r="AA3131" s="27"/>
      <c r="AB3131" s="27"/>
      <c r="AC3131" s="27"/>
      <c r="AD3131" s="30"/>
      <c r="AE3131" s="1"/>
      <c r="AF3131" s="23" t="s">
        <v>5331</v>
      </c>
      <c r="AG3131" s="26"/>
      <c r="AH3131" s="53"/>
    </row>
    <row r="3132" spans="1:34" ht="51.6" customHeight="1" x14ac:dyDescent="0.45">
      <c r="A3132" s="23">
        <v>3126</v>
      </c>
      <c r="B3132" s="25"/>
      <c r="C3132" s="25"/>
      <c r="D3132" s="29"/>
      <c r="E3132" s="1"/>
      <c r="F3132" s="1"/>
      <c r="G3132" s="25"/>
      <c r="H3132" s="71"/>
      <c r="I3132" s="83"/>
      <c r="J3132" s="50" t="str">
        <f t="shared" si="98"/>
        <v/>
      </c>
      <c r="K3132" s="23" t="s">
        <v>7120</v>
      </c>
      <c r="L3132" s="49" t="e">
        <f>VLOOKUP(E3132&amp;F3132,団体コード!$A$1:$C$1743,3,FALSE)</f>
        <v>#N/A</v>
      </c>
      <c r="M3132" s="49" t="e">
        <f>VLOOKUP(E3132&amp;F3132,団体コード!$A$1:$C$1743,2,FALSE)</f>
        <v>#N/A</v>
      </c>
      <c r="N3132" s="51" t="e">
        <f>VLOOKUP(E3132,団体コード!$E$1:$F$48,2,FALSE)</f>
        <v>#N/A</v>
      </c>
      <c r="O3132" s="51" t="e">
        <f t="shared" si="99"/>
        <v>#N/A</v>
      </c>
      <c r="P3132" s="51">
        <v>1</v>
      </c>
      <c r="Q3132" s="51" t="s">
        <v>5341</v>
      </c>
      <c r="R3132" s="54" t="b">
        <v>1</v>
      </c>
      <c r="S3132" s="52" t="s">
        <v>7126</v>
      </c>
      <c r="T3132" s="67" t="s">
        <v>7127</v>
      </c>
      <c r="U3132" s="75" t="s">
        <v>5331</v>
      </c>
      <c r="V3132" s="47" t="s">
        <v>5331</v>
      </c>
      <c r="W3132" s="47" t="s">
        <v>5331</v>
      </c>
      <c r="X3132" s="47" t="s">
        <v>5331</v>
      </c>
      <c r="Y3132" s="47" t="s">
        <v>5331</v>
      </c>
      <c r="Z3132" s="28"/>
      <c r="AA3132" s="27"/>
      <c r="AB3132" s="27"/>
      <c r="AC3132" s="27"/>
      <c r="AD3132" s="30"/>
      <c r="AE3132" s="1"/>
      <c r="AF3132" s="23" t="s">
        <v>5331</v>
      </c>
      <c r="AG3132" s="26"/>
      <c r="AH3132" s="53"/>
    </row>
    <row r="3133" spans="1:34" ht="51.6" customHeight="1" x14ac:dyDescent="0.45">
      <c r="A3133" s="23">
        <v>3127</v>
      </c>
      <c r="B3133" s="25"/>
      <c r="C3133" s="25"/>
      <c r="D3133" s="29"/>
      <c r="E3133" s="1"/>
      <c r="F3133" s="1"/>
      <c r="G3133" s="25"/>
      <c r="H3133" s="71"/>
      <c r="I3133" s="83"/>
      <c r="J3133" s="50" t="str">
        <f t="shared" si="98"/>
        <v/>
      </c>
      <c r="K3133" s="23" t="s">
        <v>7120</v>
      </c>
      <c r="L3133" s="49" t="e">
        <f>VLOOKUP(E3133&amp;F3133,団体コード!$A$1:$C$1743,3,FALSE)</f>
        <v>#N/A</v>
      </c>
      <c r="M3133" s="49" t="e">
        <f>VLOOKUP(E3133&amp;F3133,団体コード!$A$1:$C$1743,2,FALSE)</f>
        <v>#N/A</v>
      </c>
      <c r="N3133" s="51" t="e">
        <f>VLOOKUP(E3133,団体コード!$E$1:$F$48,2,FALSE)</f>
        <v>#N/A</v>
      </c>
      <c r="O3133" s="51" t="e">
        <f t="shared" si="99"/>
        <v>#N/A</v>
      </c>
      <c r="P3133" s="51">
        <v>1</v>
      </c>
      <c r="Q3133" s="51" t="s">
        <v>5341</v>
      </c>
      <c r="R3133" s="54" t="b">
        <v>1</v>
      </c>
      <c r="S3133" s="52" t="s">
        <v>7126</v>
      </c>
      <c r="T3133" s="67" t="s">
        <v>7127</v>
      </c>
      <c r="U3133" s="75" t="s">
        <v>5331</v>
      </c>
      <c r="V3133" s="47" t="s">
        <v>5331</v>
      </c>
      <c r="W3133" s="47" t="s">
        <v>5331</v>
      </c>
      <c r="X3133" s="47" t="s">
        <v>5331</v>
      </c>
      <c r="Y3133" s="47" t="s">
        <v>5331</v>
      </c>
      <c r="Z3133" s="28"/>
      <c r="AA3133" s="27"/>
      <c r="AB3133" s="27"/>
      <c r="AC3133" s="27"/>
      <c r="AD3133" s="30"/>
      <c r="AE3133" s="1"/>
      <c r="AF3133" s="23" t="s">
        <v>5331</v>
      </c>
      <c r="AG3133" s="26"/>
      <c r="AH3133" s="53"/>
    </row>
    <row r="3134" spans="1:34" ht="51.6" customHeight="1" x14ac:dyDescent="0.45">
      <c r="A3134" s="23">
        <v>3128</v>
      </c>
      <c r="B3134" s="25"/>
      <c r="C3134" s="25"/>
      <c r="D3134" s="29"/>
      <c r="E3134" s="1"/>
      <c r="F3134" s="1"/>
      <c r="G3134" s="25"/>
      <c r="H3134" s="71"/>
      <c r="I3134" s="83"/>
      <c r="J3134" s="50" t="str">
        <f t="shared" si="98"/>
        <v/>
      </c>
      <c r="K3134" s="23" t="s">
        <v>7120</v>
      </c>
      <c r="L3134" s="49" t="e">
        <f>VLOOKUP(E3134&amp;F3134,団体コード!$A$1:$C$1743,3,FALSE)</f>
        <v>#N/A</v>
      </c>
      <c r="M3134" s="49" t="e">
        <f>VLOOKUP(E3134&amp;F3134,団体コード!$A$1:$C$1743,2,FALSE)</f>
        <v>#N/A</v>
      </c>
      <c r="N3134" s="51" t="e">
        <f>VLOOKUP(E3134,団体コード!$E$1:$F$48,2,FALSE)</f>
        <v>#N/A</v>
      </c>
      <c r="O3134" s="51" t="e">
        <f t="shared" si="99"/>
        <v>#N/A</v>
      </c>
      <c r="P3134" s="51">
        <v>1</v>
      </c>
      <c r="Q3134" s="51" t="s">
        <v>5341</v>
      </c>
      <c r="R3134" s="54" t="b">
        <v>1</v>
      </c>
      <c r="S3134" s="52" t="s">
        <v>7126</v>
      </c>
      <c r="T3134" s="67" t="s">
        <v>7127</v>
      </c>
      <c r="U3134" s="75" t="s">
        <v>5331</v>
      </c>
      <c r="V3134" s="47" t="s">
        <v>5331</v>
      </c>
      <c r="W3134" s="47" t="s">
        <v>5331</v>
      </c>
      <c r="X3134" s="47" t="s">
        <v>5331</v>
      </c>
      <c r="Y3134" s="47" t="s">
        <v>5331</v>
      </c>
      <c r="Z3134" s="28"/>
      <c r="AA3134" s="27"/>
      <c r="AB3134" s="27"/>
      <c r="AC3134" s="27"/>
      <c r="AD3134" s="30"/>
      <c r="AE3134" s="1"/>
      <c r="AF3134" s="23" t="s">
        <v>5331</v>
      </c>
      <c r="AG3134" s="26"/>
      <c r="AH3134" s="53"/>
    </row>
    <row r="3135" spans="1:34" ht="51.6" customHeight="1" x14ac:dyDescent="0.45">
      <c r="A3135" s="23">
        <v>3129</v>
      </c>
      <c r="B3135" s="25"/>
      <c r="C3135" s="25"/>
      <c r="D3135" s="29"/>
      <c r="E3135" s="1"/>
      <c r="F3135" s="1"/>
      <c r="G3135" s="25"/>
      <c r="H3135" s="71"/>
      <c r="I3135" s="83"/>
      <c r="J3135" s="50" t="str">
        <f t="shared" si="98"/>
        <v/>
      </c>
      <c r="K3135" s="23" t="s">
        <v>7120</v>
      </c>
      <c r="L3135" s="49" t="e">
        <f>VLOOKUP(E3135&amp;F3135,団体コード!$A$1:$C$1743,3,FALSE)</f>
        <v>#N/A</v>
      </c>
      <c r="M3135" s="49" t="e">
        <f>VLOOKUP(E3135&amp;F3135,団体コード!$A$1:$C$1743,2,FALSE)</f>
        <v>#N/A</v>
      </c>
      <c r="N3135" s="51" t="e">
        <f>VLOOKUP(E3135,団体コード!$E$1:$F$48,2,FALSE)</f>
        <v>#N/A</v>
      </c>
      <c r="O3135" s="51" t="e">
        <f t="shared" si="99"/>
        <v>#N/A</v>
      </c>
      <c r="P3135" s="51">
        <v>1</v>
      </c>
      <c r="Q3135" s="51" t="s">
        <v>5341</v>
      </c>
      <c r="R3135" s="54" t="b">
        <v>1</v>
      </c>
      <c r="S3135" s="52" t="s">
        <v>7126</v>
      </c>
      <c r="T3135" s="67" t="s">
        <v>7127</v>
      </c>
      <c r="U3135" s="75" t="s">
        <v>5331</v>
      </c>
      <c r="V3135" s="47" t="s">
        <v>5331</v>
      </c>
      <c r="W3135" s="47" t="s">
        <v>5331</v>
      </c>
      <c r="X3135" s="47" t="s">
        <v>5331</v>
      </c>
      <c r="Y3135" s="47" t="s">
        <v>5331</v>
      </c>
      <c r="Z3135" s="28"/>
      <c r="AA3135" s="27"/>
      <c r="AB3135" s="27"/>
      <c r="AC3135" s="27"/>
      <c r="AD3135" s="30"/>
      <c r="AE3135" s="1"/>
      <c r="AF3135" s="23" t="s">
        <v>5331</v>
      </c>
      <c r="AG3135" s="26"/>
      <c r="AH3135" s="53"/>
    </row>
    <row r="3136" spans="1:34" ht="51.6" customHeight="1" x14ac:dyDescent="0.45">
      <c r="A3136" s="23">
        <v>3130</v>
      </c>
      <c r="B3136" s="25"/>
      <c r="C3136" s="25"/>
      <c r="D3136" s="29"/>
      <c r="E3136" s="1"/>
      <c r="F3136" s="1"/>
      <c r="G3136" s="25"/>
      <c r="H3136" s="71"/>
      <c r="I3136" s="83"/>
      <c r="J3136" s="50" t="str">
        <f t="shared" si="98"/>
        <v/>
      </c>
      <c r="K3136" s="23" t="s">
        <v>7120</v>
      </c>
      <c r="L3136" s="49" t="e">
        <f>VLOOKUP(E3136&amp;F3136,団体コード!$A$1:$C$1743,3,FALSE)</f>
        <v>#N/A</v>
      </c>
      <c r="M3136" s="49" t="e">
        <f>VLOOKUP(E3136&amp;F3136,団体コード!$A$1:$C$1743,2,FALSE)</f>
        <v>#N/A</v>
      </c>
      <c r="N3136" s="51" t="e">
        <f>VLOOKUP(E3136,団体コード!$E$1:$F$48,2,FALSE)</f>
        <v>#N/A</v>
      </c>
      <c r="O3136" s="51" t="e">
        <f t="shared" si="99"/>
        <v>#N/A</v>
      </c>
      <c r="P3136" s="51">
        <v>1</v>
      </c>
      <c r="Q3136" s="51" t="s">
        <v>5341</v>
      </c>
      <c r="R3136" s="54" t="b">
        <v>1</v>
      </c>
      <c r="S3136" s="52" t="s">
        <v>7126</v>
      </c>
      <c r="T3136" s="67" t="s">
        <v>7127</v>
      </c>
      <c r="U3136" s="75" t="s">
        <v>5331</v>
      </c>
      <c r="V3136" s="47" t="s">
        <v>5331</v>
      </c>
      <c r="W3136" s="47" t="s">
        <v>5331</v>
      </c>
      <c r="X3136" s="47" t="s">
        <v>5331</v>
      </c>
      <c r="Y3136" s="47" t="s">
        <v>5331</v>
      </c>
      <c r="Z3136" s="28"/>
      <c r="AA3136" s="27"/>
      <c r="AB3136" s="27"/>
      <c r="AC3136" s="27"/>
      <c r="AD3136" s="30"/>
      <c r="AE3136" s="1"/>
      <c r="AF3136" s="23" t="s">
        <v>5331</v>
      </c>
      <c r="AG3136" s="26"/>
      <c r="AH3136" s="53"/>
    </row>
    <row r="3137" spans="1:34" ht="51.6" customHeight="1" x14ac:dyDescent="0.45">
      <c r="A3137" s="23">
        <v>3131</v>
      </c>
      <c r="B3137" s="25"/>
      <c r="C3137" s="25"/>
      <c r="D3137" s="29"/>
      <c r="E3137" s="1"/>
      <c r="F3137" s="1"/>
      <c r="G3137" s="25"/>
      <c r="H3137" s="71"/>
      <c r="I3137" s="83"/>
      <c r="J3137" s="50" t="str">
        <f t="shared" si="98"/>
        <v/>
      </c>
      <c r="K3137" s="23" t="s">
        <v>7120</v>
      </c>
      <c r="L3137" s="49" t="e">
        <f>VLOOKUP(E3137&amp;F3137,団体コード!$A$1:$C$1743,3,FALSE)</f>
        <v>#N/A</v>
      </c>
      <c r="M3137" s="49" t="e">
        <f>VLOOKUP(E3137&amp;F3137,団体コード!$A$1:$C$1743,2,FALSE)</f>
        <v>#N/A</v>
      </c>
      <c r="N3137" s="51" t="e">
        <f>VLOOKUP(E3137,団体コード!$E$1:$F$48,2,FALSE)</f>
        <v>#N/A</v>
      </c>
      <c r="O3137" s="51" t="e">
        <f t="shared" si="99"/>
        <v>#N/A</v>
      </c>
      <c r="P3137" s="51">
        <v>1</v>
      </c>
      <c r="Q3137" s="51" t="s">
        <v>5341</v>
      </c>
      <c r="R3137" s="54" t="b">
        <v>1</v>
      </c>
      <c r="S3137" s="52" t="s">
        <v>7126</v>
      </c>
      <c r="T3137" s="67" t="s">
        <v>7127</v>
      </c>
      <c r="U3137" s="75" t="s">
        <v>5331</v>
      </c>
      <c r="V3137" s="47" t="s">
        <v>5331</v>
      </c>
      <c r="W3137" s="47" t="s">
        <v>5331</v>
      </c>
      <c r="X3137" s="47" t="s">
        <v>5331</v>
      </c>
      <c r="Y3137" s="47" t="s">
        <v>5331</v>
      </c>
      <c r="Z3137" s="28"/>
      <c r="AA3137" s="27"/>
      <c r="AB3137" s="27"/>
      <c r="AC3137" s="27"/>
      <c r="AD3137" s="30"/>
      <c r="AE3137" s="1"/>
      <c r="AF3137" s="23" t="s">
        <v>5331</v>
      </c>
      <c r="AG3137" s="26"/>
      <c r="AH3137" s="53"/>
    </row>
    <row r="3138" spans="1:34" ht="51.6" customHeight="1" x14ac:dyDescent="0.45">
      <c r="A3138" s="23">
        <v>3132</v>
      </c>
      <c r="B3138" s="25"/>
      <c r="C3138" s="25"/>
      <c r="D3138" s="29"/>
      <c r="E3138" s="1"/>
      <c r="F3138" s="1"/>
      <c r="G3138" s="25"/>
      <c r="H3138" s="71"/>
      <c r="I3138" s="83"/>
      <c r="J3138" s="50" t="str">
        <f t="shared" si="98"/>
        <v/>
      </c>
      <c r="K3138" s="23" t="s">
        <v>7120</v>
      </c>
      <c r="L3138" s="49" t="e">
        <f>VLOOKUP(E3138&amp;F3138,団体コード!$A$1:$C$1743,3,FALSE)</f>
        <v>#N/A</v>
      </c>
      <c r="M3138" s="49" t="e">
        <f>VLOOKUP(E3138&amp;F3138,団体コード!$A$1:$C$1743,2,FALSE)</f>
        <v>#N/A</v>
      </c>
      <c r="N3138" s="51" t="e">
        <f>VLOOKUP(E3138,団体コード!$E$1:$F$48,2,FALSE)</f>
        <v>#N/A</v>
      </c>
      <c r="O3138" s="51" t="e">
        <f t="shared" si="99"/>
        <v>#N/A</v>
      </c>
      <c r="P3138" s="51">
        <v>1</v>
      </c>
      <c r="Q3138" s="51" t="s">
        <v>5341</v>
      </c>
      <c r="R3138" s="54" t="b">
        <v>1</v>
      </c>
      <c r="S3138" s="52" t="s">
        <v>7126</v>
      </c>
      <c r="T3138" s="67" t="s">
        <v>7127</v>
      </c>
      <c r="U3138" s="75" t="s">
        <v>5331</v>
      </c>
      <c r="V3138" s="47" t="s">
        <v>5331</v>
      </c>
      <c r="W3138" s="47" t="s">
        <v>5331</v>
      </c>
      <c r="X3138" s="47" t="s">
        <v>5331</v>
      </c>
      <c r="Y3138" s="47" t="s">
        <v>5331</v>
      </c>
      <c r="Z3138" s="28"/>
      <c r="AA3138" s="27"/>
      <c r="AB3138" s="27"/>
      <c r="AC3138" s="27"/>
      <c r="AD3138" s="30"/>
      <c r="AE3138" s="1"/>
      <c r="AF3138" s="23" t="s">
        <v>5331</v>
      </c>
      <c r="AG3138" s="26"/>
      <c r="AH3138" s="53"/>
    </row>
    <row r="3139" spans="1:34" ht="51.6" customHeight="1" x14ac:dyDescent="0.45">
      <c r="A3139" s="23">
        <v>3133</v>
      </c>
      <c r="B3139" s="25"/>
      <c r="C3139" s="25"/>
      <c r="D3139" s="29"/>
      <c r="E3139" s="1"/>
      <c r="F3139" s="1"/>
      <c r="G3139" s="25"/>
      <c r="H3139" s="71"/>
      <c r="I3139" s="83"/>
      <c r="J3139" s="50" t="str">
        <f t="shared" si="98"/>
        <v/>
      </c>
      <c r="K3139" s="23" t="s">
        <v>7120</v>
      </c>
      <c r="L3139" s="49" t="e">
        <f>VLOOKUP(E3139&amp;F3139,団体コード!$A$1:$C$1743,3,FALSE)</f>
        <v>#N/A</v>
      </c>
      <c r="M3139" s="49" t="e">
        <f>VLOOKUP(E3139&amp;F3139,団体コード!$A$1:$C$1743,2,FALSE)</f>
        <v>#N/A</v>
      </c>
      <c r="N3139" s="51" t="e">
        <f>VLOOKUP(E3139,団体コード!$E$1:$F$48,2,FALSE)</f>
        <v>#N/A</v>
      </c>
      <c r="O3139" s="51" t="e">
        <f t="shared" si="99"/>
        <v>#N/A</v>
      </c>
      <c r="P3139" s="51">
        <v>1</v>
      </c>
      <c r="Q3139" s="51" t="s">
        <v>5341</v>
      </c>
      <c r="R3139" s="54" t="b">
        <v>1</v>
      </c>
      <c r="S3139" s="52" t="s">
        <v>7126</v>
      </c>
      <c r="T3139" s="67" t="s">
        <v>7127</v>
      </c>
      <c r="U3139" s="75" t="s">
        <v>5331</v>
      </c>
      <c r="V3139" s="47" t="s">
        <v>5331</v>
      </c>
      <c r="W3139" s="47" t="s">
        <v>5331</v>
      </c>
      <c r="X3139" s="47" t="s">
        <v>5331</v>
      </c>
      <c r="Y3139" s="47" t="s">
        <v>5331</v>
      </c>
      <c r="Z3139" s="28"/>
      <c r="AA3139" s="27"/>
      <c r="AB3139" s="27"/>
      <c r="AC3139" s="27"/>
      <c r="AD3139" s="30"/>
      <c r="AE3139" s="1"/>
      <c r="AF3139" s="23" t="s">
        <v>5331</v>
      </c>
      <c r="AG3139" s="26"/>
      <c r="AH3139" s="53"/>
    </row>
    <row r="3140" spans="1:34" ht="51.6" customHeight="1" x14ac:dyDescent="0.45">
      <c r="A3140" s="23">
        <v>3134</v>
      </c>
      <c r="B3140" s="25"/>
      <c r="C3140" s="25"/>
      <c r="D3140" s="29"/>
      <c r="E3140" s="1"/>
      <c r="F3140" s="1"/>
      <c r="G3140" s="25"/>
      <c r="H3140" s="71"/>
      <c r="I3140" s="83"/>
      <c r="J3140" s="50" t="str">
        <f t="shared" si="98"/>
        <v/>
      </c>
      <c r="K3140" s="23" t="s">
        <v>7120</v>
      </c>
      <c r="L3140" s="49" t="e">
        <f>VLOOKUP(E3140&amp;F3140,団体コード!$A$1:$C$1743,3,FALSE)</f>
        <v>#N/A</v>
      </c>
      <c r="M3140" s="49" t="e">
        <f>VLOOKUP(E3140&amp;F3140,団体コード!$A$1:$C$1743,2,FALSE)</f>
        <v>#N/A</v>
      </c>
      <c r="N3140" s="51" t="e">
        <f>VLOOKUP(E3140,団体コード!$E$1:$F$48,2,FALSE)</f>
        <v>#N/A</v>
      </c>
      <c r="O3140" s="51" t="e">
        <f t="shared" si="99"/>
        <v>#N/A</v>
      </c>
      <c r="P3140" s="51">
        <v>1</v>
      </c>
      <c r="Q3140" s="51" t="s">
        <v>5341</v>
      </c>
      <c r="R3140" s="54" t="b">
        <v>1</v>
      </c>
      <c r="S3140" s="52" t="s">
        <v>7126</v>
      </c>
      <c r="T3140" s="67" t="s">
        <v>7127</v>
      </c>
      <c r="U3140" s="75" t="s">
        <v>5331</v>
      </c>
      <c r="V3140" s="47" t="s">
        <v>5331</v>
      </c>
      <c r="W3140" s="47" t="s">
        <v>5331</v>
      </c>
      <c r="X3140" s="47" t="s">
        <v>5331</v>
      </c>
      <c r="Y3140" s="47" t="s">
        <v>5331</v>
      </c>
      <c r="Z3140" s="28"/>
      <c r="AA3140" s="27"/>
      <c r="AB3140" s="27"/>
      <c r="AC3140" s="27"/>
      <c r="AD3140" s="30"/>
      <c r="AE3140" s="1"/>
      <c r="AF3140" s="23" t="s">
        <v>5331</v>
      </c>
      <c r="AG3140" s="26"/>
      <c r="AH3140" s="53"/>
    </row>
    <row r="3141" spans="1:34" ht="51.6" customHeight="1" x14ac:dyDescent="0.45">
      <c r="A3141" s="23">
        <v>3135</v>
      </c>
      <c r="B3141" s="25"/>
      <c r="C3141" s="25"/>
      <c r="D3141" s="29"/>
      <c r="E3141" s="1"/>
      <c r="F3141" s="1"/>
      <c r="G3141" s="25"/>
      <c r="H3141" s="71"/>
      <c r="I3141" s="83"/>
      <c r="J3141" s="50" t="str">
        <f t="shared" si="98"/>
        <v/>
      </c>
      <c r="K3141" s="23" t="s">
        <v>7120</v>
      </c>
      <c r="L3141" s="49" t="e">
        <f>VLOOKUP(E3141&amp;F3141,団体コード!$A$1:$C$1743,3,FALSE)</f>
        <v>#N/A</v>
      </c>
      <c r="M3141" s="49" t="e">
        <f>VLOOKUP(E3141&amp;F3141,団体コード!$A$1:$C$1743,2,FALSE)</f>
        <v>#N/A</v>
      </c>
      <c r="N3141" s="51" t="e">
        <f>VLOOKUP(E3141,団体コード!$E$1:$F$48,2,FALSE)</f>
        <v>#N/A</v>
      </c>
      <c r="O3141" s="51" t="e">
        <f t="shared" si="99"/>
        <v>#N/A</v>
      </c>
      <c r="P3141" s="51">
        <v>1</v>
      </c>
      <c r="Q3141" s="51" t="s">
        <v>5341</v>
      </c>
      <c r="R3141" s="54" t="b">
        <v>1</v>
      </c>
      <c r="S3141" s="52" t="s">
        <v>7126</v>
      </c>
      <c r="T3141" s="67" t="s">
        <v>7127</v>
      </c>
      <c r="U3141" s="75" t="s">
        <v>5331</v>
      </c>
      <c r="V3141" s="47" t="s">
        <v>5331</v>
      </c>
      <c r="W3141" s="47" t="s">
        <v>5331</v>
      </c>
      <c r="X3141" s="47" t="s">
        <v>5331</v>
      </c>
      <c r="Y3141" s="47" t="s">
        <v>5331</v>
      </c>
      <c r="Z3141" s="28"/>
      <c r="AA3141" s="27"/>
      <c r="AB3141" s="27"/>
      <c r="AC3141" s="27"/>
      <c r="AD3141" s="30"/>
      <c r="AE3141" s="1"/>
      <c r="AF3141" s="23" t="s">
        <v>5331</v>
      </c>
      <c r="AG3141" s="26"/>
      <c r="AH3141" s="53"/>
    </row>
    <row r="3142" spans="1:34" ht="51.6" customHeight="1" x14ac:dyDescent="0.45">
      <c r="A3142" s="23">
        <v>3136</v>
      </c>
      <c r="B3142" s="25"/>
      <c r="C3142" s="25"/>
      <c r="D3142" s="29"/>
      <c r="E3142" s="1"/>
      <c r="F3142" s="1"/>
      <c r="G3142" s="25"/>
      <c r="H3142" s="71"/>
      <c r="I3142" s="83"/>
      <c r="J3142" s="50" t="str">
        <f t="shared" si="98"/>
        <v/>
      </c>
      <c r="K3142" s="23" t="s">
        <v>7120</v>
      </c>
      <c r="L3142" s="49" t="e">
        <f>VLOOKUP(E3142&amp;F3142,団体コード!$A$1:$C$1743,3,FALSE)</f>
        <v>#N/A</v>
      </c>
      <c r="M3142" s="49" t="e">
        <f>VLOOKUP(E3142&amp;F3142,団体コード!$A$1:$C$1743,2,FALSE)</f>
        <v>#N/A</v>
      </c>
      <c r="N3142" s="51" t="e">
        <f>VLOOKUP(E3142,団体コード!$E$1:$F$48,2,FALSE)</f>
        <v>#N/A</v>
      </c>
      <c r="O3142" s="51" t="e">
        <f t="shared" si="99"/>
        <v>#N/A</v>
      </c>
      <c r="P3142" s="51">
        <v>1</v>
      </c>
      <c r="Q3142" s="51" t="s">
        <v>5341</v>
      </c>
      <c r="R3142" s="54" t="b">
        <v>1</v>
      </c>
      <c r="S3142" s="52" t="s">
        <v>7126</v>
      </c>
      <c r="T3142" s="67" t="s">
        <v>7127</v>
      </c>
      <c r="U3142" s="75" t="s">
        <v>5331</v>
      </c>
      <c r="V3142" s="47" t="s">
        <v>5331</v>
      </c>
      <c r="W3142" s="47" t="s">
        <v>5331</v>
      </c>
      <c r="X3142" s="47" t="s">
        <v>5331</v>
      </c>
      <c r="Y3142" s="47" t="s">
        <v>5331</v>
      </c>
      <c r="Z3142" s="28"/>
      <c r="AA3142" s="27"/>
      <c r="AB3142" s="27"/>
      <c r="AC3142" s="27"/>
      <c r="AD3142" s="30"/>
      <c r="AE3142" s="1"/>
      <c r="AF3142" s="23" t="s">
        <v>5331</v>
      </c>
      <c r="AG3142" s="26"/>
      <c r="AH3142" s="53"/>
    </row>
    <row r="3143" spans="1:34" ht="51.6" customHeight="1" x14ac:dyDescent="0.45">
      <c r="A3143" s="23">
        <v>3137</v>
      </c>
      <c r="B3143" s="25"/>
      <c r="C3143" s="25"/>
      <c r="D3143" s="29"/>
      <c r="E3143" s="1"/>
      <c r="F3143" s="1"/>
      <c r="G3143" s="25"/>
      <c r="H3143" s="71"/>
      <c r="I3143" s="83"/>
      <c r="J3143" s="50" t="str">
        <f t="shared" si="98"/>
        <v/>
      </c>
      <c r="K3143" s="23" t="s">
        <v>7120</v>
      </c>
      <c r="L3143" s="49" t="e">
        <f>VLOOKUP(E3143&amp;F3143,団体コード!$A$1:$C$1743,3,FALSE)</f>
        <v>#N/A</v>
      </c>
      <c r="M3143" s="49" t="e">
        <f>VLOOKUP(E3143&amp;F3143,団体コード!$A$1:$C$1743,2,FALSE)</f>
        <v>#N/A</v>
      </c>
      <c r="N3143" s="51" t="e">
        <f>VLOOKUP(E3143,団体コード!$E$1:$F$48,2,FALSE)</f>
        <v>#N/A</v>
      </c>
      <c r="O3143" s="51" t="e">
        <f t="shared" si="99"/>
        <v>#N/A</v>
      </c>
      <c r="P3143" s="51">
        <v>1</v>
      </c>
      <c r="Q3143" s="51" t="s">
        <v>5341</v>
      </c>
      <c r="R3143" s="54" t="b">
        <v>1</v>
      </c>
      <c r="S3143" s="52" t="s">
        <v>7126</v>
      </c>
      <c r="T3143" s="67" t="s">
        <v>7127</v>
      </c>
      <c r="U3143" s="75" t="s">
        <v>5331</v>
      </c>
      <c r="V3143" s="47" t="s">
        <v>5331</v>
      </c>
      <c r="W3143" s="47" t="s">
        <v>5331</v>
      </c>
      <c r="X3143" s="47" t="s">
        <v>5331</v>
      </c>
      <c r="Y3143" s="47" t="s">
        <v>5331</v>
      </c>
      <c r="Z3143" s="28"/>
      <c r="AA3143" s="27"/>
      <c r="AB3143" s="27"/>
      <c r="AC3143" s="27"/>
      <c r="AD3143" s="30"/>
      <c r="AE3143" s="1"/>
      <c r="AF3143" s="23" t="s">
        <v>5331</v>
      </c>
      <c r="AG3143" s="26"/>
      <c r="AH3143" s="53"/>
    </row>
    <row r="3144" spans="1:34" ht="51.6" customHeight="1" x14ac:dyDescent="0.45">
      <c r="A3144" s="23">
        <v>3138</v>
      </c>
      <c r="B3144" s="25"/>
      <c r="C3144" s="25"/>
      <c r="D3144" s="29"/>
      <c r="E3144" s="1"/>
      <c r="F3144" s="1"/>
      <c r="G3144" s="25"/>
      <c r="H3144" s="71"/>
      <c r="I3144" s="83"/>
      <c r="J3144" s="50" t="str">
        <f t="shared" ref="J3144:J3207" si="100">E3144&amp;F3144&amp;G3144</f>
        <v/>
      </c>
      <c r="K3144" s="23" t="s">
        <v>7120</v>
      </c>
      <c r="L3144" s="49" t="e">
        <f>VLOOKUP(E3144&amp;F3144,団体コード!$A$1:$C$1743,3,FALSE)</f>
        <v>#N/A</v>
      </c>
      <c r="M3144" s="49" t="e">
        <f>VLOOKUP(E3144&amp;F3144,団体コード!$A$1:$C$1743,2,FALSE)</f>
        <v>#N/A</v>
      </c>
      <c r="N3144" s="51" t="e">
        <f>VLOOKUP(E3144,団体コード!$E$1:$F$48,2,FALSE)</f>
        <v>#N/A</v>
      </c>
      <c r="O3144" s="51" t="e">
        <f t="shared" ref="O3144:O3207" si="101">N3144</f>
        <v>#N/A</v>
      </c>
      <c r="P3144" s="51">
        <v>1</v>
      </c>
      <c r="Q3144" s="51" t="s">
        <v>5341</v>
      </c>
      <c r="R3144" s="54" t="b">
        <v>1</v>
      </c>
      <c r="S3144" s="52" t="s">
        <v>7126</v>
      </c>
      <c r="T3144" s="67" t="s">
        <v>7127</v>
      </c>
      <c r="U3144" s="75" t="s">
        <v>5331</v>
      </c>
      <c r="V3144" s="47" t="s">
        <v>5331</v>
      </c>
      <c r="W3144" s="47" t="s">
        <v>5331</v>
      </c>
      <c r="X3144" s="47" t="s">
        <v>5331</v>
      </c>
      <c r="Y3144" s="47" t="s">
        <v>5331</v>
      </c>
      <c r="Z3144" s="28"/>
      <c r="AA3144" s="27"/>
      <c r="AB3144" s="27"/>
      <c r="AC3144" s="27"/>
      <c r="AD3144" s="30"/>
      <c r="AE3144" s="1"/>
      <c r="AF3144" s="23" t="s">
        <v>5331</v>
      </c>
      <c r="AG3144" s="26"/>
      <c r="AH3144" s="53"/>
    </row>
    <row r="3145" spans="1:34" ht="51.6" customHeight="1" x14ac:dyDescent="0.45">
      <c r="A3145" s="23">
        <v>3139</v>
      </c>
      <c r="B3145" s="25"/>
      <c r="C3145" s="25"/>
      <c r="D3145" s="29"/>
      <c r="E3145" s="1"/>
      <c r="F3145" s="1"/>
      <c r="G3145" s="25"/>
      <c r="H3145" s="71"/>
      <c r="I3145" s="83"/>
      <c r="J3145" s="50" t="str">
        <f t="shared" si="100"/>
        <v/>
      </c>
      <c r="K3145" s="23" t="s">
        <v>7120</v>
      </c>
      <c r="L3145" s="49" t="e">
        <f>VLOOKUP(E3145&amp;F3145,団体コード!$A$1:$C$1743,3,FALSE)</f>
        <v>#N/A</v>
      </c>
      <c r="M3145" s="49" t="e">
        <f>VLOOKUP(E3145&amp;F3145,団体コード!$A$1:$C$1743,2,FALSE)</f>
        <v>#N/A</v>
      </c>
      <c r="N3145" s="51" t="e">
        <f>VLOOKUP(E3145,団体コード!$E$1:$F$48,2,FALSE)</f>
        <v>#N/A</v>
      </c>
      <c r="O3145" s="51" t="e">
        <f t="shared" si="101"/>
        <v>#N/A</v>
      </c>
      <c r="P3145" s="51">
        <v>1</v>
      </c>
      <c r="Q3145" s="51" t="s">
        <v>5341</v>
      </c>
      <c r="R3145" s="54" t="b">
        <v>1</v>
      </c>
      <c r="S3145" s="52" t="s">
        <v>7126</v>
      </c>
      <c r="T3145" s="67" t="s">
        <v>7127</v>
      </c>
      <c r="U3145" s="75" t="s">
        <v>5331</v>
      </c>
      <c r="V3145" s="47" t="s">
        <v>5331</v>
      </c>
      <c r="W3145" s="47" t="s">
        <v>5331</v>
      </c>
      <c r="X3145" s="47" t="s">
        <v>5331</v>
      </c>
      <c r="Y3145" s="47" t="s">
        <v>5331</v>
      </c>
      <c r="Z3145" s="28"/>
      <c r="AA3145" s="27"/>
      <c r="AB3145" s="27"/>
      <c r="AC3145" s="27"/>
      <c r="AD3145" s="30"/>
      <c r="AE3145" s="1"/>
      <c r="AF3145" s="23" t="s">
        <v>5331</v>
      </c>
      <c r="AG3145" s="26"/>
      <c r="AH3145" s="53"/>
    </row>
    <row r="3146" spans="1:34" ht="51.6" customHeight="1" x14ac:dyDescent="0.45">
      <c r="A3146" s="23">
        <v>3140</v>
      </c>
      <c r="B3146" s="25"/>
      <c r="C3146" s="25"/>
      <c r="D3146" s="29"/>
      <c r="E3146" s="1"/>
      <c r="F3146" s="1"/>
      <c r="G3146" s="25"/>
      <c r="H3146" s="71"/>
      <c r="I3146" s="83"/>
      <c r="J3146" s="50" t="str">
        <f t="shared" si="100"/>
        <v/>
      </c>
      <c r="K3146" s="23" t="s">
        <v>7120</v>
      </c>
      <c r="L3146" s="49" t="e">
        <f>VLOOKUP(E3146&amp;F3146,団体コード!$A$1:$C$1743,3,FALSE)</f>
        <v>#N/A</v>
      </c>
      <c r="M3146" s="49" t="e">
        <f>VLOOKUP(E3146&amp;F3146,団体コード!$A$1:$C$1743,2,FALSE)</f>
        <v>#N/A</v>
      </c>
      <c r="N3146" s="51" t="e">
        <f>VLOOKUP(E3146,団体コード!$E$1:$F$48,2,FALSE)</f>
        <v>#N/A</v>
      </c>
      <c r="O3146" s="51" t="e">
        <f t="shared" si="101"/>
        <v>#N/A</v>
      </c>
      <c r="P3146" s="51">
        <v>1</v>
      </c>
      <c r="Q3146" s="51" t="s">
        <v>5341</v>
      </c>
      <c r="R3146" s="54" t="b">
        <v>1</v>
      </c>
      <c r="S3146" s="52" t="s">
        <v>7126</v>
      </c>
      <c r="T3146" s="67" t="s">
        <v>7127</v>
      </c>
      <c r="U3146" s="75" t="s">
        <v>5331</v>
      </c>
      <c r="V3146" s="47" t="s">
        <v>5331</v>
      </c>
      <c r="W3146" s="47" t="s">
        <v>5331</v>
      </c>
      <c r="X3146" s="47" t="s">
        <v>5331</v>
      </c>
      <c r="Y3146" s="47" t="s">
        <v>5331</v>
      </c>
      <c r="Z3146" s="28"/>
      <c r="AA3146" s="27"/>
      <c r="AB3146" s="27"/>
      <c r="AC3146" s="27"/>
      <c r="AD3146" s="30"/>
      <c r="AE3146" s="1"/>
      <c r="AF3146" s="23" t="s">
        <v>5331</v>
      </c>
      <c r="AG3146" s="26"/>
      <c r="AH3146" s="53"/>
    </row>
    <row r="3147" spans="1:34" ht="51.6" customHeight="1" x14ac:dyDescent="0.45">
      <c r="A3147" s="23">
        <v>3141</v>
      </c>
      <c r="B3147" s="25"/>
      <c r="C3147" s="25"/>
      <c r="D3147" s="29"/>
      <c r="E3147" s="1"/>
      <c r="F3147" s="1"/>
      <c r="G3147" s="25"/>
      <c r="H3147" s="71"/>
      <c r="I3147" s="83"/>
      <c r="J3147" s="50" t="str">
        <f t="shared" si="100"/>
        <v/>
      </c>
      <c r="K3147" s="23" t="s">
        <v>7120</v>
      </c>
      <c r="L3147" s="49" t="e">
        <f>VLOOKUP(E3147&amp;F3147,団体コード!$A$1:$C$1743,3,FALSE)</f>
        <v>#N/A</v>
      </c>
      <c r="M3147" s="49" t="e">
        <f>VLOOKUP(E3147&amp;F3147,団体コード!$A$1:$C$1743,2,FALSE)</f>
        <v>#N/A</v>
      </c>
      <c r="N3147" s="51" t="e">
        <f>VLOOKUP(E3147,団体コード!$E$1:$F$48,2,FALSE)</f>
        <v>#N/A</v>
      </c>
      <c r="O3147" s="51" t="e">
        <f t="shared" si="101"/>
        <v>#N/A</v>
      </c>
      <c r="P3147" s="51">
        <v>1</v>
      </c>
      <c r="Q3147" s="51" t="s">
        <v>5341</v>
      </c>
      <c r="R3147" s="54" t="b">
        <v>1</v>
      </c>
      <c r="S3147" s="52" t="s">
        <v>7126</v>
      </c>
      <c r="T3147" s="67" t="s">
        <v>7127</v>
      </c>
      <c r="U3147" s="75" t="s">
        <v>5331</v>
      </c>
      <c r="V3147" s="47" t="s">
        <v>5331</v>
      </c>
      <c r="W3147" s="47" t="s">
        <v>5331</v>
      </c>
      <c r="X3147" s="47" t="s">
        <v>5331</v>
      </c>
      <c r="Y3147" s="47" t="s">
        <v>5331</v>
      </c>
      <c r="Z3147" s="28"/>
      <c r="AA3147" s="27"/>
      <c r="AB3147" s="27"/>
      <c r="AC3147" s="27"/>
      <c r="AD3147" s="30"/>
      <c r="AE3147" s="1"/>
      <c r="AF3147" s="23" t="s">
        <v>5331</v>
      </c>
      <c r="AG3147" s="26"/>
      <c r="AH3147" s="53"/>
    </row>
    <row r="3148" spans="1:34" ht="51.6" customHeight="1" x14ac:dyDescent="0.45">
      <c r="A3148" s="23">
        <v>3142</v>
      </c>
      <c r="B3148" s="25"/>
      <c r="C3148" s="25"/>
      <c r="D3148" s="29"/>
      <c r="E3148" s="1"/>
      <c r="F3148" s="1"/>
      <c r="G3148" s="25"/>
      <c r="H3148" s="71"/>
      <c r="I3148" s="83"/>
      <c r="J3148" s="50" t="str">
        <f t="shared" si="100"/>
        <v/>
      </c>
      <c r="K3148" s="23" t="s">
        <v>7120</v>
      </c>
      <c r="L3148" s="49" t="e">
        <f>VLOOKUP(E3148&amp;F3148,団体コード!$A$1:$C$1743,3,FALSE)</f>
        <v>#N/A</v>
      </c>
      <c r="M3148" s="49" t="e">
        <f>VLOOKUP(E3148&amp;F3148,団体コード!$A$1:$C$1743,2,FALSE)</f>
        <v>#N/A</v>
      </c>
      <c r="N3148" s="51" t="e">
        <f>VLOOKUP(E3148,団体コード!$E$1:$F$48,2,FALSE)</f>
        <v>#N/A</v>
      </c>
      <c r="O3148" s="51" t="e">
        <f t="shared" si="101"/>
        <v>#N/A</v>
      </c>
      <c r="P3148" s="51">
        <v>1</v>
      </c>
      <c r="Q3148" s="51" t="s">
        <v>5341</v>
      </c>
      <c r="R3148" s="54" t="b">
        <v>1</v>
      </c>
      <c r="S3148" s="52" t="s">
        <v>7126</v>
      </c>
      <c r="T3148" s="67" t="s">
        <v>7127</v>
      </c>
      <c r="U3148" s="75" t="s">
        <v>5331</v>
      </c>
      <c r="V3148" s="47" t="s">
        <v>5331</v>
      </c>
      <c r="W3148" s="47" t="s">
        <v>5331</v>
      </c>
      <c r="X3148" s="47" t="s">
        <v>5331</v>
      </c>
      <c r="Y3148" s="47" t="s">
        <v>5331</v>
      </c>
      <c r="Z3148" s="28"/>
      <c r="AA3148" s="27"/>
      <c r="AB3148" s="27"/>
      <c r="AC3148" s="27"/>
      <c r="AD3148" s="30"/>
      <c r="AE3148" s="1"/>
      <c r="AF3148" s="23" t="s">
        <v>5331</v>
      </c>
      <c r="AG3148" s="26"/>
      <c r="AH3148" s="53"/>
    </row>
    <row r="3149" spans="1:34" ht="51.6" customHeight="1" x14ac:dyDescent="0.45">
      <c r="A3149" s="23">
        <v>3143</v>
      </c>
      <c r="B3149" s="25"/>
      <c r="C3149" s="25"/>
      <c r="D3149" s="29"/>
      <c r="E3149" s="1"/>
      <c r="F3149" s="1"/>
      <c r="G3149" s="25"/>
      <c r="H3149" s="71"/>
      <c r="I3149" s="83"/>
      <c r="J3149" s="50" t="str">
        <f t="shared" si="100"/>
        <v/>
      </c>
      <c r="K3149" s="23" t="s">
        <v>7120</v>
      </c>
      <c r="L3149" s="49" t="e">
        <f>VLOOKUP(E3149&amp;F3149,団体コード!$A$1:$C$1743,3,FALSE)</f>
        <v>#N/A</v>
      </c>
      <c r="M3149" s="49" t="e">
        <f>VLOOKUP(E3149&amp;F3149,団体コード!$A$1:$C$1743,2,FALSE)</f>
        <v>#N/A</v>
      </c>
      <c r="N3149" s="51" t="e">
        <f>VLOOKUP(E3149,団体コード!$E$1:$F$48,2,FALSE)</f>
        <v>#N/A</v>
      </c>
      <c r="O3149" s="51" t="e">
        <f t="shared" si="101"/>
        <v>#N/A</v>
      </c>
      <c r="P3149" s="51">
        <v>1</v>
      </c>
      <c r="Q3149" s="51" t="s">
        <v>5341</v>
      </c>
      <c r="R3149" s="54" t="b">
        <v>1</v>
      </c>
      <c r="S3149" s="52" t="s">
        <v>7126</v>
      </c>
      <c r="T3149" s="67" t="s">
        <v>7127</v>
      </c>
      <c r="U3149" s="75" t="s">
        <v>5331</v>
      </c>
      <c r="V3149" s="47" t="s">
        <v>5331</v>
      </c>
      <c r="W3149" s="47" t="s">
        <v>5331</v>
      </c>
      <c r="X3149" s="47" t="s">
        <v>5331</v>
      </c>
      <c r="Y3149" s="47" t="s">
        <v>5331</v>
      </c>
      <c r="Z3149" s="28"/>
      <c r="AA3149" s="27"/>
      <c r="AB3149" s="27"/>
      <c r="AC3149" s="27"/>
      <c r="AD3149" s="30"/>
      <c r="AE3149" s="1"/>
      <c r="AF3149" s="23" t="s">
        <v>5331</v>
      </c>
      <c r="AG3149" s="26"/>
      <c r="AH3149" s="53"/>
    </row>
    <row r="3150" spans="1:34" ht="51.6" customHeight="1" x14ac:dyDescent="0.45">
      <c r="A3150" s="23">
        <v>3144</v>
      </c>
      <c r="B3150" s="25"/>
      <c r="C3150" s="25"/>
      <c r="D3150" s="29"/>
      <c r="E3150" s="1"/>
      <c r="F3150" s="1"/>
      <c r="G3150" s="25"/>
      <c r="H3150" s="71"/>
      <c r="I3150" s="83"/>
      <c r="J3150" s="50" t="str">
        <f t="shared" si="100"/>
        <v/>
      </c>
      <c r="K3150" s="23" t="s">
        <v>7120</v>
      </c>
      <c r="L3150" s="49" t="e">
        <f>VLOOKUP(E3150&amp;F3150,団体コード!$A$1:$C$1743,3,FALSE)</f>
        <v>#N/A</v>
      </c>
      <c r="M3150" s="49" t="e">
        <f>VLOOKUP(E3150&amp;F3150,団体コード!$A$1:$C$1743,2,FALSE)</f>
        <v>#N/A</v>
      </c>
      <c r="N3150" s="51" t="e">
        <f>VLOOKUP(E3150,団体コード!$E$1:$F$48,2,FALSE)</f>
        <v>#N/A</v>
      </c>
      <c r="O3150" s="51" t="e">
        <f t="shared" si="101"/>
        <v>#N/A</v>
      </c>
      <c r="P3150" s="51">
        <v>1</v>
      </c>
      <c r="Q3150" s="51" t="s">
        <v>5341</v>
      </c>
      <c r="R3150" s="54" t="b">
        <v>1</v>
      </c>
      <c r="S3150" s="52" t="s">
        <v>7126</v>
      </c>
      <c r="T3150" s="67" t="s">
        <v>7127</v>
      </c>
      <c r="U3150" s="75" t="s">
        <v>5331</v>
      </c>
      <c r="V3150" s="47" t="s">
        <v>5331</v>
      </c>
      <c r="W3150" s="47" t="s">
        <v>5331</v>
      </c>
      <c r="X3150" s="47" t="s">
        <v>5331</v>
      </c>
      <c r="Y3150" s="47" t="s">
        <v>5331</v>
      </c>
      <c r="Z3150" s="28"/>
      <c r="AA3150" s="27"/>
      <c r="AB3150" s="27"/>
      <c r="AC3150" s="27"/>
      <c r="AD3150" s="30"/>
      <c r="AE3150" s="1"/>
      <c r="AF3150" s="23" t="s">
        <v>5331</v>
      </c>
      <c r="AG3150" s="26"/>
      <c r="AH3150" s="53"/>
    </row>
    <row r="3151" spans="1:34" ht="51.6" customHeight="1" x14ac:dyDescent="0.45">
      <c r="A3151" s="23">
        <v>3145</v>
      </c>
      <c r="B3151" s="25"/>
      <c r="C3151" s="25"/>
      <c r="D3151" s="29"/>
      <c r="E3151" s="1"/>
      <c r="F3151" s="1"/>
      <c r="G3151" s="25"/>
      <c r="H3151" s="71"/>
      <c r="I3151" s="83"/>
      <c r="J3151" s="50" t="str">
        <f t="shared" si="100"/>
        <v/>
      </c>
      <c r="K3151" s="23" t="s">
        <v>7120</v>
      </c>
      <c r="L3151" s="49" t="e">
        <f>VLOOKUP(E3151&amp;F3151,団体コード!$A$1:$C$1743,3,FALSE)</f>
        <v>#N/A</v>
      </c>
      <c r="M3151" s="49" t="e">
        <f>VLOOKUP(E3151&amp;F3151,団体コード!$A$1:$C$1743,2,FALSE)</f>
        <v>#N/A</v>
      </c>
      <c r="N3151" s="51" t="e">
        <f>VLOOKUP(E3151,団体コード!$E$1:$F$48,2,FALSE)</f>
        <v>#N/A</v>
      </c>
      <c r="O3151" s="51" t="e">
        <f t="shared" si="101"/>
        <v>#N/A</v>
      </c>
      <c r="P3151" s="51">
        <v>1</v>
      </c>
      <c r="Q3151" s="51" t="s">
        <v>5341</v>
      </c>
      <c r="R3151" s="54" t="b">
        <v>1</v>
      </c>
      <c r="S3151" s="52" t="s">
        <v>7126</v>
      </c>
      <c r="T3151" s="67" t="s">
        <v>7127</v>
      </c>
      <c r="U3151" s="75" t="s">
        <v>5331</v>
      </c>
      <c r="V3151" s="47" t="s">
        <v>5331</v>
      </c>
      <c r="W3151" s="47" t="s">
        <v>5331</v>
      </c>
      <c r="X3151" s="47" t="s">
        <v>5331</v>
      </c>
      <c r="Y3151" s="47" t="s">
        <v>5331</v>
      </c>
      <c r="Z3151" s="28"/>
      <c r="AA3151" s="27"/>
      <c r="AB3151" s="27"/>
      <c r="AC3151" s="27"/>
      <c r="AD3151" s="30"/>
      <c r="AE3151" s="1"/>
      <c r="AF3151" s="23" t="s">
        <v>5331</v>
      </c>
      <c r="AG3151" s="26"/>
      <c r="AH3151" s="53"/>
    </row>
    <row r="3152" spans="1:34" ht="51.6" customHeight="1" x14ac:dyDescent="0.45">
      <c r="A3152" s="23">
        <v>3146</v>
      </c>
      <c r="B3152" s="25"/>
      <c r="C3152" s="25"/>
      <c r="D3152" s="29"/>
      <c r="E3152" s="1"/>
      <c r="F3152" s="1"/>
      <c r="G3152" s="25"/>
      <c r="H3152" s="71"/>
      <c r="I3152" s="83"/>
      <c r="J3152" s="50" t="str">
        <f t="shared" si="100"/>
        <v/>
      </c>
      <c r="K3152" s="23" t="s">
        <v>7120</v>
      </c>
      <c r="L3152" s="49" t="e">
        <f>VLOOKUP(E3152&amp;F3152,団体コード!$A$1:$C$1743,3,FALSE)</f>
        <v>#N/A</v>
      </c>
      <c r="M3152" s="49" t="e">
        <f>VLOOKUP(E3152&amp;F3152,団体コード!$A$1:$C$1743,2,FALSE)</f>
        <v>#N/A</v>
      </c>
      <c r="N3152" s="51" t="e">
        <f>VLOOKUP(E3152,団体コード!$E$1:$F$48,2,FALSE)</f>
        <v>#N/A</v>
      </c>
      <c r="O3152" s="51" t="e">
        <f t="shared" si="101"/>
        <v>#N/A</v>
      </c>
      <c r="P3152" s="51">
        <v>1</v>
      </c>
      <c r="Q3152" s="51" t="s">
        <v>5341</v>
      </c>
      <c r="R3152" s="54" t="b">
        <v>1</v>
      </c>
      <c r="S3152" s="52" t="s">
        <v>7126</v>
      </c>
      <c r="T3152" s="67" t="s">
        <v>7127</v>
      </c>
      <c r="U3152" s="75" t="s">
        <v>5331</v>
      </c>
      <c r="V3152" s="47" t="s">
        <v>5331</v>
      </c>
      <c r="W3152" s="47" t="s">
        <v>5331</v>
      </c>
      <c r="X3152" s="47" t="s">
        <v>5331</v>
      </c>
      <c r="Y3152" s="47" t="s">
        <v>5331</v>
      </c>
      <c r="Z3152" s="28"/>
      <c r="AA3152" s="27"/>
      <c r="AB3152" s="27"/>
      <c r="AC3152" s="27"/>
      <c r="AD3152" s="30"/>
      <c r="AE3152" s="1"/>
      <c r="AF3152" s="23" t="s">
        <v>5331</v>
      </c>
      <c r="AG3152" s="26"/>
      <c r="AH3152" s="53"/>
    </row>
    <row r="3153" spans="1:34" ht="51.6" customHeight="1" x14ac:dyDescent="0.45">
      <c r="A3153" s="23">
        <v>3147</v>
      </c>
      <c r="B3153" s="25"/>
      <c r="C3153" s="25"/>
      <c r="D3153" s="29"/>
      <c r="E3153" s="1"/>
      <c r="F3153" s="1"/>
      <c r="G3153" s="25"/>
      <c r="H3153" s="71"/>
      <c r="I3153" s="83"/>
      <c r="J3153" s="50" t="str">
        <f t="shared" si="100"/>
        <v/>
      </c>
      <c r="K3153" s="23" t="s">
        <v>7120</v>
      </c>
      <c r="L3153" s="49" t="e">
        <f>VLOOKUP(E3153&amp;F3153,団体コード!$A$1:$C$1743,3,FALSE)</f>
        <v>#N/A</v>
      </c>
      <c r="M3153" s="49" t="e">
        <f>VLOOKUP(E3153&amp;F3153,団体コード!$A$1:$C$1743,2,FALSE)</f>
        <v>#N/A</v>
      </c>
      <c r="N3153" s="51" t="e">
        <f>VLOOKUP(E3153,団体コード!$E$1:$F$48,2,FALSE)</f>
        <v>#N/A</v>
      </c>
      <c r="O3153" s="51" t="e">
        <f t="shared" si="101"/>
        <v>#N/A</v>
      </c>
      <c r="P3153" s="51">
        <v>1</v>
      </c>
      <c r="Q3153" s="51" t="s">
        <v>5341</v>
      </c>
      <c r="R3153" s="54" t="b">
        <v>1</v>
      </c>
      <c r="S3153" s="52" t="s">
        <v>7126</v>
      </c>
      <c r="T3153" s="67" t="s">
        <v>7127</v>
      </c>
      <c r="U3153" s="75" t="s">
        <v>5331</v>
      </c>
      <c r="V3153" s="47" t="s">
        <v>5331</v>
      </c>
      <c r="W3153" s="47" t="s">
        <v>5331</v>
      </c>
      <c r="X3153" s="47" t="s">
        <v>5331</v>
      </c>
      <c r="Y3153" s="47" t="s">
        <v>5331</v>
      </c>
      <c r="Z3153" s="28"/>
      <c r="AA3153" s="27"/>
      <c r="AB3153" s="27"/>
      <c r="AC3153" s="27"/>
      <c r="AD3153" s="30"/>
      <c r="AE3153" s="1"/>
      <c r="AF3153" s="23" t="s">
        <v>5331</v>
      </c>
      <c r="AG3153" s="26"/>
      <c r="AH3153" s="53"/>
    </row>
    <row r="3154" spans="1:34" ht="51.6" customHeight="1" x14ac:dyDescent="0.45">
      <c r="A3154" s="23">
        <v>3148</v>
      </c>
      <c r="B3154" s="25"/>
      <c r="C3154" s="25"/>
      <c r="D3154" s="29"/>
      <c r="E3154" s="1"/>
      <c r="F3154" s="1"/>
      <c r="G3154" s="25"/>
      <c r="H3154" s="71"/>
      <c r="I3154" s="83"/>
      <c r="J3154" s="50" t="str">
        <f t="shared" si="100"/>
        <v/>
      </c>
      <c r="K3154" s="23" t="s">
        <v>7120</v>
      </c>
      <c r="L3154" s="49" t="e">
        <f>VLOOKUP(E3154&amp;F3154,団体コード!$A$1:$C$1743,3,FALSE)</f>
        <v>#N/A</v>
      </c>
      <c r="M3154" s="49" t="e">
        <f>VLOOKUP(E3154&amp;F3154,団体コード!$A$1:$C$1743,2,FALSE)</f>
        <v>#N/A</v>
      </c>
      <c r="N3154" s="51" t="e">
        <f>VLOOKUP(E3154,団体コード!$E$1:$F$48,2,FALSE)</f>
        <v>#N/A</v>
      </c>
      <c r="O3154" s="51" t="e">
        <f t="shared" si="101"/>
        <v>#N/A</v>
      </c>
      <c r="P3154" s="51">
        <v>1</v>
      </c>
      <c r="Q3154" s="51" t="s">
        <v>5341</v>
      </c>
      <c r="R3154" s="54" t="b">
        <v>1</v>
      </c>
      <c r="S3154" s="52" t="s">
        <v>7126</v>
      </c>
      <c r="T3154" s="67" t="s">
        <v>7127</v>
      </c>
      <c r="U3154" s="75" t="s">
        <v>5331</v>
      </c>
      <c r="V3154" s="47" t="s">
        <v>5331</v>
      </c>
      <c r="W3154" s="47" t="s">
        <v>5331</v>
      </c>
      <c r="X3154" s="47" t="s">
        <v>5331</v>
      </c>
      <c r="Y3154" s="47" t="s">
        <v>5331</v>
      </c>
      <c r="Z3154" s="28"/>
      <c r="AA3154" s="27"/>
      <c r="AB3154" s="27"/>
      <c r="AC3154" s="27"/>
      <c r="AD3154" s="30"/>
      <c r="AE3154" s="1"/>
      <c r="AF3154" s="23" t="s">
        <v>5331</v>
      </c>
      <c r="AG3154" s="26"/>
      <c r="AH3154" s="53"/>
    </row>
    <row r="3155" spans="1:34" ht="51.6" customHeight="1" x14ac:dyDescent="0.45">
      <c r="A3155" s="23">
        <v>3149</v>
      </c>
      <c r="B3155" s="25"/>
      <c r="C3155" s="25"/>
      <c r="D3155" s="29"/>
      <c r="E3155" s="1"/>
      <c r="F3155" s="1"/>
      <c r="G3155" s="25"/>
      <c r="H3155" s="71"/>
      <c r="I3155" s="83"/>
      <c r="J3155" s="50" t="str">
        <f t="shared" si="100"/>
        <v/>
      </c>
      <c r="K3155" s="23" t="s">
        <v>7120</v>
      </c>
      <c r="L3155" s="49" t="e">
        <f>VLOOKUP(E3155&amp;F3155,団体コード!$A$1:$C$1743,3,FALSE)</f>
        <v>#N/A</v>
      </c>
      <c r="M3155" s="49" t="e">
        <f>VLOOKUP(E3155&amp;F3155,団体コード!$A$1:$C$1743,2,FALSE)</f>
        <v>#N/A</v>
      </c>
      <c r="N3155" s="51" t="e">
        <f>VLOOKUP(E3155,団体コード!$E$1:$F$48,2,FALSE)</f>
        <v>#N/A</v>
      </c>
      <c r="O3155" s="51" t="e">
        <f t="shared" si="101"/>
        <v>#N/A</v>
      </c>
      <c r="P3155" s="51">
        <v>1</v>
      </c>
      <c r="Q3155" s="51" t="s">
        <v>5341</v>
      </c>
      <c r="R3155" s="54" t="b">
        <v>1</v>
      </c>
      <c r="S3155" s="52" t="s">
        <v>7126</v>
      </c>
      <c r="T3155" s="67" t="s">
        <v>7127</v>
      </c>
      <c r="U3155" s="75" t="s">
        <v>5331</v>
      </c>
      <c r="V3155" s="47" t="s">
        <v>5331</v>
      </c>
      <c r="W3155" s="47" t="s">
        <v>5331</v>
      </c>
      <c r="X3155" s="47" t="s">
        <v>5331</v>
      </c>
      <c r="Y3155" s="47" t="s">
        <v>5331</v>
      </c>
      <c r="Z3155" s="28"/>
      <c r="AA3155" s="27"/>
      <c r="AB3155" s="27"/>
      <c r="AC3155" s="27"/>
      <c r="AD3155" s="30"/>
      <c r="AE3155" s="1"/>
      <c r="AF3155" s="23" t="s">
        <v>5331</v>
      </c>
      <c r="AG3155" s="26"/>
      <c r="AH3155" s="53"/>
    </row>
    <row r="3156" spans="1:34" ht="51.6" customHeight="1" x14ac:dyDescent="0.45">
      <c r="A3156" s="23">
        <v>3150</v>
      </c>
      <c r="B3156" s="25"/>
      <c r="C3156" s="25"/>
      <c r="D3156" s="29"/>
      <c r="E3156" s="1"/>
      <c r="F3156" s="1"/>
      <c r="G3156" s="25"/>
      <c r="H3156" s="71"/>
      <c r="I3156" s="83"/>
      <c r="J3156" s="50" t="str">
        <f t="shared" si="100"/>
        <v/>
      </c>
      <c r="K3156" s="23" t="s">
        <v>7120</v>
      </c>
      <c r="L3156" s="49" t="e">
        <f>VLOOKUP(E3156&amp;F3156,団体コード!$A$1:$C$1743,3,FALSE)</f>
        <v>#N/A</v>
      </c>
      <c r="M3156" s="49" t="e">
        <f>VLOOKUP(E3156&amp;F3156,団体コード!$A$1:$C$1743,2,FALSE)</f>
        <v>#N/A</v>
      </c>
      <c r="N3156" s="51" t="e">
        <f>VLOOKUP(E3156,団体コード!$E$1:$F$48,2,FALSE)</f>
        <v>#N/A</v>
      </c>
      <c r="O3156" s="51" t="e">
        <f t="shared" si="101"/>
        <v>#N/A</v>
      </c>
      <c r="P3156" s="51">
        <v>1</v>
      </c>
      <c r="Q3156" s="51" t="s">
        <v>5341</v>
      </c>
      <c r="R3156" s="54" t="b">
        <v>1</v>
      </c>
      <c r="S3156" s="52" t="s">
        <v>7126</v>
      </c>
      <c r="T3156" s="67" t="s">
        <v>7127</v>
      </c>
      <c r="U3156" s="75" t="s">
        <v>5331</v>
      </c>
      <c r="V3156" s="47" t="s">
        <v>5331</v>
      </c>
      <c r="W3156" s="47" t="s">
        <v>5331</v>
      </c>
      <c r="X3156" s="47" t="s">
        <v>5331</v>
      </c>
      <c r="Y3156" s="47" t="s">
        <v>5331</v>
      </c>
      <c r="Z3156" s="28"/>
      <c r="AA3156" s="27"/>
      <c r="AB3156" s="27"/>
      <c r="AC3156" s="27"/>
      <c r="AD3156" s="30"/>
      <c r="AE3156" s="1"/>
      <c r="AF3156" s="23" t="s">
        <v>5331</v>
      </c>
      <c r="AG3156" s="26"/>
      <c r="AH3156" s="53"/>
    </row>
    <row r="3157" spans="1:34" ht="51.6" customHeight="1" x14ac:dyDescent="0.45">
      <c r="A3157" s="23">
        <v>3151</v>
      </c>
      <c r="B3157" s="25"/>
      <c r="C3157" s="25"/>
      <c r="D3157" s="29"/>
      <c r="E3157" s="1"/>
      <c r="F3157" s="1"/>
      <c r="G3157" s="25"/>
      <c r="H3157" s="71"/>
      <c r="I3157" s="83"/>
      <c r="J3157" s="50" t="str">
        <f t="shared" si="100"/>
        <v/>
      </c>
      <c r="K3157" s="23" t="s">
        <v>7120</v>
      </c>
      <c r="L3157" s="49" t="e">
        <f>VLOOKUP(E3157&amp;F3157,団体コード!$A$1:$C$1743,3,FALSE)</f>
        <v>#N/A</v>
      </c>
      <c r="M3157" s="49" t="e">
        <f>VLOOKUP(E3157&amp;F3157,団体コード!$A$1:$C$1743,2,FALSE)</f>
        <v>#N/A</v>
      </c>
      <c r="N3157" s="51" t="e">
        <f>VLOOKUP(E3157,団体コード!$E$1:$F$48,2,FALSE)</f>
        <v>#N/A</v>
      </c>
      <c r="O3157" s="51" t="e">
        <f t="shared" si="101"/>
        <v>#N/A</v>
      </c>
      <c r="P3157" s="51">
        <v>1</v>
      </c>
      <c r="Q3157" s="51" t="s">
        <v>5341</v>
      </c>
      <c r="R3157" s="54" t="b">
        <v>1</v>
      </c>
      <c r="S3157" s="52" t="s">
        <v>7126</v>
      </c>
      <c r="T3157" s="67" t="s">
        <v>7127</v>
      </c>
      <c r="U3157" s="75" t="s">
        <v>5331</v>
      </c>
      <c r="V3157" s="47" t="s">
        <v>5331</v>
      </c>
      <c r="W3157" s="47" t="s">
        <v>5331</v>
      </c>
      <c r="X3157" s="47" t="s">
        <v>5331</v>
      </c>
      <c r="Y3157" s="47" t="s">
        <v>5331</v>
      </c>
      <c r="Z3157" s="28"/>
      <c r="AA3157" s="27"/>
      <c r="AB3157" s="27"/>
      <c r="AC3157" s="27"/>
      <c r="AD3157" s="30"/>
      <c r="AE3157" s="1"/>
      <c r="AF3157" s="23" t="s">
        <v>5331</v>
      </c>
      <c r="AG3157" s="26"/>
      <c r="AH3157" s="53"/>
    </row>
    <row r="3158" spans="1:34" ht="51.6" customHeight="1" x14ac:dyDescent="0.45">
      <c r="A3158" s="23">
        <v>3152</v>
      </c>
      <c r="B3158" s="25"/>
      <c r="C3158" s="25"/>
      <c r="D3158" s="29"/>
      <c r="E3158" s="1"/>
      <c r="F3158" s="1"/>
      <c r="G3158" s="25"/>
      <c r="H3158" s="71"/>
      <c r="I3158" s="83"/>
      <c r="J3158" s="50" t="str">
        <f t="shared" si="100"/>
        <v/>
      </c>
      <c r="K3158" s="23" t="s">
        <v>7120</v>
      </c>
      <c r="L3158" s="49" t="e">
        <f>VLOOKUP(E3158&amp;F3158,団体コード!$A$1:$C$1743,3,FALSE)</f>
        <v>#N/A</v>
      </c>
      <c r="M3158" s="49" t="e">
        <f>VLOOKUP(E3158&amp;F3158,団体コード!$A$1:$C$1743,2,FALSE)</f>
        <v>#N/A</v>
      </c>
      <c r="N3158" s="51" t="e">
        <f>VLOOKUP(E3158,団体コード!$E$1:$F$48,2,FALSE)</f>
        <v>#N/A</v>
      </c>
      <c r="O3158" s="51" t="e">
        <f t="shared" si="101"/>
        <v>#N/A</v>
      </c>
      <c r="P3158" s="51">
        <v>1</v>
      </c>
      <c r="Q3158" s="51" t="s">
        <v>5341</v>
      </c>
      <c r="R3158" s="54" t="b">
        <v>1</v>
      </c>
      <c r="S3158" s="52" t="s">
        <v>7126</v>
      </c>
      <c r="T3158" s="67" t="s">
        <v>7127</v>
      </c>
      <c r="U3158" s="75" t="s">
        <v>5331</v>
      </c>
      <c r="V3158" s="47" t="s">
        <v>5331</v>
      </c>
      <c r="W3158" s="47" t="s">
        <v>5331</v>
      </c>
      <c r="X3158" s="47" t="s">
        <v>5331</v>
      </c>
      <c r="Y3158" s="47" t="s">
        <v>5331</v>
      </c>
      <c r="Z3158" s="28"/>
      <c r="AA3158" s="27"/>
      <c r="AB3158" s="27"/>
      <c r="AC3158" s="27"/>
      <c r="AD3158" s="30"/>
      <c r="AE3158" s="1"/>
      <c r="AF3158" s="23" t="s">
        <v>5331</v>
      </c>
      <c r="AG3158" s="26"/>
      <c r="AH3158" s="53"/>
    </row>
    <row r="3159" spans="1:34" ht="51.6" customHeight="1" x14ac:dyDescent="0.45">
      <c r="A3159" s="23">
        <v>3153</v>
      </c>
      <c r="B3159" s="25"/>
      <c r="C3159" s="25"/>
      <c r="D3159" s="29"/>
      <c r="E3159" s="1"/>
      <c r="F3159" s="1"/>
      <c r="G3159" s="25"/>
      <c r="H3159" s="71"/>
      <c r="I3159" s="83"/>
      <c r="J3159" s="50" t="str">
        <f t="shared" si="100"/>
        <v/>
      </c>
      <c r="K3159" s="23" t="s">
        <v>7120</v>
      </c>
      <c r="L3159" s="49" t="e">
        <f>VLOOKUP(E3159&amp;F3159,団体コード!$A$1:$C$1743,3,FALSE)</f>
        <v>#N/A</v>
      </c>
      <c r="M3159" s="49" t="e">
        <f>VLOOKUP(E3159&amp;F3159,団体コード!$A$1:$C$1743,2,FALSE)</f>
        <v>#N/A</v>
      </c>
      <c r="N3159" s="51" t="e">
        <f>VLOOKUP(E3159,団体コード!$E$1:$F$48,2,FALSE)</f>
        <v>#N/A</v>
      </c>
      <c r="O3159" s="51" t="e">
        <f t="shared" si="101"/>
        <v>#N/A</v>
      </c>
      <c r="P3159" s="51">
        <v>1</v>
      </c>
      <c r="Q3159" s="51" t="s">
        <v>5341</v>
      </c>
      <c r="R3159" s="54" t="b">
        <v>1</v>
      </c>
      <c r="S3159" s="52" t="s">
        <v>7126</v>
      </c>
      <c r="T3159" s="67" t="s">
        <v>7127</v>
      </c>
      <c r="U3159" s="75" t="s">
        <v>5331</v>
      </c>
      <c r="V3159" s="47" t="s">
        <v>5331</v>
      </c>
      <c r="W3159" s="47" t="s">
        <v>5331</v>
      </c>
      <c r="X3159" s="47" t="s">
        <v>5331</v>
      </c>
      <c r="Y3159" s="47" t="s">
        <v>5331</v>
      </c>
      <c r="Z3159" s="28"/>
      <c r="AA3159" s="27"/>
      <c r="AB3159" s="27"/>
      <c r="AC3159" s="27"/>
      <c r="AD3159" s="30"/>
      <c r="AE3159" s="1"/>
      <c r="AF3159" s="23" t="s">
        <v>5331</v>
      </c>
      <c r="AG3159" s="26"/>
      <c r="AH3159" s="53"/>
    </row>
    <row r="3160" spans="1:34" ht="51.6" customHeight="1" x14ac:dyDescent="0.45">
      <c r="A3160" s="23">
        <v>3154</v>
      </c>
      <c r="B3160" s="25"/>
      <c r="C3160" s="25"/>
      <c r="D3160" s="29"/>
      <c r="E3160" s="1"/>
      <c r="F3160" s="1"/>
      <c r="G3160" s="25"/>
      <c r="H3160" s="71"/>
      <c r="I3160" s="83"/>
      <c r="J3160" s="50" t="str">
        <f t="shared" si="100"/>
        <v/>
      </c>
      <c r="K3160" s="23" t="s">
        <v>7120</v>
      </c>
      <c r="L3160" s="49" t="e">
        <f>VLOOKUP(E3160&amp;F3160,団体コード!$A$1:$C$1743,3,FALSE)</f>
        <v>#N/A</v>
      </c>
      <c r="M3160" s="49" t="e">
        <f>VLOOKUP(E3160&amp;F3160,団体コード!$A$1:$C$1743,2,FALSE)</f>
        <v>#N/A</v>
      </c>
      <c r="N3160" s="51" t="e">
        <f>VLOOKUP(E3160,団体コード!$E$1:$F$48,2,FALSE)</f>
        <v>#N/A</v>
      </c>
      <c r="O3160" s="51" t="e">
        <f t="shared" si="101"/>
        <v>#N/A</v>
      </c>
      <c r="P3160" s="51">
        <v>1</v>
      </c>
      <c r="Q3160" s="51" t="s">
        <v>5341</v>
      </c>
      <c r="R3160" s="54" t="b">
        <v>1</v>
      </c>
      <c r="S3160" s="52" t="s">
        <v>7126</v>
      </c>
      <c r="T3160" s="67" t="s">
        <v>7127</v>
      </c>
      <c r="U3160" s="75" t="s">
        <v>5331</v>
      </c>
      <c r="V3160" s="47" t="s">
        <v>5331</v>
      </c>
      <c r="W3160" s="47" t="s">
        <v>5331</v>
      </c>
      <c r="X3160" s="47" t="s">
        <v>5331</v>
      </c>
      <c r="Y3160" s="47" t="s">
        <v>5331</v>
      </c>
      <c r="Z3160" s="28"/>
      <c r="AA3160" s="27"/>
      <c r="AB3160" s="27"/>
      <c r="AC3160" s="27"/>
      <c r="AD3160" s="30"/>
      <c r="AE3160" s="1"/>
      <c r="AF3160" s="23" t="s">
        <v>5331</v>
      </c>
      <c r="AG3160" s="26"/>
      <c r="AH3160" s="53"/>
    </row>
    <row r="3161" spans="1:34" ht="51.6" customHeight="1" x14ac:dyDescent="0.45">
      <c r="A3161" s="23">
        <v>3155</v>
      </c>
      <c r="B3161" s="25"/>
      <c r="C3161" s="25"/>
      <c r="D3161" s="29"/>
      <c r="E3161" s="1"/>
      <c r="F3161" s="1"/>
      <c r="G3161" s="25"/>
      <c r="H3161" s="71"/>
      <c r="I3161" s="83"/>
      <c r="J3161" s="50" t="str">
        <f t="shared" si="100"/>
        <v/>
      </c>
      <c r="K3161" s="23" t="s">
        <v>7120</v>
      </c>
      <c r="L3161" s="49" t="e">
        <f>VLOOKUP(E3161&amp;F3161,団体コード!$A$1:$C$1743,3,FALSE)</f>
        <v>#N/A</v>
      </c>
      <c r="M3161" s="49" t="e">
        <f>VLOOKUP(E3161&amp;F3161,団体コード!$A$1:$C$1743,2,FALSE)</f>
        <v>#N/A</v>
      </c>
      <c r="N3161" s="51" t="e">
        <f>VLOOKUP(E3161,団体コード!$E$1:$F$48,2,FALSE)</f>
        <v>#N/A</v>
      </c>
      <c r="O3161" s="51" t="e">
        <f t="shared" si="101"/>
        <v>#N/A</v>
      </c>
      <c r="P3161" s="51">
        <v>1</v>
      </c>
      <c r="Q3161" s="51" t="s">
        <v>5341</v>
      </c>
      <c r="R3161" s="54" t="b">
        <v>1</v>
      </c>
      <c r="S3161" s="52" t="s">
        <v>7126</v>
      </c>
      <c r="T3161" s="67" t="s">
        <v>7127</v>
      </c>
      <c r="U3161" s="75" t="s">
        <v>5331</v>
      </c>
      <c r="V3161" s="47" t="s">
        <v>5331</v>
      </c>
      <c r="W3161" s="47" t="s">
        <v>5331</v>
      </c>
      <c r="X3161" s="47" t="s">
        <v>5331</v>
      </c>
      <c r="Y3161" s="47" t="s">
        <v>5331</v>
      </c>
      <c r="Z3161" s="28"/>
      <c r="AA3161" s="27"/>
      <c r="AB3161" s="27"/>
      <c r="AC3161" s="27"/>
      <c r="AD3161" s="30"/>
      <c r="AE3161" s="1"/>
      <c r="AF3161" s="23" t="s">
        <v>5331</v>
      </c>
      <c r="AG3161" s="26"/>
      <c r="AH3161" s="53"/>
    </row>
    <row r="3162" spans="1:34" ht="51.6" customHeight="1" x14ac:dyDescent="0.45">
      <c r="A3162" s="23">
        <v>3156</v>
      </c>
      <c r="B3162" s="25"/>
      <c r="C3162" s="25"/>
      <c r="D3162" s="29"/>
      <c r="E3162" s="1"/>
      <c r="F3162" s="1"/>
      <c r="G3162" s="25"/>
      <c r="H3162" s="71"/>
      <c r="I3162" s="83"/>
      <c r="J3162" s="50" t="str">
        <f t="shared" si="100"/>
        <v/>
      </c>
      <c r="K3162" s="23" t="s">
        <v>7120</v>
      </c>
      <c r="L3162" s="49" t="e">
        <f>VLOOKUP(E3162&amp;F3162,団体コード!$A$1:$C$1743,3,FALSE)</f>
        <v>#N/A</v>
      </c>
      <c r="M3162" s="49" t="e">
        <f>VLOOKUP(E3162&amp;F3162,団体コード!$A$1:$C$1743,2,FALSE)</f>
        <v>#N/A</v>
      </c>
      <c r="N3162" s="51" t="e">
        <f>VLOOKUP(E3162,団体コード!$E$1:$F$48,2,FALSE)</f>
        <v>#N/A</v>
      </c>
      <c r="O3162" s="51" t="e">
        <f t="shared" si="101"/>
        <v>#N/A</v>
      </c>
      <c r="P3162" s="51">
        <v>1</v>
      </c>
      <c r="Q3162" s="51" t="s">
        <v>5341</v>
      </c>
      <c r="R3162" s="54" t="b">
        <v>1</v>
      </c>
      <c r="S3162" s="52" t="s">
        <v>7126</v>
      </c>
      <c r="T3162" s="67" t="s">
        <v>7127</v>
      </c>
      <c r="U3162" s="75" t="s">
        <v>5331</v>
      </c>
      <c r="V3162" s="47" t="s">
        <v>5331</v>
      </c>
      <c r="W3162" s="47" t="s">
        <v>5331</v>
      </c>
      <c r="X3162" s="47" t="s">
        <v>5331</v>
      </c>
      <c r="Y3162" s="47" t="s">
        <v>5331</v>
      </c>
      <c r="Z3162" s="28"/>
      <c r="AA3162" s="27"/>
      <c r="AB3162" s="27"/>
      <c r="AC3162" s="27"/>
      <c r="AD3162" s="30"/>
      <c r="AE3162" s="1"/>
      <c r="AF3162" s="23" t="s">
        <v>5331</v>
      </c>
      <c r="AG3162" s="26"/>
      <c r="AH3162" s="53"/>
    </row>
    <row r="3163" spans="1:34" ht="51.6" customHeight="1" x14ac:dyDescent="0.45">
      <c r="A3163" s="23">
        <v>3157</v>
      </c>
      <c r="B3163" s="25"/>
      <c r="C3163" s="25"/>
      <c r="D3163" s="29"/>
      <c r="E3163" s="1"/>
      <c r="F3163" s="1"/>
      <c r="G3163" s="25"/>
      <c r="H3163" s="71"/>
      <c r="I3163" s="83"/>
      <c r="J3163" s="50" t="str">
        <f t="shared" si="100"/>
        <v/>
      </c>
      <c r="K3163" s="23" t="s">
        <v>7120</v>
      </c>
      <c r="L3163" s="49" t="e">
        <f>VLOOKUP(E3163&amp;F3163,団体コード!$A$1:$C$1743,3,FALSE)</f>
        <v>#N/A</v>
      </c>
      <c r="M3163" s="49" t="e">
        <f>VLOOKUP(E3163&amp;F3163,団体コード!$A$1:$C$1743,2,FALSE)</f>
        <v>#N/A</v>
      </c>
      <c r="N3163" s="51" t="e">
        <f>VLOOKUP(E3163,団体コード!$E$1:$F$48,2,FALSE)</f>
        <v>#N/A</v>
      </c>
      <c r="O3163" s="51" t="e">
        <f t="shared" si="101"/>
        <v>#N/A</v>
      </c>
      <c r="P3163" s="51">
        <v>1</v>
      </c>
      <c r="Q3163" s="51" t="s">
        <v>5341</v>
      </c>
      <c r="R3163" s="54" t="b">
        <v>1</v>
      </c>
      <c r="S3163" s="52" t="s">
        <v>7126</v>
      </c>
      <c r="T3163" s="67" t="s">
        <v>7127</v>
      </c>
      <c r="U3163" s="75" t="s">
        <v>5331</v>
      </c>
      <c r="V3163" s="47" t="s">
        <v>5331</v>
      </c>
      <c r="W3163" s="47" t="s">
        <v>5331</v>
      </c>
      <c r="X3163" s="47" t="s">
        <v>5331</v>
      </c>
      <c r="Y3163" s="47" t="s">
        <v>5331</v>
      </c>
      <c r="Z3163" s="28"/>
      <c r="AA3163" s="27"/>
      <c r="AB3163" s="27"/>
      <c r="AC3163" s="27"/>
      <c r="AD3163" s="30"/>
      <c r="AE3163" s="1"/>
      <c r="AF3163" s="23" t="s">
        <v>5331</v>
      </c>
      <c r="AG3163" s="26"/>
      <c r="AH3163" s="53"/>
    </row>
    <row r="3164" spans="1:34" ht="51.6" customHeight="1" x14ac:dyDescent="0.45">
      <c r="A3164" s="23">
        <v>3158</v>
      </c>
      <c r="B3164" s="25"/>
      <c r="C3164" s="25"/>
      <c r="D3164" s="29"/>
      <c r="E3164" s="1"/>
      <c r="F3164" s="1"/>
      <c r="G3164" s="25"/>
      <c r="H3164" s="71"/>
      <c r="I3164" s="83"/>
      <c r="J3164" s="50" t="str">
        <f t="shared" si="100"/>
        <v/>
      </c>
      <c r="K3164" s="23" t="s">
        <v>7120</v>
      </c>
      <c r="L3164" s="49" t="e">
        <f>VLOOKUP(E3164&amp;F3164,団体コード!$A$1:$C$1743,3,FALSE)</f>
        <v>#N/A</v>
      </c>
      <c r="M3164" s="49" t="e">
        <f>VLOOKUP(E3164&amp;F3164,団体コード!$A$1:$C$1743,2,FALSE)</f>
        <v>#N/A</v>
      </c>
      <c r="N3164" s="51" t="e">
        <f>VLOOKUP(E3164,団体コード!$E$1:$F$48,2,FALSE)</f>
        <v>#N/A</v>
      </c>
      <c r="O3164" s="51" t="e">
        <f t="shared" si="101"/>
        <v>#N/A</v>
      </c>
      <c r="P3164" s="51">
        <v>1</v>
      </c>
      <c r="Q3164" s="51" t="s">
        <v>5341</v>
      </c>
      <c r="R3164" s="54" t="b">
        <v>1</v>
      </c>
      <c r="S3164" s="52" t="s">
        <v>7126</v>
      </c>
      <c r="T3164" s="67" t="s">
        <v>7127</v>
      </c>
      <c r="U3164" s="75" t="s">
        <v>5331</v>
      </c>
      <c r="V3164" s="47" t="s">
        <v>5331</v>
      </c>
      <c r="W3164" s="47" t="s">
        <v>5331</v>
      </c>
      <c r="X3164" s="47" t="s">
        <v>5331</v>
      </c>
      <c r="Y3164" s="47" t="s">
        <v>5331</v>
      </c>
      <c r="Z3164" s="28"/>
      <c r="AA3164" s="27"/>
      <c r="AB3164" s="27"/>
      <c r="AC3164" s="27"/>
      <c r="AD3164" s="30"/>
      <c r="AE3164" s="1"/>
      <c r="AF3164" s="23" t="s">
        <v>5331</v>
      </c>
      <c r="AG3164" s="26"/>
      <c r="AH3164" s="53"/>
    </row>
    <row r="3165" spans="1:34" ht="51.6" customHeight="1" x14ac:dyDescent="0.45">
      <c r="A3165" s="23">
        <v>3159</v>
      </c>
      <c r="B3165" s="25"/>
      <c r="C3165" s="25"/>
      <c r="D3165" s="29"/>
      <c r="E3165" s="1"/>
      <c r="F3165" s="1"/>
      <c r="G3165" s="25"/>
      <c r="H3165" s="71"/>
      <c r="I3165" s="83"/>
      <c r="J3165" s="50" t="str">
        <f t="shared" si="100"/>
        <v/>
      </c>
      <c r="K3165" s="23" t="s">
        <v>7120</v>
      </c>
      <c r="L3165" s="49" t="e">
        <f>VLOOKUP(E3165&amp;F3165,団体コード!$A$1:$C$1743,3,FALSE)</f>
        <v>#N/A</v>
      </c>
      <c r="M3165" s="49" t="e">
        <f>VLOOKUP(E3165&amp;F3165,団体コード!$A$1:$C$1743,2,FALSE)</f>
        <v>#N/A</v>
      </c>
      <c r="N3165" s="51" t="e">
        <f>VLOOKUP(E3165,団体コード!$E$1:$F$48,2,FALSE)</f>
        <v>#N/A</v>
      </c>
      <c r="O3165" s="51" t="e">
        <f t="shared" si="101"/>
        <v>#N/A</v>
      </c>
      <c r="P3165" s="51">
        <v>1</v>
      </c>
      <c r="Q3165" s="51" t="s">
        <v>5341</v>
      </c>
      <c r="R3165" s="54" t="b">
        <v>1</v>
      </c>
      <c r="S3165" s="52" t="s">
        <v>7126</v>
      </c>
      <c r="T3165" s="67" t="s">
        <v>7127</v>
      </c>
      <c r="U3165" s="75" t="s">
        <v>5331</v>
      </c>
      <c r="V3165" s="47" t="s">
        <v>5331</v>
      </c>
      <c r="W3165" s="47" t="s">
        <v>5331</v>
      </c>
      <c r="X3165" s="47" t="s">
        <v>5331</v>
      </c>
      <c r="Y3165" s="47" t="s">
        <v>5331</v>
      </c>
      <c r="Z3165" s="28"/>
      <c r="AA3165" s="27"/>
      <c r="AB3165" s="27"/>
      <c r="AC3165" s="27"/>
      <c r="AD3165" s="30"/>
      <c r="AE3165" s="1"/>
      <c r="AF3165" s="23" t="s">
        <v>5331</v>
      </c>
      <c r="AG3165" s="26"/>
      <c r="AH3165" s="53"/>
    </row>
    <row r="3166" spans="1:34" ht="51.6" customHeight="1" x14ac:dyDescent="0.45">
      <c r="A3166" s="23">
        <v>3160</v>
      </c>
      <c r="B3166" s="25"/>
      <c r="C3166" s="25"/>
      <c r="D3166" s="29"/>
      <c r="E3166" s="1"/>
      <c r="F3166" s="1"/>
      <c r="G3166" s="25"/>
      <c r="H3166" s="71"/>
      <c r="I3166" s="83"/>
      <c r="J3166" s="50" t="str">
        <f t="shared" si="100"/>
        <v/>
      </c>
      <c r="K3166" s="23" t="s">
        <v>7120</v>
      </c>
      <c r="L3166" s="49" t="e">
        <f>VLOOKUP(E3166&amp;F3166,団体コード!$A$1:$C$1743,3,FALSE)</f>
        <v>#N/A</v>
      </c>
      <c r="M3166" s="49" t="e">
        <f>VLOOKUP(E3166&amp;F3166,団体コード!$A$1:$C$1743,2,FALSE)</f>
        <v>#N/A</v>
      </c>
      <c r="N3166" s="51" t="e">
        <f>VLOOKUP(E3166,団体コード!$E$1:$F$48,2,FALSE)</f>
        <v>#N/A</v>
      </c>
      <c r="O3166" s="51" t="e">
        <f t="shared" si="101"/>
        <v>#N/A</v>
      </c>
      <c r="P3166" s="51">
        <v>1</v>
      </c>
      <c r="Q3166" s="51" t="s">
        <v>5341</v>
      </c>
      <c r="R3166" s="54" t="b">
        <v>1</v>
      </c>
      <c r="S3166" s="52" t="s">
        <v>7126</v>
      </c>
      <c r="T3166" s="67" t="s">
        <v>7127</v>
      </c>
      <c r="U3166" s="75" t="s">
        <v>5331</v>
      </c>
      <c r="V3166" s="47" t="s">
        <v>5331</v>
      </c>
      <c r="W3166" s="47" t="s">
        <v>5331</v>
      </c>
      <c r="X3166" s="47" t="s">
        <v>5331</v>
      </c>
      <c r="Y3166" s="47" t="s">
        <v>5331</v>
      </c>
      <c r="Z3166" s="28"/>
      <c r="AA3166" s="27"/>
      <c r="AB3166" s="27"/>
      <c r="AC3166" s="27"/>
      <c r="AD3166" s="30"/>
      <c r="AE3166" s="1"/>
      <c r="AF3166" s="23" t="s">
        <v>5331</v>
      </c>
      <c r="AG3166" s="26"/>
      <c r="AH3166" s="53"/>
    </row>
    <row r="3167" spans="1:34" ht="51.6" customHeight="1" x14ac:dyDescent="0.45">
      <c r="A3167" s="23">
        <v>3161</v>
      </c>
      <c r="B3167" s="25"/>
      <c r="C3167" s="25"/>
      <c r="D3167" s="29"/>
      <c r="E3167" s="1"/>
      <c r="F3167" s="1"/>
      <c r="G3167" s="25"/>
      <c r="H3167" s="71"/>
      <c r="I3167" s="83"/>
      <c r="J3167" s="50" t="str">
        <f t="shared" si="100"/>
        <v/>
      </c>
      <c r="K3167" s="23" t="s">
        <v>7120</v>
      </c>
      <c r="L3167" s="49" t="e">
        <f>VLOOKUP(E3167&amp;F3167,団体コード!$A$1:$C$1743,3,FALSE)</f>
        <v>#N/A</v>
      </c>
      <c r="M3167" s="49" t="e">
        <f>VLOOKUP(E3167&amp;F3167,団体コード!$A$1:$C$1743,2,FALSE)</f>
        <v>#N/A</v>
      </c>
      <c r="N3167" s="51" t="e">
        <f>VLOOKUP(E3167,団体コード!$E$1:$F$48,2,FALSE)</f>
        <v>#N/A</v>
      </c>
      <c r="O3167" s="51" t="e">
        <f t="shared" si="101"/>
        <v>#N/A</v>
      </c>
      <c r="P3167" s="51">
        <v>1</v>
      </c>
      <c r="Q3167" s="51" t="s">
        <v>5341</v>
      </c>
      <c r="R3167" s="54" t="b">
        <v>1</v>
      </c>
      <c r="S3167" s="52" t="s">
        <v>7126</v>
      </c>
      <c r="T3167" s="67" t="s">
        <v>7127</v>
      </c>
      <c r="U3167" s="75" t="s">
        <v>5331</v>
      </c>
      <c r="V3167" s="47" t="s">
        <v>5331</v>
      </c>
      <c r="W3167" s="47" t="s">
        <v>5331</v>
      </c>
      <c r="X3167" s="47" t="s">
        <v>5331</v>
      </c>
      <c r="Y3167" s="47" t="s">
        <v>5331</v>
      </c>
      <c r="Z3167" s="28"/>
      <c r="AA3167" s="27"/>
      <c r="AB3167" s="27"/>
      <c r="AC3167" s="27"/>
      <c r="AD3167" s="30"/>
      <c r="AE3167" s="1"/>
      <c r="AF3167" s="23" t="s">
        <v>5331</v>
      </c>
      <c r="AG3167" s="26"/>
      <c r="AH3167" s="53"/>
    </row>
    <row r="3168" spans="1:34" ht="51.6" customHeight="1" x14ac:dyDescent="0.45">
      <c r="A3168" s="23">
        <v>3162</v>
      </c>
      <c r="B3168" s="25"/>
      <c r="C3168" s="25"/>
      <c r="D3168" s="29"/>
      <c r="E3168" s="1"/>
      <c r="F3168" s="1"/>
      <c r="G3168" s="25"/>
      <c r="H3168" s="71"/>
      <c r="I3168" s="83"/>
      <c r="J3168" s="50" t="str">
        <f t="shared" si="100"/>
        <v/>
      </c>
      <c r="K3168" s="23" t="s">
        <v>7120</v>
      </c>
      <c r="L3168" s="49" t="e">
        <f>VLOOKUP(E3168&amp;F3168,団体コード!$A$1:$C$1743,3,FALSE)</f>
        <v>#N/A</v>
      </c>
      <c r="M3168" s="49" t="e">
        <f>VLOOKUP(E3168&amp;F3168,団体コード!$A$1:$C$1743,2,FALSE)</f>
        <v>#N/A</v>
      </c>
      <c r="N3168" s="51" t="e">
        <f>VLOOKUP(E3168,団体コード!$E$1:$F$48,2,FALSE)</f>
        <v>#N/A</v>
      </c>
      <c r="O3168" s="51" t="e">
        <f t="shared" si="101"/>
        <v>#N/A</v>
      </c>
      <c r="P3168" s="51">
        <v>1</v>
      </c>
      <c r="Q3168" s="51" t="s">
        <v>5341</v>
      </c>
      <c r="R3168" s="54" t="b">
        <v>1</v>
      </c>
      <c r="S3168" s="52" t="s">
        <v>7126</v>
      </c>
      <c r="T3168" s="67" t="s">
        <v>7127</v>
      </c>
      <c r="U3168" s="75" t="s">
        <v>5331</v>
      </c>
      <c r="V3168" s="47" t="s">
        <v>5331</v>
      </c>
      <c r="W3168" s="47" t="s">
        <v>5331</v>
      </c>
      <c r="X3168" s="47" t="s">
        <v>5331</v>
      </c>
      <c r="Y3168" s="47" t="s">
        <v>5331</v>
      </c>
      <c r="Z3168" s="28"/>
      <c r="AA3168" s="27"/>
      <c r="AB3168" s="27"/>
      <c r="AC3168" s="27"/>
      <c r="AD3168" s="30"/>
      <c r="AE3168" s="1"/>
      <c r="AF3168" s="23" t="s">
        <v>5331</v>
      </c>
      <c r="AG3168" s="26"/>
      <c r="AH3168" s="53"/>
    </row>
    <row r="3169" spans="1:34" ht="51.6" customHeight="1" x14ac:dyDescent="0.45">
      <c r="A3169" s="23">
        <v>3163</v>
      </c>
      <c r="B3169" s="25"/>
      <c r="C3169" s="25"/>
      <c r="D3169" s="29"/>
      <c r="E3169" s="1"/>
      <c r="F3169" s="1"/>
      <c r="G3169" s="25"/>
      <c r="H3169" s="71"/>
      <c r="I3169" s="83"/>
      <c r="J3169" s="50" t="str">
        <f t="shared" si="100"/>
        <v/>
      </c>
      <c r="K3169" s="23" t="s">
        <v>7120</v>
      </c>
      <c r="L3169" s="49" t="e">
        <f>VLOOKUP(E3169&amp;F3169,団体コード!$A$1:$C$1743,3,FALSE)</f>
        <v>#N/A</v>
      </c>
      <c r="M3169" s="49" t="e">
        <f>VLOOKUP(E3169&amp;F3169,団体コード!$A$1:$C$1743,2,FALSE)</f>
        <v>#N/A</v>
      </c>
      <c r="N3169" s="51" t="e">
        <f>VLOOKUP(E3169,団体コード!$E$1:$F$48,2,FALSE)</f>
        <v>#N/A</v>
      </c>
      <c r="O3169" s="51" t="e">
        <f t="shared" si="101"/>
        <v>#N/A</v>
      </c>
      <c r="P3169" s="51">
        <v>1</v>
      </c>
      <c r="Q3169" s="51" t="s">
        <v>5341</v>
      </c>
      <c r="R3169" s="54" t="b">
        <v>1</v>
      </c>
      <c r="S3169" s="52" t="s">
        <v>7126</v>
      </c>
      <c r="T3169" s="67" t="s">
        <v>7127</v>
      </c>
      <c r="U3169" s="75" t="s">
        <v>5331</v>
      </c>
      <c r="V3169" s="47" t="s">
        <v>5331</v>
      </c>
      <c r="W3169" s="47" t="s">
        <v>5331</v>
      </c>
      <c r="X3169" s="47" t="s">
        <v>5331</v>
      </c>
      <c r="Y3169" s="47" t="s">
        <v>5331</v>
      </c>
      <c r="Z3169" s="28"/>
      <c r="AA3169" s="27"/>
      <c r="AB3169" s="27"/>
      <c r="AC3169" s="27"/>
      <c r="AD3169" s="30"/>
      <c r="AE3169" s="1"/>
      <c r="AF3169" s="23" t="s">
        <v>5331</v>
      </c>
      <c r="AG3169" s="26"/>
      <c r="AH3169" s="53"/>
    </row>
    <row r="3170" spans="1:34" ht="51.6" customHeight="1" x14ac:dyDescent="0.45">
      <c r="A3170" s="23">
        <v>3164</v>
      </c>
      <c r="B3170" s="25"/>
      <c r="C3170" s="25"/>
      <c r="D3170" s="29"/>
      <c r="E3170" s="1"/>
      <c r="F3170" s="1"/>
      <c r="G3170" s="25"/>
      <c r="H3170" s="71"/>
      <c r="I3170" s="83"/>
      <c r="J3170" s="50" t="str">
        <f t="shared" si="100"/>
        <v/>
      </c>
      <c r="K3170" s="23" t="s">
        <v>7120</v>
      </c>
      <c r="L3170" s="49" t="e">
        <f>VLOOKUP(E3170&amp;F3170,団体コード!$A$1:$C$1743,3,FALSE)</f>
        <v>#N/A</v>
      </c>
      <c r="M3170" s="49" t="e">
        <f>VLOOKUP(E3170&amp;F3170,団体コード!$A$1:$C$1743,2,FALSE)</f>
        <v>#N/A</v>
      </c>
      <c r="N3170" s="51" t="e">
        <f>VLOOKUP(E3170,団体コード!$E$1:$F$48,2,FALSE)</f>
        <v>#N/A</v>
      </c>
      <c r="O3170" s="51" t="e">
        <f t="shared" si="101"/>
        <v>#N/A</v>
      </c>
      <c r="P3170" s="51">
        <v>1</v>
      </c>
      <c r="Q3170" s="51" t="s">
        <v>5341</v>
      </c>
      <c r="R3170" s="54" t="b">
        <v>1</v>
      </c>
      <c r="S3170" s="52" t="s">
        <v>7126</v>
      </c>
      <c r="T3170" s="67" t="s">
        <v>7127</v>
      </c>
      <c r="U3170" s="75" t="s">
        <v>5331</v>
      </c>
      <c r="V3170" s="47" t="s">
        <v>5331</v>
      </c>
      <c r="W3170" s="47" t="s">
        <v>5331</v>
      </c>
      <c r="X3170" s="47" t="s">
        <v>5331</v>
      </c>
      <c r="Y3170" s="47" t="s">
        <v>5331</v>
      </c>
      <c r="Z3170" s="28"/>
      <c r="AA3170" s="27"/>
      <c r="AB3170" s="27"/>
      <c r="AC3170" s="27"/>
      <c r="AD3170" s="30"/>
      <c r="AE3170" s="1"/>
      <c r="AF3170" s="23" t="s">
        <v>5331</v>
      </c>
      <c r="AG3170" s="26"/>
      <c r="AH3170" s="53"/>
    </row>
    <row r="3171" spans="1:34" ht="51.6" customHeight="1" x14ac:dyDescent="0.45">
      <c r="A3171" s="23">
        <v>3165</v>
      </c>
      <c r="B3171" s="25"/>
      <c r="C3171" s="25"/>
      <c r="D3171" s="29"/>
      <c r="E3171" s="1"/>
      <c r="F3171" s="1"/>
      <c r="G3171" s="25"/>
      <c r="H3171" s="71"/>
      <c r="I3171" s="83"/>
      <c r="J3171" s="50" t="str">
        <f t="shared" si="100"/>
        <v/>
      </c>
      <c r="K3171" s="23" t="s">
        <v>7120</v>
      </c>
      <c r="L3171" s="49" t="e">
        <f>VLOOKUP(E3171&amp;F3171,団体コード!$A$1:$C$1743,3,FALSE)</f>
        <v>#N/A</v>
      </c>
      <c r="M3171" s="49" t="e">
        <f>VLOOKUP(E3171&amp;F3171,団体コード!$A$1:$C$1743,2,FALSE)</f>
        <v>#N/A</v>
      </c>
      <c r="N3171" s="51" t="e">
        <f>VLOOKUP(E3171,団体コード!$E$1:$F$48,2,FALSE)</f>
        <v>#N/A</v>
      </c>
      <c r="O3171" s="51" t="e">
        <f t="shared" si="101"/>
        <v>#N/A</v>
      </c>
      <c r="P3171" s="51">
        <v>1</v>
      </c>
      <c r="Q3171" s="51" t="s">
        <v>5341</v>
      </c>
      <c r="R3171" s="54" t="b">
        <v>1</v>
      </c>
      <c r="S3171" s="52" t="s">
        <v>7126</v>
      </c>
      <c r="T3171" s="67" t="s">
        <v>7127</v>
      </c>
      <c r="U3171" s="75" t="s">
        <v>5331</v>
      </c>
      <c r="V3171" s="47" t="s">
        <v>5331</v>
      </c>
      <c r="W3171" s="47" t="s">
        <v>5331</v>
      </c>
      <c r="X3171" s="47" t="s">
        <v>5331</v>
      </c>
      <c r="Y3171" s="47" t="s">
        <v>5331</v>
      </c>
      <c r="Z3171" s="28"/>
      <c r="AA3171" s="27"/>
      <c r="AB3171" s="27"/>
      <c r="AC3171" s="27"/>
      <c r="AD3171" s="30"/>
      <c r="AE3171" s="1"/>
      <c r="AF3171" s="23" t="s">
        <v>5331</v>
      </c>
      <c r="AG3171" s="26"/>
      <c r="AH3171" s="53"/>
    </row>
    <row r="3172" spans="1:34" ht="51.6" customHeight="1" x14ac:dyDescent="0.45">
      <c r="A3172" s="23">
        <v>3166</v>
      </c>
      <c r="B3172" s="25"/>
      <c r="C3172" s="25"/>
      <c r="D3172" s="29"/>
      <c r="E3172" s="1"/>
      <c r="F3172" s="1"/>
      <c r="G3172" s="25"/>
      <c r="H3172" s="71"/>
      <c r="I3172" s="83"/>
      <c r="J3172" s="50" t="str">
        <f t="shared" si="100"/>
        <v/>
      </c>
      <c r="K3172" s="23" t="s">
        <v>7120</v>
      </c>
      <c r="L3172" s="49" t="e">
        <f>VLOOKUP(E3172&amp;F3172,団体コード!$A$1:$C$1743,3,FALSE)</f>
        <v>#N/A</v>
      </c>
      <c r="M3172" s="49" t="e">
        <f>VLOOKUP(E3172&amp;F3172,団体コード!$A$1:$C$1743,2,FALSE)</f>
        <v>#N/A</v>
      </c>
      <c r="N3172" s="51" t="e">
        <f>VLOOKUP(E3172,団体コード!$E$1:$F$48,2,FALSE)</f>
        <v>#N/A</v>
      </c>
      <c r="O3172" s="51" t="e">
        <f t="shared" si="101"/>
        <v>#N/A</v>
      </c>
      <c r="P3172" s="51">
        <v>1</v>
      </c>
      <c r="Q3172" s="51" t="s">
        <v>5341</v>
      </c>
      <c r="R3172" s="54" t="b">
        <v>1</v>
      </c>
      <c r="S3172" s="52" t="s">
        <v>7126</v>
      </c>
      <c r="T3172" s="67" t="s">
        <v>7127</v>
      </c>
      <c r="U3172" s="75" t="s">
        <v>5331</v>
      </c>
      <c r="V3172" s="47" t="s">
        <v>5331</v>
      </c>
      <c r="W3172" s="47" t="s">
        <v>5331</v>
      </c>
      <c r="X3172" s="47" t="s">
        <v>5331</v>
      </c>
      <c r="Y3172" s="47" t="s">
        <v>5331</v>
      </c>
      <c r="Z3172" s="28"/>
      <c r="AA3172" s="27"/>
      <c r="AB3172" s="27"/>
      <c r="AC3172" s="27"/>
      <c r="AD3172" s="30"/>
      <c r="AE3172" s="1"/>
      <c r="AF3172" s="23" t="s">
        <v>5331</v>
      </c>
      <c r="AG3172" s="26"/>
      <c r="AH3172" s="53"/>
    </row>
    <row r="3173" spans="1:34" ht="51.6" customHeight="1" x14ac:dyDescent="0.45">
      <c r="A3173" s="23">
        <v>3167</v>
      </c>
      <c r="B3173" s="25"/>
      <c r="C3173" s="25"/>
      <c r="D3173" s="29"/>
      <c r="E3173" s="1"/>
      <c r="F3173" s="1"/>
      <c r="G3173" s="25"/>
      <c r="H3173" s="71"/>
      <c r="I3173" s="83"/>
      <c r="J3173" s="50" t="str">
        <f t="shared" si="100"/>
        <v/>
      </c>
      <c r="K3173" s="23" t="s">
        <v>7120</v>
      </c>
      <c r="L3173" s="49" t="e">
        <f>VLOOKUP(E3173&amp;F3173,団体コード!$A$1:$C$1743,3,FALSE)</f>
        <v>#N/A</v>
      </c>
      <c r="M3173" s="49" t="e">
        <f>VLOOKUP(E3173&amp;F3173,団体コード!$A$1:$C$1743,2,FALSE)</f>
        <v>#N/A</v>
      </c>
      <c r="N3173" s="51" t="e">
        <f>VLOOKUP(E3173,団体コード!$E$1:$F$48,2,FALSE)</f>
        <v>#N/A</v>
      </c>
      <c r="O3173" s="51" t="e">
        <f t="shared" si="101"/>
        <v>#N/A</v>
      </c>
      <c r="P3173" s="51">
        <v>1</v>
      </c>
      <c r="Q3173" s="51" t="s">
        <v>5341</v>
      </c>
      <c r="R3173" s="54" t="b">
        <v>1</v>
      </c>
      <c r="S3173" s="52" t="s">
        <v>7126</v>
      </c>
      <c r="T3173" s="67" t="s">
        <v>7127</v>
      </c>
      <c r="U3173" s="75" t="s">
        <v>5331</v>
      </c>
      <c r="V3173" s="47" t="s">
        <v>5331</v>
      </c>
      <c r="W3173" s="47" t="s">
        <v>5331</v>
      </c>
      <c r="X3173" s="47" t="s">
        <v>5331</v>
      </c>
      <c r="Y3173" s="47" t="s">
        <v>5331</v>
      </c>
      <c r="Z3173" s="28"/>
      <c r="AA3173" s="27"/>
      <c r="AB3173" s="27"/>
      <c r="AC3173" s="27"/>
      <c r="AD3173" s="30"/>
      <c r="AE3173" s="1"/>
      <c r="AF3173" s="23" t="s">
        <v>5331</v>
      </c>
      <c r="AG3173" s="26"/>
      <c r="AH3173" s="53"/>
    </row>
    <row r="3174" spans="1:34" ht="51.6" customHeight="1" x14ac:dyDescent="0.45">
      <c r="A3174" s="23">
        <v>3168</v>
      </c>
      <c r="B3174" s="25"/>
      <c r="C3174" s="25"/>
      <c r="D3174" s="29"/>
      <c r="E3174" s="1"/>
      <c r="F3174" s="1"/>
      <c r="G3174" s="25"/>
      <c r="H3174" s="71"/>
      <c r="I3174" s="83"/>
      <c r="J3174" s="50" t="str">
        <f t="shared" si="100"/>
        <v/>
      </c>
      <c r="K3174" s="23" t="s">
        <v>7120</v>
      </c>
      <c r="L3174" s="49" t="e">
        <f>VLOOKUP(E3174&amp;F3174,団体コード!$A$1:$C$1743,3,FALSE)</f>
        <v>#N/A</v>
      </c>
      <c r="M3174" s="49" t="e">
        <f>VLOOKUP(E3174&amp;F3174,団体コード!$A$1:$C$1743,2,FALSE)</f>
        <v>#N/A</v>
      </c>
      <c r="N3174" s="51" t="e">
        <f>VLOOKUP(E3174,団体コード!$E$1:$F$48,2,FALSE)</f>
        <v>#N/A</v>
      </c>
      <c r="O3174" s="51" t="e">
        <f t="shared" si="101"/>
        <v>#N/A</v>
      </c>
      <c r="P3174" s="51">
        <v>1</v>
      </c>
      <c r="Q3174" s="51" t="s">
        <v>5341</v>
      </c>
      <c r="R3174" s="54" t="b">
        <v>1</v>
      </c>
      <c r="S3174" s="52" t="s">
        <v>7126</v>
      </c>
      <c r="T3174" s="67" t="s">
        <v>7127</v>
      </c>
      <c r="U3174" s="75" t="s">
        <v>5331</v>
      </c>
      <c r="V3174" s="47" t="s">
        <v>5331</v>
      </c>
      <c r="W3174" s="47" t="s">
        <v>5331</v>
      </c>
      <c r="X3174" s="47" t="s">
        <v>5331</v>
      </c>
      <c r="Y3174" s="47" t="s">
        <v>5331</v>
      </c>
      <c r="Z3174" s="28"/>
      <c r="AA3174" s="27"/>
      <c r="AB3174" s="27"/>
      <c r="AC3174" s="27"/>
      <c r="AD3174" s="30"/>
      <c r="AE3174" s="1"/>
      <c r="AF3174" s="23" t="s">
        <v>5331</v>
      </c>
      <c r="AG3174" s="26"/>
      <c r="AH3174" s="53"/>
    </row>
    <row r="3175" spans="1:34" ht="51.6" customHeight="1" x14ac:dyDescent="0.45">
      <c r="A3175" s="23">
        <v>3169</v>
      </c>
      <c r="B3175" s="25"/>
      <c r="C3175" s="25"/>
      <c r="D3175" s="29"/>
      <c r="E3175" s="1"/>
      <c r="F3175" s="1"/>
      <c r="G3175" s="25"/>
      <c r="H3175" s="71"/>
      <c r="I3175" s="83"/>
      <c r="J3175" s="50" t="str">
        <f t="shared" si="100"/>
        <v/>
      </c>
      <c r="K3175" s="23" t="s">
        <v>7120</v>
      </c>
      <c r="L3175" s="49" t="e">
        <f>VLOOKUP(E3175&amp;F3175,団体コード!$A$1:$C$1743,3,FALSE)</f>
        <v>#N/A</v>
      </c>
      <c r="M3175" s="49" t="e">
        <f>VLOOKUP(E3175&amp;F3175,団体コード!$A$1:$C$1743,2,FALSE)</f>
        <v>#N/A</v>
      </c>
      <c r="N3175" s="51" t="e">
        <f>VLOOKUP(E3175,団体コード!$E$1:$F$48,2,FALSE)</f>
        <v>#N/A</v>
      </c>
      <c r="O3175" s="51" t="e">
        <f t="shared" si="101"/>
        <v>#N/A</v>
      </c>
      <c r="P3175" s="51">
        <v>1</v>
      </c>
      <c r="Q3175" s="51" t="s">
        <v>5341</v>
      </c>
      <c r="R3175" s="54" t="b">
        <v>1</v>
      </c>
      <c r="S3175" s="52" t="s">
        <v>7126</v>
      </c>
      <c r="T3175" s="67" t="s">
        <v>7127</v>
      </c>
      <c r="U3175" s="75" t="s">
        <v>5331</v>
      </c>
      <c r="V3175" s="47" t="s">
        <v>5331</v>
      </c>
      <c r="W3175" s="47" t="s">
        <v>5331</v>
      </c>
      <c r="X3175" s="47" t="s">
        <v>5331</v>
      </c>
      <c r="Y3175" s="47" t="s">
        <v>5331</v>
      </c>
      <c r="Z3175" s="28"/>
      <c r="AA3175" s="27"/>
      <c r="AB3175" s="27"/>
      <c r="AC3175" s="27"/>
      <c r="AD3175" s="30"/>
      <c r="AE3175" s="1"/>
      <c r="AF3175" s="23" t="s">
        <v>5331</v>
      </c>
      <c r="AG3175" s="26"/>
      <c r="AH3175" s="53"/>
    </row>
    <row r="3176" spans="1:34" ht="51.6" customHeight="1" x14ac:dyDescent="0.45">
      <c r="A3176" s="23">
        <v>3170</v>
      </c>
      <c r="B3176" s="25"/>
      <c r="C3176" s="25"/>
      <c r="D3176" s="29"/>
      <c r="E3176" s="1"/>
      <c r="F3176" s="1"/>
      <c r="G3176" s="25"/>
      <c r="H3176" s="71"/>
      <c r="I3176" s="83"/>
      <c r="J3176" s="50" t="str">
        <f t="shared" si="100"/>
        <v/>
      </c>
      <c r="K3176" s="23" t="s">
        <v>7120</v>
      </c>
      <c r="L3176" s="49" t="e">
        <f>VLOOKUP(E3176&amp;F3176,団体コード!$A$1:$C$1743,3,FALSE)</f>
        <v>#N/A</v>
      </c>
      <c r="M3176" s="49" t="e">
        <f>VLOOKUP(E3176&amp;F3176,団体コード!$A$1:$C$1743,2,FALSE)</f>
        <v>#N/A</v>
      </c>
      <c r="N3176" s="51" t="e">
        <f>VLOOKUP(E3176,団体コード!$E$1:$F$48,2,FALSE)</f>
        <v>#N/A</v>
      </c>
      <c r="O3176" s="51" t="e">
        <f t="shared" si="101"/>
        <v>#N/A</v>
      </c>
      <c r="P3176" s="51">
        <v>1</v>
      </c>
      <c r="Q3176" s="51" t="s">
        <v>5341</v>
      </c>
      <c r="R3176" s="54" t="b">
        <v>1</v>
      </c>
      <c r="S3176" s="52" t="s">
        <v>7126</v>
      </c>
      <c r="T3176" s="67" t="s">
        <v>7127</v>
      </c>
      <c r="U3176" s="75" t="s">
        <v>5331</v>
      </c>
      <c r="V3176" s="47" t="s">
        <v>5331</v>
      </c>
      <c r="W3176" s="47" t="s">
        <v>5331</v>
      </c>
      <c r="X3176" s="47" t="s">
        <v>5331</v>
      </c>
      <c r="Y3176" s="47" t="s">
        <v>5331</v>
      </c>
      <c r="Z3176" s="28"/>
      <c r="AA3176" s="27"/>
      <c r="AB3176" s="27"/>
      <c r="AC3176" s="27"/>
      <c r="AD3176" s="30"/>
      <c r="AE3176" s="1"/>
      <c r="AF3176" s="23" t="s">
        <v>5331</v>
      </c>
      <c r="AG3176" s="26"/>
      <c r="AH3176" s="53"/>
    </row>
    <row r="3177" spans="1:34" ht="51.6" customHeight="1" x14ac:dyDescent="0.45">
      <c r="A3177" s="23">
        <v>3171</v>
      </c>
      <c r="B3177" s="25"/>
      <c r="C3177" s="25"/>
      <c r="D3177" s="29"/>
      <c r="E3177" s="1"/>
      <c r="F3177" s="1"/>
      <c r="G3177" s="25"/>
      <c r="H3177" s="71"/>
      <c r="I3177" s="83"/>
      <c r="J3177" s="50" t="str">
        <f t="shared" si="100"/>
        <v/>
      </c>
      <c r="K3177" s="23" t="s">
        <v>7120</v>
      </c>
      <c r="L3177" s="49" t="e">
        <f>VLOOKUP(E3177&amp;F3177,団体コード!$A$1:$C$1743,3,FALSE)</f>
        <v>#N/A</v>
      </c>
      <c r="M3177" s="49" t="e">
        <f>VLOOKUP(E3177&amp;F3177,団体コード!$A$1:$C$1743,2,FALSE)</f>
        <v>#N/A</v>
      </c>
      <c r="N3177" s="51" t="e">
        <f>VLOOKUP(E3177,団体コード!$E$1:$F$48,2,FALSE)</f>
        <v>#N/A</v>
      </c>
      <c r="O3177" s="51" t="e">
        <f t="shared" si="101"/>
        <v>#N/A</v>
      </c>
      <c r="P3177" s="51">
        <v>1</v>
      </c>
      <c r="Q3177" s="51" t="s">
        <v>5341</v>
      </c>
      <c r="R3177" s="54" t="b">
        <v>1</v>
      </c>
      <c r="S3177" s="52" t="s">
        <v>7126</v>
      </c>
      <c r="T3177" s="67" t="s">
        <v>7127</v>
      </c>
      <c r="U3177" s="75" t="s">
        <v>5331</v>
      </c>
      <c r="V3177" s="47" t="s">
        <v>5331</v>
      </c>
      <c r="W3177" s="47" t="s">
        <v>5331</v>
      </c>
      <c r="X3177" s="47" t="s">
        <v>5331</v>
      </c>
      <c r="Y3177" s="47" t="s">
        <v>5331</v>
      </c>
      <c r="Z3177" s="28"/>
      <c r="AA3177" s="27"/>
      <c r="AB3177" s="27"/>
      <c r="AC3177" s="27"/>
      <c r="AD3177" s="30"/>
      <c r="AE3177" s="1"/>
      <c r="AF3177" s="23" t="s">
        <v>5331</v>
      </c>
      <c r="AG3177" s="26"/>
      <c r="AH3177" s="53"/>
    </row>
    <row r="3178" spans="1:34" ht="51.6" customHeight="1" x14ac:dyDescent="0.45">
      <c r="A3178" s="23">
        <v>3172</v>
      </c>
      <c r="B3178" s="25"/>
      <c r="C3178" s="25"/>
      <c r="D3178" s="29"/>
      <c r="E3178" s="1"/>
      <c r="F3178" s="1"/>
      <c r="G3178" s="25"/>
      <c r="H3178" s="71"/>
      <c r="I3178" s="83"/>
      <c r="J3178" s="50" t="str">
        <f t="shared" si="100"/>
        <v/>
      </c>
      <c r="K3178" s="23" t="s">
        <v>7120</v>
      </c>
      <c r="L3178" s="49" t="e">
        <f>VLOOKUP(E3178&amp;F3178,団体コード!$A$1:$C$1743,3,FALSE)</f>
        <v>#N/A</v>
      </c>
      <c r="M3178" s="49" t="e">
        <f>VLOOKUP(E3178&amp;F3178,団体コード!$A$1:$C$1743,2,FALSE)</f>
        <v>#N/A</v>
      </c>
      <c r="N3178" s="51" t="e">
        <f>VLOOKUP(E3178,団体コード!$E$1:$F$48,2,FALSE)</f>
        <v>#N/A</v>
      </c>
      <c r="O3178" s="51" t="e">
        <f t="shared" si="101"/>
        <v>#N/A</v>
      </c>
      <c r="P3178" s="51">
        <v>1</v>
      </c>
      <c r="Q3178" s="51" t="s">
        <v>5341</v>
      </c>
      <c r="R3178" s="54" t="b">
        <v>1</v>
      </c>
      <c r="S3178" s="52" t="s">
        <v>7126</v>
      </c>
      <c r="T3178" s="67" t="s">
        <v>7127</v>
      </c>
      <c r="U3178" s="75" t="s">
        <v>5331</v>
      </c>
      <c r="V3178" s="47" t="s">
        <v>5331</v>
      </c>
      <c r="W3178" s="47" t="s">
        <v>5331</v>
      </c>
      <c r="X3178" s="47" t="s">
        <v>5331</v>
      </c>
      <c r="Y3178" s="47" t="s">
        <v>5331</v>
      </c>
      <c r="Z3178" s="28"/>
      <c r="AA3178" s="27"/>
      <c r="AB3178" s="27"/>
      <c r="AC3178" s="27"/>
      <c r="AD3178" s="30"/>
      <c r="AE3178" s="1"/>
      <c r="AF3178" s="23" t="s">
        <v>5331</v>
      </c>
      <c r="AG3178" s="26"/>
      <c r="AH3178" s="53"/>
    </row>
    <row r="3179" spans="1:34" ht="51.6" customHeight="1" x14ac:dyDescent="0.45">
      <c r="A3179" s="23">
        <v>3173</v>
      </c>
      <c r="B3179" s="25"/>
      <c r="C3179" s="25"/>
      <c r="D3179" s="29"/>
      <c r="E3179" s="1"/>
      <c r="F3179" s="1"/>
      <c r="G3179" s="25"/>
      <c r="H3179" s="71"/>
      <c r="I3179" s="83"/>
      <c r="J3179" s="50" t="str">
        <f t="shared" si="100"/>
        <v/>
      </c>
      <c r="K3179" s="23" t="s">
        <v>7120</v>
      </c>
      <c r="L3179" s="49" t="e">
        <f>VLOOKUP(E3179&amp;F3179,団体コード!$A$1:$C$1743,3,FALSE)</f>
        <v>#N/A</v>
      </c>
      <c r="M3179" s="49" t="e">
        <f>VLOOKUP(E3179&amp;F3179,団体コード!$A$1:$C$1743,2,FALSE)</f>
        <v>#N/A</v>
      </c>
      <c r="N3179" s="51" t="e">
        <f>VLOOKUP(E3179,団体コード!$E$1:$F$48,2,FALSE)</f>
        <v>#N/A</v>
      </c>
      <c r="O3179" s="51" t="e">
        <f t="shared" si="101"/>
        <v>#N/A</v>
      </c>
      <c r="P3179" s="51">
        <v>1</v>
      </c>
      <c r="Q3179" s="51" t="s">
        <v>5341</v>
      </c>
      <c r="R3179" s="54" t="b">
        <v>1</v>
      </c>
      <c r="S3179" s="52" t="s">
        <v>7126</v>
      </c>
      <c r="T3179" s="67" t="s">
        <v>7127</v>
      </c>
      <c r="U3179" s="75" t="s">
        <v>5331</v>
      </c>
      <c r="V3179" s="47" t="s">
        <v>5331</v>
      </c>
      <c r="W3179" s="47" t="s">
        <v>5331</v>
      </c>
      <c r="X3179" s="47" t="s">
        <v>5331</v>
      </c>
      <c r="Y3179" s="47" t="s">
        <v>5331</v>
      </c>
      <c r="Z3179" s="28"/>
      <c r="AA3179" s="27"/>
      <c r="AB3179" s="27"/>
      <c r="AC3179" s="27"/>
      <c r="AD3179" s="30"/>
      <c r="AE3179" s="1"/>
      <c r="AF3179" s="23" t="s">
        <v>5331</v>
      </c>
      <c r="AG3179" s="26"/>
      <c r="AH3179" s="53"/>
    </row>
    <row r="3180" spans="1:34" ht="51.6" customHeight="1" x14ac:dyDescent="0.45">
      <c r="A3180" s="23">
        <v>3174</v>
      </c>
      <c r="B3180" s="25"/>
      <c r="C3180" s="25"/>
      <c r="D3180" s="29"/>
      <c r="E3180" s="1"/>
      <c r="F3180" s="1"/>
      <c r="G3180" s="25"/>
      <c r="H3180" s="71"/>
      <c r="I3180" s="83"/>
      <c r="J3180" s="50" t="str">
        <f t="shared" si="100"/>
        <v/>
      </c>
      <c r="K3180" s="23" t="s">
        <v>7120</v>
      </c>
      <c r="L3180" s="49" t="e">
        <f>VLOOKUP(E3180&amp;F3180,団体コード!$A$1:$C$1743,3,FALSE)</f>
        <v>#N/A</v>
      </c>
      <c r="M3180" s="49" t="e">
        <f>VLOOKUP(E3180&amp;F3180,団体コード!$A$1:$C$1743,2,FALSE)</f>
        <v>#N/A</v>
      </c>
      <c r="N3180" s="51" t="e">
        <f>VLOOKUP(E3180,団体コード!$E$1:$F$48,2,FALSE)</f>
        <v>#N/A</v>
      </c>
      <c r="O3180" s="51" t="e">
        <f t="shared" si="101"/>
        <v>#N/A</v>
      </c>
      <c r="P3180" s="51">
        <v>1</v>
      </c>
      <c r="Q3180" s="51" t="s">
        <v>5341</v>
      </c>
      <c r="R3180" s="54" t="b">
        <v>1</v>
      </c>
      <c r="S3180" s="52" t="s">
        <v>7126</v>
      </c>
      <c r="T3180" s="67" t="s">
        <v>7127</v>
      </c>
      <c r="U3180" s="75" t="s">
        <v>5331</v>
      </c>
      <c r="V3180" s="47" t="s">
        <v>5331</v>
      </c>
      <c r="W3180" s="47" t="s">
        <v>5331</v>
      </c>
      <c r="X3180" s="47" t="s">
        <v>5331</v>
      </c>
      <c r="Y3180" s="47" t="s">
        <v>5331</v>
      </c>
      <c r="Z3180" s="28"/>
      <c r="AA3180" s="27"/>
      <c r="AB3180" s="27"/>
      <c r="AC3180" s="27"/>
      <c r="AD3180" s="30"/>
      <c r="AE3180" s="1"/>
      <c r="AF3180" s="23" t="s">
        <v>5331</v>
      </c>
      <c r="AG3180" s="26"/>
      <c r="AH3180" s="53"/>
    </row>
    <row r="3181" spans="1:34" ht="51.6" customHeight="1" x14ac:dyDescent="0.45">
      <c r="A3181" s="23">
        <v>3175</v>
      </c>
      <c r="B3181" s="25"/>
      <c r="C3181" s="25"/>
      <c r="D3181" s="29"/>
      <c r="E3181" s="1"/>
      <c r="F3181" s="1"/>
      <c r="G3181" s="25"/>
      <c r="H3181" s="71"/>
      <c r="I3181" s="83"/>
      <c r="J3181" s="50" t="str">
        <f t="shared" si="100"/>
        <v/>
      </c>
      <c r="K3181" s="23" t="s">
        <v>7120</v>
      </c>
      <c r="L3181" s="49" t="e">
        <f>VLOOKUP(E3181&amp;F3181,団体コード!$A$1:$C$1743,3,FALSE)</f>
        <v>#N/A</v>
      </c>
      <c r="M3181" s="49" t="e">
        <f>VLOOKUP(E3181&amp;F3181,団体コード!$A$1:$C$1743,2,FALSE)</f>
        <v>#N/A</v>
      </c>
      <c r="N3181" s="51" t="e">
        <f>VLOOKUP(E3181,団体コード!$E$1:$F$48,2,FALSE)</f>
        <v>#N/A</v>
      </c>
      <c r="O3181" s="51" t="e">
        <f t="shared" si="101"/>
        <v>#N/A</v>
      </c>
      <c r="P3181" s="51">
        <v>1</v>
      </c>
      <c r="Q3181" s="51" t="s">
        <v>5341</v>
      </c>
      <c r="R3181" s="54" t="b">
        <v>1</v>
      </c>
      <c r="S3181" s="52" t="s">
        <v>7126</v>
      </c>
      <c r="T3181" s="67" t="s">
        <v>7127</v>
      </c>
      <c r="U3181" s="75" t="s">
        <v>5331</v>
      </c>
      <c r="V3181" s="47" t="s">
        <v>5331</v>
      </c>
      <c r="W3181" s="47" t="s">
        <v>5331</v>
      </c>
      <c r="X3181" s="47" t="s">
        <v>5331</v>
      </c>
      <c r="Y3181" s="47" t="s">
        <v>5331</v>
      </c>
      <c r="Z3181" s="28"/>
      <c r="AA3181" s="27"/>
      <c r="AB3181" s="27"/>
      <c r="AC3181" s="27"/>
      <c r="AD3181" s="30"/>
      <c r="AE3181" s="1"/>
      <c r="AF3181" s="23" t="s">
        <v>5331</v>
      </c>
      <c r="AG3181" s="26"/>
      <c r="AH3181" s="53"/>
    </row>
    <row r="3182" spans="1:34" ht="51.6" customHeight="1" x14ac:dyDescent="0.45">
      <c r="A3182" s="23">
        <v>3176</v>
      </c>
      <c r="B3182" s="25"/>
      <c r="C3182" s="25"/>
      <c r="D3182" s="29"/>
      <c r="E3182" s="1"/>
      <c r="F3182" s="1"/>
      <c r="G3182" s="25"/>
      <c r="H3182" s="71"/>
      <c r="I3182" s="83"/>
      <c r="J3182" s="50" t="str">
        <f t="shared" si="100"/>
        <v/>
      </c>
      <c r="K3182" s="23" t="s">
        <v>7120</v>
      </c>
      <c r="L3182" s="49" t="e">
        <f>VLOOKUP(E3182&amp;F3182,団体コード!$A$1:$C$1743,3,FALSE)</f>
        <v>#N/A</v>
      </c>
      <c r="M3182" s="49" t="e">
        <f>VLOOKUP(E3182&amp;F3182,団体コード!$A$1:$C$1743,2,FALSE)</f>
        <v>#N/A</v>
      </c>
      <c r="N3182" s="51" t="e">
        <f>VLOOKUP(E3182,団体コード!$E$1:$F$48,2,FALSE)</f>
        <v>#N/A</v>
      </c>
      <c r="O3182" s="51" t="e">
        <f t="shared" si="101"/>
        <v>#N/A</v>
      </c>
      <c r="P3182" s="51">
        <v>1</v>
      </c>
      <c r="Q3182" s="51" t="s">
        <v>5341</v>
      </c>
      <c r="R3182" s="54" t="b">
        <v>1</v>
      </c>
      <c r="S3182" s="52" t="s">
        <v>7126</v>
      </c>
      <c r="T3182" s="67" t="s">
        <v>7127</v>
      </c>
      <c r="U3182" s="75" t="s">
        <v>5331</v>
      </c>
      <c r="V3182" s="47" t="s">
        <v>5331</v>
      </c>
      <c r="W3182" s="47" t="s">
        <v>5331</v>
      </c>
      <c r="X3182" s="47" t="s">
        <v>5331</v>
      </c>
      <c r="Y3182" s="47" t="s">
        <v>5331</v>
      </c>
      <c r="Z3182" s="28"/>
      <c r="AA3182" s="27"/>
      <c r="AB3182" s="27"/>
      <c r="AC3182" s="27"/>
      <c r="AD3182" s="30"/>
      <c r="AE3182" s="1"/>
      <c r="AF3182" s="23" t="s">
        <v>5331</v>
      </c>
      <c r="AG3182" s="26"/>
      <c r="AH3182" s="53"/>
    </row>
    <row r="3183" spans="1:34" ht="51.6" customHeight="1" x14ac:dyDescent="0.45">
      <c r="A3183" s="23">
        <v>3177</v>
      </c>
      <c r="B3183" s="25"/>
      <c r="C3183" s="25"/>
      <c r="D3183" s="29"/>
      <c r="E3183" s="1"/>
      <c r="F3183" s="1"/>
      <c r="G3183" s="25"/>
      <c r="H3183" s="71"/>
      <c r="I3183" s="83"/>
      <c r="J3183" s="50" t="str">
        <f t="shared" si="100"/>
        <v/>
      </c>
      <c r="K3183" s="23" t="s">
        <v>7120</v>
      </c>
      <c r="L3183" s="49" t="e">
        <f>VLOOKUP(E3183&amp;F3183,団体コード!$A$1:$C$1743,3,FALSE)</f>
        <v>#N/A</v>
      </c>
      <c r="M3183" s="49" t="e">
        <f>VLOOKUP(E3183&amp;F3183,団体コード!$A$1:$C$1743,2,FALSE)</f>
        <v>#N/A</v>
      </c>
      <c r="N3183" s="51" t="e">
        <f>VLOOKUP(E3183,団体コード!$E$1:$F$48,2,FALSE)</f>
        <v>#N/A</v>
      </c>
      <c r="O3183" s="51" t="e">
        <f t="shared" si="101"/>
        <v>#N/A</v>
      </c>
      <c r="P3183" s="51">
        <v>1</v>
      </c>
      <c r="Q3183" s="51" t="s">
        <v>5341</v>
      </c>
      <c r="R3183" s="54" t="b">
        <v>1</v>
      </c>
      <c r="S3183" s="52" t="s">
        <v>7126</v>
      </c>
      <c r="T3183" s="67" t="s">
        <v>7127</v>
      </c>
      <c r="U3183" s="75" t="s">
        <v>5331</v>
      </c>
      <c r="V3183" s="47" t="s">
        <v>5331</v>
      </c>
      <c r="W3183" s="47" t="s">
        <v>5331</v>
      </c>
      <c r="X3183" s="47" t="s">
        <v>5331</v>
      </c>
      <c r="Y3183" s="47" t="s">
        <v>5331</v>
      </c>
      <c r="Z3183" s="28"/>
      <c r="AA3183" s="27"/>
      <c r="AB3183" s="27"/>
      <c r="AC3183" s="27"/>
      <c r="AD3183" s="30"/>
      <c r="AE3183" s="1"/>
      <c r="AF3183" s="23" t="s">
        <v>5331</v>
      </c>
      <c r="AG3183" s="26"/>
      <c r="AH3183" s="53"/>
    </row>
    <row r="3184" spans="1:34" ht="51.6" customHeight="1" x14ac:dyDescent="0.45">
      <c r="A3184" s="23">
        <v>3178</v>
      </c>
      <c r="B3184" s="25"/>
      <c r="C3184" s="25"/>
      <c r="D3184" s="29"/>
      <c r="E3184" s="1"/>
      <c r="F3184" s="1"/>
      <c r="G3184" s="25"/>
      <c r="H3184" s="71"/>
      <c r="I3184" s="83"/>
      <c r="J3184" s="50" t="str">
        <f t="shared" si="100"/>
        <v/>
      </c>
      <c r="K3184" s="23" t="s">
        <v>7120</v>
      </c>
      <c r="L3184" s="49" t="e">
        <f>VLOOKUP(E3184&amp;F3184,団体コード!$A$1:$C$1743,3,FALSE)</f>
        <v>#N/A</v>
      </c>
      <c r="M3184" s="49" t="e">
        <f>VLOOKUP(E3184&amp;F3184,団体コード!$A$1:$C$1743,2,FALSE)</f>
        <v>#N/A</v>
      </c>
      <c r="N3184" s="51" t="e">
        <f>VLOOKUP(E3184,団体コード!$E$1:$F$48,2,FALSE)</f>
        <v>#N/A</v>
      </c>
      <c r="O3184" s="51" t="e">
        <f t="shared" si="101"/>
        <v>#N/A</v>
      </c>
      <c r="P3184" s="51">
        <v>1</v>
      </c>
      <c r="Q3184" s="51" t="s">
        <v>5341</v>
      </c>
      <c r="R3184" s="54" t="b">
        <v>1</v>
      </c>
      <c r="S3184" s="52" t="s">
        <v>7126</v>
      </c>
      <c r="T3184" s="67" t="s">
        <v>7127</v>
      </c>
      <c r="U3184" s="75" t="s">
        <v>5331</v>
      </c>
      <c r="V3184" s="47" t="s">
        <v>5331</v>
      </c>
      <c r="W3184" s="47" t="s">
        <v>5331</v>
      </c>
      <c r="X3184" s="47" t="s">
        <v>5331</v>
      </c>
      <c r="Y3184" s="47" t="s">
        <v>5331</v>
      </c>
      <c r="Z3184" s="28"/>
      <c r="AA3184" s="27"/>
      <c r="AB3184" s="27"/>
      <c r="AC3184" s="27"/>
      <c r="AD3184" s="30"/>
      <c r="AE3184" s="1"/>
      <c r="AF3184" s="23" t="s">
        <v>5331</v>
      </c>
      <c r="AG3184" s="26"/>
      <c r="AH3184" s="53"/>
    </row>
    <row r="3185" spans="1:34" ht="51.6" customHeight="1" x14ac:dyDescent="0.45">
      <c r="A3185" s="23">
        <v>3179</v>
      </c>
      <c r="B3185" s="25"/>
      <c r="C3185" s="25"/>
      <c r="D3185" s="29"/>
      <c r="E3185" s="1"/>
      <c r="F3185" s="1"/>
      <c r="G3185" s="25"/>
      <c r="H3185" s="71"/>
      <c r="I3185" s="83"/>
      <c r="J3185" s="50" t="str">
        <f t="shared" si="100"/>
        <v/>
      </c>
      <c r="K3185" s="23" t="s">
        <v>7120</v>
      </c>
      <c r="L3185" s="49" t="e">
        <f>VLOOKUP(E3185&amp;F3185,団体コード!$A$1:$C$1743,3,FALSE)</f>
        <v>#N/A</v>
      </c>
      <c r="M3185" s="49" t="e">
        <f>VLOOKUP(E3185&amp;F3185,団体コード!$A$1:$C$1743,2,FALSE)</f>
        <v>#N/A</v>
      </c>
      <c r="N3185" s="51" t="e">
        <f>VLOOKUP(E3185,団体コード!$E$1:$F$48,2,FALSE)</f>
        <v>#N/A</v>
      </c>
      <c r="O3185" s="51" t="e">
        <f t="shared" si="101"/>
        <v>#N/A</v>
      </c>
      <c r="P3185" s="51">
        <v>1</v>
      </c>
      <c r="Q3185" s="51" t="s">
        <v>5341</v>
      </c>
      <c r="R3185" s="54" t="b">
        <v>1</v>
      </c>
      <c r="S3185" s="52" t="s">
        <v>7126</v>
      </c>
      <c r="T3185" s="67" t="s">
        <v>7127</v>
      </c>
      <c r="U3185" s="75" t="s">
        <v>5331</v>
      </c>
      <c r="V3185" s="47" t="s">
        <v>5331</v>
      </c>
      <c r="W3185" s="47" t="s">
        <v>5331</v>
      </c>
      <c r="X3185" s="47" t="s">
        <v>5331</v>
      </c>
      <c r="Y3185" s="47" t="s">
        <v>5331</v>
      </c>
      <c r="Z3185" s="28"/>
      <c r="AA3185" s="27"/>
      <c r="AB3185" s="27"/>
      <c r="AC3185" s="27"/>
      <c r="AD3185" s="30"/>
      <c r="AE3185" s="1"/>
      <c r="AF3185" s="23" t="s">
        <v>5331</v>
      </c>
      <c r="AG3185" s="26"/>
      <c r="AH3185" s="53"/>
    </row>
    <row r="3186" spans="1:34" ht="51.6" customHeight="1" x14ac:dyDescent="0.45">
      <c r="A3186" s="23">
        <v>3180</v>
      </c>
      <c r="B3186" s="25"/>
      <c r="C3186" s="25"/>
      <c r="D3186" s="29"/>
      <c r="E3186" s="1"/>
      <c r="F3186" s="1"/>
      <c r="G3186" s="25"/>
      <c r="H3186" s="71"/>
      <c r="I3186" s="83"/>
      <c r="J3186" s="50" t="str">
        <f t="shared" si="100"/>
        <v/>
      </c>
      <c r="K3186" s="23" t="s">
        <v>7120</v>
      </c>
      <c r="L3186" s="49" t="e">
        <f>VLOOKUP(E3186&amp;F3186,団体コード!$A$1:$C$1743,3,FALSE)</f>
        <v>#N/A</v>
      </c>
      <c r="M3186" s="49" t="e">
        <f>VLOOKUP(E3186&amp;F3186,団体コード!$A$1:$C$1743,2,FALSE)</f>
        <v>#N/A</v>
      </c>
      <c r="N3186" s="51" t="e">
        <f>VLOOKUP(E3186,団体コード!$E$1:$F$48,2,FALSE)</f>
        <v>#N/A</v>
      </c>
      <c r="O3186" s="51" t="e">
        <f t="shared" si="101"/>
        <v>#N/A</v>
      </c>
      <c r="P3186" s="51">
        <v>1</v>
      </c>
      <c r="Q3186" s="51" t="s">
        <v>5341</v>
      </c>
      <c r="R3186" s="54" t="b">
        <v>1</v>
      </c>
      <c r="S3186" s="52" t="s">
        <v>7126</v>
      </c>
      <c r="T3186" s="67" t="s">
        <v>7127</v>
      </c>
      <c r="U3186" s="75" t="s">
        <v>5331</v>
      </c>
      <c r="V3186" s="47" t="s">
        <v>5331</v>
      </c>
      <c r="W3186" s="47" t="s">
        <v>5331</v>
      </c>
      <c r="X3186" s="47" t="s">
        <v>5331</v>
      </c>
      <c r="Y3186" s="47" t="s">
        <v>5331</v>
      </c>
      <c r="Z3186" s="28"/>
      <c r="AA3186" s="27"/>
      <c r="AB3186" s="27"/>
      <c r="AC3186" s="27"/>
      <c r="AD3186" s="30"/>
      <c r="AE3186" s="1"/>
      <c r="AF3186" s="23" t="s">
        <v>5331</v>
      </c>
      <c r="AG3186" s="26"/>
      <c r="AH3186" s="53"/>
    </row>
    <row r="3187" spans="1:34" ht="51.6" customHeight="1" x14ac:dyDescent="0.45">
      <c r="A3187" s="23">
        <v>3181</v>
      </c>
      <c r="B3187" s="25"/>
      <c r="C3187" s="25"/>
      <c r="D3187" s="29"/>
      <c r="E3187" s="1"/>
      <c r="F3187" s="1"/>
      <c r="G3187" s="25"/>
      <c r="H3187" s="71"/>
      <c r="I3187" s="83"/>
      <c r="J3187" s="50" t="str">
        <f t="shared" si="100"/>
        <v/>
      </c>
      <c r="K3187" s="23" t="s">
        <v>7120</v>
      </c>
      <c r="L3187" s="49" t="e">
        <f>VLOOKUP(E3187&amp;F3187,団体コード!$A$1:$C$1743,3,FALSE)</f>
        <v>#N/A</v>
      </c>
      <c r="M3187" s="49" t="e">
        <f>VLOOKUP(E3187&amp;F3187,団体コード!$A$1:$C$1743,2,FALSE)</f>
        <v>#N/A</v>
      </c>
      <c r="N3187" s="51" t="e">
        <f>VLOOKUP(E3187,団体コード!$E$1:$F$48,2,FALSE)</f>
        <v>#N/A</v>
      </c>
      <c r="O3187" s="51" t="e">
        <f t="shared" si="101"/>
        <v>#N/A</v>
      </c>
      <c r="P3187" s="51">
        <v>1</v>
      </c>
      <c r="Q3187" s="51" t="s">
        <v>5341</v>
      </c>
      <c r="R3187" s="54" t="b">
        <v>1</v>
      </c>
      <c r="S3187" s="52" t="s">
        <v>7126</v>
      </c>
      <c r="T3187" s="67" t="s">
        <v>7127</v>
      </c>
      <c r="U3187" s="75" t="s">
        <v>5331</v>
      </c>
      <c r="V3187" s="47" t="s">
        <v>5331</v>
      </c>
      <c r="W3187" s="47" t="s">
        <v>5331</v>
      </c>
      <c r="X3187" s="47" t="s">
        <v>5331</v>
      </c>
      <c r="Y3187" s="47" t="s">
        <v>5331</v>
      </c>
      <c r="Z3187" s="28"/>
      <c r="AA3187" s="27"/>
      <c r="AB3187" s="27"/>
      <c r="AC3187" s="27"/>
      <c r="AD3187" s="30"/>
      <c r="AE3187" s="1"/>
      <c r="AF3187" s="23" t="s">
        <v>5331</v>
      </c>
      <c r="AG3187" s="26"/>
      <c r="AH3187" s="53"/>
    </row>
    <row r="3188" spans="1:34" ht="51.6" customHeight="1" x14ac:dyDescent="0.45">
      <c r="A3188" s="23">
        <v>3182</v>
      </c>
      <c r="B3188" s="25"/>
      <c r="C3188" s="25"/>
      <c r="D3188" s="29"/>
      <c r="E3188" s="1"/>
      <c r="F3188" s="1"/>
      <c r="G3188" s="25"/>
      <c r="H3188" s="71"/>
      <c r="I3188" s="83"/>
      <c r="J3188" s="50" t="str">
        <f t="shared" si="100"/>
        <v/>
      </c>
      <c r="K3188" s="23" t="s">
        <v>7120</v>
      </c>
      <c r="L3188" s="49" t="e">
        <f>VLOOKUP(E3188&amp;F3188,団体コード!$A$1:$C$1743,3,FALSE)</f>
        <v>#N/A</v>
      </c>
      <c r="M3188" s="49" t="e">
        <f>VLOOKUP(E3188&amp;F3188,団体コード!$A$1:$C$1743,2,FALSE)</f>
        <v>#N/A</v>
      </c>
      <c r="N3188" s="51" t="e">
        <f>VLOOKUP(E3188,団体コード!$E$1:$F$48,2,FALSE)</f>
        <v>#N/A</v>
      </c>
      <c r="O3188" s="51" t="e">
        <f t="shared" si="101"/>
        <v>#N/A</v>
      </c>
      <c r="P3188" s="51">
        <v>1</v>
      </c>
      <c r="Q3188" s="51" t="s">
        <v>5341</v>
      </c>
      <c r="R3188" s="54" t="b">
        <v>1</v>
      </c>
      <c r="S3188" s="52" t="s">
        <v>7126</v>
      </c>
      <c r="T3188" s="67" t="s">
        <v>7127</v>
      </c>
      <c r="U3188" s="75" t="s">
        <v>5331</v>
      </c>
      <c r="V3188" s="47" t="s">
        <v>5331</v>
      </c>
      <c r="W3188" s="47" t="s">
        <v>5331</v>
      </c>
      <c r="X3188" s="47" t="s">
        <v>5331</v>
      </c>
      <c r="Y3188" s="47" t="s">
        <v>5331</v>
      </c>
      <c r="Z3188" s="28"/>
      <c r="AA3188" s="27"/>
      <c r="AB3188" s="27"/>
      <c r="AC3188" s="27"/>
      <c r="AD3188" s="30"/>
      <c r="AE3188" s="1"/>
      <c r="AF3188" s="23" t="s">
        <v>5331</v>
      </c>
      <c r="AG3188" s="26"/>
      <c r="AH3188" s="53"/>
    </row>
    <row r="3189" spans="1:34" ht="51.6" customHeight="1" x14ac:dyDescent="0.45">
      <c r="A3189" s="23">
        <v>3183</v>
      </c>
      <c r="B3189" s="25"/>
      <c r="C3189" s="25"/>
      <c r="D3189" s="29"/>
      <c r="E3189" s="1"/>
      <c r="F3189" s="1"/>
      <c r="G3189" s="25"/>
      <c r="H3189" s="71"/>
      <c r="I3189" s="83"/>
      <c r="J3189" s="50" t="str">
        <f t="shared" si="100"/>
        <v/>
      </c>
      <c r="K3189" s="23" t="s">
        <v>7120</v>
      </c>
      <c r="L3189" s="49" t="e">
        <f>VLOOKUP(E3189&amp;F3189,団体コード!$A$1:$C$1743,3,FALSE)</f>
        <v>#N/A</v>
      </c>
      <c r="M3189" s="49" t="e">
        <f>VLOOKUP(E3189&amp;F3189,団体コード!$A$1:$C$1743,2,FALSE)</f>
        <v>#N/A</v>
      </c>
      <c r="N3189" s="51" t="e">
        <f>VLOOKUP(E3189,団体コード!$E$1:$F$48,2,FALSE)</f>
        <v>#N/A</v>
      </c>
      <c r="O3189" s="51" t="e">
        <f t="shared" si="101"/>
        <v>#N/A</v>
      </c>
      <c r="P3189" s="51">
        <v>1</v>
      </c>
      <c r="Q3189" s="51" t="s">
        <v>5341</v>
      </c>
      <c r="R3189" s="54" t="b">
        <v>1</v>
      </c>
      <c r="S3189" s="52" t="s">
        <v>7126</v>
      </c>
      <c r="T3189" s="67" t="s">
        <v>7127</v>
      </c>
      <c r="U3189" s="75" t="s">
        <v>5331</v>
      </c>
      <c r="V3189" s="47" t="s">
        <v>5331</v>
      </c>
      <c r="W3189" s="47" t="s">
        <v>5331</v>
      </c>
      <c r="X3189" s="47" t="s">
        <v>5331</v>
      </c>
      <c r="Y3189" s="47" t="s">
        <v>5331</v>
      </c>
      <c r="Z3189" s="28"/>
      <c r="AA3189" s="27"/>
      <c r="AB3189" s="27"/>
      <c r="AC3189" s="27"/>
      <c r="AD3189" s="30"/>
      <c r="AE3189" s="1"/>
      <c r="AF3189" s="23" t="s">
        <v>5331</v>
      </c>
      <c r="AG3189" s="26"/>
      <c r="AH3189" s="53"/>
    </row>
    <row r="3190" spans="1:34" ht="51.6" customHeight="1" x14ac:dyDescent="0.45">
      <c r="A3190" s="23">
        <v>3184</v>
      </c>
      <c r="B3190" s="25"/>
      <c r="C3190" s="25"/>
      <c r="D3190" s="29"/>
      <c r="E3190" s="1"/>
      <c r="F3190" s="1"/>
      <c r="G3190" s="25"/>
      <c r="H3190" s="71"/>
      <c r="I3190" s="83"/>
      <c r="J3190" s="50" t="str">
        <f t="shared" si="100"/>
        <v/>
      </c>
      <c r="K3190" s="23" t="s">
        <v>7120</v>
      </c>
      <c r="L3190" s="49" t="e">
        <f>VLOOKUP(E3190&amp;F3190,団体コード!$A$1:$C$1743,3,FALSE)</f>
        <v>#N/A</v>
      </c>
      <c r="M3190" s="49" t="e">
        <f>VLOOKUP(E3190&amp;F3190,団体コード!$A$1:$C$1743,2,FALSE)</f>
        <v>#N/A</v>
      </c>
      <c r="N3190" s="51" t="e">
        <f>VLOOKUP(E3190,団体コード!$E$1:$F$48,2,FALSE)</f>
        <v>#N/A</v>
      </c>
      <c r="O3190" s="51" t="e">
        <f t="shared" si="101"/>
        <v>#N/A</v>
      </c>
      <c r="P3190" s="51">
        <v>1</v>
      </c>
      <c r="Q3190" s="51" t="s">
        <v>5341</v>
      </c>
      <c r="R3190" s="54" t="b">
        <v>1</v>
      </c>
      <c r="S3190" s="52" t="s">
        <v>7126</v>
      </c>
      <c r="T3190" s="67" t="s">
        <v>7127</v>
      </c>
      <c r="U3190" s="75" t="s">
        <v>5331</v>
      </c>
      <c r="V3190" s="47" t="s">
        <v>5331</v>
      </c>
      <c r="W3190" s="47" t="s">
        <v>5331</v>
      </c>
      <c r="X3190" s="47" t="s">
        <v>5331</v>
      </c>
      <c r="Y3190" s="47" t="s">
        <v>5331</v>
      </c>
      <c r="Z3190" s="28"/>
      <c r="AA3190" s="27"/>
      <c r="AB3190" s="27"/>
      <c r="AC3190" s="27"/>
      <c r="AD3190" s="30"/>
      <c r="AE3190" s="1"/>
      <c r="AF3190" s="23" t="s">
        <v>5331</v>
      </c>
      <c r="AG3190" s="26"/>
      <c r="AH3190" s="53"/>
    </row>
    <row r="3191" spans="1:34" ht="51.6" customHeight="1" x14ac:dyDescent="0.45">
      <c r="A3191" s="23">
        <v>3185</v>
      </c>
      <c r="B3191" s="25"/>
      <c r="C3191" s="25"/>
      <c r="D3191" s="29"/>
      <c r="E3191" s="1"/>
      <c r="F3191" s="1"/>
      <c r="G3191" s="25"/>
      <c r="H3191" s="71"/>
      <c r="I3191" s="83"/>
      <c r="J3191" s="50" t="str">
        <f t="shared" si="100"/>
        <v/>
      </c>
      <c r="K3191" s="23" t="s">
        <v>7120</v>
      </c>
      <c r="L3191" s="49" t="e">
        <f>VLOOKUP(E3191&amp;F3191,団体コード!$A$1:$C$1743,3,FALSE)</f>
        <v>#N/A</v>
      </c>
      <c r="M3191" s="49" t="e">
        <f>VLOOKUP(E3191&amp;F3191,団体コード!$A$1:$C$1743,2,FALSE)</f>
        <v>#N/A</v>
      </c>
      <c r="N3191" s="51" t="e">
        <f>VLOOKUP(E3191,団体コード!$E$1:$F$48,2,FALSE)</f>
        <v>#N/A</v>
      </c>
      <c r="O3191" s="51" t="e">
        <f t="shared" si="101"/>
        <v>#N/A</v>
      </c>
      <c r="P3191" s="51">
        <v>1</v>
      </c>
      <c r="Q3191" s="51" t="s">
        <v>5341</v>
      </c>
      <c r="R3191" s="54" t="b">
        <v>1</v>
      </c>
      <c r="S3191" s="52" t="s">
        <v>7126</v>
      </c>
      <c r="T3191" s="67" t="s">
        <v>7127</v>
      </c>
      <c r="U3191" s="75" t="s">
        <v>5331</v>
      </c>
      <c r="V3191" s="47" t="s">
        <v>5331</v>
      </c>
      <c r="W3191" s="47" t="s">
        <v>5331</v>
      </c>
      <c r="X3191" s="47" t="s">
        <v>5331</v>
      </c>
      <c r="Y3191" s="47" t="s">
        <v>5331</v>
      </c>
      <c r="Z3191" s="28"/>
      <c r="AA3191" s="27"/>
      <c r="AB3191" s="27"/>
      <c r="AC3191" s="27"/>
      <c r="AD3191" s="30"/>
      <c r="AE3191" s="1"/>
      <c r="AF3191" s="23" t="s">
        <v>5331</v>
      </c>
      <c r="AG3191" s="26"/>
      <c r="AH3191" s="53"/>
    </row>
    <row r="3192" spans="1:34" ht="51.6" customHeight="1" x14ac:dyDescent="0.45">
      <c r="A3192" s="23">
        <v>3186</v>
      </c>
      <c r="B3192" s="25"/>
      <c r="C3192" s="25"/>
      <c r="D3192" s="29"/>
      <c r="E3192" s="1"/>
      <c r="F3192" s="1"/>
      <c r="G3192" s="25"/>
      <c r="H3192" s="71"/>
      <c r="I3192" s="83"/>
      <c r="J3192" s="50" t="str">
        <f t="shared" si="100"/>
        <v/>
      </c>
      <c r="K3192" s="23" t="s">
        <v>7120</v>
      </c>
      <c r="L3192" s="49" t="e">
        <f>VLOOKUP(E3192&amp;F3192,団体コード!$A$1:$C$1743,3,FALSE)</f>
        <v>#N/A</v>
      </c>
      <c r="M3192" s="49" t="e">
        <f>VLOOKUP(E3192&amp;F3192,団体コード!$A$1:$C$1743,2,FALSE)</f>
        <v>#N/A</v>
      </c>
      <c r="N3192" s="51" t="e">
        <f>VLOOKUP(E3192,団体コード!$E$1:$F$48,2,FALSE)</f>
        <v>#N/A</v>
      </c>
      <c r="O3192" s="51" t="e">
        <f t="shared" si="101"/>
        <v>#N/A</v>
      </c>
      <c r="P3192" s="51">
        <v>1</v>
      </c>
      <c r="Q3192" s="51" t="s">
        <v>5341</v>
      </c>
      <c r="R3192" s="54" t="b">
        <v>1</v>
      </c>
      <c r="S3192" s="52" t="s">
        <v>7126</v>
      </c>
      <c r="T3192" s="67" t="s">
        <v>7127</v>
      </c>
      <c r="U3192" s="75" t="s">
        <v>5331</v>
      </c>
      <c r="V3192" s="47" t="s">
        <v>5331</v>
      </c>
      <c r="W3192" s="47" t="s">
        <v>5331</v>
      </c>
      <c r="X3192" s="47" t="s">
        <v>5331</v>
      </c>
      <c r="Y3192" s="47" t="s">
        <v>5331</v>
      </c>
      <c r="Z3192" s="28"/>
      <c r="AA3192" s="27"/>
      <c r="AB3192" s="27"/>
      <c r="AC3192" s="27"/>
      <c r="AD3192" s="30"/>
      <c r="AE3192" s="1"/>
      <c r="AF3192" s="23" t="s">
        <v>5331</v>
      </c>
      <c r="AG3192" s="26"/>
      <c r="AH3192" s="53"/>
    </row>
    <row r="3193" spans="1:34" ht="51.6" customHeight="1" x14ac:dyDescent="0.45">
      <c r="A3193" s="23">
        <v>3187</v>
      </c>
      <c r="B3193" s="25"/>
      <c r="C3193" s="25"/>
      <c r="D3193" s="29"/>
      <c r="E3193" s="1"/>
      <c r="F3193" s="1"/>
      <c r="G3193" s="25"/>
      <c r="H3193" s="71"/>
      <c r="I3193" s="83"/>
      <c r="J3193" s="50" t="str">
        <f t="shared" si="100"/>
        <v/>
      </c>
      <c r="K3193" s="23" t="s">
        <v>7120</v>
      </c>
      <c r="L3193" s="49" t="e">
        <f>VLOOKUP(E3193&amp;F3193,団体コード!$A$1:$C$1743,3,FALSE)</f>
        <v>#N/A</v>
      </c>
      <c r="M3193" s="49" t="e">
        <f>VLOOKUP(E3193&amp;F3193,団体コード!$A$1:$C$1743,2,FALSE)</f>
        <v>#N/A</v>
      </c>
      <c r="N3193" s="51" t="e">
        <f>VLOOKUP(E3193,団体コード!$E$1:$F$48,2,FALSE)</f>
        <v>#N/A</v>
      </c>
      <c r="O3193" s="51" t="e">
        <f t="shared" si="101"/>
        <v>#N/A</v>
      </c>
      <c r="P3193" s="51">
        <v>1</v>
      </c>
      <c r="Q3193" s="51" t="s">
        <v>5341</v>
      </c>
      <c r="R3193" s="54" t="b">
        <v>1</v>
      </c>
      <c r="S3193" s="52" t="s">
        <v>7126</v>
      </c>
      <c r="T3193" s="67" t="s">
        <v>7127</v>
      </c>
      <c r="U3193" s="75" t="s">
        <v>5331</v>
      </c>
      <c r="V3193" s="47" t="s">
        <v>5331</v>
      </c>
      <c r="W3193" s="47" t="s">
        <v>5331</v>
      </c>
      <c r="X3193" s="47" t="s">
        <v>5331</v>
      </c>
      <c r="Y3193" s="47" t="s">
        <v>5331</v>
      </c>
      <c r="Z3193" s="28"/>
      <c r="AA3193" s="27"/>
      <c r="AB3193" s="27"/>
      <c r="AC3193" s="27"/>
      <c r="AD3193" s="30"/>
      <c r="AE3193" s="1"/>
      <c r="AF3193" s="23" t="s">
        <v>5331</v>
      </c>
      <c r="AG3193" s="26"/>
      <c r="AH3193" s="53"/>
    </row>
    <row r="3194" spans="1:34" ht="51.6" customHeight="1" x14ac:dyDescent="0.45">
      <c r="A3194" s="23">
        <v>3188</v>
      </c>
      <c r="B3194" s="25"/>
      <c r="C3194" s="25"/>
      <c r="D3194" s="29"/>
      <c r="E3194" s="1"/>
      <c r="F3194" s="1"/>
      <c r="G3194" s="25"/>
      <c r="H3194" s="71"/>
      <c r="I3194" s="83"/>
      <c r="J3194" s="50" t="str">
        <f t="shared" si="100"/>
        <v/>
      </c>
      <c r="K3194" s="23" t="s">
        <v>7120</v>
      </c>
      <c r="L3194" s="49" t="e">
        <f>VLOOKUP(E3194&amp;F3194,団体コード!$A$1:$C$1743,3,FALSE)</f>
        <v>#N/A</v>
      </c>
      <c r="M3194" s="49" t="e">
        <f>VLOOKUP(E3194&amp;F3194,団体コード!$A$1:$C$1743,2,FALSE)</f>
        <v>#N/A</v>
      </c>
      <c r="N3194" s="51" t="e">
        <f>VLOOKUP(E3194,団体コード!$E$1:$F$48,2,FALSE)</f>
        <v>#N/A</v>
      </c>
      <c r="O3194" s="51" t="e">
        <f t="shared" si="101"/>
        <v>#N/A</v>
      </c>
      <c r="P3194" s="51">
        <v>1</v>
      </c>
      <c r="Q3194" s="51" t="s">
        <v>5341</v>
      </c>
      <c r="R3194" s="54" t="b">
        <v>1</v>
      </c>
      <c r="S3194" s="52" t="s">
        <v>7126</v>
      </c>
      <c r="T3194" s="67" t="s">
        <v>7127</v>
      </c>
      <c r="U3194" s="75" t="s">
        <v>5331</v>
      </c>
      <c r="V3194" s="47" t="s">
        <v>5331</v>
      </c>
      <c r="W3194" s="47" t="s">
        <v>5331</v>
      </c>
      <c r="X3194" s="47" t="s">
        <v>5331</v>
      </c>
      <c r="Y3194" s="47" t="s">
        <v>5331</v>
      </c>
      <c r="Z3194" s="28"/>
      <c r="AA3194" s="27"/>
      <c r="AB3194" s="27"/>
      <c r="AC3194" s="27"/>
      <c r="AD3194" s="30"/>
      <c r="AE3194" s="1"/>
      <c r="AF3194" s="23" t="s">
        <v>5331</v>
      </c>
      <c r="AG3194" s="26"/>
      <c r="AH3194" s="53"/>
    </row>
    <row r="3195" spans="1:34" ht="51.6" customHeight="1" x14ac:dyDescent="0.45">
      <c r="A3195" s="23">
        <v>3189</v>
      </c>
      <c r="B3195" s="25"/>
      <c r="C3195" s="25"/>
      <c r="D3195" s="29"/>
      <c r="E3195" s="1"/>
      <c r="F3195" s="1"/>
      <c r="G3195" s="25"/>
      <c r="H3195" s="71"/>
      <c r="I3195" s="83"/>
      <c r="J3195" s="50" t="str">
        <f t="shared" si="100"/>
        <v/>
      </c>
      <c r="K3195" s="23" t="s">
        <v>7120</v>
      </c>
      <c r="L3195" s="49" t="e">
        <f>VLOOKUP(E3195&amp;F3195,団体コード!$A$1:$C$1743,3,FALSE)</f>
        <v>#N/A</v>
      </c>
      <c r="M3195" s="49" t="e">
        <f>VLOOKUP(E3195&amp;F3195,団体コード!$A$1:$C$1743,2,FALSE)</f>
        <v>#N/A</v>
      </c>
      <c r="N3195" s="51" t="e">
        <f>VLOOKUP(E3195,団体コード!$E$1:$F$48,2,FALSE)</f>
        <v>#N/A</v>
      </c>
      <c r="O3195" s="51" t="e">
        <f t="shared" si="101"/>
        <v>#N/A</v>
      </c>
      <c r="P3195" s="51">
        <v>1</v>
      </c>
      <c r="Q3195" s="51" t="s">
        <v>5341</v>
      </c>
      <c r="R3195" s="54" t="b">
        <v>1</v>
      </c>
      <c r="S3195" s="52" t="s">
        <v>7126</v>
      </c>
      <c r="T3195" s="67" t="s">
        <v>7127</v>
      </c>
      <c r="U3195" s="75" t="s">
        <v>5331</v>
      </c>
      <c r="V3195" s="47" t="s">
        <v>5331</v>
      </c>
      <c r="W3195" s="47" t="s">
        <v>5331</v>
      </c>
      <c r="X3195" s="47" t="s">
        <v>5331</v>
      </c>
      <c r="Y3195" s="47" t="s">
        <v>5331</v>
      </c>
      <c r="Z3195" s="28"/>
      <c r="AA3195" s="27"/>
      <c r="AB3195" s="27"/>
      <c r="AC3195" s="27"/>
      <c r="AD3195" s="30"/>
      <c r="AE3195" s="1"/>
      <c r="AF3195" s="23" t="s">
        <v>5331</v>
      </c>
      <c r="AG3195" s="26"/>
      <c r="AH3195" s="53"/>
    </row>
    <row r="3196" spans="1:34" ht="51.6" customHeight="1" x14ac:dyDescent="0.45">
      <c r="A3196" s="23">
        <v>3190</v>
      </c>
      <c r="B3196" s="25"/>
      <c r="C3196" s="25"/>
      <c r="D3196" s="29"/>
      <c r="E3196" s="1"/>
      <c r="F3196" s="1"/>
      <c r="G3196" s="25"/>
      <c r="H3196" s="71"/>
      <c r="I3196" s="83"/>
      <c r="J3196" s="50" t="str">
        <f t="shared" si="100"/>
        <v/>
      </c>
      <c r="K3196" s="23" t="s">
        <v>7120</v>
      </c>
      <c r="L3196" s="49" t="e">
        <f>VLOOKUP(E3196&amp;F3196,団体コード!$A$1:$C$1743,3,FALSE)</f>
        <v>#N/A</v>
      </c>
      <c r="M3196" s="49" t="e">
        <f>VLOOKUP(E3196&amp;F3196,団体コード!$A$1:$C$1743,2,FALSE)</f>
        <v>#N/A</v>
      </c>
      <c r="N3196" s="51" t="e">
        <f>VLOOKUP(E3196,団体コード!$E$1:$F$48,2,FALSE)</f>
        <v>#N/A</v>
      </c>
      <c r="O3196" s="51" t="e">
        <f t="shared" si="101"/>
        <v>#N/A</v>
      </c>
      <c r="P3196" s="51">
        <v>1</v>
      </c>
      <c r="Q3196" s="51" t="s">
        <v>5341</v>
      </c>
      <c r="R3196" s="54" t="b">
        <v>1</v>
      </c>
      <c r="S3196" s="52" t="s">
        <v>7126</v>
      </c>
      <c r="T3196" s="67" t="s">
        <v>7127</v>
      </c>
      <c r="U3196" s="75" t="s">
        <v>5331</v>
      </c>
      <c r="V3196" s="47" t="s">
        <v>5331</v>
      </c>
      <c r="W3196" s="47" t="s">
        <v>5331</v>
      </c>
      <c r="X3196" s="47" t="s">
        <v>5331</v>
      </c>
      <c r="Y3196" s="47" t="s">
        <v>5331</v>
      </c>
      <c r="Z3196" s="28"/>
      <c r="AA3196" s="27"/>
      <c r="AB3196" s="27"/>
      <c r="AC3196" s="27"/>
      <c r="AD3196" s="30"/>
      <c r="AE3196" s="1"/>
      <c r="AF3196" s="23" t="s">
        <v>5331</v>
      </c>
      <c r="AG3196" s="26"/>
      <c r="AH3196" s="53"/>
    </row>
    <row r="3197" spans="1:34" ht="51.6" customHeight="1" x14ac:dyDescent="0.45">
      <c r="A3197" s="23">
        <v>3191</v>
      </c>
      <c r="B3197" s="25"/>
      <c r="C3197" s="25"/>
      <c r="D3197" s="29"/>
      <c r="E3197" s="1"/>
      <c r="F3197" s="1"/>
      <c r="G3197" s="25"/>
      <c r="H3197" s="71"/>
      <c r="I3197" s="83"/>
      <c r="J3197" s="50" t="str">
        <f t="shared" si="100"/>
        <v/>
      </c>
      <c r="K3197" s="23" t="s">
        <v>7120</v>
      </c>
      <c r="L3197" s="49" t="e">
        <f>VLOOKUP(E3197&amp;F3197,団体コード!$A$1:$C$1743,3,FALSE)</f>
        <v>#N/A</v>
      </c>
      <c r="M3197" s="49" t="e">
        <f>VLOOKUP(E3197&amp;F3197,団体コード!$A$1:$C$1743,2,FALSE)</f>
        <v>#N/A</v>
      </c>
      <c r="N3197" s="51" t="e">
        <f>VLOOKUP(E3197,団体コード!$E$1:$F$48,2,FALSE)</f>
        <v>#N/A</v>
      </c>
      <c r="O3197" s="51" t="e">
        <f t="shared" si="101"/>
        <v>#N/A</v>
      </c>
      <c r="P3197" s="51">
        <v>1</v>
      </c>
      <c r="Q3197" s="51" t="s">
        <v>5341</v>
      </c>
      <c r="R3197" s="54" t="b">
        <v>1</v>
      </c>
      <c r="S3197" s="52" t="s">
        <v>7126</v>
      </c>
      <c r="T3197" s="67" t="s">
        <v>7127</v>
      </c>
      <c r="U3197" s="75" t="s">
        <v>5331</v>
      </c>
      <c r="V3197" s="47" t="s">
        <v>5331</v>
      </c>
      <c r="W3197" s="47" t="s">
        <v>5331</v>
      </c>
      <c r="X3197" s="47" t="s">
        <v>5331</v>
      </c>
      <c r="Y3197" s="47" t="s">
        <v>5331</v>
      </c>
      <c r="Z3197" s="28"/>
      <c r="AA3197" s="27"/>
      <c r="AB3197" s="27"/>
      <c r="AC3197" s="27"/>
      <c r="AD3197" s="30"/>
      <c r="AE3197" s="1"/>
      <c r="AF3197" s="23" t="s">
        <v>5331</v>
      </c>
      <c r="AG3197" s="26"/>
      <c r="AH3197" s="53"/>
    </row>
    <row r="3198" spans="1:34" ht="51.6" customHeight="1" x14ac:dyDescent="0.45">
      <c r="A3198" s="23">
        <v>3192</v>
      </c>
      <c r="B3198" s="25"/>
      <c r="C3198" s="25"/>
      <c r="D3198" s="29"/>
      <c r="E3198" s="1"/>
      <c r="F3198" s="1"/>
      <c r="G3198" s="25"/>
      <c r="H3198" s="71"/>
      <c r="I3198" s="83"/>
      <c r="J3198" s="50" t="str">
        <f t="shared" si="100"/>
        <v/>
      </c>
      <c r="K3198" s="23" t="s">
        <v>7120</v>
      </c>
      <c r="L3198" s="49" t="e">
        <f>VLOOKUP(E3198&amp;F3198,団体コード!$A$1:$C$1743,3,FALSE)</f>
        <v>#N/A</v>
      </c>
      <c r="M3198" s="49" t="e">
        <f>VLOOKUP(E3198&amp;F3198,団体コード!$A$1:$C$1743,2,FALSE)</f>
        <v>#N/A</v>
      </c>
      <c r="N3198" s="51" t="e">
        <f>VLOOKUP(E3198,団体コード!$E$1:$F$48,2,FALSE)</f>
        <v>#N/A</v>
      </c>
      <c r="O3198" s="51" t="e">
        <f t="shared" si="101"/>
        <v>#N/A</v>
      </c>
      <c r="P3198" s="51">
        <v>1</v>
      </c>
      <c r="Q3198" s="51" t="s">
        <v>5341</v>
      </c>
      <c r="R3198" s="54" t="b">
        <v>1</v>
      </c>
      <c r="S3198" s="52" t="s">
        <v>7126</v>
      </c>
      <c r="T3198" s="67" t="s">
        <v>7127</v>
      </c>
      <c r="U3198" s="75" t="s">
        <v>5331</v>
      </c>
      <c r="V3198" s="47" t="s">
        <v>5331</v>
      </c>
      <c r="W3198" s="47" t="s">
        <v>5331</v>
      </c>
      <c r="X3198" s="47" t="s">
        <v>5331</v>
      </c>
      <c r="Y3198" s="47" t="s">
        <v>5331</v>
      </c>
      <c r="Z3198" s="28"/>
      <c r="AA3198" s="27"/>
      <c r="AB3198" s="27"/>
      <c r="AC3198" s="27"/>
      <c r="AD3198" s="30"/>
      <c r="AE3198" s="1"/>
      <c r="AF3198" s="23" t="s">
        <v>5331</v>
      </c>
      <c r="AG3198" s="26"/>
      <c r="AH3198" s="53"/>
    </row>
    <row r="3199" spans="1:34" ht="51.6" customHeight="1" x14ac:dyDescent="0.45">
      <c r="A3199" s="23">
        <v>3193</v>
      </c>
      <c r="B3199" s="25"/>
      <c r="C3199" s="25"/>
      <c r="D3199" s="29"/>
      <c r="E3199" s="1"/>
      <c r="F3199" s="1"/>
      <c r="G3199" s="25"/>
      <c r="H3199" s="71"/>
      <c r="I3199" s="83"/>
      <c r="J3199" s="50" t="str">
        <f t="shared" si="100"/>
        <v/>
      </c>
      <c r="K3199" s="23" t="s">
        <v>7120</v>
      </c>
      <c r="L3199" s="49" t="e">
        <f>VLOOKUP(E3199&amp;F3199,団体コード!$A$1:$C$1743,3,FALSE)</f>
        <v>#N/A</v>
      </c>
      <c r="M3199" s="49" t="e">
        <f>VLOOKUP(E3199&amp;F3199,団体コード!$A$1:$C$1743,2,FALSE)</f>
        <v>#N/A</v>
      </c>
      <c r="N3199" s="51" t="e">
        <f>VLOOKUP(E3199,団体コード!$E$1:$F$48,2,FALSE)</f>
        <v>#N/A</v>
      </c>
      <c r="O3199" s="51" t="e">
        <f t="shared" si="101"/>
        <v>#N/A</v>
      </c>
      <c r="P3199" s="51">
        <v>1</v>
      </c>
      <c r="Q3199" s="51" t="s">
        <v>5341</v>
      </c>
      <c r="R3199" s="54" t="b">
        <v>1</v>
      </c>
      <c r="S3199" s="52" t="s">
        <v>7126</v>
      </c>
      <c r="T3199" s="67" t="s">
        <v>7127</v>
      </c>
      <c r="U3199" s="75" t="s">
        <v>5331</v>
      </c>
      <c r="V3199" s="47" t="s">
        <v>5331</v>
      </c>
      <c r="W3199" s="47" t="s">
        <v>5331</v>
      </c>
      <c r="X3199" s="47" t="s">
        <v>5331</v>
      </c>
      <c r="Y3199" s="47" t="s">
        <v>5331</v>
      </c>
      <c r="Z3199" s="28"/>
      <c r="AA3199" s="27"/>
      <c r="AB3199" s="27"/>
      <c r="AC3199" s="27"/>
      <c r="AD3199" s="30"/>
      <c r="AE3199" s="1"/>
      <c r="AF3199" s="23" t="s">
        <v>5331</v>
      </c>
      <c r="AG3199" s="26"/>
      <c r="AH3199" s="53"/>
    </row>
    <row r="3200" spans="1:34" ht="51.6" customHeight="1" x14ac:dyDescent="0.45">
      <c r="A3200" s="23">
        <v>3194</v>
      </c>
      <c r="B3200" s="25"/>
      <c r="C3200" s="25"/>
      <c r="D3200" s="29"/>
      <c r="E3200" s="1"/>
      <c r="F3200" s="1"/>
      <c r="G3200" s="25"/>
      <c r="H3200" s="71"/>
      <c r="I3200" s="83"/>
      <c r="J3200" s="50" t="str">
        <f t="shared" si="100"/>
        <v/>
      </c>
      <c r="K3200" s="23" t="s">
        <v>7120</v>
      </c>
      <c r="L3200" s="49" t="e">
        <f>VLOOKUP(E3200&amp;F3200,団体コード!$A$1:$C$1743,3,FALSE)</f>
        <v>#N/A</v>
      </c>
      <c r="M3200" s="49" t="e">
        <f>VLOOKUP(E3200&amp;F3200,団体コード!$A$1:$C$1743,2,FALSE)</f>
        <v>#N/A</v>
      </c>
      <c r="N3200" s="51" t="e">
        <f>VLOOKUP(E3200,団体コード!$E$1:$F$48,2,FALSE)</f>
        <v>#N/A</v>
      </c>
      <c r="O3200" s="51" t="e">
        <f t="shared" si="101"/>
        <v>#N/A</v>
      </c>
      <c r="P3200" s="51">
        <v>1</v>
      </c>
      <c r="Q3200" s="51" t="s">
        <v>5341</v>
      </c>
      <c r="R3200" s="54" t="b">
        <v>1</v>
      </c>
      <c r="S3200" s="52" t="s">
        <v>7126</v>
      </c>
      <c r="T3200" s="67" t="s">
        <v>7127</v>
      </c>
      <c r="U3200" s="75" t="s">
        <v>5331</v>
      </c>
      <c r="V3200" s="47" t="s">
        <v>5331</v>
      </c>
      <c r="W3200" s="47" t="s">
        <v>5331</v>
      </c>
      <c r="X3200" s="47" t="s">
        <v>5331</v>
      </c>
      <c r="Y3200" s="47" t="s">
        <v>5331</v>
      </c>
      <c r="Z3200" s="28"/>
      <c r="AA3200" s="27"/>
      <c r="AB3200" s="27"/>
      <c r="AC3200" s="27"/>
      <c r="AD3200" s="30"/>
      <c r="AE3200" s="1"/>
      <c r="AF3200" s="23" t="s">
        <v>5331</v>
      </c>
      <c r="AG3200" s="26"/>
      <c r="AH3200" s="53"/>
    </row>
    <row r="3201" spans="1:34" ht="51.6" customHeight="1" x14ac:dyDescent="0.45">
      <c r="A3201" s="23">
        <v>3195</v>
      </c>
      <c r="B3201" s="25"/>
      <c r="C3201" s="25"/>
      <c r="D3201" s="29"/>
      <c r="E3201" s="1"/>
      <c r="F3201" s="1"/>
      <c r="G3201" s="25"/>
      <c r="H3201" s="71"/>
      <c r="I3201" s="83"/>
      <c r="J3201" s="50" t="str">
        <f t="shared" si="100"/>
        <v/>
      </c>
      <c r="K3201" s="23" t="s">
        <v>7120</v>
      </c>
      <c r="L3201" s="49" t="e">
        <f>VLOOKUP(E3201&amp;F3201,団体コード!$A$1:$C$1743,3,FALSE)</f>
        <v>#N/A</v>
      </c>
      <c r="M3201" s="49" t="e">
        <f>VLOOKUP(E3201&amp;F3201,団体コード!$A$1:$C$1743,2,FALSE)</f>
        <v>#N/A</v>
      </c>
      <c r="N3201" s="51" t="e">
        <f>VLOOKUP(E3201,団体コード!$E$1:$F$48,2,FALSE)</f>
        <v>#N/A</v>
      </c>
      <c r="O3201" s="51" t="e">
        <f t="shared" si="101"/>
        <v>#N/A</v>
      </c>
      <c r="P3201" s="51">
        <v>1</v>
      </c>
      <c r="Q3201" s="51" t="s">
        <v>5341</v>
      </c>
      <c r="R3201" s="54" t="b">
        <v>1</v>
      </c>
      <c r="S3201" s="52" t="s">
        <v>7126</v>
      </c>
      <c r="T3201" s="67" t="s">
        <v>7127</v>
      </c>
      <c r="U3201" s="75" t="s">
        <v>5331</v>
      </c>
      <c r="V3201" s="47" t="s">
        <v>5331</v>
      </c>
      <c r="W3201" s="47" t="s">
        <v>5331</v>
      </c>
      <c r="X3201" s="47" t="s">
        <v>5331</v>
      </c>
      <c r="Y3201" s="47" t="s">
        <v>5331</v>
      </c>
      <c r="Z3201" s="28"/>
      <c r="AA3201" s="27"/>
      <c r="AB3201" s="27"/>
      <c r="AC3201" s="27"/>
      <c r="AD3201" s="30"/>
      <c r="AE3201" s="1"/>
      <c r="AF3201" s="23" t="s">
        <v>5331</v>
      </c>
      <c r="AG3201" s="26"/>
      <c r="AH3201" s="53"/>
    </row>
    <row r="3202" spans="1:34" ht="51.6" customHeight="1" x14ac:dyDescent="0.45">
      <c r="A3202" s="23">
        <v>3196</v>
      </c>
      <c r="B3202" s="25"/>
      <c r="C3202" s="25"/>
      <c r="D3202" s="29"/>
      <c r="E3202" s="1"/>
      <c r="F3202" s="1"/>
      <c r="G3202" s="25"/>
      <c r="H3202" s="71"/>
      <c r="I3202" s="83"/>
      <c r="J3202" s="50" t="str">
        <f t="shared" si="100"/>
        <v/>
      </c>
      <c r="K3202" s="23" t="s">
        <v>7120</v>
      </c>
      <c r="L3202" s="49" t="e">
        <f>VLOOKUP(E3202&amp;F3202,団体コード!$A$1:$C$1743,3,FALSE)</f>
        <v>#N/A</v>
      </c>
      <c r="M3202" s="49" t="e">
        <f>VLOOKUP(E3202&amp;F3202,団体コード!$A$1:$C$1743,2,FALSE)</f>
        <v>#N/A</v>
      </c>
      <c r="N3202" s="51" t="e">
        <f>VLOOKUP(E3202,団体コード!$E$1:$F$48,2,FALSE)</f>
        <v>#N/A</v>
      </c>
      <c r="O3202" s="51" t="e">
        <f t="shared" si="101"/>
        <v>#N/A</v>
      </c>
      <c r="P3202" s="51">
        <v>1</v>
      </c>
      <c r="Q3202" s="51" t="s">
        <v>5341</v>
      </c>
      <c r="R3202" s="54" t="b">
        <v>1</v>
      </c>
      <c r="S3202" s="52" t="s">
        <v>7126</v>
      </c>
      <c r="T3202" s="67" t="s">
        <v>7127</v>
      </c>
      <c r="U3202" s="75" t="s">
        <v>5331</v>
      </c>
      <c r="V3202" s="47" t="s">
        <v>5331</v>
      </c>
      <c r="W3202" s="47" t="s">
        <v>5331</v>
      </c>
      <c r="X3202" s="47" t="s">
        <v>5331</v>
      </c>
      <c r="Y3202" s="47" t="s">
        <v>5331</v>
      </c>
      <c r="Z3202" s="28"/>
      <c r="AA3202" s="27"/>
      <c r="AB3202" s="27"/>
      <c r="AC3202" s="27"/>
      <c r="AD3202" s="30"/>
      <c r="AE3202" s="1"/>
      <c r="AF3202" s="23" t="s">
        <v>5331</v>
      </c>
      <c r="AG3202" s="26"/>
      <c r="AH3202" s="53"/>
    </row>
    <row r="3203" spans="1:34" ht="51.6" customHeight="1" x14ac:dyDescent="0.45">
      <c r="A3203" s="23">
        <v>3197</v>
      </c>
      <c r="B3203" s="25"/>
      <c r="C3203" s="25"/>
      <c r="D3203" s="29"/>
      <c r="E3203" s="1"/>
      <c r="F3203" s="1"/>
      <c r="G3203" s="25"/>
      <c r="H3203" s="71"/>
      <c r="I3203" s="83"/>
      <c r="J3203" s="50" t="str">
        <f t="shared" si="100"/>
        <v/>
      </c>
      <c r="K3203" s="23" t="s">
        <v>7120</v>
      </c>
      <c r="L3203" s="49" t="e">
        <f>VLOOKUP(E3203&amp;F3203,団体コード!$A$1:$C$1743,3,FALSE)</f>
        <v>#N/A</v>
      </c>
      <c r="M3203" s="49" t="e">
        <f>VLOOKUP(E3203&amp;F3203,団体コード!$A$1:$C$1743,2,FALSE)</f>
        <v>#N/A</v>
      </c>
      <c r="N3203" s="51" t="e">
        <f>VLOOKUP(E3203,団体コード!$E$1:$F$48,2,FALSE)</f>
        <v>#N/A</v>
      </c>
      <c r="O3203" s="51" t="e">
        <f t="shared" si="101"/>
        <v>#N/A</v>
      </c>
      <c r="P3203" s="51">
        <v>1</v>
      </c>
      <c r="Q3203" s="51" t="s">
        <v>5341</v>
      </c>
      <c r="R3203" s="54" t="b">
        <v>1</v>
      </c>
      <c r="S3203" s="52" t="s">
        <v>7126</v>
      </c>
      <c r="T3203" s="67" t="s">
        <v>7127</v>
      </c>
      <c r="U3203" s="75" t="s">
        <v>5331</v>
      </c>
      <c r="V3203" s="47" t="s">
        <v>5331</v>
      </c>
      <c r="W3203" s="47" t="s">
        <v>5331</v>
      </c>
      <c r="X3203" s="47" t="s">
        <v>5331</v>
      </c>
      <c r="Y3203" s="47" t="s">
        <v>5331</v>
      </c>
      <c r="Z3203" s="28"/>
      <c r="AA3203" s="27"/>
      <c r="AB3203" s="27"/>
      <c r="AC3203" s="27"/>
      <c r="AD3203" s="30"/>
      <c r="AE3203" s="1"/>
      <c r="AF3203" s="23" t="s">
        <v>5331</v>
      </c>
      <c r="AG3203" s="26"/>
      <c r="AH3203" s="53"/>
    </row>
    <row r="3204" spans="1:34" ht="51.6" customHeight="1" x14ac:dyDescent="0.45">
      <c r="A3204" s="23">
        <v>3198</v>
      </c>
      <c r="B3204" s="25"/>
      <c r="C3204" s="25"/>
      <c r="D3204" s="29"/>
      <c r="E3204" s="1"/>
      <c r="F3204" s="1"/>
      <c r="G3204" s="25"/>
      <c r="H3204" s="71"/>
      <c r="I3204" s="83"/>
      <c r="J3204" s="50" t="str">
        <f t="shared" si="100"/>
        <v/>
      </c>
      <c r="K3204" s="23" t="s">
        <v>7120</v>
      </c>
      <c r="L3204" s="49" t="e">
        <f>VLOOKUP(E3204&amp;F3204,団体コード!$A$1:$C$1743,3,FALSE)</f>
        <v>#N/A</v>
      </c>
      <c r="M3204" s="49" t="e">
        <f>VLOOKUP(E3204&amp;F3204,団体コード!$A$1:$C$1743,2,FALSE)</f>
        <v>#N/A</v>
      </c>
      <c r="N3204" s="51" t="e">
        <f>VLOOKUP(E3204,団体コード!$E$1:$F$48,2,FALSE)</f>
        <v>#N/A</v>
      </c>
      <c r="O3204" s="51" t="e">
        <f t="shared" si="101"/>
        <v>#N/A</v>
      </c>
      <c r="P3204" s="51">
        <v>1</v>
      </c>
      <c r="Q3204" s="51" t="s">
        <v>5341</v>
      </c>
      <c r="R3204" s="54" t="b">
        <v>1</v>
      </c>
      <c r="S3204" s="52" t="s">
        <v>7126</v>
      </c>
      <c r="T3204" s="67" t="s">
        <v>7127</v>
      </c>
      <c r="U3204" s="75" t="s">
        <v>5331</v>
      </c>
      <c r="V3204" s="47" t="s">
        <v>5331</v>
      </c>
      <c r="W3204" s="47" t="s">
        <v>5331</v>
      </c>
      <c r="X3204" s="47" t="s">
        <v>5331</v>
      </c>
      <c r="Y3204" s="47" t="s">
        <v>5331</v>
      </c>
      <c r="Z3204" s="28"/>
      <c r="AA3204" s="27"/>
      <c r="AB3204" s="27"/>
      <c r="AC3204" s="27"/>
      <c r="AD3204" s="30"/>
      <c r="AE3204" s="1"/>
      <c r="AF3204" s="23" t="s">
        <v>5331</v>
      </c>
      <c r="AG3204" s="26"/>
      <c r="AH3204" s="53"/>
    </row>
    <row r="3205" spans="1:34" ht="51.6" customHeight="1" x14ac:dyDescent="0.45">
      <c r="A3205" s="23">
        <v>3199</v>
      </c>
      <c r="B3205" s="25"/>
      <c r="C3205" s="25"/>
      <c r="D3205" s="29"/>
      <c r="E3205" s="1"/>
      <c r="F3205" s="1"/>
      <c r="G3205" s="25"/>
      <c r="H3205" s="71"/>
      <c r="I3205" s="83"/>
      <c r="J3205" s="50" t="str">
        <f t="shared" si="100"/>
        <v/>
      </c>
      <c r="K3205" s="23" t="s">
        <v>7120</v>
      </c>
      <c r="L3205" s="49" t="e">
        <f>VLOOKUP(E3205&amp;F3205,団体コード!$A$1:$C$1743,3,FALSE)</f>
        <v>#N/A</v>
      </c>
      <c r="M3205" s="49" t="e">
        <f>VLOOKUP(E3205&amp;F3205,団体コード!$A$1:$C$1743,2,FALSE)</f>
        <v>#N/A</v>
      </c>
      <c r="N3205" s="51" t="e">
        <f>VLOOKUP(E3205,団体コード!$E$1:$F$48,2,FALSE)</f>
        <v>#N/A</v>
      </c>
      <c r="O3205" s="51" t="e">
        <f t="shared" si="101"/>
        <v>#N/A</v>
      </c>
      <c r="P3205" s="51">
        <v>1</v>
      </c>
      <c r="Q3205" s="51" t="s">
        <v>5341</v>
      </c>
      <c r="R3205" s="54" t="b">
        <v>1</v>
      </c>
      <c r="S3205" s="52" t="s">
        <v>7126</v>
      </c>
      <c r="T3205" s="67" t="s">
        <v>7127</v>
      </c>
      <c r="U3205" s="75" t="s">
        <v>5331</v>
      </c>
      <c r="V3205" s="47" t="s">
        <v>5331</v>
      </c>
      <c r="W3205" s="47" t="s">
        <v>5331</v>
      </c>
      <c r="X3205" s="47" t="s">
        <v>5331</v>
      </c>
      <c r="Y3205" s="47" t="s">
        <v>5331</v>
      </c>
      <c r="Z3205" s="28"/>
      <c r="AA3205" s="27"/>
      <c r="AB3205" s="27"/>
      <c r="AC3205" s="27"/>
      <c r="AD3205" s="30"/>
      <c r="AE3205" s="1"/>
      <c r="AF3205" s="23" t="s">
        <v>5331</v>
      </c>
      <c r="AG3205" s="26"/>
      <c r="AH3205" s="53"/>
    </row>
    <row r="3206" spans="1:34" ht="51.6" customHeight="1" x14ac:dyDescent="0.45">
      <c r="A3206" s="23">
        <v>3200</v>
      </c>
      <c r="B3206" s="25"/>
      <c r="C3206" s="25"/>
      <c r="D3206" s="29"/>
      <c r="E3206" s="1"/>
      <c r="F3206" s="1"/>
      <c r="G3206" s="25"/>
      <c r="H3206" s="71"/>
      <c r="I3206" s="83"/>
      <c r="J3206" s="50" t="str">
        <f t="shared" si="100"/>
        <v/>
      </c>
      <c r="K3206" s="23" t="s">
        <v>7120</v>
      </c>
      <c r="L3206" s="49" t="e">
        <f>VLOOKUP(E3206&amp;F3206,団体コード!$A$1:$C$1743,3,FALSE)</f>
        <v>#N/A</v>
      </c>
      <c r="M3206" s="49" t="e">
        <f>VLOOKUP(E3206&amp;F3206,団体コード!$A$1:$C$1743,2,FALSE)</f>
        <v>#N/A</v>
      </c>
      <c r="N3206" s="51" t="e">
        <f>VLOOKUP(E3206,団体コード!$E$1:$F$48,2,FALSE)</f>
        <v>#N/A</v>
      </c>
      <c r="O3206" s="51" t="e">
        <f t="shared" si="101"/>
        <v>#N/A</v>
      </c>
      <c r="P3206" s="51">
        <v>1</v>
      </c>
      <c r="Q3206" s="51" t="s">
        <v>5341</v>
      </c>
      <c r="R3206" s="54" t="b">
        <v>1</v>
      </c>
      <c r="S3206" s="52" t="s">
        <v>7126</v>
      </c>
      <c r="T3206" s="67" t="s">
        <v>7127</v>
      </c>
      <c r="U3206" s="75" t="s">
        <v>5331</v>
      </c>
      <c r="V3206" s="47" t="s">
        <v>5331</v>
      </c>
      <c r="W3206" s="47" t="s">
        <v>5331</v>
      </c>
      <c r="X3206" s="47" t="s">
        <v>5331</v>
      </c>
      <c r="Y3206" s="47" t="s">
        <v>5331</v>
      </c>
      <c r="Z3206" s="28"/>
      <c r="AA3206" s="27"/>
      <c r="AB3206" s="27"/>
      <c r="AC3206" s="27"/>
      <c r="AD3206" s="30"/>
      <c r="AE3206" s="1"/>
      <c r="AF3206" s="23" t="s">
        <v>5331</v>
      </c>
      <c r="AG3206" s="26"/>
      <c r="AH3206" s="53"/>
    </row>
    <row r="3207" spans="1:34" ht="51.6" customHeight="1" x14ac:dyDescent="0.45">
      <c r="A3207" s="23">
        <v>3201</v>
      </c>
      <c r="B3207" s="25"/>
      <c r="C3207" s="25"/>
      <c r="D3207" s="29"/>
      <c r="E3207" s="1"/>
      <c r="F3207" s="1"/>
      <c r="G3207" s="25"/>
      <c r="H3207" s="71"/>
      <c r="I3207" s="83"/>
      <c r="J3207" s="50" t="str">
        <f t="shared" si="100"/>
        <v/>
      </c>
      <c r="K3207" s="23" t="s">
        <v>7120</v>
      </c>
      <c r="L3207" s="49" t="e">
        <f>VLOOKUP(E3207&amp;F3207,団体コード!$A$1:$C$1743,3,FALSE)</f>
        <v>#N/A</v>
      </c>
      <c r="M3207" s="49" t="e">
        <f>VLOOKUP(E3207&amp;F3207,団体コード!$A$1:$C$1743,2,FALSE)</f>
        <v>#N/A</v>
      </c>
      <c r="N3207" s="51" t="e">
        <f>VLOOKUP(E3207,団体コード!$E$1:$F$48,2,FALSE)</f>
        <v>#N/A</v>
      </c>
      <c r="O3207" s="51" t="e">
        <f t="shared" si="101"/>
        <v>#N/A</v>
      </c>
      <c r="P3207" s="51">
        <v>1</v>
      </c>
      <c r="Q3207" s="51" t="s">
        <v>5341</v>
      </c>
      <c r="R3207" s="54" t="b">
        <v>1</v>
      </c>
      <c r="S3207" s="52" t="s">
        <v>7126</v>
      </c>
      <c r="T3207" s="67" t="s">
        <v>7127</v>
      </c>
      <c r="U3207" s="75" t="s">
        <v>5331</v>
      </c>
      <c r="V3207" s="47" t="s">
        <v>5331</v>
      </c>
      <c r="W3207" s="47" t="s">
        <v>5331</v>
      </c>
      <c r="X3207" s="47" t="s">
        <v>5331</v>
      </c>
      <c r="Y3207" s="47" t="s">
        <v>5331</v>
      </c>
      <c r="Z3207" s="28"/>
      <c r="AA3207" s="27"/>
      <c r="AB3207" s="27"/>
      <c r="AC3207" s="27"/>
      <c r="AD3207" s="30"/>
      <c r="AE3207" s="1"/>
      <c r="AF3207" s="23" t="s">
        <v>5331</v>
      </c>
      <c r="AG3207" s="26"/>
      <c r="AH3207" s="53"/>
    </row>
    <row r="3208" spans="1:34" ht="51.6" customHeight="1" x14ac:dyDescent="0.45">
      <c r="A3208" s="23">
        <v>3202</v>
      </c>
      <c r="B3208" s="25"/>
      <c r="C3208" s="25"/>
      <c r="D3208" s="29"/>
      <c r="E3208" s="1"/>
      <c r="F3208" s="1"/>
      <c r="G3208" s="25"/>
      <c r="H3208" s="71"/>
      <c r="I3208" s="83"/>
      <c r="J3208" s="50" t="str">
        <f t="shared" ref="J3208:J3271" si="102">E3208&amp;F3208&amp;G3208</f>
        <v/>
      </c>
      <c r="K3208" s="23" t="s">
        <v>7120</v>
      </c>
      <c r="L3208" s="49" t="e">
        <f>VLOOKUP(E3208&amp;F3208,団体コード!$A$1:$C$1743,3,FALSE)</f>
        <v>#N/A</v>
      </c>
      <c r="M3208" s="49" t="e">
        <f>VLOOKUP(E3208&amp;F3208,団体コード!$A$1:$C$1743,2,FALSE)</f>
        <v>#N/A</v>
      </c>
      <c r="N3208" s="51" t="e">
        <f>VLOOKUP(E3208,団体コード!$E$1:$F$48,2,FALSE)</f>
        <v>#N/A</v>
      </c>
      <c r="O3208" s="51" t="e">
        <f t="shared" ref="O3208:O3271" si="103">N3208</f>
        <v>#N/A</v>
      </c>
      <c r="P3208" s="51">
        <v>1</v>
      </c>
      <c r="Q3208" s="51" t="s">
        <v>5341</v>
      </c>
      <c r="R3208" s="54" t="b">
        <v>1</v>
      </c>
      <c r="S3208" s="52" t="s">
        <v>7126</v>
      </c>
      <c r="T3208" s="67" t="s">
        <v>7127</v>
      </c>
      <c r="U3208" s="75" t="s">
        <v>5331</v>
      </c>
      <c r="V3208" s="47" t="s">
        <v>5331</v>
      </c>
      <c r="W3208" s="47" t="s">
        <v>5331</v>
      </c>
      <c r="X3208" s="47" t="s">
        <v>5331</v>
      </c>
      <c r="Y3208" s="47" t="s">
        <v>5331</v>
      </c>
      <c r="Z3208" s="28"/>
      <c r="AA3208" s="27"/>
      <c r="AB3208" s="27"/>
      <c r="AC3208" s="27"/>
      <c r="AD3208" s="30"/>
      <c r="AE3208" s="1"/>
      <c r="AF3208" s="23" t="s">
        <v>5331</v>
      </c>
      <c r="AG3208" s="26"/>
      <c r="AH3208" s="53"/>
    </row>
    <row r="3209" spans="1:34" ht="51.6" customHeight="1" x14ac:dyDescent="0.45">
      <c r="A3209" s="23">
        <v>3203</v>
      </c>
      <c r="B3209" s="25"/>
      <c r="C3209" s="25"/>
      <c r="D3209" s="29"/>
      <c r="E3209" s="1"/>
      <c r="F3209" s="1"/>
      <c r="G3209" s="25"/>
      <c r="H3209" s="71"/>
      <c r="I3209" s="83"/>
      <c r="J3209" s="50" t="str">
        <f t="shared" si="102"/>
        <v/>
      </c>
      <c r="K3209" s="23" t="s">
        <v>7120</v>
      </c>
      <c r="L3209" s="49" t="e">
        <f>VLOOKUP(E3209&amp;F3209,団体コード!$A$1:$C$1743,3,FALSE)</f>
        <v>#N/A</v>
      </c>
      <c r="M3209" s="49" t="e">
        <f>VLOOKUP(E3209&amp;F3209,団体コード!$A$1:$C$1743,2,FALSE)</f>
        <v>#N/A</v>
      </c>
      <c r="N3209" s="51" t="e">
        <f>VLOOKUP(E3209,団体コード!$E$1:$F$48,2,FALSE)</f>
        <v>#N/A</v>
      </c>
      <c r="O3209" s="51" t="e">
        <f t="shared" si="103"/>
        <v>#N/A</v>
      </c>
      <c r="P3209" s="51">
        <v>1</v>
      </c>
      <c r="Q3209" s="51" t="s">
        <v>5341</v>
      </c>
      <c r="R3209" s="54" t="b">
        <v>1</v>
      </c>
      <c r="S3209" s="52" t="s">
        <v>7126</v>
      </c>
      <c r="T3209" s="67" t="s">
        <v>7127</v>
      </c>
      <c r="U3209" s="75" t="s">
        <v>5331</v>
      </c>
      <c r="V3209" s="47" t="s">
        <v>5331</v>
      </c>
      <c r="W3209" s="47" t="s">
        <v>5331</v>
      </c>
      <c r="X3209" s="47" t="s">
        <v>5331</v>
      </c>
      <c r="Y3209" s="47" t="s">
        <v>5331</v>
      </c>
      <c r="Z3209" s="28"/>
      <c r="AA3209" s="27"/>
      <c r="AB3209" s="27"/>
      <c r="AC3209" s="27"/>
      <c r="AD3209" s="30"/>
      <c r="AE3209" s="1"/>
      <c r="AF3209" s="23" t="s">
        <v>5331</v>
      </c>
      <c r="AG3209" s="26"/>
      <c r="AH3209" s="53"/>
    </row>
    <row r="3210" spans="1:34" ht="51.6" customHeight="1" x14ac:dyDescent="0.45">
      <c r="A3210" s="23">
        <v>3204</v>
      </c>
      <c r="B3210" s="25"/>
      <c r="C3210" s="25"/>
      <c r="D3210" s="29"/>
      <c r="E3210" s="1"/>
      <c r="F3210" s="1"/>
      <c r="G3210" s="25"/>
      <c r="H3210" s="71"/>
      <c r="I3210" s="83"/>
      <c r="J3210" s="50" t="str">
        <f t="shared" si="102"/>
        <v/>
      </c>
      <c r="K3210" s="23" t="s">
        <v>7120</v>
      </c>
      <c r="L3210" s="49" t="e">
        <f>VLOOKUP(E3210&amp;F3210,団体コード!$A$1:$C$1743,3,FALSE)</f>
        <v>#N/A</v>
      </c>
      <c r="M3210" s="49" t="e">
        <f>VLOOKUP(E3210&amp;F3210,団体コード!$A$1:$C$1743,2,FALSE)</f>
        <v>#N/A</v>
      </c>
      <c r="N3210" s="51" t="e">
        <f>VLOOKUP(E3210,団体コード!$E$1:$F$48,2,FALSE)</f>
        <v>#N/A</v>
      </c>
      <c r="O3210" s="51" t="e">
        <f t="shared" si="103"/>
        <v>#N/A</v>
      </c>
      <c r="P3210" s="51">
        <v>1</v>
      </c>
      <c r="Q3210" s="51" t="s">
        <v>5341</v>
      </c>
      <c r="R3210" s="54" t="b">
        <v>1</v>
      </c>
      <c r="S3210" s="52" t="s">
        <v>7126</v>
      </c>
      <c r="T3210" s="67" t="s">
        <v>7127</v>
      </c>
      <c r="U3210" s="75" t="s">
        <v>5331</v>
      </c>
      <c r="V3210" s="47" t="s">
        <v>5331</v>
      </c>
      <c r="W3210" s="47" t="s">
        <v>5331</v>
      </c>
      <c r="X3210" s="47" t="s">
        <v>5331</v>
      </c>
      <c r="Y3210" s="47" t="s">
        <v>5331</v>
      </c>
      <c r="Z3210" s="28"/>
      <c r="AA3210" s="27"/>
      <c r="AB3210" s="27"/>
      <c r="AC3210" s="27"/>
      <c r="AD3210" s="30"/>
      <c r="AE3210" s="1"/>
      <c r="AF3210" s="23" t="s">
        <v>5331</v>
      </c>
      <c r="AG3210" s="26"/>
      <c r="AH3210" s="53"/>
    </row>
    <row r="3211" spans="1:34" ht="51.6" customHeight="1" x14ac:dyDescent="0.45">
      <c r="A3211" s="23">
        <v>3205</v>
      </c>
      <c r="B3211" s="25"/>
      <c r="C3211" s="25"/>
      <c r="D3211" s="29"/>
      <c r="E3211" s="1"/>
      <c r="F3211" s="1"/>
      <c r="G3211" s="25"/>
      <c r="H3211" s="71"/>
      <c r="I3211" s="83"/>
      <c r="J3211" s="50" t="str">
        <f t="shared" si="102"/>
        <v/>
      </c>
      <c r="K3211" s="23" t="s">
        <v>7120</v>
      </c>
      <c r="L3211" s="49" t="e">
        <f>VLOOKUP(E3211&amp;F3211,団体コード!$A$1:$C$1743,3,FALSE)</f>
        <v>#N/A</v>
      </c>
      <c r="M3211" s="49" t="e">
        <f>VLOOKUP(E3211&amp;F3211,団体コード!$A$1:$C$1743,2,FALSE)</f>
        <v>#N/A</v>
      </c>
      <c r="N3211" s="51" t="e">
        <f>VLOOKUP(E3211,団体コード!$E$1:$F$48,2,FALSE)</f>
        <v>#N/A</v>
      </c>
      <c r="O3211" s="51" t="e">
        <f t="shared" si="103"/>
        <v>#N/A</v>
      </c>
      <c r="P3211" s="51">
        <v>1</v>
      </c>
      <c r="Q3211" s="51" t="s">
        <v>5341</v>
      </c>
      <c r="R3211" s="54" t="b">
        <v>1</v>
      </c>
      <c r="S3211" s="52" t="s">
        <v>7126</v>
      </c>
      <c r="T3211" s="67" t="s">
        <v>7127</v>
      </c>
      <c r="U3211" s="75" t="s">
        <v>5331</v>
      </c>
      <c r="V3211" s="47" t="s">
        <v>5331</v>
      </c>
      <c r="W3211" s="47" t="s">
        <v>5331</v>
      </c>
      <c r="X3211" s="47" t="s">
        <v>5331</v>
      </c>
      <c r="Y3211" s="47" t="s">
        <v>5331</v>
      </c>
      <c r="Z3211" s="28"/>
      <c r="AA3211" s="27"/>
      <c r="AB3211" s="27"/>
      <c r="AC3211" s="27"/>
      <c r="AD3211" s="30"/>
      <c r="AE3211" s="1"/>
      <c r="AF3211" s="23" t="s">
        <v>5331</v>
      </c>
      <c r="AG3211" s="26"/>
      <c r="AH3211" s="53"/>
    </row>
    <row r="3212" spans="1:34" ht="51.6" customHeight="1" x14ac:dyDescent="0.45">
      <c r="A3212" s="23">
        <v>3206</v>
      </c>
      <c r="B3212" s="25"/>
      <c r="C3212" s="25"/>
      <c r="D3212" s="29"/>
      <c r="E3212" s="1"/>
      <c r="F3212" s="1"/>
      <c r="G3212" s="25"/>
      <c r="H3212" s="71"/>
      <c r="I3212" s="83"/>
      <c r="J3212" s="50" t="str">
        <f t="shared" si="102"/>
        <v/>
      </c>
      <c r="K3212" s="23" t="s">
        <v>7120</v>
      </c>
      <c r="L3212" s="49" t="e">
        <f>VLOOKUP(E3212&amp;F3212,団体コード!$A$1:$C$1743,3,FALSE)</f>
        <v>#N/A</v>
      </c>
      <c r="M3212" s="49" t="e">
        <f>VLOOKUP(E3212&amp;F3212,団体コード!$A$1:$C$1743,2,FALSE)</f>
        <v>#N/A</v>
      </c>
      <c r="N3212" s="51" t="e">
        <f>VLOOKUP(E3212,団体コード!$E$1:$F$48,2,FALSE)</f>
        <v>#N/A</v>
      </c>
      <c r="O3212" s="51" t="e">
        <f t="shared" si="103"/>
        <v>#N/A</v>
      </c>
      <c r="P3212" s="51">
        <v>1</v>
      </c>
      <c r="Q3212" s="51" t="s">
        <v>5341</v>
      </c>
      <c r="R3212" s="54" t="b">
        <v>1</v>
      </c>
      <c r="S3212" s="52" t="s">
        <v>7126</v>
      </c>
      <c r="T3212" s="67" t="s">
        <v>7127</v>
      </c>
      <c r="U3212" s="75" t="s">
        <v>5331</v>
      </c>
      <c r="V3212" s="47" t="s">
        <v>5331</v>
      </c>
      <c r="W3212" s="47" t="s">
        <v>5331</v>
      </c>
      <c r="X3212" s="47" t="s">
        <v>5331</v>
      </c>
      <c r="Y3212" s="47" t="s">
        <v>5331</v>
      </c>
      <c r="Z3212" s="28"/>
      <c r="AA3212" s="27"/>
      <c r="AB3212" s="27"/>
      <c r="AC3212" s="27"/>
      <c r="AD3212" s="30"/>
      <c r="AE3212" s="1"/>
      <c r="AF3212" s="23" t="s">
        <v>5331</v>
      </c>
      <c r="AG3212" s="26"/>
      <c r="AH3212" s="53"/>
    </row>
    <row r="3213" spans="1:34" ht="51.6" customHeight="1" x14ac:dyDescent="0.45">
      <c r="A3213" s="23">
        <v>3207</v>
      </c>
      <c r="B3213" s="25"/>
      <c r="C3213" s="25"/>
      <c r="D3213" s="29"/>
      <c r="E3213" s="1"/>
      <c r="F3213" s="1"/>
      <c r="G3213" s="25"/>
      <c r="H3213" s="71"/>
      <c r="I3213" s="83"/>
      <c r="J3213" s="50" t="str">
        <f t="shared" si="102"/>
        <v/>
      </c>
      <c r="K3213" s="23" t="s">
        <v>7120</v>
      </c>
      <c r="L3213" s="49" t="e">
        <f>VLOOKUP(E3213&amp;F3213,団体コード!$A$1:$C$1743,3,FALSE)</f>
        <v>#N/A</v>
      </c>
      <c r="M3213" s="49" t="e">
        <f>VLOOKUP(E3213&amp;F3213,団体コード!$A$1:$C$1743,2,FALSE)</f>
        <v>#N/A</v>
      </c>
      <c r="N3213" s="51" t="e">
        <f>VLOOKUP(E3213,団体コード!$E$1:$F$48,2,FALSE)</f>
        <v>#N/A</v>
      </c>
      <c r="O3213" s="51" t="e">
        <f t="shared" si="103"/>
        <v>#N/A</v>
      </c>
      <c r="P3213" s="51">
        <v>1</v>
      </c>
      <c r="Q3213" s="51" t="s">
        <v>5341</v>
      </c>
      <c r="R3213" s="54" t="b">
        <v>1</v>
      </c>
      <c r="S3213" s="52" t="s">
        <v>7126</v>
      </c>
      <c r="T3213" s="67" t="s">
        <v>7127</v>
      </c>
      <c r="U3213" s="75" t="s">
        <v>5331</v>
      </c>
      <c r="V3213" s="47" t="s">
        <v>5331</v>
      </c>
      <c r="W3213" s="47" t="s">
        <v>5331</v>
      </c>
      <c r="X3213" s="47" t="s">
        <v>5331</v>
      </c>
      <c r="Y3213" s="47" t="s">
        <v>5331</v>
      </c>
      <c r="Z3213" s="28"/>
      <c r="AA3213" s="27"/>
      <c r="AB3213" s="27"/>
      <c r="AC3213" s="27"/>
      <c r="AD3213" s="30"/>
      <c r="AE3213" s="1"/>
      <c r="AF3213" s="23" t="s">
        <v>5331</v>
      </c>
      <c r="AG3213" s="26"/>
      <c r="AH3213" s="53"/>
    </row>
    <row r="3214" spans="1:34" ht="51.6" customHeight="1" x14ac:dyDescent="0.45">
      <c r="A3214" s="23">
        <v>3208</v>
      </c>
      <c r="B3214" s="25"/>
      <c r="C3214" s="25"/>
      <c r="D3214" s="29"/>
      <c r="E3214" s="1"/>
      <c r="F3214" s="1"/>
      <c r="G3214" s="25"/>
      <c r="H3214" s="71"/>
      <c r="I3214" s="83"/>
      <c r="J3214" s="50" t="str">
        <f t="shared" si="102"/>
        <v/>
      </c>
      <c r="K3214" s="23" t="s">
        <v>7120</v>
      </c>
      <c r="L3214" s="49" t="e">
        <f>VLOOKUP(E3214&amp;F3214,団体コード!$A$1:$C$1743,3,FALSE)</f>
        <v>#N/A</v>
      </c>
      <c r="M3214" s="49" t="e">
        <f>VLOOKUP(E3214&amp;F3214,団体コード!$A$1:$C$1743,2,FALSE)</f>
        <v>#N/A</v>
      </c>
      <c r="N3214" s="51" t="e">
        <f>VLOOKUP(E3214,団体コード!$E$1:$F$48,2,FALSE)</f>
        <v>#N/A</v>
      </c>
      <c r="O3214" s="51" t="e">
        <f t="shared" si="103"/>
        <v>#N/A</v>
      </c>
      <c r="P3214" s="51">
        <v>1</v>
      </c>
      <c r="Q3214" s="51" t="s">
        <v>5341</v>
      </c>
      <c r="R3214" s="54" t="b">
        <v>1</v>
      </c>
      <c r="S3214" s="52" t="s">
        <v>7126</v>
      </c>
      <c r="T3214" s="67" t="s">
        <v>7127</v>
      </c>
      <c r="U3214" s="75" t="s">
        <v>5331</v>
      </c>
      <c r="V3214" s="47" t="s">
        <v>5331</v>
      </c>
      <c r="W3214" s="47" t="s">
        <v>5331</v>
      </c>
      <c r="X3214" s="47" t="s">
        <v>5331</v>
      </c>
      <c r="Y3214" s="47" t="s">
        <v>5331</v>
      </c>
      <c r="Z3214" s="28"/>
      <c r="AA3214" s="27"/>
      <c r="AB3214" s="27"/>
      <c r="AC3214" s="27"/>
      <c r="AD3214" s="30"/>
      <c r="AE3214" s="1"/>
      <c r="AF3214" s="23" t="s">
        <v>5331</v>
      </c>
      <c r="AG3214" s="26"/>
      <c r="AH3214" s="53"/>
    </row>
    <row r="3215" spans="1:34" ht="51.6" customHeight="1" x14ac:dyDescent="0.45">
      <c r="A3215" s="23">
        <v>3209</v>
      </c>
      <c r="B3215" s="25"/>
      <c r="C3215" s="25"/>
      <c r="D3215" s="29"/>
      <c r="E3215" s="1"/>
      <c r="F3215" s="1"/>
      <c r="G3215" s="25"/>
      <c r="H3215" s="71"/>
      <c r="I3215" s="83"/>
      <c r="J3215" s="50" t="str">
        <f t="shared" si="102"/>
        <v/>
      </c>
      <c r="K3215" s="23" t="s">
        <v>7120</v>
      </c>
      <c r="L3215" s="49" t="e">
        <f>VLOOKUP(E3215&amp;F3215,団体コード!$A$1:$C$1743,3,FALSE)</f>
        <v>#N/A</v>
      </c>
      <c r="M3215" s="49" t="e">
        <f>VLOOKUP(E3215&amp;F3215,団体コード!$A$1:$C$1743,2,FALSE)</f>
        <v>#N/A</v>
      </c>
      <c r="N3215" s="51" t="e">
        <f>VLOOKUP(E3215,団体コード!$E$1:$F$48,2,FALSE)</f>
        <v>#N/A</v>
      </c>
      <c r="O3215" s="51" t="e">
        <f t="shared" si="103"/>
        <v>#N/A</v>
      </c>
      <c r="P3215" s="51">
        <v>1</v>
      </c>
      <c r="Q3215" s="51" t="s">
        <v>5341</v>
      </c>
      <c r="R3215" s="54" t="b">
        <v>1</v>
      </c>
      <c r="S3215" s="52" t="s">
        <v>7126</v>
      </c>
      <c r="T3215" s="67" t="s">
        <v>7127</v>
      </c>
      <c r="U3215" s="75" t="s">
        <v>5331</v>
      </c>
      <c r="V3215" s="47" t="s">
        <v>5331</v>
      </c>
      <c r="W3215" s="47" t="s">
        <v>5331</v>
      </c>
      <c r="X3215" s="47" t="s">
        <v>5331</v>
      </c>
      <c r="Y3215" s="47" t="s">
        <v>5331</v>
      </c>
      <c r="Z3215" s="28"/>
      <c r="AA3215" s="27"/>
      <c r="AB3215" s="27"/>
      <c r="AC3215" s="27"/>
      <c r="AD3215" s="30"/>
      <c r="AE3215" s="1"/>
      <c r="AF3215" s="23" t="s">
        <v>5331</v>
      </c>
      <c r="AG3215" s="26"/>
      <c r="AH3215" s="53"/>
    </row>
    <row r="3216" spans="1:34" ht="51.6" customHeight="1" x14ac:dyDescent="0.45">
      <c r="A3216" s="23">
        <v>3210</v>
      </c>
      <c r="B3216" s="25"/>
      <c r="C3216" s="25"/>
      <c r="D3216" s="29"/>
      <c r="E3216" s="1"/>
      <c r="F3216" s="1"/>
      <c r="G3216" s="25"/>
      <c r="H3216" s="71"/>
      <c r="I3216" s="83"/>
      <c r="J3216" s="50" t="str">
        <f t="shared" si="102"/>
        <v/>
      </c>
      <c r="K3216" s="23" t="s">
        <v>7120</v>
      </c>
      <c r="L3216" s="49" t="e">
        <f>VLOOKUP(E3216&amp;F3216,団体コード!$A$1:$C$1743,3,FALSE)</f>
        <v>#N/A</v>
      </c>
      <c r="M3216" s="49" t="e">
        <f>VLOOKUP(E3216&amp;F3216,団体コード!$A$1:$C$1743,2,FALSE)</f>
        <v>#N/A</v>
      </c>
      <c r="N3216" s="51" t="e">
        <f>VLOOKUP(E3216,団体コード!$E$1:$F$48,2,FALSE)</f>
        <v>#N/A</v>
      </c>
      <c r="O3216" s="51" t="e">
        <f t="shared" si="103"/>
        <v>#N/A</v>
      </c>
      <c r="P3216" s="51">
        <v>1</v>
      </c>
      <c r="Q3216" s="51" t="s">
        <v>5341</v>
      </c>
      <c r="R3216" s="54" t="b">
        <v>1</v>
      </c>
      <c r="S3216" s="52" t="s">
        <v>7126</v>
      </c>
      <c r="T3216" s="67" t="s">
        <v>7127</v>
      </c>
      <c r="U3216" s="75" t="s">
        <v>5331</v>
      </c>
      <c r="V3216" s="47" t="s">
        <v>5331</v>
      </c>
      <c r="W3216" s="47" t="s">
        <v>5331</v>
      </c>
      <c r="X3216" s="47" t="s">
        <v>5331</v>
      </c>
      <c r="Y3216" s="47" t="s">
        <v>5331</v>
      </c>
      <c r="Z3216" s="28"/>
      <c r="AA3216" s="27"/>
      <c r="AB3216" s="27"/>
      <c r="AC3216" s="27"/>
      <c r="AD3216" s="30"/>
      <c r="AE3216" s="1"/>
      <c r="AF3216" s="23" t="s">
        <v>5331</v>
      </c>
      <c r="AG3216" s="26"/>
      <c r="AH3216" s="53"/>
    </row>
    <row r="3217" spans="1:34" ht="51.6" customHeight="1" x14ac:dyDescent="0.45">
      <c r="A3217" s="23">
        <v>3211</v>
      </c>
      <c r="B3217" s="25"/>
      <c r="C3217" s="25"/>
      <c r="D3217" s="29"/>
      <c r="E3217" s="1"/>
      <c r="F3217" s="1"/>
      <c r="G3217" s="25"/>
      <c r="H3217" s="71"/>
      <c r="I3217" s="83"/>
      <c r="J3217" s="50" t="str">
        <f t="shared" si="102"/>
        <v/>
      </c>
      <c r="K3217" s="23" t="s">
        <v>7120</v>
      </c>
      <c r="L3217" s="49" t="e">
        <f>VLOOKUP(E3217&amp;F3217,団体コード!$A$1:$C$1743,3,FALSE)</f>
        <v>#N/A</v>
      </c>
      <c r="M3217" s="49" t="e">
        <f>VLOOKUP(E3217&amp;F3217,団体コード!$A$1:$C$1743,2,FALSE)</f>
        <v>#N/A</v>
      </c>
      <c r="N3217" s="51" t="e">
        <f>VLOOKUP(E3217,団体コード!$E$1:$F$48,2,FALSE)</f>
        <v>#N/A</v>
      </c>
      <c r="O3217" s="51" t="e">
        <f t="shared" si="103"/>
        <v>#N/A</v>
      </c>
      <c r="P3217" s="51">
        <v>1</v>
      </c>
      <c r="Q3217" s="51" t="s">
        <v>5341</v>
      </c>
      <c r="R3217" s="54" t="b">
        <v>1</v>
      </c>
      <c r="S3217" s="52" t="s">
        <v>7126</v>
      </c>
      <c r="T3217" s="67" t="s">
        <v>7127</v>
      </c>
      <c r="U3217" s="75" t="s">
        <v>5331</v>
      </c>
      <c r="V3217" s="47" t="s">
        <v>5331</v>
      </c>
      <c r="W3217" s="47" t="s">
        <v>5331</v>
      </c>
      <c r="X3217" s="47" t="s">
        <v>5331</v>
      </c>
      <c r="Y3217" s="47" t="s">
        <v>5331</v>
      </c>
      <c r="Z3217" s="28"/>
      <c r="AA3217" s="27"/>
      <c r="AB3217" s="27"/>
      <c r="AC3217" s="27"/>
      <c r="AD3217" s="30"/>
      <c r="AE3217" s="1"/>
      <c r="AF3217" s="23" t="s">
        <v>5331</v>
      </c>
      <c r="AG3217" s="26"/>
      <c r="AH3217" s="53"/>
    </row>
    <row r="3218" spans="1:34" ht="51.6" customHeight="1" x14ac:dyDescent="0.45">
      <c r="A3218" s="23">
        <v>3212</v>
      </c>
      <c r="B3218" s="25"/>
      <c r="C3218" s="25"/>
      <c r="D3218" s="29"/>
      <c r="E3218" s="1"/>
      <c r="F3218" s="1"/>
      <c r="G3218" s="25"/>
      <c r="H3218" s="71"/>
      <c r="I3218" s="83"/>
      <c r="J3218" s="50" t="str">
        <f t="shared" si="102"/>
        <v/>
      </c>
      <c r="K3218" s="23" t="s">
        <v>7120</v>
      </c>
      <c r="L3218" s="49" t="e">
        <f>VLOOKUP(E3218&amp;F3218,団体コード!$A$1:$C$1743,3,FALSE)</f>
        <v>#N/A</v>
      </c>
      <c r="M3218" s="49" t="e">
        <f>VLOOKUP(E3218&amp;F3218,団体コード!$A$1:$C$1743,2,FALSE)</f>
        <v>#N/A</v>
      </c>
      <c r="N3218" s="51" t="e">
        <f>VLOOKUP(E3218,団体コード!$E$1:$F$48,2,FALSE)</f>
        <v>#N/A</v>
      </c>
      <c r="O3218" s="51" t="e">
        <f t="shared" si="103"/>
        <v>#N/A</v>
      </c>
      <c r="P3218" s="51">
        <v>1</v>
      </c>
      <c r="Q3218" s="51" t="s">
        <v>5341</v>
      </c>
      <c r="R3218" s="54" t="b">
        <v>1</v>
      </c>
      <c r="S3218" s="52" t="s">
        <v>7126</v>
      </c>
      <c r="T3218" s="67" t="s">
        <v>7127</v>
      </c>
      <c r="U3218" s="75" t="s">
        <v>5331</v>
      </c>
      <c r="V3218" s="47" t="s">
        <v>5331</v>
      </c>
      <c r="W3218" s="47" t="s">
        <v>5331</v>
      </c>
      <c r="X3218" s="47" t="s">
        <v>5331</v>
      </c>
      <c r="Y3218" s="47" t="s">
        <v>5331</v>
      </c>
      <c r="Z3218" s="28"/>
      <c r="AA3218" s="27"/>
      <c r="AB3218" s="27"/>
      <c r="AC3218" s="27"/>
      <c r="AD3218" s="30"/>
      <c r="AE3218" s="1"/>
      <c r="AF3218" s="23" t="s">
        <v>5331</v>
      </c>
      <c r="AG3218" s="26"/>
      <c r="AH3218" s="53"/>
    </row>
    <row r="3219" spans="1:34" ht="51.6" customHeight="1" x14ac:dyDescent="0.45">
      <c r="A3219" s="23">
        <v>3213</v>
      </c>
      <c r="B3219" s="25"/>
      <c r="C3219" s="25"/>
      <c r="D3219" s="29"/>
      <c r="E3219" s="1"/>
      <c r="F3219" s="1"/>
      <c r="G3219" s="25"/>
      <c r="H3219" s="71"/>
      <c r="I3219" s="83"/>
      <c r="J3219" s="50" t="str">
        <f t="shared" si="102"/>
        <v/>
      </c>
      <c r="K3219" s="23" t="s">
        <v>7120</v>
      </c>
      <c r="L3219" s="49" t="e">
        <f>VLOOKUP(E3219&amp;F3219,団体コード!$A$1:$C$1743,3,FALSE)</f>
        <v>#N/A</v>
      </c>
      <c r="M3219" s="49" t="e">
        <f>VLOOKUP(E3219&amp;F3219,団体コード!$A$1:$C$1743,2,FALSE)</f>
        <v>#N/A</v>
      </c>
      <c r="N3219" s="51" t="e">
        <f>VLOOKUP(E3219,団体コード!$E$1:$F$48,2,FALSE)</f>
        <v>#N/A</v>
      </c>
      <c r="O3219" s="51" t="e">
        <f t="shared" si="103"/>
        <v>#N/A</v>
      </c>
      <c r="P3219" s="51">
        <v>1</v>
      </c>
      <c r="Q3219" s="51" t="s">
        <v>5341</v>
      </c>
      <c r="R3219" s="54" t="b">
        <v>1</v>
      </c>
      <c r="S3219" s="52" t="s">
        <v>7126</v>
      </c>
      <c r="T3219" s="67" t="s">
        <v>7127</v>
      </c>
      <c r="U3219" s="75" t="s">
        <v>5331</v>
      </c>
      <c r="V3219" s="47" t="s">
        <v>5331</v>
      </c>
      <c r="W3219" s="47" t="s">
        <v>5331</v>
      </c>
      <c r="X3219" s="47" t="s">
        <v>5331</v>
      </c>
      <c r="Y3219" s="47" t="s">
        <v>5331</v>
      </c>
      <c r="Z3219" s="28"/>
      <c r="AA3219" s="27"/>
      <c r="AB3219" s="27"/>
      <c r="AC3219" s="27"/>
      <c r="AD3219" s="30"/>
      <c r="AE3219" s="1"/>
      <c r="AF3219" s="23" t="s">
        <v>5331</v>
      </c>
      <c r="AG3219" s="26"/>
      <c r="AH3219" s="53"/>
    </row>
    <row r="3220" spans="1:34" ht="51.6" customHeight="1" x14ac:dyDescent="0.45">
      <c r="A3220" s="23">
        <v>3214</v>
      </c>
      <c r="B3220" s="25"/>
      <c r="C3220" s="25"/>
      <c r="D3220" s="29"/>
      <c r="E3220" s="1"/>
      <c r="F3220" s="1"/>
      <c r="G3220" s="25"/>
      <c r="H3220" s="71"/>
      <c r="I3220" s="83"/>
      <c r="J3220" s="50" t="str">
        <f t="shared" si="102"/>
        <v/>
      </c>
      <c r="K3220" s="23" t="s">
        <v>7120</v>
      </c>
      <c r="L3220" s="49" t="e">
        <f>VLOOKUP(E3220&amp;F3220,団体コード!$A$1:$C$1743,3,FALSE)</f>
        <v>#N/A</v>
      </c>
      <c r="M3220" s="49" t="e">
        <f>VLOOKUP(E3220&amp;F3220,団体コード!$A$1:$C$1743,2,FALSE)</f>
        <v>#N/A</v>
      </c>
      <c r="N3220" s="51" t="e">
        <f>VLOOKUP(E3220,団体コード!$E$1:$F$48,2,FALSE)</f>
        <v>#N/A</v>
      </c>
      <c r="O3220" s="51" t="e">
        <f t="shared" si="103"/>
        <v>#N/A</v>
      </c>
      <c r="P3220" s="51">
        <v>1</v>
      </c>
      <c r="Q3220" s="51" t="s">
        <v>5341</v>
      </c>
      <c r="R3220" s="54" t="b">
        <v>1</v>
      </c>
      <c r="S3220" s="52" t="s">
        <v>7126</v>
      </c>
      <c r="T3220" s="67" t="s">
        <v>7127</v>
      </c>
      <c r="U3220" s="75" t="s">
        <v>5331</v>
      </c>
      <c r="V3220" s="47" t="s">
        <v>5331</v>
      </c>
      <c r="W3220" s="47" t="s">
        <v>5331</v>
      </c>
      <c r="X3220" s="47" t="s">
        <v>5331</v>
      </c>
      <c r="Y3220" s="47" t="s">
        <v>5331</v>
      </c>
      <c r="Z3220" s="28"/>
      <c r="AA3220" s="27"/>
      <c r="AB3220" s="27"/>
      <c r="AC3220" s="27"/>
      <c r="AD3220" s="30"/>
      <c r="AE3220" s="1"/>
      <c r="AF3220" s="23" t="s">
        <v>5331</v>
      </c>
      <c r="AG3220" s="26"/>
      <c r="AH3220" s="53"/>
    </row>
    <row r="3221" spans="1:34" ht="51.6" customHeight="1" x14ac:dyDescent="0.45">
      <c r="A3221" s="23">
        <v>3215</v>
      </c>
      <c r="B3221" s="25"/>
      <c r="C3221" s="25"/>
      <c r="D3221" s="29"/>
      <c r="E3221" s="1"/>
      <c r="F3221" s="1"/>
      <c r="G3221" s="25"/>
      <c r="H3221" s="71"/>
      <c r="I3221" s="83"/>
      <c r="J3221" s="50" t="str">
        <f t="shared" si="102"/>
        <v/>
      </c>
      <c r="K3221" s="23" t="s">
        <v>7120</v>
      </c>
      <c r="L3221" s="49" t="e">
        <f>VLOOKUP(E3221&amp;F3221,団体コード!$A$1:$C$1743,3,FALSE)</f>
        <v>#N/A</v>
      </c>
      <c r="M3221" s="49" t="e">
        <f>VLOOKUP(E3221&amp;F3221,団体コード!$A$1:$C$1743,2,FALSE)</f>
        <v>#N/A</v>
      </c>
      <c r="N3221" s="51" t="e">
        <f>VLOOKUP(E3221,団体コード!$E$1:$F$48,2,FALSE)</f>
        <v>#N/A</v>
      </c>
      <c r="O3221" s="51" t="e">
        <f t="shared" si="103"/>
        <v>#N/A</v>
      </c>
      <c r="P3221" s="51">
        <v>1</v>
      </c>
      <c r="Q3221" s="51" t="s">
        <v>5341</v>
      </c>
      <c r="R3221" s="54" t="b">
        <v>1</v>
      </c>
      <c r="S3221" s="52" t="s">
        <v>7126</v>
      </c>
      <c r="T3221" s="67" t="s">
        <v>7127</v>
      </c>
      <c r="U3221" s="75" t="s">
        <v>5331</v>
      </c>
      <c r="V3221" s="47" t="s">
        <v>5331</v>
      </c>
      <c r="W3221" s="47" t="s">
        <v>5331</v>
      </c>
      <c r="X3221" s="47" t="s">
        <v>5331</v>
      </c>
      <c r="Y3221" s="47" t="s">
        <v>5331</v>
      </c>
      <c r="Z3221" s="28"/>
      <c r="AA3221" s="27"/>
      <c r="AB3221" s="27"/>
      <c r="AC3221" s="27"/>
      <c r="AD3221" s="30"/>
      <c r="AE3221" s="1"/>
      <c r="AF3221" s="23" t="s">
        <v>5331</v>
      </c>
      <c r="AG3221" s="26"/>
      <c r="AH3221" s="53"/>
    </row>
    <row r="3222" spans="1:34" ht="51.6" customHeight="1" x14ac:dyDescent="0.45">
      <c r="A3222" s="23">
        <v>3216</v>
      </c>
      <c r="B3222" s="25"/>
      <c r="C3222" s="25"/>
      <c r="D3222" s="29"/>
      <c r="E3222" s="1"/>
      <c r="F3222" s="1"/>
      <c r="G3222" s="25"/>
      <c r="H3222" s="71"/>
      <c r="I3222" s="83"/>
      <c r="J3222" s="50" t="str">
        <f t="shared" si="102"/>
        <v/>
      </c>
      <c r="K3222" s="23" t="s">
        <v>7120</v>
      </c>
      <c r="L3222" s="49" t="e">
        <f>VLOOKUP(E3222&amp;F3222,団体コード!$A$1:$C$1743,3,FALSE)</f>
        <v>#N/A</v>
      </c>
      <c r="M3222" s="49" t="e">
        <f>VLOOKUP(E3222&amp;F3222,団体コード!$A$1:$C$1743,2,FALSE)</f>
        <v>#N/A</v>
      </c>
      <c r="N3222" s="51" t="e">
        <f>VLOOKUP(E3222,団体コード!$E$1:$F$48,2,FALSE)</f>
        <v>#N/A</v>
      </c>
      <c r="O3222" s="51" t="e">
        <f t="shared" si="103"/>
        <v>#N/A</v>
      </c>
      <c r="P3222" s="51">
        <v>1</v>
      </c>
      <c r="Q3222" s="51" t="s">
        <v>5341</v>
      </c>
      <c r="R3222" s="54" t="b">
        <v>1</v>
      </c>
      <c r="S3222" s="52" t="s">
        <v>7126</v>
      </c>
      <c r="T3222" s="67" t="s">
        <v>7127</v>
      </c>
      <c r="U3222" s="75" t="s">
        <v>5331</v>
      </c>
      <c r="V3222" s="47" t="s">
        <v>5331</v>
      </c>
      <c r="W3222" s="47" t="s">
        <v>5331</v>
      </c>
      <c r="X3222" s="47" t="s">
        <v>5331</v>
      </c>
      <c r="Y3222" s="47" t="s">
        <v>5331</v>
      </c>
      <c r="Z3222" s="28"/>
      <c r="AA3222" s="27"/>
      <c r="AB3222" s="27"/>
      <c r="AC3222" s="27"/>
      <c r="AD3222" s="30"/>
      <c r="AE3222" s="1"/>
      <c r="AF3222" s="23" t="s">
        <v>5331</v>
      </c>
      <c r="AG3222" s="26"/>
      <c r="AH3222" s="53"/>
    </row>
    <row r="3223" spans="1:34" ht="51.6" customHeight="1" x14ac:dyDescent="0.45">
      <c r="A3223" s="23">
        <v>3217</v>
      </c>
      <c r="B3223" s="25"/>
      <c r="C3223" s="25"/>
      <c r="D3223" s="29"/>
      <c r="E3223" s="1"/>
      <c r="F3223" s="1"/>
      <c r="G3223" s="25"/>
      <c r="H3223" s="71"/>
      <c r="I3223" s="83"/>
      <c r="J3223" s="50" t="str">
        <f t="shared" si="102"/>
        <v/>
      </c>
      <c r="K3223" s="23" t="s">
        <v>7120</v>
      </c>
      <c r="L3223" s="49" t="e">
        <f>VLOOKUP(E3223&amp;F3223,団体コード!$A$1:$C$1743,3,FALSE)</f>
        <v>#N/A</v>
      </c>
      <c r="M3223" s="49" t="e">
        <f>VLOOKUP(E3223&amp;F3223,団体コード!$A$1:$C$1743,2,FALSE)</f>
        <v>#N/A</v>
      </c>
      <c r="N3223" s="51" t="e">
        <f>VLOOKUP(E3223,団体コード!$E$1:$F$48,2,FALSE)</f>
        <v>#N/A</v>
      </c>
      <c r="O3223" s="51" t="e">
        <f t="shared" si="103"/>
        <v>#N/A</v>
      </c>
      <c r="P3223" s="51">
        <v>1</v>
      </c>
      <c r="Q3223" s="51" t="s">
        <v>5341</v>
      </c>
      <c r="R3223" s="54" t="b">
        <v>1</v>
      </c>
      <c r="S3223" s="52" t="s">
        <v>7126</v>
      </c>
      <c r="T3223" s="67" t="s">
        <v>7127</v>
      </c>
      <c r="U3223" s="75" t="s">
        <v>5331</v>
      </c>
      <c r="V3223" s="47" t="s">
        <v>5331</v>
      </c>
      <c r="W3223" s="47" t="s">
        <v>5331</v>
      </c>
      <c r="X3223" s="47" t="s">
        <v>5331</v>
      </c>
      <c r="Y3223" s="47" t="s">
        <v>5331</v>
      </c>
      <c r="Z3223" s="28"/>
      <c r="AA3223" s="27"/>
      <c r="AB3223" s="27"/>
      <c r="AC3223" s="27"/>
      <c r="AD3223" s="30"/>
      <c r="AE3223" s="1"/>
      <c r="AF3223" s="23" t="s">
        <v>5331</v>
      </c>
      <c r="AG3223" s="26"/>
      <c r="AH3223" s="53"/>
    </row>
    <row r="3224" spans="1:34" ht="51.6" customHeight="1" x14ac:dyDescent="0.45">
      <c r="A3224" s="23">
        <v>3218</v>
      </c>
      <c r="B3224" s="25"/>
      <c r="C3224" s="25"/>
      <c r="D3224" s="29"/>
      <c r="E3224" s="1"/>
      <c r="F3224" s="1"/>
      <c r="G3224" s="25"/>
      <c r="H3224" s="71"/>
      <c r="I3224" s="83"/>
      <c r="J3224" s="50" t="str">
        <f t="shared" si="102"/>
        <v/>
      </c>
      <c r="K3224" s="23" t="s">
        <v>7120</v>
      </c>
      <c r="L3224" s="49" t="e">
        <f>VLOOKUP(E3224&amp;F3224,団体コード!$A$1:$C$1743,3,FALSE)</f>
        <v>#N/A</v>
      </c>
      <c r="M3224" s="49" t="e">
        <f>VLOOKUP(E3224&amp;F3224,団体コード!$A$1:$C$1743,2,FALSE)</f>
        <v>#N/A</v>
      </c>
      <c r="N3224" s="51" t="e">
        <f>VLOOKUP(E3224,団体コード!$E$1:$F$48,2,FALSE)</f>
        <v>#N/A</v>
      </c>
      <c r="O3224" s="51" t="e">
        <f t="shared" si="103"/>
        <v>#N/A</v>
      </c>
      <c r="P3224" s="51">
        <v>1</v>
      </c>
      <c r="Q3224" s="51" t="s">
        <v>5341</v>
      </c>
      <c r="R3224" s="54" t="b">
        <v>1</v>
      </c>
      <c r="S3224" s="52" t="s">
        <v>7126</v>
      </c>
      <c r="T3224" s="67" t="s">
        <v>7127</v>
      </c>
      <c r="U3224" s="75" t="s">
        <v>5331</v>
      </c>
      <c r="V3224" s="47" t="s">
        <v>5331</v>
      </c>
      <c r="W3224" s="47" t="s">
        <v>5331</v>
      </c>
      <c r="X3224" s="47" t="s">
        <v>5331</v>
      </c>
      <c r="Y3224" s="47" t="s">
        <v>5331</v>
      </c>
      <c r="Z3224" s="28"/>
      <c r="AA3224" s="27"/>
      <c r="AB3224" s="27"/>
      <c r="AC3224" s="27"/>
      <c r="AD3224" s="30"/>
      <c r="AE3224" s="1"/>
      <c r="AF3224" s="23" t="s">
        <v>5331</v>
      </c>
      <c r="AG3224" s="26"/>
      <c r="AH3224" s="53"/>
    </row>
    <row r="3225" spans="1:34" ht="51.6" customHeight="1" x14ac:dyDescent="0.45">
      <c r="A3225" s="23">
        <v>3219</v>
      </c>
      <c r="B3225" s="25"/>
      <c r="C3225" s="25"/>
      <c r="D3225" s="29"/>
      <c r="E3225" s="1"/>
      <c r="F3225" s="1"/>
      <c r="G3225" s="25"/>
      <c r="H3225" s="71"/>
      <c r="I3225" s="83"/>
      <c r="J3225" s="50" t="str">
        <f t="shared" si="102"/>
        <v/>
      </c>
      <c r="K3225" s="23" t="s">
        <v>7120</v>
      </c>
      <c r="L3225" s="49" t="e">
        <f>VLOOKUP(E3225&amp;F3225,団体コード!$A$1:$C$1743,3,FALSE)</f>
        <v>#N/A</v>
      </c>
      <c r="M3225" s="49" t="e">
        <f>VLOOKUP(E3225&amp;F3225,団体コード!$A$1:$C$1743,2,FALSE)</f>
        <v>#N/A</v>
      </c>
      <c r="N3225" s="51" t="e">
        <f>VLOOKUP(E3225,団体コード!$E$1:$F$48,2,FALSE)</f>
        <v>#N/A</v>
      </c>
      <c r="O3225" s="51" t="e">
        <f t="shared" si="103"/>
        <v>#N/A</v>
      </c>
      <c r="P3225" s="51">
        <v>1</v>
      </c>
      <c r="Q3225" s="51" t="s">
        <v>5341</v>
      </c>
      <c r="R3225" s="54" t="b">
        <v>1</v>
      </c>
      <c r="S3225" s="52" t="s">
        <v>7126</v>
      </c>
      <c r="T3225" s="67" t="s">
        <v>7127</v>
      </c>
      <c r="U3225" s="75" t="s">
        <v>5331</v>
      </c>
      <c r="V3225" s="47" t="s">
        <v>5331</v>
      </c>
      <c r="W3225" s="47" t="s">
        <v>5331</v>
      </c>
      <c r="X3225" s="47" t="s">
        <v>5331</v>
      </c>
      <c r="Y3225" s="47" t="s">
        <v>5331</v>
      </c>
      <c r="Z3225" s="28"/>
      <c r="AA3225" s="27"/>
      <c r="AB3225" s="27"/>
      <c r="AC3225" s="27"/>
      <c r="AD3225" s="30"/>
      <c r="AE3225" s="1"/>
      <c r="AF3225" s="23" t="s">
        <v>5331</v>
      </c>
      <c r="AG3225" s="26"/>
      <c r="AH3225" s="53"/>
    </row>
    <row r="3226" spans="1:34" ht="51.6" customHeight="1" x14ac:dyDescent="0.45">
      <c r="A3226" s="23">
        <v>3220</v>
      </c>
      <c r="B3226" s="25"/>
      <c r="C3226" s="25"/>
      <c r="D3226" s="29"/>
      <c r="E3226" s="1"/>
      <c r="F3226" s="1"/>
      <c r="G3226" s="25"/>
      <c r="H3226" s="71"/>
      <c r="I3226" s="83"/>
      <c r="J3226" s="50" t="str">
        <f t="shared" si="102"/>
        <v/>
      </c>
      <c r="K3226" s="23" t="s">
        <v>7120</v>
      </c>
      <c r="L3226" s="49" t="e">
        <f>VLOOKUP(E3226&amp;F3226,団体コード!$A$1:$C$1743,3,FALSE)</f>
        <v>#N/A</v>
      </c>
      <c r="M3226" s="49" t="e">
        <f>VLOOKUP(E3226&amp;F3226,団体コード!$A$1:$C$1743,2,FALSE)</f>
        <v>#N/A</v>
      </c>
      <c r="N3226" s="51" t="e">
        <f>VLOOKUP(E3226,団体コード!$E$1:$F$48,2,FALSE)</f>
        <v>#N/A</v>
      </c>
      <c r="O3226" s="51" t="e">
        <f t="shared" si="103"/>
        <v>#N/A</v>
      </c>
      <c r="P3226" s="51">
        <v>1</v>
      </c>
      <c r="Q3226" s="51" t="s">
        <v>5341</v>
      </c>
      <c r="R3226" s="54" t="b">
        <v>1</v>
      </c>
      <c r="S3226" s="52" t="s">
        <v>7126</v>
      </c>
      <c r="T3226" s="67" t="s">
        <v>7127</v>
      </c>
      <c r="U3226" s="75" t="s">
        <v>5331</v>
      </c>
      <c r="V3226" s="47" t="s">
        <v>5331</v>
      </c>
      <c r="W3226" s="47" t="s">
        <v>5331</v>
      </c>
      <c r="X3226" s="47" t="s">
        <v>5331</v>
      </c>
      <c r="Y3226" s="47" t="s">
        <v>5331</v>
      </c>
      <c r="Z3226" s="28"/>
      <c r="AA3226" s="27"/>
      <c r="AB3226" s="27"/>
      <c r="AC3226" s="27"/>
      <c r="AD3226" s="30"/>
      <c r="AE3226" s="1"/>
      <c r="AF3226" s="23" t="s">
        <v>5331</v>
      </c>
      <c r="AG3226" s="26"/>
      <c r="AH3226" s="53"/>
    </row>
    <row r="3227" spans="1:34" ht="51.6" customHeight="1" x14ac:dyDescent="0.45">
      <c r="A3227" s="23">
        <v>3221</v>
      </c>
      <c r="B3227" s="25"/>
      <c r="C3227" s="25"/>
      <c r="D3227" s="29"/>
      <c r="E3227" s="1"/>
      <c r="F3227" s="1"/>
      <c r="G3227" s="25"/>
      <c r="H3227" s="71"/>
      <c r="I3227" s="83"/>
      <c r="J3227" s="50" t="str">
        <f t="shared" si="102"/>
        <v/>
      </c>
      <c r="K3227" s="23" t="s">
        <v>7120</v>
      </c>
      <c r="L3227" s="49" t="e">
        <f>VLOOKUP(E3227&amp;F3227,団体コード!$A$1:$C$1743,3,FALSE)</f>
        <v>#N/A</v>
      </c>
      <c r="M3227" s="49" t="e">
        <f>VLOOKUP(E3227&amp;F3227,団体コード!$A$1:$C$1743,2,FALSE)</f>
        <v>#N/A</v>
      </c>
      <c r="N3227" s="51" t="e">
        <f>VLOOKUP(E3227,団体コード!$E$1:$F$48,2,FALSE)</f>
        <v>#N/A</v>
      </c>
      <c r="O3227" s="51" t="e">
        <f t="shared" si="103"/>
        <v>#N/A</v>
      </c>
      <c r="P3227" s="51">
        <v>1</v>
      </c>
      <c r="Q3227" s="51" t="s">
        <v>5341</v>
      </c>
      <c r="R3227" s="54" t="b">
        <v>1</v>
      </c>
      <c r="S3227" s="52" t="s">
        <v>7126</v>
      </c>
      <c r="T3227" s="67" t="s">
        <v>7127</v>
      </c>
      <c r="U3227" s="75" t="s">
        <v>5331</v>
      </c>
      <c r="V3227" s="47" t="s">
        <v>5331</v>
      </c>
      <c r="W3227" s="47" t="s">
        <v>5331</v>
      </c>
      <c r="X3227" s="47" t="s">
        <v>5331</v>
      </c>
      <c r="Y3227" s="47" t="s">
        <v>5331</v>
      </c>
      <c r="Z3227" s="28"/>
      <c r="AA3227" s="27"/>
      <c r="AB3227" s="27"/>
      <c r="AC3227" s="27"/>
      <c r="AD3227" s="30"/>
      <c r="AE3227" s="1"/>
      <c r="AF3227" s="23" t="s">
        <v>5331</v>
      </c>
      <c r="AG3227" s="26"/>
      <c r="AH3227" s="53"/>
    </row>
    <row r="3228" spans="1:34" ht="51.6" customHeight="1" x14ac:dyDescent="0.45">
      <c r="A3228" s="23">
        <v>3222</v>
      </c>
      <c r="B3228" s="25"/>
      <c r="C3228" s="25"/>
      <c r="D3228" s="29"/>
      <c r="E3228" s="1"/>
      <c r="F3228" s="1"/>
      <c r="G3228" s="25"/>
      <c r="H3228" s="71"/>
      <c r="I3228" s="83"/>
      <c r="J3228" s="50" t="str">
        <f t="shared" si="102"/>
        <v/>
      </c>
      <c r="K3228" s="23" t="s">
        <v>7120</v>
      </c>
      <c r="L3228" s="49" t="e">
        <f>VLOOKUP(E3228&amp;F3228,団体コード!$A$1:$C$1743,3,FALSE)</f>
        <v>#N/A</v>
      </c>
      <c r="M3228" s="49" t="e">
        <f>VLOOKUP(E3228&amp;F3228,団体コード!$A$1:$C$1743,2,FALSE)</f>
        <v>#N/A</v>
      </c>
      <c r="N3228" s="51" t="e">
        <f>VLOOKUP(E3228,団体コード!$E$1:$F$48,2,FALSE)</f>
        <v>#N/A</v>
      </c>
      <c r="O3228" s="51" t="e">
        <f t="shared" si="103"/>
        <v>#N/A</v>
      </c>
      <c r="P3228" s="51">
        <v>1</v>
      </c>
      <c r="Q3228" s="51" t="s">
        <v>5341</v>
      </c>
      <c r="R3228" s="54" t="b">
        <v>1</v>
      </c>
      <c r="S3228" s="52" t="s">
        <v>7126</v>
      </c>
      <c r="T3228" s="67" t="s">
        <v>7127</v>
      </c>
      <c r="U3228" s="75" t="s">
        <v>5331</v>
      </c>
      <c r="V3228" s="47" t="s">
        <v>5331</v>
      </c>
      <c r="W3228" s="47" t="s">
        <v>5331</v>
      </c>
      <c r="X3228" s="47" t="s">
        <v>5331</v>
      </c>
      <c r="Y3228" s="47" t="s">
        <v>5331</v>
      </c>
      <c r="Z3228" s="28"/>
      <c r="AA3228" s="27"/>
      <c r="AB3228" s="27"/>
      <c r="AC3228" s="27"/>
      <c r="AD3228" s="30"/>
      <c r="AE3228" s="1"/>
      <c r="AF3228" s="23" t="s">
        <v>5331</v>
      </c>
      <c r="AG3228" s="26"/>
      <c r="AH3228" s="53"/>
    </row>
    <row r="3229" spans="1:34" ht="51.6" customHeight="1" x14ac:dyDescent="0.45">
      <c r="A3229" s="23">
        <v>3223</v>
      </c>
      <c r="B3229" s="25"/>
      <c r="C3229" s="25"/>
      <c r="D3229" s="29"/>
      <c r="E3229" s="1"/>
      <c r="F3229" s="1"/>
      <c r="G3229" s="25"/>
      <c r="H3229" s="71"/>
      <c r="I3229" s="83"/>
      <c r="J3229" s="50" t="str">
        <f t="shared" si="102"/>
        <v/>
      </c>
      <c r="K3229" s="23" t="s">
        <v>7120</v>
      </c>
      <c r="L3229" s="49" t="e">
        <f>VLOOKUP(E3229&amp;F3229,団体コード!$A$1:$C$1743,3,FALSE)</f>
        <v>#N/A</v>
      </c>
      <c r="M3229" s="49" t="e">
        <f>VLOOKUP(E3229&amp;F3229,団体コード!$A$1:$C$1743,2,FALSE)</f>
        <v>#N/A</v>
      </c>
      <c r="N3229" s="51" t="e">
        <f>VLOOKUP(E3229,団体コード!$E$1:$F$48,2,FALSE)</f>
        <v>#N/A</v>
      </c>
      <c r="O3229" s="51" t="e">
        <f t="shared" si="103"/>
        <v>#N/A</v>
      </c>
      <c r="P3229" s="51">
        <v>1</v>
      </c>
      <c r="Q3229" s="51" t="s">
        <v>5341</v>
      </c>
      <c r="R3229" s="54" t="b">
        <v>1</v>
      </c>
      <c r="S3229" s="52" t="s">
        <v>7126</v>
      </c>
      <c r="T3229" s="67" t="s">
        <v>7127</v>
      </c>
      <c r="U3229" s="75" t="s">
        <v>5331</v>
      </c>
      <c r="V3229" s="47" t="s">
        <v>5331</v>
      </c>
      <c r="W3229" s="47" t="s">
        <v>5331</v>
      </c>
      <c r="X3229" s="47" t="s">
        <v>5331</v>
      </c>
      <c r="Y3229" s="47" t="s">
        <v>5331</v>
      </c>
      <c r="Z3229" s="28"/>
      <c r="AA3229" s="27"/>
      <c r="AB3229" s="27"/>
      <c r="AC3229" s="27"/>
      <c r="AD3229" s="30"/>
      <c r="AE3229" s="1"/>
      <c r="AF3229" s="23" t="s">
        <v>5331</v>
      </c>
      <c r="AG3229" s="26"/>
      <c r="AH3229" s="53"/>
    </row>
    <row r="3230" spans="1:34" ht="51.6" customHeight="1" x14ac:dyDescent="0.45">
      <c r="A3230" s="23">
        <v>3224</v>
      </c>
      <c r="B3230" s="25"/>
      <c r="C3230" s="25"/>
      <c r="D3230" s="29"/>
      <c r="E3230" s="1"/>
      <c r="F3230" s="1"/>
      <c r="G3230" s="25"/>
      <c r="H3230" s="71"/>
      <c r="I3230" s="83"/>
      <c r="J3230" s="50" t="str">
        <f t="shared" si="102"/>
        <v/>
      </c>
      <c r="K3230" s="23" t="s">
        <v>7120</v>
      </c>
      <c r="L3230" s="49" t="e">
        <f>VLOOKUP(E3230&amp;F3230,団体コード!$A$1:$C$1743,3,FALSE)</f>
        <v>#N/A</v>
      </c>
      <c r="M3230" s="49" t="e">
        <f>VLOOKUP(E3230&amp;F3230,団体コード!$A$1:$C$1743,2,FALSE)</f>
        <v>#N/A</v>
      </c>
      <c r="N3230" s="51" t="e">
        <f>VLOOKUP(E3230,団体コード!$E$1:$F$48,2,FALSE)</f>
        <v>#N/A</v>
      </c>
      <c r="O3230" s="51" t="e">
        <f t="shared" si="103"/>
        <v>#N/A</v>
      </c>
      <c r="P3230" s="51">
        <v>1</v>
      </c>
      <c r="Q3230" s="51" t="s">
        <v>5341</v>
      </c>
      <c r="R3230" s="54" t="b">
        <v>1</v>
      </c>
      <c r="S3230" s="52" t="s">
        <v>7126</v>
      </c>
      <c r="T3230" s="67" t="s">
        <v>7127</v>
      </c>
      <c r="U3230" s="75" t="s">
        <v>5331</v>
      </c>
      <c r="V3230" s="47" t="s">
        <v>5331</v>
      </c>
      <c r="W3230" s="47" t="s">
        <v>5331</v>
      </c>
      <c r="X3230" s="47" t="s">
        <v>5331</v>
      </c>
      <c r="Y3230" s="47" t="s">
        <v>5331</v>
      </c>
      <c r="Z3230" s="28"/>
      <c r="AA3230" s="27"/>
      <c r="AB3230" s="27"/>
      <c r="AC3230" s="27"/>
      <c r="AD3230" s="30"/>
      <c r="AE3230" s="1"/>
      <c r="AF3230" s="23" t="s">
        <v>5331</v>
      </c>
      <c r="AG3230" s="26"/>
      <c r="AH3230" s="53"/>
    </row>
    <row r="3231" spans="1:34" ht="51.6" customHeight="1" x14ac:dyDescent="0.45">
      <c r="A3231" s="23">
        <v>3225</v>
      </c>
      <c r="B3231" s="25"/>
      <c r="C3231" s="25"/>
      <c r="D3231" s="29"/>
      <c r="E3231" s="1"/>
      <c r="F3231" s="1"/>
      <c r="G3231" s="25"/>
      <c r="H3231" s="71"/>
      <c r="I3231" s="83"/>
      <c r="J3231" s="50" t="str">
        <f t="shared" si="102"/>
        <v/>
      </c>
      <c r="K3231" s="23" t="s">
        <v>7120</v>
      </c>
      <c r="L3231" s="49" t="e">
        <f>VLOOKUP(E3231&amp;F3231,団体コード!$A$1:$C$1743,3,FALSE)</f>
        <v>#N/A</v>
      </c>
      <c r="M3231" s="49" t="e">
        <f>VLOOKUP(E3231&amp;F3231,団体コード!$A$1:$C$1743,2,FALSE)</f>
        <v>#N/A</v>
      </c>
      <c r="N3231" s="51" t="e">
        <f>VLOOKUP(E3231,団体コード!$E$1:$F$48,2,FALSE)</f>
        <v>#N/A</v>
      </c>
      <c r="O3231" s="51" t="e">
        <f t="shared" si="103"/>
        <v>#N/A</v>
      </c>
      <c r="P3231" s="51">
        <v>1</v>
      </c>
      <c r="Q3231" s="51" t="s">
        <v>5341</v>
      </c>
      <c r="R3231" s="54" t="b">
        <v>1</v>
      </c>
      <c r="S3231" s="52" t="s">
        <v>7126</v>
      </c>
      <c r="T3231" s="67" t="s">
        <v>7127</v>
      </c>
      <c r="U3231" s="75" t="s">
        <v>5331</v>
      </c>
      <c r="V3231" s="47" t="s">
        <v>5331</v>
      </c>
      <c r="W3231" s="47" t="s">
        <v>5331</v>
      </c>
      <c r="X3231" s="47" t="s">
        <v>5331</v>
      </c>
      <c r="Y3231" s="47" t="s">
        <v>5331</v>
      </c>
      <c r="Z3231" s="28"/>
      <c r="AA3231" s="27"/>
      <c r="AB3231" s="27"/>
      <c r="AC3231" s="27"/>
      <c r="AD3231" s="30"/>
      <c r="AE3231" s="1"/>
      <c r="AF3231" s="23" t="s">
        <v>5331</v>
      </c>
      <c r="AG3231" s="26"/>
      <c r="AH3231" s="53"/>
    </row>
    <row r="3232" spans="1:34" ht="51.6" customHeight="1" x14ac:dyDescent="0.45">
      <c r="A3232" s="23">
        <v>3226</v>
      </c>
      <c r="B3232" s="25"/>
      <c r="C3232" s="25"/>
      <c r="D3232" s="29"/>
      <c r="E3232" s="1"/>
      <c r="F3232" s="1"/>
      <c r="G3232" s="25"/>
      <c r="H3232" s="71"/>
      <c r="I3232" s="83"/>
      <c r="J3232" s="50" t="str">
        <f t="shared" si="102"/>
        <v/>
      </c>
      <c r="K3232" s="23" t="s">
        <v>7120</v>
      </c>
      <c r="L3232" s="49" t="e">
        <f>VLOOKUP(E3232&amp;F3232,団体コード!$A$1:$C$1743,3,FALSE)</f>
        <v>#N/A</v>
      </c>
      <c r="M3232" s="49" t="e">
        <f>VLOOKUP(E3232&amp;F3232,団体コード!$A$1:$C$1743,2,FALSE)</f>
        <v>#N/A</v>
      </c>
      <c r="N3232" s="51" t="e">
        <f>VLOOKUP(E3232,団体コード!$E$1:$F$48,2,FALSE)</f>
        <v>#N/A</v>
      </c>
      <c r="O3232" s="51" t="e">
        <f t="shared" si="103"/>
        <v>#N/A</v>
      </c>
      <c r="P3232" s="51">
        <v>1</v>
      </c>
      <c r="Q3232" s="51" t="s">
        <v>5341</v>
      </c>
      <c r="R3232" s="54" t="b">
        <v>1</v>
      </c>
      <c r="S3232" s="52" t="s">
        <v>7126</v>
      </c>
      <c r="T3232" s="67" t="s">
        <v>7127</v>
      </c>
      <c r="U3232" s="75" t="s">
        <v>5331</v>
      </c>
      <c r="V3232" s="47" t="s">
        <v>5331</v>
      </c>
      <c r="W3232" s="47" t="s">
        <v>5331</v>
      </c>
      <c r="X3232" s="47" t="s">
        <v>5331</v>
      </c>
      <c r="Y3232" s="47" t="s">
        <v>5331</v>
      </c>
      <c r="Z3232" s="28"/>
      <c r="AA3232" s="27"/>
      <c r="AB3232" s="27"/>
      <c r="AC3232" s="27"/>
      <c r="AD3232" s="30"/>
      <c r="AE3232" s="1"/>
      <c r="AF3232" s="23" t="s">
        <v>5331</v>
      </c>
      <c r="AG3232" s="26"/>
      <c r="AH3232" s="53"/>
    </row>
    <row r="3233" spans="1:34" ht="51.6" customHeight="1" x14ac:dyDescent="0.45">
      <c r="A3233" s="23">
        <v>3227</v>
      </c>
      <c r="B3233" s="25"/>
      <c r="C3233" s="25"/>
      <c r="D3233" s="29"/>
      <c r="E3233" s="1"/>
      <c r="F3233" s="1"/>
      <c r="G3233" s="25"/>
      <c r="H3233" s="71"/>
      <c r="I3233" s="83"/>
      <c r="J3233" s="50" t="str">
        <f t="shared" si="102"/>
        <v/>
      </c>
      <c r="K3233" s="23" t="s">
        <v>7120</v>
      </c>
      <c r="L3233" s="49" t="e">
        <f>VLOOKUP(E3233&amp;F3233,団体コード!$A$1:$C$1743,3,FALSE)</f>
        <v>#N/A</v>
      </c>
      <c r="M3233" s="49" t="e">
        <f>VLOOKUP(E3233&amp;F3233,団体コード!$A$1:$C$1743,2,FALSE)</f>
        <v>#N/A</v>
      </c>
      <c r="N3233" s="51" t="e">
        <f>VLOOKUP(E3233,団体コード!$E$1:$F$48,2,FALSE)</f>
        <v>#N/A</v>
      </c>
      <c r="O3233" s="51" t="e">
        <f t="shared" si="103"/>
        <v>#N/A</v>
      </c>
      <c r="P3233" s="51">
        <v>1</v>
      </c>
      <c r="Q3233" s="51" t="s">
        <v>5341</v>
      </c>
      <c r="R3233" s="54" t="b">
        <v>1</v>
      </c>
      <c r="S3233" s="52" t="s">
        <v>7126</v>
      </c>
      <c r="T3233" s="67" t="s">
        <v>7127</v>
      </c>
      <c r="U3233" s="75" t="s">
        <v>5331</v>
      </c>
      <c r="V3233" s="47" t="s">
        <v>5331</v>
      </c>
      <c r="W3233" s="47" t="s">
        <v>5331</v>
      </c>
      <c r="X3233" s="47" t="s">
        <v>5331</v>
      </c>
      <c r="Y3233" s="47" t="s">
        <v>5331</v>
      </c>
      <c r="Z3233" s="28"/>
      <c r="AA3233" s="27"/>
      <c r="AB3233" s="27"/>
      <c r="AC3233" s="27"/>
      <c r="AD3233" s="30"/>
      <c r="AE3233" s="1"/>
      <c r="AF3233" s="23" t="s">
        <v>5331</v>
      </c>
      <c r="AG3233" s="26"/>
      <c r="AH3233" s="53"/>
    </row>
    <row r="3234" spans="1:34" ht="51.6" customHeight="1" x14ac:dyDescent="0.45">
      <c r="A3234" s="23">
        <v>3228</v>
      </c>
      <c r="B3234" s="25"/>
      <c r="C3234" s="25"/>
      <c r="D3234" s="29"/>
      <c r="E3234" s="1"/>
      <c r="F3234" s="1"/>
      <c r="G3234" s="25"/>
      <c r="H3234" s="71"/>
      <c r="I3234" s="83"/>
      <c r="J3234" s="50" t="str">
        <f t="shared" si="102"/>
        <v/>
      </c>
      <c r="K3234" s="23" t="s">
        <v>7120</v>
      </c>
      <c r="L3234" s="49" t="e">
        <f>VLOOKUP(E3234&amp;F3234,団体コード!$A$1:$C$1743,3,FALSE)</f>
        <v>#N/A</v>
      </c>
      <c r="M3234" s="49" t="e">
        <f>VLOOKUP(E3234&amp;F3234,団体コード!$A$1:$C$1743,2,FALSE)</f>
        <v>#N/A</v>
      </c>
      <c r="N3234" s="51" t="e">
        <f>VLOOKUP(E3234,団体コード!$E$1:$F$48,2,FALSE)</f>
        <v>#N/A</v>
      </c>
      <c r="O3234" s="51" t="e">
        <f t="shared" si="103"/>
        <v>#N/A</v>
      </c>
      <c r="P3234" s="51">
        <v>1</v>
      </c>
      <c r="Q3234" s="51" t="s">
        <v>5341</v>
      </c>
      <c r="R3234" s="54" t="b">
        <v>1</v>
      </c>
      <c r="S3234" s="52" t="s">
        <v>7126</v>
      </c>
      <c r="T3234" s="67" t="s">
        <v>7127</v>
      </c>
      <c r="U3234" s="75" t="s">
        <v>5331</v>
      </c>
      <c r="V3234" s="47" t="s">
        <v>5331</v>
      </c>
      <c r="W3234" s="47" t="s">
        <v>5331</v>
      </c>
      <c r="X3234" s="47" t="s">
        <v>5331</v>
      </c>
      <c r="Y3234" s="47" t="s">
        <v>5331</v>
      </c>
      <c r="Z3234" s="28"/>
      <c r="AA3234" s="27"/>
      <c r="AB3234" s="27"/>
      <c r="AC3234" s="27"/>
      <c r="AD3234" s="30"/>
      <c r="AE3234" s="1"/>
      <c r="AF3234" s="23" t="s">
        <v>5331</v>
      </c>
      <c r="AG3234" s="26"/>
      <c r="AH3234" s="53"/>
    </row>
    <row r="3235" spans="1:34" ht="51.6" customHeight="1" x14ac:dyDescent="0.45">
      <c r="A3235" s="23">
        <v>3229</v>
      </c>
      <c r="B3235" s="25"/>
      <c r="C3235" s="25"/>
      <c r="D3235" s="29"/>
      <c r="E3235" s="1"/>
      <c r="F3235" s="1"/>
      <c r="G3235" s="25"/>
      <c r="H3235" s="71"/>
      <c r="I3235" s="83"/>
      <c r="J3235" s="50" t="str">
        <f t="shared" si="102"/>
        <v/>
      </c>
      <c r="K3235" s="23" t="s">
        <v>7120</v>
      </c>
      <c r="L3235" s="49" t="e">
        <f>VLOOKUP(E3235&amp;F3235,団体コード!$A$1:$C$1743,3,FALSE)</f>
        <v>#N/A</v>
      </c>
      <c r="M3235" s="49" t="e">
        <f>VLOOKUP(E3235&amp;F3235,団体コード!$A$1:$C$1743,2,FALSE)</f>
        <v>#N/A</v>
      </c>
      <c r="N3235" s="51" t="e">
        <f>VLOOKUP(E3235,団体コード!$E$1:$F$48,2,FALSE)</f>
        <v>#N/A</v>
      </c>
      <c r="O3235" s="51" t="e">
        <f t="shared" si="103"/>
        <v>#N/A</v>
      </c>
      <c r="P3235" s="51">
        <v>1</v>
      </c>
      <c r="Q3235" s="51" t="s">
        <v>5341</v>
      </c>
      <c r="R3235" s="54" t="b">
        <v>1</v>
      </c>
      <c r="S3235" s="52" t="s">
        <v>7126</v>
      </c>
      <c r="T3235" s="67" t="s">
        <v>7127</v>
      </c>
      <c r="U3235" s="75" t="s">
        <v>5331</v>
      </c>
      <c r="V3235" s="47" t="s">
        <v>5331</v>
      </c>
      <c r="W3235" s="47" t="s">
        <v>5331</v>
      </c>
      <c r="X3235" s="47" t="s">
        <v>5331</v>
      </c>
      <c r="Y3235" s="47" t="s">
        <v>5331</v>
      </c>
      <c r="Z3235" s="28"/>
      <c r="AA3235" s="27"/>
      <c r="AB3235" s="27"/>
      <c r="AC3235" s="27"/>
      <c r="AD3235" s="30"/>
      <c r="AE3235" s="1"/>
      <c r="AF3235" s="23" t="s">
        <v>5331</v>
      </c>
      <c r="AG3235" s="26"/>
      <c r="AH3235" s="53"/>
    </row>
    <row r="3236" spans="1:34" ht="51.6" customHeight="1" x14ac:dyDescent="0.45">
      <c r="A3236" s="23">
        <v>3230</v>
      </c>
      <c r="B3236" s="25"/>
      <c r="C3236" s="25"/>
      <c r="D3236" s="29"/>
      <c r="E3236" s="1"/>
      <c r="F3236" s="1"/>
      <c r="G3236" s="25"/>
      <c r="H3236" s="71"/>
      <c r="I3236" s="83"/>
      <c r="J3236" s="50" t="str">
        <f t="shared" si="102"/>
        <v/>
      </c>
      <c r="K3236" s="23" t="s">
        <v>7120</v>
      </c>
      <c r="L3236" s="49" t="e">
        <f>VLOOKUP(E3236&amp;F3236,団体コード!$A$1:$C$1743,3,FALSE)</f>
        <v>#N/A</v>
      </c>
      <c r="M3236" s="49" t="e">
        <f>VLOOKUP(E3236&amp;F3236,団体コード!$A$1:$C$1743,2,FALSE)</f>
        <v>#N/A</v>
      </c>
      <c r="N3236" s="51" t="e">
        <f>VLOOKUP(E3236,団体コード!$E$1:$F$48,2,FALSE)</f>
        <v>#N/A</v>
      </c>
      <c r="O3236" s="51" t="e">
        <f t="shared" si="103"/>
        <v>#N/A</v>
      </c>
      <c r="P3236" s="51">
        <v>1</v>
      </c>
      <c r="Q3236" s="51" t="s">
        <v>5341</v>
      </c>
      <c r="R3236" s="54" t="b">
        <v>1</v>
      </c>
      <c r="S3236" s="52" t="s">
        <v>7126</v>
      </c>
      <c r="T3236" s="67" t="s">
        <v>7127</v>
      </c>
      <c r="U3236" s="75" t="s">
        <v>5331</v>
      </c>
      <c r="V3236" s="47" t="s">
        <v>5331</v>
      </c>
      <c r="W3236" s="47" t="s">
        <v>5331</v>
      </c>
      <c r="X3236" s="47" t="s">
        <v>5331</v>
      </c>
      <c r="Y3236" s="47" t="s">
        <v>5331</v>
      </c>
      <c r="Z3236" s="28"/>
      <c r="AA3236" s="27"/>
      <c r="AB3236" s="27"/>
      <c r="AC3236" s="27"/>
      <c r="AD3236" s="30"/>
      <c r="AE3236" s="1"/>
      <c r="AF3236" s="23" t="s">
        <v>5331</v>
      </c>
      <c r="AG3236" s="26"/>
      <c r="AH3236" s="53"/>
    </row>
    <row r="3237" spans="1:34" ht="51.6" customHeight="1" x14ac:dyDescent="0.45">
      <c r="A3237" s="23">
        <v>3231</v>
      </c>
      <c r="B3237" s="25"/>
      <c r="C3237" s="25"/>
      <c r="D3237" s="29"/>
      <c r="E3237" s="1"/>
      <c r="F3237" s="1"/>
      <c r="G3237" s="25"/>
      <c r="H3237" s="71"/>
      <c r="I3237" s="83"/>
      <c r="J3237" s="50" t="str">
        <f t="shared" si="102"/>
        <v/>
      </c>
      <c r="K3237" s="23" t="s">
        <v>7120</v>
      </c>
      <c r="L3237" s="49" t="e">
        <f>VLOOKUP(E3237&amp;F3237,団体コード!$A$1:$C$1743,3,FALSE)</f>
        <v>#N/A</v>
      </c>
      <c r="M3237" s="49" t="e">
        <f>VLOOKUP(E3237&amp;F3237,団体コード!$A$1:$C$1743,2,FALSE)</f>
        <v>#N/A</v>
      </c>
      <c r="N3237" s="51" t="e">
        <f>VLOOKUP(E3237,団体コード!$E$1:$F$48,2,FALSE)</f>
        <v>#N/A</v>
      </c>
      <c r="O3237" s="51" t="e">
        <f t="shared" si="103"/>
        <v>#N/A</v>
      </c>
      <c r="P3237" s="51">
        <v>1</v>
      </c>
      <c r="Q3237" s="51" t="s">
        <v>5341</v>
      </c>
      <c r="R3237" s="54" t="b">
        <v>1</v>
      </c>
      <c r="S3237" s="52" t="s">
        <v>7126</v>
      </c>
      <c r="T3237" s="67" t="s">
        <v>7127</v>
      </c>
      <c r="U3237" s="75" t="s">
        <v>5331</v>
      </c>
      <c r="V3237" s="47" t="s">
        <v>5331</v>
      </c>
      <c r="W3237" s="47" t="s">
        <v>5331</v>
      </c>
      <c r="X3237" s="47" t="s">
        <v>5331</v>
      </c>
      <c r="Y3237" s="47" t="s">
        <v>5331</v>
      </c>
      <c r="Z3237" s="28"/>
      <c r="AA3237" s="27"/>
      <c r="AB3237" s="27"/>
      <c r="AC3237" s="27"/>
      <c r="AD3237" s="30"/>
      <c r="AE3237" s="1"/>
      <c r="AF3237" s="23" t="s">
        <v>5331</v>
      </c>
      <c r="AG3237" s="26"/>
      <c r="AH3237" s="53"/>
    </row>
    <row r="3238" spans="1:34" ht="51.6" customHeight="1" x14ac:dyDescent="0.45">
      <c r="A3238" s="23">
        <v>3232</v>
      </c>
      <c r="B3238" s="25"/>
      <c r="C3238" s="25"/>
      <c r="D3238" s="29"/>
      <c r="E3238" s="1"/>
      <c r="F3238" s="1"/>
      <c r="G3238" s="25"/>
      <c r="H3238" s="71"/>
      <c r="I3238" s="83"/>
      <c r="J3238" s="50" t="str">
        <f t="shared" si="102"/>
        <v/>
      </c>
      <c r="K3238" s="23" t="s">
        <v>7120</v>
      </c>
      <c r="L3238" s="49" t="e">
        <f>VLOOKUP(E3238&amp;F3238,団体コード!$A$1:$C$1743,3,FALSE)</f>
        <v>#N/A</v>
      </c>
      <c r="M3238" s="49" t="e">
        <f>VLOOKUP(E3238&amp;F3238,団体コード!$A$1:$C$1743,2,FALSE)</f>
        <v>#N/A</v>
      </c>
      <c r="N3238" s="51" t="e">
        <f>VLOOKUP(E3238,団体コード!$E$1:$F$48,2,FALSE)</f>
        <v>#N/A</v>
      </c>
      <c r="O3238" s="51" t="e">
        <f t="shared" si="103"/>
        <v>#N/A</v>
      </c>
      <c r="P3238" s="51">
        <v>1</v>
      </c>
      <c r="Q3238" s="51" t="s">
        <v>5341</v>
      </c>
      <c r="R3238" s="54" t="b">
        <v>1</v>
      </c>
      <c r="S3238" s="52" t="s">
        <v>7126</v>
      </c>
      <c r="T3238" s="67" t="s">
        <v>7127</v>
      </c>
      <c r="U3238" s="75" t="s">
        <v>5331</v>
      </c>
      <c r="V3238" s="47" t="s">
        <v>5331</v>
      </c>
      <c r="W3238" s="47" t="s">
        <v>5331</v>
      </c>
      <c r="X3238" s="47" t="s">
        <v>5331</v>
      </c>
      <c r="Y3238" s="47" t="s">
        <v>5331</v>
      </c>
      <c r="Z3238" s="28"/>
      <c r="AA3238" s="27"/>
      <c r="AB3238" s="27"/>
      <c r="AC3238" s="27"/>
      <c r="AD3238" s="30"/>
      <c r="AE3238" s="1"/>
      <c r="AF3238" s="23" t="s">
        <v>5331</v>
      </c>
      <c r="AG3238" s="26"/>
      <c r="AH3238" s="53"/>
    </row>
    <row r="3239" spans="1:34" ht="51.6" customHeight="1" x14ac:dyDescent="0.45">
      <c r="A3239" s="23">
        <v>3233</v>
      </c>
      <c r="B3239" s="25"/>
      <c r="C3239" s="25"/>
      <c r="D3239" s="29"/>
      <c r="E3239" s="1"/>
      <c r="F3239" s="1"/>
      <c r="G3239" s="25"/>
      <c r="H3239" s="71"/>
      <c r="I3239" s="83"/>
      <c r="J3239" s="50" t="str">
        <f t="shared" si="102"/>
        <v/>
      </c>
      <c r="K3239" s="23" t="s">
        <v>7120</v>
      </c>
      <c r="L3239" s="49" t="e">
        <f>VLOOKUP(E3239&amp;F3239,団体コード!$A$1:$C$1743,3,FALSE)</f>
        <v>#N/A</v>
      </c>
      <c r="M3239" s="49" t="e">
        <f>VLOOKUP(E3239&amp;F3239,団体コード!$A$1:$C$1743,2,FALSE)</f>
        <v>#N/A</v>
      </c>
      <c r="N3239" s="51" t="e">
        <f>VLOOKUP(E3239,団体コード!$E$1:$F$48,2,FALSE)</f>
        <v>#N/A</v>
      </c>
      <c r="O3239" s="51" t="e">
        <f t="shared" si="103"/>
        <v>#N/A</v>
      </c>
      <c r="P3239" s="51">
        <v>1</v>
      </c>
      <c r="Q3239" s="51" t="s">
        <v>5341</v>
      </c>
      <c r="R3239" s="54" t="b">
        <v>1</v>
      </c>
      <c r="S3239" s="52" t="s">
        <v>7126</v>
      </c>
      <c r="T3239" s="67" t="s">
        <v>7127</v>
      </c>
      <c r="U3239" s="75" t="s">
        <v>5331</v>
      </c>
      <c r="V3239" s="47" t="s">
        <v>5331</v>
      </c>
      <c r="W3239" s="47" t="s">
        <v>5331</v>
      </c>
      <c r="X3239" s="47" t="s">
        <v>5331</v>
      </c>
      <c r="Y3239" s="47" t="s">
        <v>5331</v>
      </c>
      <c r="Z3239" s="28"/>
      <c r="AA3239" s="27"/>
      <c r="AB3239" s="27"/>
      <c r="AC3239" s="27"/>
      <c r="AD3239" s="30"/>
      <c r="AE3239" s="1"/>
      <c r="AF3239" s="23" t="s">
        <v>5331</v>
      </c>
      <c r="AG3239" s="26"/>
      <c r="AH3239" s="53"/>
    </row>
    <row r="3240" spans="1:34" ht="51.6" customHeight="1" x14ac:dyDescent="0.45">
      <c r="A3240" s="23">
        <v>3234</v>
      </c>
      <c r="B3240" s="25"/>
      <c r="C3240" s="25"/>
      <c r="D3240" s="29"/>
      <c r="E3240" s="1"/>
      <c r="F3240" s="1"/>
      <c r="G3240" s="25"/>
      <c r="H3240" s="71"/>
      <c r="I3240" s="83"/>
      <c r="J3240" s="50" t="str">
        <f t="shared" si="102"/>
        <v/>
      </c>
      <c r="K3240" s="23" t="s">
        <v>7120</v>
      </c>
      <c r="L3240" s="49" t="e">
        <f>VLOOKUP(E3240&amp;F3240,団体コード!$A$1:$C$1743,3,FALSE)</f>
        <v>#N/A</v>
      </c>
      <c r="M3240" s="49" t="e">
        <f>VLOOKUP(E3240&amp;F3240,団体コード!$A$1:$C$1743,2,FALSE)</f>
        <v>#N/A</v>
      </c>
      <c r="N3240" s="51" t="e">
        <f>VLOOKUP(E3240,団体コード!$E$1:$F$48,2,FALSE)</f>
        <v>#N/A</v>
      </c>
      <c r="O3240" s="51" t="e">
        <f t="shared" si="103"/>
        <v>#N/A</v>
      </c>
      <c r="P3240" s="51">
        <v>1</v>
      </c>
      <c r="Q3240" s="51" t="s">
        <v>5341</v>
      </c>
      <c r="R3240" s="54" t="b">
        <v>1</v>
      </c>
      <c r="S3240" s="52" t="s">
        <v>7126</v>
      </c>
      <c r="T3240" s="67" t="s">
        <v>7127</v>
      </c>
      <c r="U3240" s="75" t="s">
        <v>5331</v>
      </c>
      <c r="V3240" s="47" t="s">
        <v>5331</v>
      </c>
      <c r="W3240" s="47" t="s">
        <v>5331</v>
      </c>
      <c r="X3240" s="47" t="s">
        <v>5331</v>
      </c>
      <c r="Y3240" s="47" t="s">
        <v>5331</v>
      </c>
      <c r="Z3240" s="28"/>
      <c r="AA3240" s="27"/>
      <c r="AB3240" s="27"/>
      <c r="AC3240" s="27"/>
      <c r="AD3240" s="30"/>
      <c r="AE3240" s="1"/>
      <c r="AF3240" s="23" t="s">
        <v>5331</v>
      </c>
      <c r="AG3240" s="26"/>
      <c r="AH3240" s="53"/>
    </row>
    <row r="3241" spans="1:34" ht="51.6" customHeight="1" x14ac:dyDescent="0.45">
      <c r="A3241" s="23">
        <v>3235</v>
      </c>
      <c r="B3241" s="25"/>
      <c r="C3241" s="25"/>
      <c r="D3241" s="29"/>
      <c r="E3241" s="1"/>
      <c r="F3241" s="1"/>
      <c r="G3241" s="25"/>
      <c r="H3241" s="71"/>
      <c r="I3241" s="83"/>
      <c r="J3241" s="50" t="str">
        <f t="shared" si="102"/>
        <v/>
      </c>
      <c r="K3241" s="23" t="s">
        <v>7120</v>
      </c>
      <c r="L3241" s="49" t="e">
        <f>VLOOKUP(E3241&amp;F3241,団体コード!$A$1:$C$1743,3,FALSE)</f>
        <v>#N/A</v>
      </c>
      <c r="M3241" s="49" t="e">
        <f>VLOOKUP(E3241&amp;F3241,団体コード!$A$1:$C$1743,2,FALSE)</f>
        <v>#N/A</v>
      </c>
      <c r="N3241" s="51" t="e">
        <f>VLOOKUP(E3241,団体コード!$E$1:$F$48,2,FALSE)</f>
        <v>#N/A</v>
      </c>
      <c r="O3241" s="51" t="e">
        <f t="shared" si="103"/>
        <v>#N/A</v>
      </c>
      <c r="P3241" s="51">
        <v>1</v>
      </c>
      <c r="Q3241" s="51" t="s">
        <v>5341</v>
      </c>
      <c r="R3241" s="54" t="b">
        <v>1</v>
      </c>
      <c r="S3241" s="52" t="s">
        <v>7126</v>
      </c>
      <c r="T3241" s="67" t="s">
        <v>7127</v>
      </c>
      <c r="U3241" s="75" t="s">
        <v>5331</v>
      </c>
      <c r="V3241" s="47" t="s">
        <v>5331</v>
      </c>
      <c r="W3241" s="47" t="s">
        <v>5331</v>
      </c>
      <c r="X3241" s="47" t="s">
        <v>5331</v>
      </c>
      <c r="Y3241" s="47" t="s">
        <v>5331</v>
      </c>
      <c r="Z3241" s="28"/>
      <c r="AA3241" s="27"/>
      <c r="AB3241" s="27"/>
      <c r="AC3241" s="27"/>
      <c r="AD3241" s="30"/>
      <c r="AE3241" s="1"/>
      <c r="AF3241" s="23" t="s">
        <v>5331</v>
      </c>
      <c r="AG3241" s="26"/>
      <c r="AH3241" s="53"/>
    </row>
    <row r="3242" spans="1:34" ht="51.6" customHeight="1" x14ac:dyDescent="0.45">
      <c r="A3242" s="23">
        <v>3236</v>
      </c>
      <c r="B3242" s="25"/>
      <c r="C3242" s="25"/>
      <c r="D3242" s="29"/>
      <c r="E3242" s="1"/>
      <c r="F3242" s="1"/>
      <c r="G3242" s="25"/>
      <c r="H3242" s="71"/>
      <c r="I3242" s="83"/>
      <c r="J3242" s="50" t="str">
        <f t="shared" si="102"/>
        <v/>
      </c>
      <c r="K3242" s="23" t="s">
        <v>7120</v>
      </c>
      <c r="L3242" s="49" t="e">
        <f>VLOOKUP(E3242&amp;F3242,団体コード!$A$1:$C$1743,3,FALSE)</f>
        <v>#N/A</v>
      </c>
      <c r="M3242" s="49" t="e">
        <f>VLOOKUP(E3242&amp;F3242,団体コード!$A$1:$C$1743,2,FALSE)</f>
        <v>#N/A</v>
      </c>
      <c r="N3242" s="51" t="e">
        <f>VLOOKUP(E3242,団体コード!$E$1:$F$48,2,FALSE)</f>
        <v>#N/A</v>
      </c>
      <c r="O3242" s="51" t="e">
        <f t="shared" si="103"/>
        <v>#N/A</v>
      </c>
      <c r="P3242" s="51">
        <v>1</v>
      </c>
      <c r="Q3242" s="51" t="s">
        <v>5341</v>
      </c>
      <c r="R3242" s="54" t="b">
        <v>1</v>
      </c>
      <c r="S3242" s="52" t="s">
        <v>7126</v>
      </c>
      <c r="T3242" s="67" t="s">
        <v>7127</v>
      </c>
      <c r="U3242" s="75" t="s">
        <v>5331</v>
      </c>
      <c r="V3242" s="47" t="s">
        <v>5331</v>
      </c>
      <c r="W3242" s="47" t="s">
        <v>5331</v>
      </c>
      <c r="X3242" s="47" t="s">
        <v>5331</v>
      </c>
      <c r="Y3242" s="47" t="s">
        <v>5331</v>
      </c>
      <c r="Z3242" s="28"/>
      <c r="AA3242" s="27"/>
      <c r="AB3242" s="27"/>
      <c r="AC3242" s="27"/>
      <c r="AD3242" s="30"/>
      <c r="AE3242" s="1"/>
      <c r="AF3242" s="23" t="s">
        <v>5331</v>
      </c>
      <c r="AG3242" s="26"/>
      <c r="AH3242" s="53"/>
    </row>
    <row r="3243" spans="1:34" ht="51.6" customHeight="1" x14ac:dyDescent="0.45">
      <c r="A3243" s="23">
        <v>3237</v>
      </c>
      <c r="B3243" s="25"/>
      <c r="C3243" s="25"/>
      <c r="D3243" s="29"/>
      <c r="E3243" s="1"/>
      <c r="F3243" s="1"/>
      <c r="G3243" s="25"/>
      <c r="H3243" s="71"/>
      <c r="I3243" s="83"/>
      <c r="J3243" s="50" t="str">
        <f t="shared" si="102"/>
        <v/>
      </c>
      <c r="K3243" s="23" t="s">
        <v>7120</v>
      </c>
      <c r="L3243" s="49" t="e">
        <f>VLOOKUP(E3243&amp;F3243,団体コード!$A$1:$C$1743,3,FALSE)</f>
        <v>#N/A</v>
      </c>
      <c r="M3243" s="49" t="e">
        <f>VLOOKUP(E3243&amp;F3243,団体コード!$A$1:$C$1743,2,FALSE)</f>
        <v>#N/A</v>
      </c>
      <c r="N3243" s="51" t="e">
        <f>VLOOKUP(E3243,団体コード!$E$1:$F$48,2,FALSE)</f>
        <v>#N/A</v>
      </c>
      <c r="O3243" s="51" t="e">
        <f t="shared" si="103"/>
        <v>#N/A</v>
      </c>
      <c r="P3243" s="51">
        <v>1</v>
      </c>
      <c r="Q3243" s="51" t="s">
        <v>5341</v>
      </c>
      <c r="R3243" s="54" t="b">
        <v>1</v>
      </c>
      <c r="S3243" s="52" t="s">
        <v>7126</v>
      </c>
      <c r="T3243" s="67" t="s">
        <v>7127</v>
      </c>
      <c r="U3243" s="75" t="s">
        <v>5331</v>
      </c>
      <c r="V3243" s="47" t="s">
        <v>5331</v>
      </c>
      <c r="W3243" s="47" t="s">
        <v>5331</v>
      </c>
      <c r="X3243" s="47" t="s">
        <v>5331</v>
      </c>
      <c r="Y3243" s="47" t="s">
        <v>5331</v>
      </c>
      <c r="Z3243" s="28"/>
      <c r="AA3243" s="27"/>
      <c r="AB3243" s="27"/>
      <c r="AC3243" s="27"/>
      <c r="AD3243" s="30"/>
      <c r="AE3243" s="1"/>
      <c r="AF3243" s="23" t="s">
        <v>5331</v>
      </c>
      <c r="AG3243" s="26"/>
      <c r="AH3243" s="53"/>
    </row>
    <row r="3244" spans="1:34" ht="51.6" customHeight="1" x14ac:dyDescent="0.45">
      <c r="A3244" s="23">
        <v>3238</v>
      </c>
      <c r="B3244" s="25"/>
      <c r="C3244" s="25"/>
      <c r="D3244" s="29"/>
      <c r="E3244" s="1"/>
      <c r="F3244" s="1"/>
      <c r="G3244" s="25"/>
      <c r="H3244" s="71"/>
      <c r="I3244" s="83"/>
      <c r="J3244" s="50" t="str">
        <f t="shared" si="102"/>
        <v/>
      </c>
      <c r="K3244" s="23" t="s">
        <v>7120</v>
      </c>
      <c r="L3244" s="49" t="e">
        <f>VLOOKUP(E3244&amp;F3244,団体コード!$A$1:$C$1743,3,FALSE)</f>
        <v>#N/A</v>
      </c>
      <c r="M3244" s="49" t="e">
        <f>VLOOKUP(E3244&amp;F3244,団体コード!$A$1:$C$1743,2,FALSE)</f>
        <v>#N/A</v>
      </c>
      <c r="N3244" s="51" t="e">
        <f>VLOOKUP(E3244,団体コード!$E$1:$F$48,2,FALSE)</f>
        <v>#N/A</v>
      </c>
      <c r="O3244" s="51" t="e">
        <f t="shared" si="103"/>
        <v>#N/A</v>
      </c>
      <c r="P3244" s="51">
        <v>1</v>
      </c>
      <c r="Q3244" s="51" t="s">
        <v>5341</v>
      </c>
      <c r="R3244" s="54" t="b">
        <v>1</v>
      </c>
      <c r="S3244" s="52" t="s">
        <v>7126</v>
      </c>
      <c r="T3244" s="67" t="s">
        <v>7127</v>
      </c>
      <c r="U3244" s="75" t="s">
        <v>5331</v>
      </c>
      <c r="V3244" s="47" t="s">
        <v>5331</v>
      </c>
      <c r="W3244" s="47" t="s">
        <v>5331</v>
      </c>
      <c r="X3244" s="47" t="s">
        <v>5331</v>
      </c>
      <c r="Y3244" s="47" t="s">
        <v>5331</v>
      </c>
      <c r="Z3244" s="28"/>
      <c r="AA3244" s="27"/>
      <c r="AB3244" s="27"/>
      <c r="AC3244" s="27"/>
      <c r="AD3244" s="30"/>
      <c r="AE3244" s="1"/>
      <c r="AF3244" s="23" t="s">
        <v>5331</v>
      </c>
      <c r="AG3244" s="26"/>
      <c r="AH3244" s="53"/>
    </row>
    <row r="3245" spans="1:34" ht="51.6" customHeight="1" x14ac:dyDescent="0.45">
      <c r="A3245" s="23">
        <v>3239</v>
      </c>
      <c r="B3245" s="25"/>
      <c r="C3245" s="25"/>
      <c r="D3245" s="29"/>
      <c r="E3245" s="1"/>
      <c r="F3245" s="1"/>
      <c r="G3245" s="25"/>
      <c r="H3245" s="71"/>
      <c r="I3245" s="83"/>
      <c r="J3245" s="50" t="str">
        <f t="shared" si="102"/>
        <v/>
      </c>
      <c r="K3245" s="23" t="s">
        <v>7120</v>
      </c>
      <c r="L3245" s="49" t="e">
        <f>VLOOKUP(E3245&amp;F3245,団体コード!$A$1:$C$1743,3,FALSE)</f>
        <v>#N/A</v>
      </c>
      <c r="M3245" s="49" t="e">
        <f>VLOOKUP(E3245&amp;F3245,団体コード!$A$1:$C$1743,2,FALSE)</f>
        <v>#N/A</v>
      </c>
      <c r="N3245" s="51" t="e">
        <f>VLOOKUP(E3245,団体コード!$E$1:$F$48,2,FALSE)</f>
        <v>#N/A</v>
      </c>
      <c r="O3245" s="51" t="e">
        <f t="shared" si="103"/>
        <v>#N/A</v>
      </c>
      <c r="P3245" s="51">
        <v>1</v>
      </c>
      <c r="Q3245" s="51" t="s">
        <v>5341</v>
      </c>
      <c r="R3245" s="54" t="b">
        <v>1</v>
      </c>
      <c r="S3245" s="52" t="s">
        <v>7126</v>
      </c>
      <c r="T3245" s="67" t="s">
        <v>7127</v>
      </c>
      <c r="U3245" s="75" t="s">
        <v>5331</v>
      </c>
      <c r="V3245" s="47" t="s">
        <v>5331</v>
      </c>
      <c r="W3245" s="47" t="s">
        <v>5331</v>
      </c>
      <c r="X3245" s="47" t="s">
        <v>5331</v>
      </c>
      <c r="Y3245" s="47" t="s">
        <v>5331</v>
      </c>
      <c r="Z3245" s="28"/>
      <c r="AA3245" s="27"/>
      <c r="AB3245" s="27"/>
      <c r="AC3245" s="27"/>
      <c r="AD3245" s="30"/>
      <c r="AE3245" s="1"/>
      <c r="AF3245" s="23" t="s">
        <v>5331</v>
      </c>
      <c r="AG3245" s="26"/>
      <c r="AH3245" s="53"/>
    </row>
    <row r="3246" spans="1:34" ht="51.6" customHeight="1" x14ac:dyDescent="0.45">
      <c r="A3246" s="23">
        <v>3240</v>
      </c>
      <c r="B3246" s="25"/>
      <c r="C3246" s="25"/>
      <c r="D3246" s="29"/>
      <c r="E3246" s="1"/>
      <c r="F3246" s="1"/>
      <c r="G3246" s="25"/>
      <c r="H3246" s="71"/>
      <c r="I3246" s="83"/>
      <c r="J3246" s="50" t="str">
        <f t="shared" si="102"/>
        <v/>
      </c>
      <c r="K3246" s="23" t="s">
        <v>7120</v>
      </c>
      <c r="L3246" s="49" t="e">
        <f>VLOOKUP(E3246&amp;F3246,団体コード!$A$1:$C$1743,3,FALSE)</f>
        <v>#N/A</v>
      </c>
      <c r="M3246" s="49" t="e">
        <f>VLOOKUP(E3246&amp;F3246,団体コード!$A$1:$C$1743,2,FALSE)</f>
        <v>#N/A</v>
      </c>
      <c r="N3246" s="51" t="e">
        <f>VLOOKUP(E3246,団体コード!$E$1:$F$48,2,FALSE)</f>
        <v>#N/A</v>
      </c>
      <c r="O3246" s="51" t="e">
        <f t="shared" si="103"/>
        <v>#N/A</v>
      </c>
      <c r="P3246" s="51">
        <v>1</v>
      </c>
      <c r="Q3246" s="51" t="s">
        <v>5341</v>
      </c>
      <c r="R3246" s="54" t="b">
        <v>1</v>
      </c>
      <c r="S3246" s="52" t="s">
        <v>7126</v>
      </c>
      <c r="T3246" s="67" t="s">
        <v>7127</v>
      </c>
      <c r="U3246" s="75" t="s">
        <v>5331</v>
      </c>
      <c r="V3246" s="47" t="s">
        <v>5331</v>
      </c>
      <c r="W3246" s="47" t="s">
        <v>5331</v>
      </c>
      <c r="X3246" s="47" t="s">
        <v>5331</v>
      </c>
      <c r="Y3246" s="47" t="s">
        <v>5331</v>
      </c>
      <c r="Z3246" s="28"/>
      <c r="AA3246" s="27"/>
      <c r="AB3246" s="27"/>
      <c r="AC3246" s="27"/>
      <c r="AD3246" s="30"/>
      <c r="AE3246" s="1"/>
      <c r="AF3246" s="23" t="s">
        <v>5331</v>
      </c>
      <c r="AG3246" s="26"/>
      <c r="AH3246" s="53"/>
    </row>
    <row r="3247" spans="1:34" ht="51.6" customHeight="1" x14ac:dyDescent="0.45">
      <c r="A3247" s="23">
        <v>3241</v>
      </c>
      <c r="B3247" s="25"/>
      <c r="C3247" s="25"/>
      <c r="D3247" s="29"/>
      <c r="E3247" s="1"/>
      <c r="F3247" s="1"/>
      <c r="G3247" s="25"/>
      <c r="H3247" s="71"/>
      <c r="I3247" s="83"/>
      <c r="J3247" s="50" t="str">
        <f t="shared" si="102"/>
        <v/>
      </c>
      <c r="K3247" s="23" t="s">
        <v>7120</v>
      </c>
      <c r="L3247" s="49" t="e">
        <f>VLOOKUP(E3247&amp;F3247,団体コード!$A$1:$C$1743,3,FALSE)</f>
        <v>#N/A</v>
      </c>
      <c r="M3247" s="49" t="e">
        <f>VLOOKUP(E3247&amp;F3247,団体コード!$A$1:$C$1743,2,FALSE)</f>
        <v>#N/A</v>
      </c>
      <c r="N3247" s="51" t="e">
        <f>VLOOKUP(E3247,団体コード!$E$1:$F$48,2,FALSE)</f>
        <v>#N/A</v>
      </c>
      <c r="O3247" s="51" t="e">
        <f t="shared" si="103"/>
        <v>#N/A</v>
      </c>
      <c r="P3247" s="51">
        <v>1</v>
      </c>
      <c r="Q3247" s="51" t="s">
        <v>5341</v>
      </c>
      <c r="R3247" s="54" t="b">
        <v>1</v>
      </c>
      <c r="S3247" s="52" t="s">
        <v>7126</v>
      </c>
      <c r="T3247" s="67" t="s">
        <v>7127</v>
      </c>
      <c r="U3247" s="75" t="s">
        <v>5331</v>
      </c>
      <c r="V3247" s="47" t="s">
        <v>5331</v>
      </c>
      <c r="W3247" s="47" t="s">
        <v>5331</v>
      </c>
      <c r="X3247" s="47" t="s">
        <v>5331</v>
      </c>
      <c r="Y3247" s="47" t="s">
        <v>5331</v>
      </c>
      <c r="Z3247" s="28"/>
      <c r="AA3247" s="27"/>
      <c r="AB3247" s="27"/>
      <c r="AC3247" s="27"/>
      <c r="AD3247" s="30"/>
      <c r="AE3247" s="1"/>
      <c r="AF3247" s="23" t="s">
        <v>5331</v>
      </c>
      <c r="AG3247" s="26"/>
      <c r="AH3247" s="53"/>
    </row>
    <row r="3248" spans="1:34" ht="51.6" customHeight="1" x14ac:dyDescent="0.45">
      <c r="A3248" s="23">
        <v>3242</v>
      </c>
      <c r="B3248" s="25"/>
      <c r="C3248" s="25"/>
      <c r="D3248" s="29"/>
      <c r="E3248" s="1"/>
      <c r="F3248" s="1"/>
      <c r="G3248" s="25"/>
      <c r="H3248" s="71"/>
      <c r="I3248" s="83"/>
      <c r="J3248" s="50" t="str">
        <f t="shared" si="102"/>
        <v/>
      </c>
      <c r="K3248" s="23" t="s">
        <v>7120</v>
      </c>
      <c r="L3248" s="49" t="e">
        <f>VLOOKUP(E3248&amp;F3248,団体コード!$A$1:$C$1743,3,FALSE)</f>
        <v>#N/A</v>
      </c>
      <c r="M3248" s="49" t="e">
        <f>VLOOKUP(E3248&amp;F3248,団体コード!$A$1:$C$1743,2,FALSE)</f>
        <v>#N/A</v>
      </c>
      <c r="N3248" s="51" t="e">
        <f>VLOOKUP(E3248,団体コード!$E$1:$F$48,2,FALSE)</f>
        <v>#N/A</v>
      </c>
      <c r="O3248" s="51" t="e">
        <f t="shared" si="103"/>
        <v>#N/A</v>
      </c>
      <c r="P3248" s="51">
        <v>1</v>
      </c>
      <c r="Q3248" s="51" t="s">
        <v>5341</v>
      </c>
      <c r="R3248" s="54" t="b">
        <v>1</v>
      </c>
      <c r="S3248" s="52" t="s">
        <v>7126</v>
      </c>
      <c r="T3248" s="67" t="s">
        <v>7127</v>
      </c>
      <c r="U3248" s="75" t="s">
        <v>5331</v>
      </c>
      <c r="V3248" s="47" t="s">
        <v>5331</v>
      </c>
      <c r="W3248" s="47" t="s">
        <v>5331</v>
      </c>
      <c r="X3248" s="47" t="s">
        <v>5331</v>
      </c>
      <c r="Y3248" s="47" t="s">
        <v>5331</v>
      </c>
      <c r="Z3248" s="28"/>
      <c r="AA3248" s="27"/>
      <c r="AB3248" s="27"/>
      <c r="AC3248" s="27"/>
      <c r="AD3248" s="30"/>
      <c r="AE3248" s="1"/>
      <c r="AF3248" s="23" t="s">
        <v>5331</v>
      </c>
      <c r="AG3248" s="26"/>
      <c r="AH3248" s="53"/>
    </row>
    <row r="3249" spans="1:34" ht="51.6" customHeight="1" x14ac:dyDescent="0.45">
      <c r="A3249" s="23">
        <v>3243</v>
      </c>
      <c r="B3249" s="25"/>
      <c r="C3249" s="25"/>
      <c r="D3249" s="29"/>
      <c r="E3249" s="1"/>
      <c r="F3249" s="1"/>
      <c r="G3249" s="25"/>
      <c r="H3249" s="71"/>
      <c r="I3249" s="83"/>
      <c r="J3249" s="50" t="str">
        <f t="shared" si="102"/>
        <v/>
      </c>
      <c r="K3249" s="23" t="s">
        <v>7120</v>
      </c>
      <c r="L3249" s="49" t="e">
        <f>VLOOKUP(E3249&amp;F3249,団体コード!$A$1:$C$1743,3,FALSE)</f>
        <v>#N/A</v>
      </c>
      <c r="M3249" s="49" t="e">
        <f>VLOOKUP(E3249&amp;F3249,団体コード!$A$1:$C$1743,2,FALSE)</f>
        <v>#N/A</v>
      </c>
      <c r="N3249" s="51" t="e">
        <f>VLOOKUP(E3249,団体コード!$E$1:$F$48,2,FALSE)</f>
        <v>#N/A</v>
      </c>
      <c r="O3249" s="51" t="e">
        <f t="shared" si="103"/>
        <v>#N/A</v>
      </c>
      <c r="P3249" s="51">
        <v>1</v>
      </c>
      <c r="Q3249" s="51" t="s">
        <v>5341</v>
      </c>
      <c r="R3249" s="54" t="b">
        <v>1</v>
      </c>
      <c r="S3249" s="52" t="s">
        <v>7126</v>
      </c>
      <c r="T3249" s="67" t="s">
        <v>7127</v>
      </c>
      <c r="U3249" s="75" t="s">
        <v>5331</v>
      </c>
      <c r="V3249" s="47" t="s">
        <v>5331</v>
      </c>
      <c r="W3249" s="47" t="s">
        <v>5331</v>
      </c>
      <c r="X3249" s="47" t="s">
        <v>5331</v>
      </c>
      <c r="Y3249" s="47" t="s">
        <v>5331</v>
      </c>
      <c r="Z3249" s="28"/>
      <c r="AA3249" s="27"/>
      <c r="AB3249" s="27"/>
      <c r="AC3249" s="27"/>
      <c r="AD3249" s="30"/>
      <c r="AE3249" s="1"/>
      <c r="AF3249" s="23" t="s">
        <v>5331</v>
      </c>
      <c r="AG3249" s="26"/>
      <c r="AH3249" s="53"/>
    </row>
    <row r="3250" spans="1:34" ht="51.6" customHeight="1" x14ac:dyDescent="0.45">
      <c r="A3250" s="23">
        <v>3244</v>
      </c>
      <c r="B3250" s="25"/>
      <c r="C3250" s="25"/>
      <c r="D3250" s="29"/>
      <c r="E3250" s="1"/>
      <c r="F3250" s="1"/>
      <c r="G3250" s="25"/>
      <c r="H3250" s="71"/>
      <c r="I3250" s="83"/>
      <c r="J3250" s="50" t="str">
        <f t="shared" si="102"/>
        <v/>
      </c>
      <c r="K3250" s="23" t="s">
        <v>7120</v>
      </c>
      <c r="L3250" s="49" t="e">
        <f>VLOOKUP(E3250&amp;F3250,団体コード!$A$1:$C$1743,3,FALSE)</f>
        <v>#N/A</v>
      </c>
      <c r="M3250" s="49" t="e">
        <f>VLOOKUP(E3250&amp;F3250,団体コード!$A$1:$C$1743,2,FALSE)</f>
        <v>#N/A</v>
      </c>
      <c r="N3250" s="51" t="e">
        <f>VLOOKUP(E3250,団体コード!$E$1:$F$48,2,FALSE)</f>
        <v>#N/A</v>
      </c>
      <c r="O3250" s="51" t="e">
        <f t="shared" si="103"/>
        <v>#N/A</v>
      </c>
      <c r="P3250" s="51">
        <v>1</v>
      </c>
      <c r="Q3250" s="51" t="s">
        <v>5341</v>
      </c>
      <c r="R3250" s="54" t="b">
        <v>1</v>
      </c>
      <c r="S3250" s="52" t="s">
        <v>7126</v>
      </c>
      <c r="T3250" s="67" t="s">
        <v>7127</v>
      </c>
      <c r="U3250" s="75" t="s">
        <v>5331</v>
      </c>
      <c r="V3250" s="47" t="s">
        <v>5331</v>
      </c>
      <c r="W3250" s="47" t="s">
        <v>5331</v>
      </c>
      <c r="X3250" s="47" t="s">
        <v>5331</v>
      </c>
      <c r="Y3250" s="47" t="s">
        <v>5331</v>
      </c>
      <c r="Z3250" s="28"/>
      <c r="AA3250" s="27"/>
      <c r="AB3250" s="27"/>
      <c r="AC3250" s="27"/>
      <c r="AD3250" s="30"/>
      <c r="AE3250" s="1"/>
      <c r="AF3250" s="23" t="s">
        <v>5331</v>
      </c>
      <c r="AG3250" s="26"/>
      <c r="AH3250" s="53"/>
    </row>
    <row r="3251" spans="1:34" ht="51.6" customHeight="1" x14ac:dyDescent="0.45">
      <c r="A3251" s="23">
        <v>3245</v>
      </c>
      <c r="B3251" s="25"/>
      <c r="C3251" s="25"/>
      <c r="D3251" s="29"/>
      <c r="E3251" s="1"/>
      <c r="F3251" s="1"/>
      <c r="G3251" s="25"/>
      <c r="H3251" s="71"/>
      <c r="I3251" s="83"/>
      <c r="J3251" s="50" t="str">
        <f t="shared" si="102"/>
        <v/>
      </c>
      <c r="K3251" s="23" t="s">
        <v>7120</v>
      </c>
      <c r="L3251" s="49" t="e">
        <f>VLOOKUP(E3251&amp;F3251,団体コード!$A$1:$C$1743,3,FALSE)</f>
        <v>#N/A</v>
      </c>
      <c r="M3251" s="49" t="e">
        <f>VLOOKUP(E3251&amp;F3251,団体コード!$A$1:$C$1743,2,FALSE)</f>
        <v>#N/A</v>
      </c>
      <c r="N3251" s="51" t="e">
        <f>VLOOKUP(E3251,団体コード!$E$1:$F$48,2,FALSE)</f>
        <v>#N/A</v>
      </c>
      <c r="O3251" s="51" t="e">
        <f t="shared" si="103"/>
        <v>#N/A</v>
      </c>
      <c r="P3251" s="51">
        <v>1</v>
      </c>
      <c r="Q3251" s="51" t="s">
        <v>5341</v>
      </c>
      <c r="R3251" s="54" t="b">
        <v>1</v>
      </c>
      <c r="S3251" s="52" t="s">
        <v>7126</v>
      </c>
      <c r="T3251" s="67" t="s">
        <v>7127</v>
      </c>
      <c r="U3251" s="75" t="s">
        <v>5331</v>
      </c>
      <c r="V3251" s="47" t="s">
        <v>5331</v>
      </c>
      <c r="W3251" s="47" t="s">
        <v>5331</v>
      </c>
      <c r="X3251" s="47" t="s">
        <v>5331</v>
      </c>
      <c r="Y3251" s="47" t="s">
        <v>5331</v>
      </c>
      <c r="Z3251" s="28"/>
      <c r="AA3251" s="27"/>
      <c r="AB3251" s="27"/>
      <c r="AC3251" s="27"/>
      <c r="AD3251" s="30"/>
      <c r="AE3251" s="1"/>
      <c r="AF3251" s="23" t="s">
        <v>5331</v>
      </c>
      <c r="AG3251" s="26"/>
      <c r="AH3251" s="53"/>
    </row>
    <row r="3252" spans="1:34" ht="51.6" customHeight="1" x14ac:dyDescent="0.45">
      <c r="A3252" s="23">
        <v>3246</v>
      </c>
      <c r="B3252" s="25"/>
      <c r="C3252" s="25"/>
      <c r="D3252" s="29"/>
      <c r="E3252" s="1"/>
      <c r="F3252" s="1"/>
      <c r="G3252" s="25"/>
      <c r="H3252" s="71"/>
      <c r="I3252" s="83"/>
      <c r="J3252" s="50" t="str">
        <f t="shared" si="102"/>
        <v/>
      </c>
      <c r="K3252" s="23" t="s">
        <v>7120</v>
      </c>
      <c r="L3252" s="49" t="e">
        <f>VLOOKUP(E3252&amp;F3252,団体コード!$A$1:$C$1743,3,FALSE)</f>
        <v>#N/A</v>
      </c>
      <c r="M3252" s="49" t="e">
        <f>VLOOKUP(E3252&amp;F3252,団体コード!$A$1:$C$1743,2,FALSE)</f>
        <v>#N/A</v>
      </c>
      <c r="N3252" s="51" t="e">
        <f>VLOOKUP(E3252,団体コード!$E$1:$F$48,2,FALSE)</f>
        <v>#N/A</v>
      </c>
      <c r="O3252" s="51" t="e">
        <f t="shared" si="103"/>
        <v>#N/A</v>
      </c>
      <c r="P3252" s="51">
        <v>1</v>
      </c>
      <c r="Q3252" s="51" t="s">
        <v>5341</v>
      </c>
      <c r="R3252" s="54" t="b">
        <v>1</v>
      </c>
      <c r="S3252" s="52" t="s">
        <v>7126</v>
      </c>
      <c r="T3252" s="67" t="s">
        <v>7127</v>
      </c>
      <c r="U3252" s="75" t="s">
        <v>5331</v>
      </c>
      <c r="V3252" s="47" t="s">
        <v>5331</v>
      </c>
      <c r="W3252" s="47" t="s">
        <v>5331</v>
      </c>
      <c r="X3252" s="47" t="s">
        <v>5331</v>
      </c>
      <c r="Y3252" s="47" t="s">
        <v>5331</v>
      </c>
      <c r="Z3252" s="28"/>
      <c r="AA3252" s="27"/>
      <c r="AB3252" s="27"/>
      <c r="AC3252" s="27"/>
      <c r="AD3252" s="30"/>
      <c r="AE3252" s="1"/>
      <c r="AF3252" s="23" t="s">
        <v>5331</v>
      </c>
      <c r="AG3252" s="26"/>
      <c r="AH3252" s="53"/>
    </row>
    <row r="3253" spans="1:34" ht="51.6" customHeight="1" x14ac:dyDescent="0.45">
      <c r="A3253" s="23">
        <v>3247</v>
      </c>
      <c r="B3253" s="25"/>
      <c r="C3253" s="25"/>
      <c r="D3253" s="29"/>
      <c r="E3253" s="1"/>
      <c r="F3253" s="1"/>
      <c r="G3253" s="25"/>
      <c r="H3253" s="71"/>
      <c r="I3253" s="83"/>
      <c r="J3253" s="50" t="str">
        <f t="shared" si="102"/>
        <v/>
      </c>
      <c r="K3253" s="23" t="s">
        <v>7120</v>
      </c>
      <c r="L3253" s="49" t="e">
        <f>VLOOKUP(E3253&amp;F3253,団体コード!$A$1:$C$1743,3,FALSE)</f>
        <v>#N/A</v>
      </c>
      <c r="M3253" s="49" t="e">
        <f>VLOOKUP(E3253&amp;F3253,団体コード!$A$1:$C$1743,2,FALSE)</f>
        <v>#N/A</v>
      </c>
      <c r="N3253" s="51" t="e">
        <f>VLOOKUP(E3253,団体コード!$E$1:$F$48,2,FALSE)</f>
        <v>#N/A</v>
      </c>
      <c r="O3253" s="51" t="e">
        <f t="shared" si="103"/>
        <v>#N/A</v>
      </c>
      <c r="P3253" s="51">
        <v>1</v>
      </c>
      <c r="Q3253" s="51" t="s">
        <v>5341</v>
      </c>
      <c r="R3253" s="54" t="b">
        <v>1</v>
      </c>
      <c r="S3253" s="52" t="s">
        <v>7126</v>
      </c>
      <c r="T3253" s="67" t="s">
        <v>7127</v>
      </c>
      <c r="U3253" s="75" t="s">
        <v>5331</v>
      </c>
      <c r="V3253" s="47" t="s">
        <v>5331</v>
      </c>
      <c r="W3253" s="47" t="s">
        <v>5331</v>
      </c>
      <c r="X3253" s="47" t="s">
        <v>5331</v>
      </c>
      <c r="Y3253" s="47" t="s">
        <v>5331</v>
      </c>
      <c r="Z3253" s="28"/>
      <c r="AA3253" s="27"/>
      <c r="AB3253" s="27"/>
      <c r="AC3253" s="27"/>
      <c r="AD3253" s="30"/>
      <c r="AE3253" s="1"/>
      <c r="AF3253" s="23" t="s">
        <v>5331</v>
      </c>
      <c r="AG3253" s="26"/>
      <c r="AH3253" s="53"/>
    </row>
    <row r="3254" spans="1:34" ht="51.6" customHeight="1" x14ac:dyDescent="0.45">
      <c r="A3254" s="23">
        <v>3248</v>
      </c>
      <c r="B3254" s="25"/>
      <c r="C3254" s="25"/>
      <c r="D3254" s="29"/>
      <c r="E3254" s="1"/>
      <c r="F3254" s="1"/>
      <c r="G3254" s="25"/>
      <c r="H3254" s="71"/>
      <c r="I3254" s="83"/>
      <c r="J3254" s="50" t="str">
        <f t="shared" si="102"/>
        <v/>
      </c>
      <c r="K3254" s="23" t="s">
        <v>7120</v>
      </c>
      <c r="L3254" s="49" t="e">
        <f>VLOOKUP(E3254&amp;F3254,団体コード!$A$1:$C$1743,3,FALSE)</f>
        <v>#N/A</v>
      </c>
      <c r="M3254" s="49" t="e">
        <f>VLOOKUP(E3254&amp;F3254,団体コード!$A$1:$C$1743,2,FALSE)</f>
        <v>#N/A</v>
      </c>
      <c r="N3254" s="51" t="e">
        <f>VLOOKUP(E3254,団体コード!$E$1:$F$48,2,FALSE)</f>
        <v>#N/A</v>
      </c>
      <c r="O3254" s="51" t="e">
        <f t="shared" si="103"/>
        <v>#N/A</v>
      </c>
      <c r="P3254" s="51">
        <v>1</v>
      </c>
      <c r="Q3254" s="51" t="s">
        <v>5341</v>
      </c>
      <c r="R3254" s="54" t="b">
        <v>1</v>
      </c>
      <c r="S3254" s="52" t="s">
        <v>7126</v>
      </c>
      <c r="T3254" s="67" t="s">
        <v>7127</v>
      </c>
      <c r="U3254" s="75" t="s">
        <v>5331</v>
      </c>
      <c r="V3254" s="47" t="s">
        <v>5331</v>
      </c>
      <c r="W3254" s="47" t="s">
        <v>5331</v>
      </c>
      <c r="X3254" s="47" t="s">
        <v>5331</v>
      </c>
      <c r="Y3254" s="47" t="s">
        <v>5331</v>
      </c>
      <c r="Z3254" s="28"/>
      <c r="AA3254" s="27"/>
      <c r="AB3254" s="27"/>
      <c r="AC3254" s="27"/>
      <c r="AD3254" s="30"/>
      <c r="AE3254" s="1"/>
      <c r="AF3254" s="23" t="s">
        <v>5331</v>
      </c>
      <c r="AG3254" s="26"/>
      <c r="AH3254" s="53"/>
    </row>
    <row r="3255" spans="1:34" ht="51.6" customHeight="1" x14ac:dyDescent="0.45">
      <c r="A3255" s="23">
        <v>3249</v>
      </c>
      <c r="B3255" s="25"/>
      <c r="C3255" s="25"/>
      <c r="D3255" s="29"/>
      <c r="E3255" s="1"/>
      <c r="F3255" s="1"/>
      <c r="G3255" s="25"/>
      <c r="H3255" s="71"/>
      <c r="I3255" s="83"/>
      <c r="J3255" s="50" t="str">
        <f t="shared" si="102"/>
        <v/>
      </c>
      <c r="K3255" s="23" t="s">
        <v>7120</v>
      </c>
      <c r="L3255" s="49" t="e">
        <f>VLOOKUP(E3255&amp;F3255,団体コード!$A$1:$C$1743,3,FALSE)</f>
        <v>#N/A</v>
      </c>
      <c r="M3255" s="49" t="e">
        <f>VLOOKUP(E3255&amp;F3255,団体コード!$A$1:$C$1743,2,FALSE)</f>
        <v>#N/A</v>
      </c>
      <c r="N3255" s="51" t="e">
        <f>VLOOKUP(E3255,団体コード!$E$1:$F$48,2,FALSE)</f>
        <v>#N/A</v>
      </c>
      <c r="O3255" s="51" t="e">
        <f t="shared" si="103"/>
        <v>#N/A</v>
      </c>
      <c r="P3255" s="51">
        <v>1</v>
      </c>
      <c r="Q3255" s="51" t="s">
        <v>5341</v>
      </c>
      <c r="R3255" s="54" t="b">
        <v>1</v>
      </c>
      <c r="S3255" s="52" t="s">
        <v>7126</v>
      </c>
      <c r="T3255" s="67" t="s">
        <v>7127</v>
      </c>
      <c r="U3255" s="75" t="s">
        <v>5331</v>
      </c>
      <c r="V3255" s="47" t="s">
        <v>5331</v>
      </c>
      <c r="W3255" s="47" t="s">
        <v>5331</v>
      </c>
      <c r="X3255" s="47" t="s">
        <v>5331</v>
      </c>
      <c r="Y3255" s="47" t="s">
        <v>5331</v>
      </c>
      <c r="Z3255" s="28"/>
      <c r="AA3255" s="27"/>
      <c r="AB3255" s="27"/>
      <c r="AC3255" s="27"/>
      <c r="AD3255" s="30"/>
      <c r="AE3255" s="1"/>
      <c r="AF3255" s="23" t="s">
        <v>5331</v>
      </c>
      <c r="AG3255" s="26"/>
      <c r="AH3255" s="53"/>
    </row>
    <row r="3256" spans="1:34" ht="51.6" customHeight="1" x14ac:dyDescent="0.45">
      <c r="A3256" s="23">
        <v>3250</v>
      </c>
      <c r="B3256" s="25"/>
      <c r="C3256" s="25"/>
      <c r="D3256" s="29"/>
      <c r="E3256" s="1"/>
      <c r="F3256" s="1"/>
      <c r="G3256" s="25"/>
      <c r="H3256" s="71"/>
      <c r="I3256" s="83"/>
      <c r="J3256" s="50" t="str">
        <f t="shared" si="102"/>
        <v/>
      </c>
      <c r="K3256" s="23" t="s">
        <v>7120</v>
      </c>
      <c r="L3256" s="49" t="e">
        <f>VLOOKUP(E3256&amp;F3256,団体コード!$A$1:$C$1743,3,FALSE)</f>
        <v>#N/A</v>
      </c>
      <c r="M3256" s="49" t="e">
        <f>VLOOKUP(E3256&amp;F3256,団体コード!$A$1:$C$1743,2,FALSE)</f>
        <v>#N/A</v>
      </c>
      <c r="N3256" s="51" t="e">
        <f>VLOOKUP(E3256,団体コード!$E$1:$F$48,2,FALSE)</f>
        <v>#N/A</v>
      </c>
      <c r="O3256" s="51" t="e">
        <f t="shared" si="103"/>
        <v>#N/A</v>
      </c>
      <c r="P3256" s="51">
        <v>1</v>
      </c>
      <c r="Q3256" s="51" t="s">
        <v>5341</v>
      </c>
      <c r="R3256" s="54" t="b">
        <v>1</v>
      </c>
      <c r="S3256" s="52" t="s">
        <v>7126</v>
      </c>
      <c r="T3256" s="67" t="s">
        <v>7127</v>
      </c>
      <c r="U3256" s="75" t="s">
        <v>5331</v>
      </c>
      <c r="V3256" s="47" t="s">
        <v>5331</v>
      </c>
      <c r="W3256" s="47" t="s">
        <v>5331</v>
      </c>
      <c r="X3256" s="47" t="s">
        <v>5331</v>
      </c>
      <c r="Y3256" s="47" t="s">
        <v>5331</v>
      </c>
      <c r="Z3256" s="28"/>
      <c r="AA3256" s="27"/>
      <c r="AB3256" s="27"/>
      <c r="AC3256" s="27"/>
      <c r="AD3256" s="30"/>
      <c r="AE3256" s="1"/>
      <c r="AF3256" s="23" t="s">
        <v>5331</v>
      </c>
      <c r="AG3256" s="26"/>
      <c r="AH3256" s="53"/>
    </row>
    <row r="3257" spans="1:34" ht="51.6" customHeight="1" x14ac:dyDescent="0.45">
      <c r="A3257" s="23">
        <v>3251</v>
      </c>
      <c r="B3257" s="25"/>
      <c r="C3257" s="25"/>
      <c r="D3257" s="29"/>
      <c r="E3257" s="1"/>
      <c r="F3257" s="1"/>
      <c r="G3257" s="25"/>
      <c r="H3257" s="71"/>
      <c r="I3257" s="83"/>
      <c r="J3257" s="50" t="str">
        <f t="shared" si="102"/>
        <v/>
      </c>
      <c r="K3257" s="23" t="s">
        <v>7120</v>
      </c>
      <c r="L3257" s="49" t="e">
        <f>VLOOKUP(E3257&amp;F3257,団体コード!$A$1:$C$1743,3,FALSE)</f>
        <v>#N/A</v>
      </c>
      <c r="M3257" s="49" t="e">
        <f>VLOOKUP(E3257&amp;F3257,団体コード!$A$1:$C$1743,2,FALSE)</f>
        <v>#N/A</v>
      </c>
      <c r="N3257" s="51" t="e">
        <f>VLOOKUP(E3257,団体コード!$E$1:$F$48,2,FALSE)</f>
        <v>#N/A</v>
      </c>
      <c r="O3257" s="51" t="e">
        <f t="shared" si="103"/>
        <v>#N/A</v>
      </c>
      <c r="P3257" s="51">
        <v>1</v>
      </c>
      <c r="Q3257" s="51" t="s">
        <v>5341</v>
      </c>
      <c r="R3257" s="54" t="b">
        <v>1</v>
      </c>
      <c r="S3257" s="52" t="s">
        <v>7126</v>
      </c>
      <c r="T3257" s="67" t="s">
        <v>7127</v>
      </c>
      <c r="U3257" s="75" t="s">
        <v>5331</v>
      </c>
      <c r="V3257" s="47" t="s">
        <v>5331</v>
      </c>
      <c r="W3257" s="47" t="s">
        <v>5331</v>
      </c>
      <c r="X3257" s="47" t="s">
        <v>5331</v>
      </c>
      <c r="Y3257" s="47" t="s">
        <v>5331</v>
      </c>
      <c r="Z3257" s="28"/>
      <c r="AA3257" s="27"/>
      <c r="AB3257" s="27"/>
      <c r="AC3257" s="27"/>
      <c r="AD3257" s="30"/>
      <c r="AE3257" s="1"/>
      <c r="AF3257" s="23" t="s">
        <v>5331</v>
      </c>
      <c r="AG3257" s="26"/>
      <c r="AH3257" s="53"/>
    </row>
    <row r="3258" spans="1:34" ht="51.6" customHeight="1" x14ac:dyDescent="0.45">
      <c r="A3258" s="23">
        <v>3252</v>
      </c>
      <c r="B3258" s="25"/>
      <c r="C3258" s="25"/>
      <c r="D3258" s="29"/>
      <c r="E3258" s="1"/>
      <c r="F3258" s="1"/>
      <c r="G3258" s="25"/>
      <c r="H3258" s="71"/>
      <c r="I3258" s="83"/>
      <c r="J3258" s="50" t="str">
        <f t="shared" si="102"/>
        <v/>
      </c>
      <c r="K3258" s="23" t="s">
        <v>7120</v>
      </c>
      <c r="L3258" s="49" t="e">
        <f>VLOOKUP(E3258&amp;F3258,団体コード!$A$1:$C$1743,3,FALSE)</f>
        <v>#N/A</v>
      </c>
      <c r="M3258" s="49" t="e">
        <f>VLOOKUP(E3258&amp;F3258,団体コード!$A$1:$C$1743,2,FALSE)</f>
        <v>#N/A</v>
      </c>
      <c r="N3258" s="51" t="e">
        <f>VLOOKUP(E3258,団体コード!$E$1:$F$48,2,FALSE)</f>
        <v>#N/A</v>
      </c>
      <c r="O3258" s="51" t="e">
        <f t="shared" si="103"/>
        <v>#N/A</v>
      </c>
      <c r="P3258" s="51">
        <v>1</v>
      </c>
      <c r="Q3258" s="51" t="s">
        <v>5341</v>
      </c>
      <c r="R3258" s="54" t="b">
        <v>1</v>
      </c>
      <c r="S3258" s="52" t="s">
        <v>7126</v>
      </c>
      <c r="T3258" s="67" t="s">
        <v>7127</v>
      </c>
      <c r="U3258" s="75" t="s">
        <v>5331</v>
      </c>
      <c r="V3258" s="47" t="s">
        <v>5331</v>
      </c>
      <c r="W3258" s="47" t="s">
        <v>5331</v>
      </c>
      <c r="X3258" s="47" t="s">
        <v>5331</v>
      </c>
      <c r="Y3258" s="47" t="s">
        <v>5331</v>
      </c>
      <c r="Z3258" s="28"/>
      <c r="AA3258" s="27"/>
      <c r="AB3258" s="27"/>
      <c r="AC3258" s="27"/>
      <c r="AD3258" s="30"/>
      <c r="AE3258" s="1"/>
      <c r="AF3258" s="23" t="s">
        <v>5331</v>
      </c>
      <c r="AG3258" s="26"/>
      <c r="AH3258" s="53"/>
    </row>
    <row r="3259" spans="1:34" ht="51.6" customHeight="1" x14ac:dyDescent="0.45">
      <c r="A3259" s="23">
        <v>3253</v>
      </c>
      <c r="B3259" s="25"/>
      <c r="C3259" s="25"/>
      <c r="D3259" s="29"/>
      <c r="E3259" s="1"/>
      <c r="F3259" s="1"/>
      <c r="G3259" s="25"/>
      <c r="H3259" s="71"/>
      <c r="I3259" s="83"/>
      <c r="J3259" s="50" t="str">
        <f t="shared" si="102"/>
        <v/>
      </c>
      <c r="K3259" s="23" t="s">
        <v>7120</v>
      </c>
      <c r="L3259" s="49" t="e">
        <f>VLOOKUP(E3259&amp;F3259,団体コード!$A$1:$C$1743,3,FALSE)</f>
        <v>#N/A</v>
      </c>
      <c r="M3259" s="49" t="e">
        <f>VLOOKUP(E3259&amp;F3259,団体コード!$A$1:$C$1743,2,FALSE)</f>
        <v>#N/A</v>
      </c>
      <c r="N3259" s="51" t="e">
        <f>VLOOKUP(E3259,団体コード!$E$1:$F$48,2,FALSE)</f>
        <v>#N/A</v>
      </c>
      <c r="O3259" s="51" t="e">
        <f t="shared" si="103"/>
        <v>#N/A</v>
      </c>
      <c r="P3259" s="51">
        <v>1</v>
      </c>
      <c r="Q3259" s="51" t="s">
        <v>5341</v>
      </c>
      <c r="R3259" s="54" t="b">
        <v>1</v>
      </c>
      <c r="S3259" s="52" t="s">
        <v>7126</v>
      </c>
      <c r="T3259" s="67" t="s">
        <v>7127</v>
      </c>
      <c r="U3259" s="75" t="s">
        <v>5331</v>
      </c>
      <c r="V3259" s="47" t="s">
        <v>5331</v>
      </c>
      <c r="W3259" s="47" t="s">
        <v>5331</v>
      </c>
      <c r="X3259" s="47" t="s">
        <v>5331</v>
      </c>
      <c r="Y3259" s="47" t="s">
        <v>5331</v>
      </c>
      <c r="Z3259" s="28"/>
      <c r="AA3259" s="27"/>
      <c r="AB3259" s="27"/>
      <c r="AC3259" s="27"/>
      <c r="AD3259" s="30"/>
      <c r="AE3259" s="1"/>
      <c r="AF3259" s="23" t="s">
        <v>5331</v>
      </c>
      <c r="AG3259" s="26"/>
      <c r="AH3259" s="53"/>
    </row>
    <row r="3260" spans="1:34" ht="51.6" customHeight="1" x14ac:dyDescent="0.45">
      <c r="A3260" s="23">
        <v>3254</v>
      </c>
      <c r="B3260" s="25"/>
      <c r="C3260" s="25"/>
      <c r="D3260" s="29"/>
      <c r="E3260" s="1"/>
      <c r="F3260" s="1"/>
      <c r="G3260" s="25"/>
      <c r="H3260" s="71"/>
      <c r="I3260" s="83"/>
      <c r="J3260" s="50" t="str">
        <f t="shared" si="102"/>
        <v/>
      </c>
      <c r="K3260" s="23" t="s">
        <v>7120</v>
      </c>
      <c r="L3260" s="49" t="e">
        <f>VLOOKUP(E3260&amp;F3260,団体コード!$A$1:$C$1743,3,FALSE)</f>
        <v>#N/A</v>
      </c>
      <c r="M3260" s="49" t="e">
        <f>VLOOKUP(E3260&amp;F3260,団体コード!$A$1:$C$1743,2,FALSE)</f>
        <v>#N/A</v>
      </c>
      <c r="N3260" s="51" t="e">
        <f>VLOOKUP(E3260,団体コード!$E$1:$F$48,2,FALSE)</f>
        <v>#N/A</v>
      </c>
      <c r="O3260" s="51" t="e">
        <f t="shared" si="103"/>
        <v>#N/A</v>
      </c>
      <c r="P3260" s="51">
        <v>1</v>
      </c>
      <c r="Q3260" s="51" t="s">
        <v>5341</v>
      </c>
      <c r="R3260" s="54" t="b">
        <v>1</v>
      </c>
      <c r="S3260" s="52" t="s">
        <v>7126</v>
      </c>
      <c r="T3260" s="67" t="s">
        <v>7127</v>
      </c>
      <c r="U3260" s="75" t="s">
        <v>5331</v>
      </c>
      <c r="V3260" s="47" t="s">
        <v>5331</v>
      </c>
      <c r="W3260" s="47" t="s">
        <v>5331</v>
      </c>
      <c r="X3260" s="47" t="s">
        <v>5331</v>
      </c>
      <c r="Y3260" s="47" t="s">
        <v>5331</v>
      </c>
      <c r="Z3260" s="28"/>
      <c r="AA3260" s="27"/>
      <c r="AB3260" s="27"/>
      <c r="AC3260" s="27"/>
      <c r="AD3260" s="30"/>
      <c r="AE3260" s="1"/>
      <c r="AF3260" s="23" t="s">
        <v>5331</v>
      </c>
      <c r="AG3260" s="26"/>
      <c r="AH3260" s="53"/>
    </row>
    <row r="3261" spans="1:34" ht="51.6" customHeight="1" x14ac:dyDescent="0.45">
      <c r="A3261" s="23">
        <v>3255</v>
      </c>
      <c r="B3261" s="25"/>
      <c r="C3261" s="25"/>
      <c r="D3261" s="29"/>
      <c r="E3261" s="1"/>
      <c r="F3261" s="1"/>
      <c r="G3261" s="25"/>
      <c r="H3261" s="71"/>
      <c r="I3261" s="83"/>
      <c r="J3261" s="50" t="str">
        <f t="shared" si="102"/>
        <v/>
      </c>
      <c r="K3261" s="23" t="s">
        <v>7120</v>
      </c>
      <c r="L3261" s="49" t="e">
        <f>VLOOKUP(E3261&amp;F3261,団体コード!$A$1:$C$1743,3,FALSE)</f>
        <v>#N/A</v>
      </c>
      <c r="M3261" s="49" t="e">
        <f>VLOOKUP(E3261&amp;F3261,団体コード!$A$1:$C$1743,2,FALSE)</f>
        <v>#N/A</v>
      </c>
      <c r="N3261" s="51" t="e">
        <f>VLOOKUP(E3261,団体コード!$E$1:$F$48,2,FALSE)</f>
        <v>#N/A</v>
      </c>
      <c r="O3261" s="51" t="e">
        <f t="shared" si="103"/>
        <v>#N/A</v>
      </c>
      <c r="P3261" s="51">
        <v>1</v>
      </c>
      <c r="Q3261" s="51" t="s">
        <v>5341</v>
      </c>
      <c r="R3261" s="54" t="b">
        <v>1</v>
      </c>
      <c r="S3261" s="52" t="s">
        <v>7126</v>
      </c>
      <c r="T3261" s="67" t="s">
        <v>7127</v>
      </c>
      <c r="U3261" s="75" t="s">
        <v>5331</v>
      </c>
      <c r="V3261" s="47" t="s">
        <v>5331</v>
      </c>
      <c r="W3261" s="47" t="s">
        <v>5331</v>
      </c>
      <c r="X3261" s="47" t="s">
        <v>5331</v>
      </c>
      <c r="Y3261" s="47" t="s">
        <v>5331</v>
      </c>
      <c r="Z3261" s="28"/>
      <c r="AA3261" s="27"/>
      <c r="AB3261" s="27"/>
      <c r="AC3261" s="27"/>
      <c r="AD3261" s="30"/>
      <c r="AE3261" s="1"/>
      <c r="AF3261" s="23" t="s">
        <v>5331</v>
      </c>
      <c r="AG3261" s="26"/>
      <c r="AH3261" s="53"/>
    </row>
    <row r="3262" spans="1:34" ht="51.6" customHeight="1" x14ac:dyDescent="0.45">
      <c r="A3262" s="23">
        <v>3256</v>
      </c>
      <c r="B3262" s="25"/>
      <c r="C3262" s="25"/>
      <c r="D3262" s="29"/>
      <c r="E3262" s="1"/>
      <c r="F3262" s="1"/>
      <c r="G3262" s="25"/>
      <c r="H3262" s="71"/>
      <c r="I3262" s="83"/>
      <c r="J3262" s="50" t="str">
        <f t="shared" si="102"/>
        <v/>
      </c>
      <c r="K3262" s="23" t="s">
        <v>7120</v>
      </c>
      <c r="L3262" s="49" t="e">
        <f>VLOOKUP(E3262&amp;F3262,団体コード!$A$1:$C$1743,3,FALSE)</f>
        <v>#N/A</v>
      </c>
      <c r="M3262" s="49" t="e">
        <f>VLOOKUP(E3262&amp;F3262,団体コード!$A$1:$C$1743,2,FALSE)</f>
        <v>#N/A</v>
      </c>
      <c r="N3262" s="51" t="e">
        <f>VLOOKUP(E3262,団体コード!$E$1:$F$48,2,FALSE)</f>
        <v>#N/A</v>
      </c>
      <c r="O3262" s="51" t="e">
        <f t="shared" si="103"/>
        <v>#N/A</v>
      </c>
      <c r="P3262" s="51">
        <v>1</v>
      </c>
      <c r="Q3262" s="51" t="s">
        <v>5341</v>
      </c>
      <c r="R3262" s="54" t="b">
        <v>1</v>
      </c>
      <c r="S3262" s="52" t="s">
        <v>7126</v>
      </c>
      <c r="T3262" s="67" t="s">
        <v>7127</v>
      </c>
      <c r="U3262" s="75" t="s">
        <v>5331</v>
      </c>
      <c r="V3262" s="47" t="s">
        <v>5331</v>
      </c>
      <c r="W3262" s="47" t="s">
        <v>5331</v>
      </c>
      <c r="X3262" s="47" t="s">
        <v>5331</v>
      </c>
      <c r="Y3262" s="47" t="s">
        <v>5331</v>
      </c>
      <c r="Z3262" s="28"/>
      <c r="AA3262" s="27"/>
      <c r="AB3262" s="27"/>
      <c r="AC3262" s="27"/>
      <c r="AD3262" s="30"/>
      <c r="AE3262" s="1"/>
      <c r="AF3262" s="23" t="s">
        <v>5331</v>
      </c>
      <c r="AG3262" s="26"/>
      <c r="AH3262" s="53"/>
    </row>
    <row r="3263" spans="1:34" ht="51.6" customHeight="1" x14ac:dyDescent="0.45">
      <c r="A3263" s="23">
        <v>3257</v>
      </c>
      <c r="B3263" s="25"/>
      <c r="C3263" s="25"/>
      <c r="D3263" s="29"/>
      <c r="E3263" s="1"/>
      <c r="F3263" s="1"/>
      <c r="G3263" s="25"/>
      <c r="H3263" s="71"/>
      <c r="I3263" s="83"/>
      <c r="J3263" s="50" t="str">
        <f t="shared" si="102"/>
        <v/>
      </c>
      <c r="K3263" s="23" t="s">
        <v>7120</v>
      </c>
      <c r="L3263" s="49" t="e">
        <f>VLOOKUP(E3263&amp;F3263,団体コード!$A$1:$C$1743,3,FALSE)</f>
        <v>#N/A</v>
      </c>
      <c r="M3263" s="49" t="e">
        <f>VLOOKUP(E3263&amp;F3263,団体コード!$A$1:$C$1743,2,FALSE)</f>
        <v>#N/A</v>
      </c>
      <c r="N3263" s="51" t="e">
        <f>VLOOKUP(E3263,団体コード!$E$1:$F$48,2,FALSE)</f>
        <v>#N/A</v>
      </c>
      <c r="O3263" s="51" t="e">
        <f t="shared" si="103"/>
        <v>#N/A</v>
      </c>
      <c r="P3263" s="51">
        <v>1</v>
      </c>
      <c r="Q3263" s="51" t="s">
        <v>5341</v>
      </c>
      <c r="R3263" s="54" t="b">
        <v>1</v>
      </c>
      <c r="S3263" s="52" t="s">
        <v>7126</v>
      </c>
      <c r="T3263" s="67" t="s">
        <v>7127</v>
      </c>
      <c r="U3263" s="75" t="s">
        <v>5331</v>
      </c>
      <c r="V3263" s="47" t="s">
        <v>5331</v>
      </c>
      <c r="W3263" s="47" t="s">
        <v>5331</v>
      </c>
      <c r="X3263" s="47" t="s">
        <v>5331</v>
      </c>
      <c r="Y3263" s="47" t="s">
        <v>5331</v>
      </c>
      <c r="Z3263" s="28"/>
      <c r="AA3263" s="27"/>
      <c r="AB3263" s="27"/>
      <c r="AC3263" s="27"/>
      <c r="AD3263" s="30"/>
      <c r="AE3263" s="1"/>
      <c r="AF3263" s="23" t="s">
        <v>5331</v>
      </c>
      <c r="AG3263" s="26"/>
      <c r="AH3263" s="53"/>
    </row>
    <row r="3264" spans="1:34" ht="51.6" customHeight="1" x14ac:dyDescent="0.45">
      <c r="A3264" s="23">
        <v>3258</v>
      </c>
      <c r="B3264" s="25"/>
      <c r="C3264" s="25"/>
      <c r="D3264" s="29"/>
      <c r="E3264" s="1"/>
      <c r="F3264" s="1"/>
      <c r="G3264" s="25"/>
      <c r="H3264" s="71"/>
      <c r="I3264" s="83"/>
      <c r="J3264" s="50" t="str">
        <f t="shared" si="102"/>
        <v/>
      </c>
      <c r="K3264" s="23" t="s">
        <v>7120</v>
      </c>
      <c r="L3264" s="49" t="e">
        <f>VLOOKUP(E3264&amp;F3264,団体コード!$A$1:$C$1743,3,FALSE)</f>
        <v>#N/A</v>
      </c>
      <c r="M3264" s="49" t="e">
        <f>VLOOKUP(E3264&amp;F3264,団体コード!$A$1:$C$1743,2,FALSE)</f>
        <v>#N/A</v>
      </c>
      <c r="N3264" s="51" t="e">
        <f>VLOOKUP(E3264,団体コード!$E$1:$F$48,2,FALSE)</f>
        <v>#N/A</v>
      </c>
      <c r="O3264" s="51" t="e">
        <f t="shared" si="103"/>
        <v>#N/A</v>
      </c>
      <c r="P3264" s="51">
        <v>1</v>
      </c>
      <c r="Q3264" s="51" t="s">
        <v>5341</v>
      </c>
      <c r="R3264" s="54" t="b">
        <v>1</v>
      </c>
      <c r="S3264" s="52" t="s">
        <v>7126</v>
      </c>
      <c r="T3264" s="67" t="s">
        <v>7127</v>
      </c>
      <c r="U3264" s="75" t="s">
        <v>5331</v>
      </c>
      <c r="V3264" s="47" t="s">
        <v>5331</v>
      </c>
      <c r="W3264" s="47" t="s">
        <v>5331</v>
      </c>
      <c r="X3264" s="47" t="s">
        <v>5331</v>
      </c>
      <c r="Y3264" s="47" t="s">
        <v>5331</v>
      </c>
      <c r="Z3264" s="28"/>
      <c r="AA3264" s="27"/>
      <c r="AB3264" s="27"/>
      <c r="AC3264" s="27"/>
      <c r="AD3264" s="30"/>
      <c r="AE3264" s="1"/>
      <c r="AF3264" s="23" t="s">
        <v>5331</v>
      </c>
      <c r="AG3264" s="26"/>
      <c r="AH3264" s="53"/>
    </row>
    <row r="3265" spans="1:34" ht="51.6" customHeight="1" x14ac:dyDescent="0.45">
      <c r="A3265" s="23">
        <v>3259</v>
      </c>
      <c r="B3265" s="25"/>
      <c r="C3265" s="25"/>
      <c r="D3265" s="29"/>
      <c r="E3265" s="1"/>
      <c r="F3265" s="1"/>
      <c r="G3265" s="25"/>
      <c r="H3265" s="71"/>
      <c r="I3265" s="83"/>
      <c r="J3265" s="50" t="str">
        <f t="shared" si="102"/>
        <v/>
      </c>
      <c r="K3265" s="23" t="s">
        <v>7120</v>
      </c>
      <c r="L3265" s="49" t="e">
        <f>VLOOKUP(E3265&amp;F3265,団体コード!$A$1:$C$1743,3,FALSE)</f>
        <v>#N/A</v>
      </c>
      <c r="M3265" s="49" t="e">
        <f>VLOOKUP(E3265&amp;F3265,団体コード!$A$1:$C$1743,2,FALSE)</f>
        <v>#N/A</v>
      </c>
      <c r="N3265" s="51" t="e">
        <f>VLOOKUP(E3265,団体コード!$E$1:$F$48,2,FALSE)</f>
        <v>#N/A</v>
      </c>
      <c r="O3265" s="51" t="e">
        <f t="shared" si="103"/>
        <v>#N/A</v>
      </c>
      <c r="P3265" s="51">
        <v>1</v>
      </c>
      <c r="Q3265" s="51" t="s">
        <v>5341</v>
      </c>
      <c r="R3265" s="54" t="b">
        <v>1</v>
      </c>
      <c r="S3265" s="52" t="s">
        <v>7126</v>
      </c>
      <c r="T3265" s="67" t="s">
        <v>7127</v>
      </c>
      <c r="U3265" s="75" t="s">
        <v>5331</v>
      </c>
      <c r="V3265" s="47" t="s">
        <v>5331</v>
      </c>
      <c r="W3265" s="47" t="s">
        <v>5331</v>
      </c>
      <c r="X3265" s="47" t="s">
        <v>5331</v>
      </c>
      <c r="Y3265" s="47" t="s">
        <v>5331</v>
      </c>
      <c r="Z3265" s="28"/>
      <c r="AA3265" s="27"/>
      <c r="AB3265" s="27"/>
      <c r="AC3265" s="27"/>
      <c r="AD3265" s="30"/>
      <c r="AE3265" s="1"/>
      <c r="AF3265" s="23" t="s">
        <v>5331</v>
      </c>
      <c r="AG3265" s="26"/>
      <c r="AH3265" s="53"/>
    </row>
    <row r="3266" spans="1:34" ht="51.6" customHeight="1" x14ac:dyDescent="0.45">
      <c r="A3266" s="23">
        <v>3260</v>
      </c>
      <c r="B3266" s="25"/>
      <c r="C3266" s="25"/>
      <c r="D3266" s="29"/>
      <c r="E3266" s="1"/>
      <c r="F3266" s="1"/>
      <c r="G3266" s="25"/>
      <c r="H3266" s="71"/>
      <c r="I3266" s="83"/>
      <c r="J3266" s="50" t="str">
        <f t="shared" si="102"/>
        <v/>
      </c>
      <c r="K3266" s="23" t="s">
        <v>7120</v>
      </c>
      <c r="L3266" s="49" t="e">
        <f>VLOOKUP(E3266&amp;F3266,団体コード!$A$1:$C$1743,3,FALSE)</f>
        <v>#N/A</v>
      </c>
      <c r="M3266" s="49" t="e">
        <f>VLOOKUP(E3266&amp;F3266,団体コード!$A$1:$C$1743,2,FALSE)</f>
        <v>#N/A</v>
      </c>
      <c r="N3266" s="51" t="e">
        <f>VLOOKUP(E3266,団体コード!$E$1:$F$48,2,FALSE)</f>
        <v>#N/A</v>
      </c>
      <c r="O3266" s="51" t="e">
        <f t="shared" si="103"/>
        <v>#N/A</v>
      </c>
      <c r="P3266" s="51">
        <v>1</v>
      </c>
      <c r="Q3266" s="51" t="s">
        <v>5341</v>
      </c>
      <c r="R3266" s="54" t="b">
        <v>1</v>
      </c>
      <c r="S3266" s="52" t="s">
        <v>7126</v>
      </c>
      <c r="T3266" s="67" t="s">
        <v>7127</v>
      </c>
      <c r="U3266" s="75" t="s">
        <v>5331</v>
      </c>
      <c r="V3266" s="47" t="s">
        <v>5331</v>
      </c>
      <c r="W3266" s="47" t="s">
        <v>5331</v>
      </c>
      <c r="X3266" s="47" t="s">
        <v>5331</v>
      </c>
      <c r="Y3266" s="47" t="s">
        <v>5331</v>
      </c>
      <c r="Z3266" s="28"/>
      <c r="AA3266" s="27"/>
      <c r="AB3266" s="27"/>
      <c r="AC3266" s="27"/>
      <c r="AD3266" s="30"/>
      <c r="AE3266" s="1"/>
      <c r="AF3266" s="23" t="s">
        <v>5331</v>
      </c>
      <c r="AG3266" s="26"/>
      <c r="AH3266" s="53"/>
    </row>
    <row r="3267" spans="1:34" ht="51.6" customHeight="1" x14ac:dyDescent="0.45">
      <c r="A3267" s="23">
        <v>3261</v>
      </c>
      <c r="B3267" s="25"/>
      <c r="C3267" s="25"/>
      <c r="D3267" s="29"/>
      <c r="E3267" s="1"/>
      <c r="F3267" s="1"/>
      <c r="G3267" s="25"/>
      <c r="H3267" s="71"/>
      <c r="I3267" s="83"/>
      <c r="J3267" s="50" t="str">
        <f t="shared" si="102"/>
        <v/>
      </c>
      <c r="K3267" s="23" t="s">
        <v>7120</v>
      </c>
      <c r="L3267" s="49" t="e">
        <f>VLOOKUP(E3267&amp;F3267,団体コード!$A$1:$C$1743,3,FALSE)</f>
        <v>#N/A</v>
      </c>
      <c r="M3267" s="49" t="e">
        <f>VLOOKUP(E3267&amp;F3267,団体コード!$A$1:$C$1743,2,FALSE)</f>
        <v>#N/A</v>
      </c>
      <c r="N3267" s="51" t="e">
        <f>VLOOKUP(E3267,団体コード!$E$1:$F$48,2,FALSE)</f>
        <v>#N/A</v>
      </c>
      <c r="O3267" s="51" t="e">
        <f t="shared" si="103"/>
        <v>#N/A</v>
      </c>
      <c r="P3267" s="51">
        <v>1</v>
      </c>
      <c r="Q3267" s="51" t="s">
        <v>5341</v>
      </c>
      <c r="R3267" s="54" t="b">
        <v>1</v>
      </c>
      <c r="S3267" s="52" t="s">
        <v>7126</v>
      </c>
      <c r="T3267" s="67" t="s">
        <v>7127</v>
      </c>
      <c r="U3267" s="75" t="s">
        <v>5331</v>
      </c>
      <c r="V3267" s="47" t="s">
        <v>5331</v>
      </c>
      <c r="W3267" s="47" t="s">
        <v>5331</v>
      </c>
      <c r="X3267" s="47" t="s">
        <v>5331</v>
      </c>
      <c r="Y3267" s="47" t="s">
        <v>5331</v>
      </c>
      <c r="Z3267" s="28"/>
      <c r="AA3267" s="27"/>
      <c r="AB3267" s="27"/>
      <c r="AC3267" s="27"/>
      <c r="AD3267" s="30"/>
      <c r="AE3267" s="1"/>
      <c r="AF3267" s="23" t="s">
        <v>5331</v>
      </c>
      <c r="AG3267" s="26"/>
      <c r="AH3267" s="53"/>
    </row>
    <row r="3268" spans="1:34" ht="51.6" customHeight="1" x14ac:dyDescent="0.45">
      <c r="A3268" s="23">
        <v>3262</v>
      </c>
      <c r="B3268" s="25"/>
      <c r="C3268" s="25"/>
      <c r="D3268" s="29"/>
      <c r="E3268" s="1"/>
      <c r="F3268" s="1"/>
      <c r="G3268" s="25"/>
      <c r="H3268" s="71"/>
      <c r="I3268" s="83"/>
      <c r="J3268" s="50" t="str">
        <f t="shared" si="102"/>
        <v/>
      </c>
      <c r="K3268" s="23" t="s">
        <v>7120</v>
      </c>
      <c r="L3268" s="49" t="e">
        <f>VLOOKUP(E3268&amp;F3268,団体コード!$A$1:$C$1743,3,FALSE)</f>
        <v>#N/A</v>
      </c>
      <c r="M3268" s="49" t="e">
        <f>VLOOKUP(E3268&amp;F3268,団体コード!$A$1:$C$1743,2,FALSE)</f>
        <v>#N/A</v>
      </c>
      <c r="N3268" s="51" t="e">
        <f>VLOOKUP(E3268,団体コード!$E$1:$F$48,2,FALSE)</f>
        <v>#N/A</v>
      </c>
      <c r="O3268" s="51" t="e">
        <f t="shared" si="103"/>
        <v>#N/A</v>
      </c>
      <c r="P3268" s="51">
        <v>1</v>
      </c>
      <c r="Q3268" s="51" t="s">
        <v>5341</v>
      </c>
      <c r="R3268" s="54" t="b">
        <v>1</v>
      </c>
      <c r="S3268" s="52" t="s">
        <v>7126</v>
      </c>
      <c r="T3268" s="67" t="s">
        <v>7127</v>
      </c>
      <c r="U3268" s="75" t="s">
        <v>5331</v>
      </c>
      <c r="V3268" s="47" t="s">
        <v>5331</v>
      </c>
      <c r="W3268" s="47" t="s">
        <v>5331</v>
      </c>
      <c r="X3268" s="47" t="s">
        <v>5331</v>
      </c>
      <c r="Y3268" s="47" t="s">
        <v>5331</v>
      </c>
      <c r="Z3268" s="28"/>
      <c r="AA3268" s="27"/>
      <c r="AB3268" s="27"/>
      <c r="AC3268" s="27"/>
      <c r="AD3268" s="30"/>
      <c r="AE3268" s="1"/>
      <c r="AF3268" s="23" t="s">
        <v>5331</v>
      </c>
      <c r="AG3268" s="26"/>
      <c r="AH3268" s="53"/>
    </row>
    <row r="3269" spans="1:34" ht="51.6" customHeight="1" x14ac:dyDescent="0.45">
      <c r="A3269" s="23">
        <v>3263</v>
      </c>
      <c r="B3269" s="25"/>
      <c r="C3269" s="25"/>
      <c r="D3269" s="29"/>
      <c r="E3269" s="1"/>
      <c r="F3269" s="1"/>
      <c r="G3269" s="25"/>
      <c r="H3269" s="71"/>
      <c r="I3269" s="83"/>
      <c r="J3269" s="50" t="str">
        <f t="shared" si="102"/>
        <v/>
      </c>
      <c r="K3269" s="23" t="s">
        <v>7120</v>
      </c>
      <c r="L3269" s="49" t="e">
        <f>VLOOKUP(E3269&amp;F3269,団体コード!$A$1:$C$1743,3,FALSE)</f>
        <v>#N/A</v>
      </c>
      <c r="M3269" s="49" t="e">
        <f>VLOOKUP(E3269&amp;F3269,団体コード!$A$1:$C$1743,2,FALSE)</f>
        <v>#N/A</v>
      </c>
      <c r="N3269" s="51" t="e">
        <f>VLOOKUP(E3269,団体コード!$E$1:$F$48,2,FALSE)</f>
        <v>#N/A</v>
      </c>
      <c r="O3269" s="51" t="e">
        <f t="shared" si="103"/>
        <v>#N/A</v>
      </c>
      <c r="P3269" s="51">
        <v>1</v>
      </c>
      <c r="Q3269" s="51" t="s">
        <v>5341</v>
      </c>
      <c r="R3269" s="54" t="b">
        <v>1</v>
      </c>
      <c r="S3269" s="52" t="s">
        <v>7126</v>
      </c>
      <c r="T3269" s="67" t="s">
        <v>7127</v>
      </c>
      <c r="U3269" s="75" t="s">
        <v>5331</v>
      </c>
      <c r="V3269" s="47" t="s">
        <v>5331</v>
      </c>
      <c r="W3269" s="47" t="s">
        <v>5331</v>
      </c>
      <c r="X3269" s="47" t="s">
        <v>5331</v>
      </c>
      <c r="Y3269" s="47" t="s">
        <v>5331</v>
      </c>
      <c r="Z3269" s="28"/>
      <c r="AA3269" s="27"/>
      <c r="AB3269" s="27"/>
      <c r="AC3269" s="27"/>
      <c r="AD3269" s="30"/>
      <c r="AE3269" s="1"/>
      <c r="AF3269" s="23" t="s">
        <v>5331</v>
      </c>
      <c r="AG3269" s="26"/>
      <c r="AH3269" s="53"/>
    </row>
    <row r="3270" spans="1:34" ht="51.6" customHeight="1" x14ac:dyDescent="0.45">
      <c r="A3270" s="23">
        <v>3264</v>
      </c>
      <c r="B3270" s="25"/>
      <c r="C3270" s="25"/>
      <c r="D3270" s="29"/>
      <c r="E3270" s="1"/>
      <c r="F3270" s="1"/>
      <c r="G3270" s="25"/>
      <c r="H3270" s="71"/>
      <c r="I3270" s="83"/>
      <c r="J3270" s="50" t="str">
        <f t="shared" si="102"/>
        <v/>
      </c>
      <c r="K3270" s="23" t="s">
        <v>7120</v>
      </c>
      <c r="L3270" s="49" t="e">
        <f>VLOOKUP(E3270&amp;F3270,団体コード!$A$1:$C$1743,3,FALSE)</f>
        <v>#N/A</v>
      </c>
      <c r="M3270" s="49" t="e">
        <f>VLOOKUP(E3270&amp;F3270,団体コード!$A$1:$C$1743,2,FALSE)</f>
        <v>#N/A</v>
      </c>
      <c r="N3270" s="51" t="e">
        <f>VLOOKUP(E3270,団体コード!$E$1:$F$48,2,FALSE)</f>
        <v>#N/A</v>
      </c>
      <c r="O3270" s="51" t="e">
        <f t="shared" si="103"/>
        <v>#N/A</v>
      </c>
      <c r="P3270" s="51">
        <v>1</v>
      </c>
      <c r="Q3270" s="51" t="s">
        <v>5341</v>
      </c>
      <c r="R3270" s="54" t="b">
        <v>1</v>
      </c>
      <c r="S3270" s="52" t="s">
        <v>7126</v>
      </c>
      <c r="T3270" s="67" t="s">
        <v>7127</v>
      </c>
      <c r="U3270" s="75" t="s">
        <v>5331</v>
      </c>
      <c r="V3270" s="47" t="s">
        <v>5331</v>
      </c>
      <c r="W3270" s="47" t="s">
        <v>5331</v>
      </c>
      <c r="X3270" s="47" t="s">
        <v>5331</v>
      </c>
      <c r="Y3270" s="47" t="s">
        <v>5331</v>
      </c>
      <c r="Z3270" s="28"/>
      <c r="AA3270" s="27"/>
      <c r="AB3270" s="27"/>
      <c r="AC3270" s="27"/>
      <c r="AD3270" s="30"/>
      <c r="AE3270" s="1"/>
      <c r="AF3270" s="23" t="s">
        <v>5331</v>
      </c>
      <c r="AG3270" s="26"/>
      <c r="AH3270" s="53"/>
    </row>
    <row r="3271" spans="1:34" ht="51.6" customHeight="1" x14ac:dyDescent="0.45">
      <c r="A3271" s="23">
        <v>3265</v>
      </c>
      <c r="B3271" s="25"/>
      <c r="C3271" s="25"/>
      <c r="D3271" s="29"/>
      <c r="E3271" s="1"/>
      <c r="F3271" s="1"/>
      <c r="G3271" s="25"/>
      <c r="H3271" s="71"/>
      <c r="I3271" s="83"/>
      <c r="J3271" s="50" t="str">
        <f t="shared" si="102"/>
        <v/>
      </c>
      <c r="K3271" s="23" t="s">
        <v>7120</v>
      </c>
      <c r="L3271" s="49" t="e">
        <f>VLOOKUP(E3271&amp;F3271,団体コード!$A$1:$C$1743,3,FALSE)</f>
        <v>#N/A</v>
      </c>
      <c r="M3271" s="49" t="e">
        <f>VLOOKUP(E3271&amp;F3271,団体コード!$A$1:$C$1743,2,FALSE)</f>
        <v>#N/A</v>
      </c>
      <c r="N3271" s="51" t="e">
        <f>VLOOKUP(E3271,団体コード!$E$1:$F$48,2,FALSE)</f>
        <v>#N/A</v>
      </c>
      <c r="O3271" s="51" t="e">
        <f t="shared" si="103"/>
        <v>#N/A</v>
      </c>
      <c r="P3271" s="51">
        <v>1</v>
      </c>
      <c r="Q3271" s="51" t="s">
        <v>5341</v>
      </c>
      <c r="R3271" s="54" t="b">
        <v>1</v>
      </c>
      <c r="S3271" s="52" t="s">
        <v>7126</v>
      </c>
      <c r="T3271" s="67" t="s">
        <v>7127</v>
      </c>
      <c r="U3271" s="75" t="s">
        <v>5331</v>
      </c>
      <c r="V3271" s="47" t="s">
        <v>5331</v>
      </c>
      <c r="W3271" s="47" t="s">
        <v>5331</v>
      </c>
      <c r="X3271" s="47" t="s">
        <v>5331</v>
      </c>
      <c r="Y3271" s="47" t="s">
        <v>5331</v>
      </c>
      <c r="Z3271" s="28"/>
      <c r="AA3271" s="27"/>
      <c r="AB3271" s="27"/>
      <c r="AC3271" s="27"/>
      <c r="AD3271" s="30"/>
      <c r="AE3271" s="1"/>
      <c r="AF3271" s="23" t="s">
        <v>5331</v>
      </c>
      <c r="AG3271" s="26"/>
      <c r="AH3271" s="53"/>
    </row>
    <row r="3272" spans="1:34" ht="51.6" customHeight="1" x14ac:dyDescent="0.45">
      <c r="A3272" s="23">
        <v>3266</v>
      </c>
      <c r="B3272" s="25"/>
      <c r="C3272" s="25"/>
      <c r="D3272" s="29"/>
      <c r="E3272" s="1"/>
      <c r="F3272" s="1"/>
      <c r="G3272" s="25"/>
      <c r="H3272" s="71"/>
      <c r="I3272" s="83"/>
      <c r="J3272" s="50" t="str">
        <f t="shared" ref="J3272:J3335" si="104">E3272&amp;F3272&amp;G3272</f>
        <v/>
      </c>
      <c r="K3272" s="23" t="s">
        <v>7120</v>
      </c>
      <c r="L3272" s="49" t="e">
        <f>VLOOKUP(E3272&amp;F3272,団体コード!$A$1:$C$1743,3,FALSE)</f>
        <v>#N/A</v>
      </c>
      <c r="M3272" s="49" t="e">
        <f>VLOOKUP(E3272&amp;F3272,団体コード!$A$1:$C$1743,2,FALSE)</f>
        <v>#N/A</v>
      </c>
      <c r="N3272" s="51" t="e">
        <f>VLOOKUP(E3272,団体コード!$E$1:$F$48,2,FALSE)</f>
        <v>#N/A</v>
      </c>
      <c r="O3272" s="51" t="e">
        <f t="shared" ref="O3272:O3335" si="105">N3272</f>
        <v>#N/A</v>
      </c>
      <c r="P3272" s="51">
        <v>1</v>
      </c>
      <c r="Q3272" s="51" t="s">
        <v>5341</v>
      </c>
      <c r="R3272" s="54" t="b">
        <v>1</v>
      </c>
      <c r="S3272" s="52" t="s">
        <v>7126</v>
      </c>
      <c r="T3272" s="67" t="s">
        <v>7127</v>
      </c>
      <c r="U3272" s="75" t="s">
        <v>5331</v>
      </c>
      <c r="V3272" s="47" t="s">
        <v>5331</v>
      </c>
      <c r="W3272" s="47" t="s">
        <v>5331</v>
      </c>
      <c r="X3272" s="47" t="s">
        <v>5331</v>
      </c>
      <c r="Y3272" s="47" t="s">
        <v>5331</v>
      </c>
      <c r="Z3272" s="28"/>
      <c r="AA3272" s="27"/>
      <c r="AB3272" s="27"/>
      <c r="AC3272" s="27"/>
      <c r="AD3272" s="30"/>
      <c r="AE3272" s="1"/>
      <c r="AF3272" s="23" t="s">
        <v>5331</v>
      </c>
      <c r="AG3272" s="26"/>
      <c r="AH3272" s="53"/>
    </row>
    <row r="3273" spans="1:34" ht="51.6" customHeight="1" x14ac:dyDescent="0.45">
      <c r="A3273" s="23">
        <v>3267</v>
      </c>
      <c r="B3273" s="25"/>
      <c r="C3273" s="25"/>
      <c r="D3273" s="29"/>
      <c r="E3273" s="1"/>
      <c r="F3273" s="1"/>
      <c r="G3273" s="25"/>
      <c r="H3273" s="71"/>
      <c r="I3273" s="83"/>
      <c r="J3273" s="50" t="str">
        <f t="shared" si="104"/>
        <v/>
      </c>
      <c r="K3273" s="23" t="s">
        <v>7120</v>
      </c>
      <c r="L3273" s="49" t="e">
        <f>VLOOKUP(E3273&amp;F3273,団体コード!$A$1:$C$1743,3,FALSE)</f>
        <v>#N/A</v>
      </c>
      <c r="M3273" s="49" t="e">
        <f>VLOOKUP(E3273&amp;F3273,団体コード!$A$1:$C$1743,2,FALSE)</f>
        <v>#N/A</v>
      </c>
      <c r="N3273" s="51" t="e">
        <f>VLOOKUP(E3273,団体コード!$E$1:$F$48,2,FALSE)</f>
        <v>#N/A</v>
      </c>
      <c r="O3273" s="51" t="e">
        <f t="shared" si="105"/>
        <v>#N/A</v>
      </c>
      <c r="P3273" s="51">
        <v>1</v>
      </c>
      <c r="Q3273" s="51" t="s">
        <v>5341</v>
      </c>
      <c r="R3273" s="54" t="b">
        <v>1</v>
      </c>
      <c r="S3273" s="52" t="s">
        <v>7126</v>
      </c>
      <c r="T3273" s="67" t="s">
        <v>7127</v>
      </c>
      <c r="U3273" s="75" t="s">
        <v>5331</v>
      </c>
      <c r="V3273" s="47" t="s">
        <v>5331</v>
      </c>
      <c r="W3273" s="47" t="s">
        <v>5331</v>
      </c>
      <c r="X3273" s="47" t="s">
        <v>5331</v>
      </c>
      <c r="Y3273" s="47" t="s">
        <v>5331</v>
      </c>
      <c r="Z3273" s="28"/>
      <c r="AA3273" s="27"/>
      <c r="AB3273" s="27"/>
      <c r="AC3273" s="27"/>
      <c r="AD3273" s="30"/>
      <c r="AE3273" s="1"/>
      <c r="AF3273" s="23" t="s">
        <v>5331</v>
      </c>
      <c r="AG3273" s="26"/>
      <c r="AH3273" s="53"/>
    </row>
    <row r="3274" spans="1:34" ht="51.6" customHeight="1" x14ac:dyDescent="0.45">
      <c r="A3274" s="23">
        <v>3268</v>
      </c>
      <c r="B3274" s="25"/>
      <c r="C3274" s="25"/>
      <c r="D3274" s="29"/>
      <c r="E3274" s="1"/>
      <c r="F3274" s="1"/>
      <c r="G3274" s="25"/>
      <c r="H3274" s="71"/>
      <c r="I3274" s="83"/>
      <c r="J3274" s="50" t="str">
        <f t="shared" si="104"/>
        <v/>
      </c>
      <c r="K3274" s="23" t="s">
        <v>7120</v>
      </c>
      <c r="L3274" s="49" t="e">
        <f>VLOOKUP(E3274&amp;F3274,団体コード!$A$1:$C$1743,3,FALSE)</f>
        <v>#N/A</v>
      </c>
      <c r="M3274" s="49" t="e">
        <f>VLOOKUP(E3274&amp;F3274,団体コード!$A$1:$C$1743,2,FALSE)</f>
        <v>#N/A</v>
      </c>
      <c r="N3274" s="51" t="e">
        <f>VLOOKUP(E3274,団体コード!$E$1:$F$48,2,FALSE)</f>
        <v>#N/A</v>
      </c>
      <c r="O3274" s="51" t="e">
        <f t="shared" si="105"/>
        <v>#N/A</v>
      </c>
      <c r="P3274" s="51">
        <v>1</v>
      </c>
      <c r="Q3274" s="51" t="s">
        <v>5341</v>
      </c>
      <c r="R3274" s="54" t="b">
        <v>1</v>
      </c>
      <c r="S3274" s="52" t="s">
        <v>7126</v>
      </c>
      <c r="T3274" s="67" t="s">
        <v>7127</v>
      </c>
      <c r="U3274" s="75" t="s">
        <v>5331</v>
      </c>
      <c r="V3274" s="47" t="s">
        <v>5331</v>
      </c>
      <c r="W3274" s="47" t="s">
        <v>5331</v>
      </c>
      <c r="X3274" s="47" t="s">
        <v>5331</v>
      </c>
      <c r="Y3274" s="47" t="s">
        <v>5331</v>
      </c>
      <c r="Z3274" s="28"/>
      <c r="AA3274" s="27"/>
      <c r="AB3274" s="27"/>
      <c r="AC3274" s="27"/>
      <c r="AD3274" s="30"/>
      <c r="AE3274" s="1"/>
      <c r="AF3274" s="23" t="s">
        <v>5331</v>
      </c>
      <c r="AG3274" s="26"/>
      <c r="AH3274" s="53"/>
    </row>
    <row r="3275" spans="1:34" ht="51.6" customHeight="1" x14ac:dyDescent="0.45">
      <c r="A3275" s="23">
        <v>3269</v>
      </c>
      <c r="B3275" s="25"/>
      <c r="C3275" s="25"/>
      <c r="D3275" s="29"/>
      <c r="E3275" s="1"/>
      <c r="F3275" s="1"/>
      <c r="G3275" s="25"/>
      <c r="H3275" s="71"/>
      <c r="I3275" s="83"/>
      <c r="J3275" s="50" t="str">
        <f t="shared" si="104"/>
        <v/>
      </c>
      <c r="K3275" s="23" t="s">
        <v>7120</v>
      </c>
      <c r="L3275" s="49" t="e">
        <f>VLOOKUP(E3275&amp;F3275,団体コード!$A$1:$C$1743,3,FALSE)</f>
        <v>#N/A</v>
      </c>
      <c r="M3275" s="49" t="e">
        <f>VLOOKUP(E3275&amp;F3275,団体コード!$A$1:$C$1743,2,FALSE)</f>
        <v>#N/A</v>
      </c>
      <c r="N3275" s="51" t="e">
        <f>VLOOKUP(E3275,団体コード!$E$1:$F$48,2,FALSE)</f>
        <v>#N/A</v>
      </c>
      <c r="O3275" s="51" t="e">
        <f t="shared" si="105"/>
        <v>#N/A</v>
      </c>
      <c r="P3275" s="51">
        <v>1</v>
      </c>
      <c r="Q3275" s="51" t="s">
        <v>5341</v>
      </c>
      <c r="R3275" s="54" t="b">
        <v>1</v>
      </c>
      <c r="S3275" s="52" t="s">
        <v>7126</v>
      </c>
      <c r="T3275" s="67" t="s">
        <v>7127</v>
      </c>
      <c r="U3275" s="75" t="s">
        <v>5331</v>
      </c>
      <c r="V3275" s="47" t="s">
        <v>5331</v>
      </c>
      <c r="W3275" s="47" t="s">
        <v>5331</v>
      </c>
      <c r="X3275" s="47" t="s">
        <v>5331</v>
      </c>
      <c r="Y3275" s="47" t="s">
        <v>5331</v>
      </c>
      <c r="Z3275" s="28"/>
      <c r="AA3275" s="27"/>
      <c r="AB3275" s="27"/>
      <c r="AC3275" s="27"/>
      <c r="AD3275" s="30"/>
      <c r="AE3275" s="1"/>
      <c r="AF3275" s="23" t="s">
        <v>5331</v>
      </c>
      <c r="AG3275" s="26"/>
      <c r="AH3275" s="53"/>
    </row>
    <row r="3276" spans="1:34" ht="51.6" customHeight="1" x14ac:dyDescent="0.45">
      <c r="A3276" s="23">
        <v>3270</v>
      </c>
      <c r="B3276" s="25"/>
      <c r="C3276" s="25"/>
      <c r="D3276" s="29"/>
      <c r="E3276" s="1"/>
      <c r="F3276" s="1"/>
      <c r="G3276" s="25"/>
      <c r="H3276" s="71"/>
      <c r="I3276" s="83"/>
      <c r="J3276" s="50" t="str">
        <f t="shared" si="104"/>
        <v/>
      </c>
      <c r="K3276" s="23" t="s">
        <v>7120</v>
      </c>
      <c r="L3276" s="49" t="e">
        <f>VLOOKUP(E3276&amp;F3276,団体コード!$A$1:$C$1743,3,FALSE)</f>
        <v>#N/A</v>
      </c>
      <c r="M3276" s="49" t="e">
        <f>VLOOKUP(E3276&amp;F3276,団体コード!$A$1:$C$1743,2,FALSE)</f>
        <v>#N/A</v>
      </c>
      <c r="N3276" s="51" t="e">
        <f>VLOOKUP(E3276,団体コード!$E$1:$F$48,2,FALSE)</f>
        <v>#N/A</v>
      </c>
      <c r="O3276" s="51" t="e">
        <f t="shared" si="105"/>
        <v>#N/A</v>
      </c>
      <c r="P3276" s="51">
        <v>1</v>
      </c>
      <c r="Q3276" s="51" t="s">
        <v>5341</v>
      </c>
      <c r="R3276" s="54" t="b">
        <v>1</v>
      </c>
      <c r="S3276" s="52" t="s">
        <v>7126</v>
      </c>
      <c r="T3276" s="67" t="s">
        <v>7127</v>
      </c>
      <c r="U3276" s="75" t="s">
        <v>5331</v>
      </c>
      <c r="V3276" s="47" t="s">
        <v>5331</v>
      </c>
      <c r="W3276" s="47" t="s">
        <v>5331</v>
      </c>
      <c r="X3276" s="47" t="s">
        <v>5331</v>
      </c>
      <c r="Y3276" s="47" t="s">
        <v>5331</v>
      </c>
      <c r="Z3276" s="28"/>
      <c r="AA3276" s="27"/>
      <c r="AB3276" s="27"/>
      <c r="AC3276" s="27"/>
      <c r="AD3276" s="30"/>
      <c r="AE3276" s="1"/>
      <c r="AF3276" s="23" t="s">
        <v>5331</v>
      </c>
      <c r="AG3276" s="26"/>
      <c r="AH3276" s="53"/>
    </row>
    <row r="3277" spans="1:34" ht="51.6" customHeight="1" x14ac:dyDescent="0.45">
      <c r="A3277" s="23">
        <v>3271</v>
      </c>
      <c r="B3277" s="25"/>
      <c r="C3277" s="25"/>
      <c r="D3277" s="29"/>
      <c r="E3277" s="1"/>
      <c r="F3277" s="1"/>
      <c r="G3277" s="25"/>
      <c r="H3277" s="71"/>
      <c r="I3277" s="83"/>
      <c r="J3277" s="50" t="str">
        <f t="shared" si="104"/>
        <v/>
      </c>
      <c r="K3277" s="23" t="s">
        <v>7120</v>
      </c>
      <c r="L3277" s="49" t="e">
        <f>VLOOKUP(E3277&amp;F3277,団体コード!$A$1:$C$1743,3,FALSE)</f>
        <v>#N/A</v>
      </c>
      <c r="M3277" s="49" t="e">
        <f>VLOOKUP(E3277&amp;F3277,団体コード!$A$1:$C$1743,2,FALSE)</f>
        <v>#N/A</v>
      </c>
      <c r="N3277" s="51" t="e">
        <f>VLOOKUP(E3277,団体コード!$E$1:$F$48,2,FALSE)</f>
        <v>#N/A</v>
      </c>
      <c r="O3277" s="51" t="e">
        <f t="shared" si="105"/>
        <v>#N/A</v>
      </c>
      <c r="P3277" s="51">
        <v>1</v>
      </c>
      <c r="Q3277" s="51" t="s">
        <v>5341</v>
      </c>
      <c r="R3277" s="54" t="b">
        <v>1</v>
      </c>
      <c r="S3277" s="52" t="s">
        <v>7126</v>
      </c>
      <c r="T3277" s="67" t="s">
        <v>7127</v>
      </c>
      <c r="U3277" s="75" t="s">
        <v>5331</v>
      </c>
      <c r="V3277" s="47" t="s">
        <v>5331</v>
      </c>
      <c r="W3277" s="47" t="s">
        <v>5331</v>
      </c>
      <c r="X3277" s="47" t="s">
        <v>5331</v>
      </c>
      <c r="Y3277" s="47" t="s">
        <v>5331</v>
      </c>
      <c r="Z3277" s="28"/>
      <c r="AA3277" s="27"/>
      <c r="AB3277" s="27"/>
      <c r="AC3277" s="27"/>
      <c r="AD3277" s="30"/>
      <c r="AE3277" s="1"/>
      <c r="AF3277" s="23" t="s">
        <v>5331</v>
      </c>
      <c r="AG3277" s="26"/>
      <c r="AH3277" s="53"/>
    </row>
    <row r="3278" spans="1:34" ht="51.6" customHeight="1" x14ac:dyDescent="0.45">
      <c r="A3278" s="23">
        <v>3272</v>
      </c>
      <c r="B3278" s="25"/>
      <c r="C3278" s="25"/>
      <c r="D3278" s="29"/>
      <c r="E3278" s="1"/>
      <c r="F3278" s="1"/>
      <c r="G3278" s="25"/>
      <c r="H3278" s="71"/>
      <c r="I3278" s="83"/>
      <c r="J3278" s="50" t="str">
        <f t="shared" si="104"/>
        <v/>
      </c>
      <c r="K3278" s="23" t="s">
        <v>7120</v>
      </c>
      <c r="L3278" s="49" t="e">
        <f>VLOOKUP(E3278&amp;F3278,団体コード!$A$1:$C$1743,3,FALSE)</f>
        <v>#N/A</v>
      </c>
      <c r="M3278" s="49" t="e">
        <f>VLOOKUP(E3278&amp;F3278,団体コード!$A$1:$C$1743,2,FALSE)</f>
        <v>#N/A</v>
      </c>
      <c r="N3278" s="51" t="e">
        <f>VLOOKUP(E3278,団体コード!$E$1:$F$48,2,FALSE)</f>
        <v>#N/A</v>
      </c>
      <c r="O3278" s="51" t="e">
        <f t="shared" si="105"/>
        <v>#N/A</v>
      </c>
      <c r="P3278" s="51">
        <v>1</v>
      </c>
      <c r="Q3278" s="51" t="s">
        <v>5341</v>
      </c>
      <c r="R3278" s="54" t="b">
        <v>1</v>
      </c>
      <c r="S3278" s="52" t="s">
        <v>7126</v>
      </c>
      <c r="T3278" s="67" t="s">
        <v>7127</v>
      </c>
      <c r="U3278" s="75" t="s">
        <v>5331</v>
      </c>
      <c r="V3278" s="47" t="s">
        <v>5331</v>
      </c>
      <c r="W3278" s="47" t="s">
        <v>5331</v>
      </c>
      <c r="X3278" s="47" t="s">
        <v>5331</v>
      </c>
      <c r="Y3278" s="47" t="s">
        <v>5331</v>
      </c>
      <c r="Z3278" s="28"/>
      <c r="AA3278" s="27"/>
      <c r="AB3278" s="27"/>
      <c r="AC3278" s="27"/>
      <c r="AD3278" s="30"/>
      <c r="AE3278" s="1"/>
      <c r="AF3278" s="23" t="s">
        <v>5331</v>
      </c>
      <c r="AG3278" s="26"/>
      <c r="AH3278" s="53"/>
    </row>
    <row r="3279" spans="1:34" ht="51.6" customHeight="1" x14ac:dyDescent="0.45">
      <c r="A3279" s="23">
        <v>3273</v>
      </c>
      <c r="B3279" s="25"/>
      <c r="C3279" s="25"/>
      <c r="D3279" s="29"/>
      <c r="E3279" s="1"/>
      <c r="F3279" s="1"/>
      <c r="G3279" s="25"/>
      <c r="H3279" s="71"/>
      <c r="I3279" s="83"/>
      <c r="J3279" s="50" t="str">
        <f t="shared" si="104"/>
        <v/>
      </c>
      <c r="K3279" s="23" t="s">
        <v>7120</v>
      </c>
      <c r="L3279" s="49" t="e">
        <f>VLOOKUP(E3279&amp;F3279,団体コード!$A$1:$C$1743,3,FALSE)</f>
        <v>#N/A</v>
      </c>
      <c r="M3279" s="49" t="e">
        <f>VLOOKUP(E3279&amp;F3279,団体コード!$A$1:$C$1743,2,FALSE)</f>
        <v>#N/A</v>
      </c>
      <c r="N3279" s="51" t="e">
        <f>VLOOKUP(E3279,団体コード!$E$1:$F$48,2,FALSE)</f>
        <v>#N/A</v>
      </c>
      <c r="O3279" s="51" t="e">
        <f t="shared" si="105"/>
        <v>#N/A</v>
      </c>
      <c r="P3279" s="51">
        <v>1</v>
      </c>
      <c r="Q3279" s="51" t="s">
        <v>5341</v>
      </c>
      <c r="R3279" s="54" t="b">
        <v>1</v>
      </c>
      <c r="S3279" s="52" t="s">
        <v>7126</v>
      </c>
      <c r="T3279" s="67" t="s">
        <v>7127</v>
      </c>
      <c r="U3279" s="75" t="s">
        <v>5331</v>
      </c>
      <c r="V3279" s="47" t="s">
        <v>5331</v>
      </c>
      <c r="W3279" s="47" t="s">
        <v>5331</v>
      </c>
      <c r="X3279" s="47" t="s">
        <v>5331</v>
      </c>
      <c r="Y3279" s="47" t="s">
        <v>5331</v>
      </c>
      <c r="Z3279" s="28"/>
      <c r="AA3279" s="27"/>
      <c r="AB3279" s="27"/>
      <c r="AC3279" s="27"/>
      <c r="AD3279" s="30"/>
      <c r="AE3279" s="1"/>
      <c r="AF3279" s="23" t="s">
        <v>5331</v>
      </c>
      <c r="AG3279" s="26"/>
      <c r="AH3279" s="53"/>
    </row>
    <row r="3280" spans="1:34" ht="51.6" customHeight="1" x14ac:dyDescent="0.45">
      <c r="A3280" s="23">
        <v>3274</v>
      </c>
      <c r="B3280" s="25"/>
      <c r="C3280" s="25"/>
      <c r="D3280" s="29"/>
      <c r="E3280" s="1"/>
      <c r="F3280" s="1"/>
      <c r="G3280" s="25"/>
      <c r="H3280" s="71"/>
      <c r="I3280" s="83"/>
      <c r="J3280" s="50" t="str">
        <f t="shared" si="104"/>
        <v/>
      </c>
      <c r="K3280" s="23" t="s">
        <v>7120</v>
      </c>
      <c r="L3280" s="49" t="e">
        <f>VLOOKUP(E3280&amp;F3280,団体コード!$A$1:$C$1743,3,FALSE)</f>
        <v>#N/A</v>
      </c>
      <c r="M3280" s="49" t="e">
        <f>VLOOKUP(E3280&amp;F3280,団体コード!$A$1:$C$1743,2,FALSE)</f>
        <v>#N/A</v>
      </c>
      <c r="N3280" s="51" t="e">
        <f>VLOOKUP(E3280,団体コード!$E$1:$F$48,2,FALSE)</f>
        <v>#N/A</v>
      </c>
      <c r="O3280" s="51" t="e">
        <f t="shared" si="105"/>
        <v>#N/A</v>
      </c>
      <c r="P3280" s="51">
        <v>1</v>
      </c>
      <c r="Q3280" s="51" t="s">
        <v>5341</v>
      </c>
      <c r="R3280" s="54" t="b">
        <v>1</v>
      </c>
      <c r="S3280" s="52" t="s">
        <v>7126</v>
      </c>
      <c r="T3280" s="67" t="s">
        <v>7127</v>
      </c>
      <c r="U3280" s="75" t="s">
        <v>5331</v>
      </c>
      <c r="V3280" s="47" t="s">
        <v>5331</v>
      </c>
      <c r="W3280" s="47" t="s">
        <v>5331</v>
      </c>
      <c r="X3280" s="47" t="s">
        <v>5331</v>
      </c>
      <c r="Y3280" s="47" t="s">
        <v>5331</v>
      </c>
      <c r="Z3280" s="28"/>
      <c r="AA3280" s="27"/>
      <c r="AB3280" s="27"/>
      <c r="AC3280" s="27"/>
      <c r="AD3280" s="30"/>
      <c r="AE3280" s="1"/>
      <c r="AF3280" s="23" t="s">
        <v>5331</v>
      </c>
      <c r="AG3280" s="26"/>
      <c r="AH3280" s="53"/>
    </row>
    <row r="3281" spans="1:34" ht="51.6" customHeight="1" x14ac:dyDescent="0.45">
      <c r="A3281" s="23">
        <v>3275</v>
      </c>
      <c r="B3281" s="25"/>
      <c r="C3281" s="25"/>
      <c r="D3281" s="29"/>
      <c r="E3281" s="1"/>
      <c r="F3281" s="1"/>
      <c r="G3281" s="25"/>
      <c r="H3281" s="71"/>
      <c r="I3281" s="83"/>
      <c r="J3281" s="50" t="str">
        <f t="shared" si="104"/>
        <v/>
      </c>
      <c r="K3281" s="23" t="s">
        <v>7120</v>
      </c>
      <c r="L3281" s="49" t="e">
        <f>VLOOKUP(E3281&amp;F3281,団体コード!$A$1:$C$1743,3,FALSE)</f>
        <v>#N/A</v>
      </c>
      <c r="M3281" s="49" t="e">
        <f>VLOOKUP(E3281&amp;F3281,団体コード!$A$1:$C$1743,2,FALSE)</f>
        <v>#N/A</v>
      </c>
      <c r="N3281" s="51" t="e">
        <f>VLOOKUP(E3281,団体コード!$E$1:$F$48,2,FALSE)</f>
        <v>#N/A</v>
      </c>
      <c r="O3281" s="51" t="e">
        <f t="shared" si="105"/>
        <v>#N/A</v>
      </c>
      <c r="P3281" s="51">
        <v>1</v>
      </c>
      <c r="Q3281" s="51" t="s">
        <v>5341</v>
      </c>
      <c r="R3281" s="54" t="b">
        <v>1</v>
      </c>
      <c r="S3281" s="52" t="s">
        <v>7126</v>
      </c>
      <c r="T3281" s="67" t="s">
        <v>7127</v>
      </c>
      <c r="U3281" s="75" t="s">
        <v>5331</v>
      </c>
      <c r="V3281" s="47" t="s">
        <v>5331</v>
      </c>
      <c r="W3281" s="47" t="s">
        <v>5331</v>
      </c>
      <c r="X3281" s="47" t="s">
        <v>5331</v>
      </c>
      <c r="Y3281" s="47" t="s">
        <v>5331</v>
      </c>
      <c r="Z3281" s="28"/>
      <c r="AA3281" s="27"/>
      <c r="AB3281" s="27"/>
      <c r="AC3281" s="27"/>
      <c r="AD3281" s="30"/>
      <c r="AE3281" s="1"/>
      <c r="AF3281" s="23" t="s">
        <v>5331</v>
      </c>
      <c r="AG3281" s="26"/>
      <c r="AH3281" s="53"/>
    </row>
    <row r="3282" spans="1:34" ht="51.6" customHeight="1" x14ac:dyDescent="0.45">
      <c r="A3282" s="23">
        <v>3276</v>
      </c>
      <c r="B3282" s="25"/>
      <c r="C3282" s="25"/>
      <c r="D3282" s="29"/>
      <c r="E3282" s="1"/>
      <c r="F3282" s="1"/>
      <c r="G3282" s="25"/>
      <c r="H3282" s="71"/>
      <c r="I3282" s="83"/>
      <c r="J3282" s="50" t="str">
        <f t="shared" si="104"/>
        <v/>
      </c>
      <c r="K3282" s="23" t="s">
        <v>7120</v>
      </c>
      <c r="L3282" s="49" t="e">
        <f>VLOOKUP(E3282&amp;F3282,団体コード!$A$1:$C$1743,3,FALSE)</f>
        <v>#N/A</v>
      </c>
      <c r="M3282" s="49" t="e">
        <f>VLOOKUP(E3282&amp;F3282,団体コード!$A$1:$C$1743,2,FALSE)</f>
        <v>#N/A</v>
      </c>
      <c r="N3282" s="51" t="e">
        <f>VLOOKUP(E3282,団体コード!$E$1:$F$48,2,FALSE)</f>
        <v>#N/A</v>
      </c>
      <c r="O3282" s="51" t="e">
        <f t="shared" si="105"/>
        <v>#N/A</v>
      </c>
      <c r="P3282" s="51">
        <v>1</v>
      </c>
      <c r="Q3282" s="51" t="s">
        <v>5341</v>
      </c>
      <c r="R3282" s="54" t="b">
        <v>1</v>
      </c>
      <c r="S3282" s="52" t="s">
        <v>7126</v>
      </c>
      <c r="T3282" s="67" t="s">
        <v>7127</v>
      </c>
      <c r="U3282" s="75" t="s">
        <v>5331</v>
      </c>
      <c r="V3282" s="47" t="s">
        <v>5331</v>
      </c>
      <c r="W3282" s="47" t="s">
        <v>5331</v>
      </c>
      <c r="X3282" s="47" t="s">
        <v>5331</v>
      </c>
      <c r="Y3282" s="47" t="s">
        <v>5331</v>
      </c>
      <c r="Z3282" s="28"/>
      <c r="AA3282" s="27"/>
      <c r="AB3282" s="27"/>
      <c r="AC3282" s="27"/>
      <c r="AD3282" s="30"/>
      <c r="AE3282" s="1"/>
      <c r="AF3282" s="23" t="s">
        <v>5331</v>
      </c>
      <c r="AG3282" s="26"/>
      <c r="AH3282" s="53"/>
    </row>
    <row r="3283" spans="1:34" ht="51.6" customHeight="1" x14ac:dyDescent="0.45">
      <c r="A3283" s="23">
        <v>3277</v>
      </c>
      <c r="B3283" s="25"/>
      <c r="C3283" s="25"/>
      <c r="D3283" s="29"/>
      <c r="E3283" s="1"/>
      <c r="F3283" s="1"/>
      <c r="G3283" s="25"/>
      <c r="H3283" s="71"/>
      <c r="I3283" s="83"/>
      <c r="J3283" s="50" t="str">
        <f t="shared" si="104"/>
        <v/>
      </c>
      <c r="K3283" s="23" t="s">
        <v>7120</v>
      </c>
      <c r="L3283" s="49" t="e">
        <f>VLOOKUP(E3283&amp;F3283,団体コード!$A$1:$C$1743,3,FALSE)</f>
        <v>#N/A</v>
      </c>
      <c r="M3283" s="49" t="e">
        <f>VLOOKUP(E3283&amp;F3283,団体コード!$A$1:$C$1743,2,FALSE)</f>
        <v>#N/A</v>
      </c>
      <c r="N3283" s="51" t="e">
        <f>VLOOKUP(E3283,団体コード!$E$1:$F$48,2,FALSE)</f>
        <v>#N/A</v>
      </c>
      <c r="O3283" s="51" t="e">
        <f t="shared" si="105"/>
        <v>#N/A</v>
      </c>
      <c r="P3283" s="51">
        <v>1</v>
      </c>
      <c r="Q3283" s="51" t="s">
        <v>5341</v>
      </c>
      <c r="R3283" s="54" t="b">
        <v>1</v>
      </c>
      <c r="S3283" s="52" t="s">
        <v>7126</v>
      </c>
      <c r="T3283" s="67" t="s">
        <v>7127</v>
      </c>
      <c r="U3283" s="75" t="s">
        <v>5331</v>
      </c>
      <c r="V3283" s="47" t="s">
        <v>5331</v>
      </c>
      <c r="W3283" s="47" t="s">
        <v>5331</v>
      </c>
      <c r="X3283" s="47" t="s">
        <v>5331</v>
      </c>
      <c r="Y3283" s="47" t="s">
        <v>5331</v>
      </c>
      <c r="Z3283" s="28"/>
      <c r="AA3283" s="27"/>
      <c r="AB3283" s="27"/>
      <c r="AC3283" s="27"/>
      <c r="AD3283" s="30"/>
      <c r="AE3283" s="1"/>
      <c r="AF3283" s="23" t="s">
        <v>5331</v>
      </c>
      <c r="AG3283" s="26"/>
      <c r="AH3283" s="53"/>
    </row>
    <row r="3284" spans="1:34" ht="51.6" customHeight="1" x14ac:dyDescent="0.45">
      <c r="A3284" s="23">
        <v>3278</v>
      </c>
      <c r="B3284" s="25"/>
      <c r="C3284" s="25"/>
      <c r="D3284" s="29"/>
      <c r="E3284" s="1"/>
      <c r="F3284" s="1"/>
      <c r="G3284" s="25"/>
      <c r="H3284" s="71"/>
      <c r="I3284" s="83"/>
      <c r="J3284" s="50" t="str">
        <f t="shared" si="104"/>
        <v/>
      </c>
      <c r="K3284" s="23" t="s">
        <v>7120</v>
      </c>
      <c r="L3284" s="49" t="e">
        <f>VLOOKUP(E3284&amp;F3284,団体コード!$A$1:$C$1743,3,FALSE)</f>
        <v>#N/A</v>
      </c>
      <c r="M3284" s="49" t="e">
        <f>VLOOKUP(E3284&amp;F3284,団体コード!$A$1:$C$1743,2,FALSE)</f>
        <v>#N/A</v>
      </c>
      <c r="N3284" s="51" t="e">
        <f>VLOOKUP(E3284,団体コード!$E$1:$F$48,2,FALSE)</f>
        <v>#N/A</v>
      </c>
      <c r="O3284" s="51" t="e">
        <f t="shared" si="105"/>
        <v>#N/A</v>
      </c>
      <c r="P3284" s="51">
        <v>1</v>
      </c>
      <c r="Q3284" s="51" t="s">
        <v>5341</v>
      </c>
      <c r="R3284" s="54" t="b">
        <v>1</v>
      </c>
      <c r="S3284" s="52" t="s">
        <v>7126</v>
      </c>
      <c r="T3284" s="67" t="s">
        <v>7127</v>
      </c>
      <c r="U3284" s="75" t="s">
        <v>5331</v>
      </c>
      <c r="V3284" s="47" t="s">
        <v>5331</v>
      </c>
      <c r="W3284" s="47" t="s">
        <v>5331</v>
      </c>
      <c r="X3284" s="47" t="s">
        <v>5331</v>
      </c>
      <c r="Y3284" s="47" t="s">
        <v>5331</v>
      </c>
      <c r="Z3284" s="28"/>
      <c r="AA3284" s="27"/>
      <c r="AB3284" s="27"/>
      <c r="AC3284" s="27"/>
      <c r="AD3284" s="30"/>
      <c r="AE3284" s="1"/>
      <c r="AF3284" s="23" t="s">
        <v>5331</v>
      </c>
      <c r="AG3284" s="26"/>
      <c r="AH3284" s="53"/>
    </row>
    <row r="3285" spans="1:34" ht="51.6" customHeight="1" x14ac:dyDescent="0.45">
      <c r="A3285" s="23">
        <v>3279</v>
      </c>
      <c r="B3285" s="25"/>
      <c r="C3285" s="25"/>
      <c r="D3285" s="29"/>
      <c r="E3285" s="1"/>
      <c r="F3285" s="1"/>
      <c r="G3285" s="25"/>
      <c r="H3285" s="71"/>
      <c r="I3285" s="83"/>
      <c r="J3285" s="50" t="str">
        <f t="shared" si="104"/>
        <v/>
      </c>
      <c r="K3285" s="23" t="s">
        <v>7120</v>
      </c>
      <c r="L3285" s="49" t="e">
        <f>VLOOKUP(E3285&amp;F3285,団体コード!$A$1:$C$1743,3,FALSE)</f>
        <v>#N/A</v>
      </c>
      <c r="M3285" s="49" t="e">
        <f>VLOOKUP(E3285&amp;F3285,団体コード!$A$1:$C$1743,2,FALSE)</f>
        <v>#N/A</v>
      </c>
      <c r="N3285" s="51" t="e">
        <f>VLOOKUP(E3285,団体コード!$E$1:$F$48,2,FALSE)</f>
        <v>#N/A</v>
      </c>
      <c r="O3285" s="51" t="e">
        <f t="shared" si="105"/>
        <v>#N/A</v>
      </c>
      <c r="P3285" s="51">
        <v>1</v>
      </c>
      <c r="Q3285" s="51" t="s">
        <v>5341</v>
      </c>
      <c r="R3285" s="54" t="b">
        <v>1</v>
      </c>
      <c r="S3285" s="52" t="s">
        <v>7126</v>
      </c>
      <c r="T3285" s="67" t="s">
        <v>7127</v>
      </c>
      <c r="U3285" s="75" t="s">
        <v>5331</v>
      </c>
      <c r="V3285" s="47" t="s">
        <v>5331</v>
      </c>
      <c r="W3285" s="47" t="s">
        <v>5331</v>
      </c>
      <c r="X3285" s="47" t="s">
        <v>5331</v>
      </c>
      <c r="Y3285" s="47" t="s">
        <v>5331</v>
      </c>
      <c r="Z3285" s="28"/>
      <c r="AA3285" s="27"/>
      <c r="AB3285" s="27"/>
      <c r="AC3285" s="27"/>
      <c r="AD3285" s="30"/>
      <c r="AE3285" s="1"/>
      <c r="AF3285" s="23" t="s">
        <v>5331</v>
      </c>
      <c r="AG3285" s="26"/>
      <c r="AH3285" s="53"/>
    </row>
    <row r="3286" spans="1:34" ht="51.6" customHeight="1" x14ac:dyDescent="0.45">
      <c r="A3286" s="23">
        <v>3280</v>
      </c>
      <c r="B3286" s="25"/>
      <c r="C3286" s="25"/>
      <c r="D3286" s="29"/>
      <c r="E3286" s="1"/>
      <c r="F3286" s="1"/>
      <c r="G3286" s="25"/>
      <c r="H3286" s="71"/>
      <c r="I3286" s="83"/>
      <c r="J3286" s="50" t="str">
        <f t="shared" si="104"/>
        <v/>
      </c>
      <c r="K3286" s="23" t="s">
        <v>7120</v>
      </c>
      <c r="L3286" s="49" t="e">
        <f>VLOOKUP(E3286&amp;F3286,団体コード!$A$1:$C$1743,3,FALSE)</f>
        <v>#N/A</v>
      </c>
      <c r="M3286" s="49" t="e">
        <f>VLOOKUP(E3286&amp;F3286,団体コード!$A$1:$C$1743,2,FALSE)</f>
        <v>#N/A</v>
      </c>
      <c r="N3286" s="51" t="e">
        <f>VLOOKUP(E3286,団体コード!$E$1:$F$48,2,FALSE)</f>
        <v>#N/A</v>
      </c>
      <c r="O3286" s="51" t="e">
        <f t="shared" si="105"/>
        <v>#N/A</v>
      </c>
      <c r="P3286" s="51">
        <v>1</v>
      </c>
      <c r="Q3286" s="51" t="s">
        <v>5341</v>
      </c>
      <c r="R3286" s="54" t="b">
        <v>1</v>
      </c>
      <c r="S3286" s="52" t="s">
        <v>7126</v>
      </c>
      <c r="T3286" s="67" t="s">
        <v>7127</v>
      </c>
      <c r="U3286" s="75" t="s">
        <v>5331</v>
      </c>
      <c r="V3286" s="47" t="s">
        <v>5331</v>
      </c>
      <c r="W3286" s="47" t="s">
        <v>5331</v>
      </c>
      <c r="X3286" s="47" t="s">
        <v>5331</v>
      </c>
      <c r="Y3286" s="47" t="s">
        <v>5331</v>
      </c>
      <c r="Z3286" s="28"/>
      <c r="AA3286" s="27"/>
      <c r="AB3286" s="27"/>
      <c r="AC3286" s="27"/>
      <c r="AD3286" s="30"/>
      <c r="AE3286" s="1"/>
      <c r="AF3286" s="23" t="s">
        <v>5331</v>
      </c>
      <c r="AG3286" s="26"/>
      <c r="AH3286" s="53"/>
    </row>
    <row r="3287" spans="1:34" ht="51.6" customHeight="1" x14ac:dyDescent="0.45">
      <c r="A3287" s="23">
        <v>3281</v>
      </c>
      <c r="B3287" s="25"/>
      <c r="C3287" s="25"/>
      <c r="D3287" s="29"/>
      <c r="E3287" s="1"/>
      <c r="F3287" s="1"/>
      <c r="G3287" s="25"/>
      <c r="H3287" s="71"/>
      <c r="I3287" s="83"/>
      <c r="J3287" s="50" t="str">
        <f t="shared" si="104"/>
        <v/>
      </c>
      <c r="K3287" s="23" t="s">
        <v>7120</v>
      </c>
      <c r="L3287" s="49" t="e">
        <f>VLOOKUP(E3287&amp;F3287,団体コード!$A$1:$C$1743,3,FALSE)</f>
        <v>#N/A</v>
      </c>
      <c r="M3287" s="49" t="e">
        <f>VLOOKUP(E3287&amp;F3287,団体コード!$A$1:$C$1743,2,FALSE)</f>
        <v>#N/A</v>
      </c>
      <c r="N3287" s="51" t="e">
        <f>VLOOKUP(E3287,団体コード!$E$1:$F$48,2,FALSE)</f>
        <v>#N/A</v>
      </c>
      <c r="O3287" s="51" t="e">
        <f t="shared" si="105"/>
        <v>#N/A</v>
      </c>
      <c r="P3287" s="51">
        <v>1</v>
      </c>
      <c r="Q3287" s="51" t="s">
        <v>5341</v>
      </c>
      <c r="R3287" s="54" t="b">
        <v>1</v>
      </c>
      <c r="S3287" s="52" t="s">
        <v>7126</v>
      </c>
      <c r="T3287" s="67" t="s">
        <v>7127</v>
      </c>
      <c r="U3287" s="75" t="s">
        <v>5331</v>
      </c>
      <c r="V3287" s="47" t="s">
        <v>5331</v>
      </c>
      <c r="W3287" s="47" t="s">
        <v>5331</v>
      </c>
      <c r="X3287" s="47" t="s">
        <v>5331</v>
      </c>
      <c r="Y3287" s="47" t="s">
        <v>5331</v>
      </c>
      <c r="Z3287" s="28"/>
      <c r="AA3287" s="27"/>
      <c r="AB3287" s="27"/>
      <c r="AC3287" s="27"/>
      <c r="AD3287" s="30"/>
      <c r="AE3287" s="1"/>
      <c r="AF3287" s="23" t="s">
        <v>5331</v>
      </c>
      <c r="AG3287" s="26"/>
      <c r="AH3287" s="53"/>
    </row>
    <row r="3288" spans="1:34" ht="51.6" customHeight="1" x14ac:dyDescent="0.45">
      <c r="A3288" s="23">
        <v>3282</v>
      </c>
      <c r="B3288" s="25"/>
      <c r="C3288" s="25"/>
      <c r="D3288" s="29"/>
      <c r="E3288" s="1"/>
      <c r="F3288" s="1"/>
      <c r="G3288" s="25"/>
      <c r="H3288" s="71"/>
      <c r="I3288" s="83"/>
      <c r="J3288" s="50" t="str">
        <f t="shared" si="104"/>
        <v/>
      </c>
      <c r="K3288" s="23" t="s">
        <v>7120</v>
      </c>
      <c r="L3288" s="49" t="e">
        <f>VLOOKUP(E3288&amp;F3288,団体コード!$A$1:$C$1743,3,FALSE)</f>
        <v>#N/A</v>
      </c>
      <c r="M3288" s="49" t="e">
        <f>VLOOKUP(E3288&amp;F3288,団体コード!$A$1:$C$1743,2,FALSE)</f>
        <v>#N/A</v>
      </c>
      <c r="N3288" s="51" t="e">
        <f>VLOOKUP(E3288,団体コード!$E$1:$F$48,2,FALSE)</f>
        <v>#N/A</v>
      </c>
      <c r="O3288" s="51" t="e">
        <f t="shared" si="105"/>
        <v>#N/A</v>
      </c>
      <c r="P3288" s="51">
        <v>1</v>
      </c>
      <c r="Q3288" s="51" t="s">
        <v>5341</v>
      </c>
      <c r="R3288" s="54" t="b">
        <v>1</v>
      </c>
      <c r="S3288" s="52" t="s">
        <v>7126</v>
      </c>
      <c r="T3288" s="67" t="s">
        <v>7127</v>
      </c>
      <c r="U3288" s="75" t="s">
        <v>5331</v>
      </c>
      <c r="V3288" s="47" t="s">
        <v>5331</v>
      </c>
      <c r="W3288" s="47" t="s">
        <v>5331</v>
      </c>
      <c r="X3288" s="47" t="s">
        <v>5331</v>
      </c>
      <c r="Y3288" s="47" t="s">
        <v>5331</v>
      </c>
      <c r="Z3288" s="28"/>
      <c r="AA3288" s="27"/>
      <c r="AB3288" s="27"/>
      <c r="AC3288" s="27"/>
      <c r="AD3288" s="30"/>
      <c r="AE3288" s="1"/>
      <c r="AF3288" s="23" t="s">
        <v>5331</v>
      </c>
      <c r="AG3288" s="26"/>
      <c r="AH3288" s="53"/>
    </row>
    <row r="3289" spans="1:34" ht="51.6" customHeight="1" x14ac:dyDescent="0.45">
      <c r="A3289" s="23">
        <v>3283</v>
      </c>
      <c r="B3289" s="25"/>
      <c r="C3289" s="25"/>
      <c r="D3289" s="29"/>
      <c r="E3289" s="1"/>
      <c r="F3289" s="1"/>
      <c r="G3289" s="25"/>
      <c r="H3289" s="71"/>
      <c r="I3289" s="83"/>
      <c r="J3289" s="50" t="str">
        <f t="shared" si="104"/>
        <v/>
      </c>
      <c r="K3289" s="23" t="s">
        <v>7120</v>
      </c>
      <c r="L3289" s="49" t="e">
        <f>VLOOKUP(E3289&amp;F3289,団体コード!$A$1:$C$1743,3,FALSE)</f>
        <v>#N/A</v>
      </c>
      <c r="M3289" s="49" t="e">
        <f>VLOOKUP(E3289&amp;F3289,団体コード!$A$1:$C$1743,2,FALSE)</f>
        <v>#N/A</v>
      </c>
      <c r="N3289" s="51" t="e">
        <f>VLOOKUP(E3289,団体コード!$E$1:$F$48,2,FALSE)</f>
        <v>#N/A</v>
      </c>
      <c r="O3289" s="51" t="e">
        <f t="shared" si="105"/>
        <v>#N/A</v>
      </c>
      <c r="P3289" s="51">
        <v>1</v>
      </c>
      <c r="Q3289" s="51" t="s">
        <v>5341</v>
      </c>
      <c r="R3289" s="54" t="b">
        <v>1</v>
      </c>
      <c r="S3289" s="52" t="s">
        <v>7126</v>
      </c>
      <c r="T3289" s="67" t="s">
        <v>7127</v>
      </c>
      <c r="U3289" s="75" t="s">
        <v>5331</v>
      </c>
      <c r="V3289" s="47" t="s">
        <v>5331</v>
      </c>
      <c r="W3289" s="47" t="s">
        <v>5331</v>
      </c>
      <c r="X3289" s="47" t="s">
        <v>5331</v>
      </c>
      <c r="Y3289" s="47" t="s">
        <v>5331</v>
      </c>
      <c r="Z3289" s="28"/>
      <c r="AA3289" s="27"/>
      <c r="AB3289" s="27"/>
      <c r="AC3289" s="27"/>
      <c r="AD3289" s="30"/>
      <c r="AE3289" s="1"/>
      <c r="AF3289" s="23" t="s">
        <v>5331</v>
      </c>
      <c r="AG3289" s="26"/>
      <c r="AH3289" s="53"/>
    </row>
    <row r="3290" spans="1:34" ht="51.6" customHeight="1" x14ac:dyDescent="0.45">
      <c r="A3290" s="23">
        <v>3284</v>
      </c>
      <c r="B3290" s="25"/>
      <c r="C3290" s="25"/>
      <c r="D3290" s="29"/>
      <c r="E3290" s="1"/>
      <c r="F3290" s="1"/>
      <c r="G3290" s="25"/>
      <c r="H3290" s="71"/>
      <c r="I3290" s="83"/>
      <c r="J3290" s="50" t="str">
        <f t="shared" si="104"/>
        <v/>
      </c>
      <c r="K3290" s="23" t="s">
        <v>7120</v>
      </c>
      <c r="L3290" s="49" t="e">
        <f>VLOOKUP(E3290&amp;F3290,団体コード!$A$1:$C$1743,3,FALSE)</f>
        <v>#N/A</v>
      </c>
      <c r="M3290" s="49" t="e">
        <f>VLOOKUP(E3290&amp;F3290,団体コード!$A$1:$C$1743,2,FALSE)</f>
        <v>#N/A</v>
      </c>
      <c r="N3290" s="51" t="e">
        <f>VLOOKUP(E3290,団体コード!$E$1:$F$48,2,FALSE)</f>
        <v>#N/A</v>
      </c>
      <c r="O3290" s="51" t="e">
        <f t="shared" si="105"/>
        <v>#N/A</v>
      </c>
      <c r="P3290" s="51">
        <v>1</v>
      </c>
      <c r="Q3290" s="51" t="s">
        <v>5341</v>
      </c>
      <c r="R3290" s="54" t="b">
        <v>1</v>
      </c>
      <c r="S3290" s="52" t="s">
        <v>7126</v>
      </c>
      <c r="T3290" s="67" t="s">
        <v>7127</v>
      </c>
      <c r="U3290" s="75" t="s">
        <v>5331</v>
      </c>
      <c r="V3290" s="47" t="s">
        <v>5331</v>
      </c>
      <c r="W3290" s="47" t="s">
        <v>5331</v>
      </c>
      <c r="X3290" s="47" t="s">
        <v>5331</v>
      </c>
      <c r="Y3290" s="47" t="s">
        <v>5331</v>
      </c>
      <c r="Z3290" s="28"/>
      <c r="AA3290" s="27"/>
      <c r="AB3290" s="27"/>
      <c r="AC3290" s="27"/>
      <c r="AD3290" s="30"/>
      <c r="AE3290" s="1"/>
      <c r="AF3290" s="23" t="s">
        <v>5331</v>
      </c>
      <c r="AG3290" s="26"/>
      <c r="AH3290" s="53"/>
    </row>
    <row r="3291" spans="1:34" ht="51.6" customHeight="1" x14ac:dyDescent="0.45">
      <c r="A3291" s="23">
        <v>3285</v>
      </c>
      <c r="B3291" s="25"/>
      <c r="C3291" s="25"/>
      <c r="D3291" s="29"/>
      <c r="E3291" s="1"/>
      <c r="F3291" s="1"/>
      <c r="G3291" s="25"/>
      <c r="H3291" s="71"/>
      <c r="I3291" s="83"/>
      <c r="J3291" s="50" t="str">
        <f t="shared" si="104"/>
        <v/>
      </c>
      <c r="K3291" s="23" t="s">
        <v>7120</v>
      </c>
      <c r="L3291" s="49" t="e">
        <f>VLOOKUP(E3291&amp;F3291,団体コード!$A$1:$C$1743,3,FALSE)</f>
        <v>#N/A</v>
      </c>
      <c r="M3291" s="49" t="e">
        <f>VLOOKUP(E3291&amp;F3291,団体コード!$A$1:$C$1743,2,FALSE)</f>
        <v>#N/A</v>
      </c>
      <c r="N3291" s="51" t="e">
        <f>VLOOKUP(E3291,団体コード!$E$1:$F$48,2,FALSE)</f>
        <v>#N/A</v>
      </c>
      <c r="O3291" s="51" t="e">
        <f t="shared" si="105"/>
        <v>#N/A</v>
      </c>
      <c r="P3291" s="51">
        <v>1</v>
      </c>
      <c r="Q3291" s="51" t="s">
        <v>5341</v>
      </c>
      <c r="R3291" s="54" t="b">
        <v>1</v>
      </c>
      <c r="S3291" s="52" t="s">
        <v>7126</v>
      </c>
      <c r="T3291" s="67" t="s">
        <v>7127</v>
      </c>
      <c r="U3291" s="75" t="s">
        <v>5331</v>
      </c>
      <c r="V3291" s="47" t="s">
        <v>5331</v>
      </c>
      <c r="W3291" s="47" t="s">
        <v>5331</v>
      </c>
      <c r="X3291" s="47" t="s">
        <v>5331</v>
      </c>
      <c r="Y3291" s="47" t="s">
        <v>5331</v>
      </c>
      <c r="Z3291" s="28"/>
      <c r="AA3291" s="27"/>
      <c r="AB3291" s="27"/>
      <c r="AC3291" s="27"/>
      <c r="AD3291" s="30"/>
      <c r="AE3291" s="1"/>
      <c r="AF3291" s="23" t="s">
        <v>5331</v>
      </c>
      <c r="AG3291" s="26"/>
      <c r="AH3291" s="53"/>
    </row>
    <row r="3292" spans="1:34" ht="51.6" customHeight="1" x14ac:dyDescent="0.45">
      <c r="A3292" s="23">
        <v>3286</v>
      </c>
      <c r="B3292" s="25"/>
      <c r="C3292" s="25"/>
      <c r="D3292" s="29"/>
      <c r="E3292" s="1"/>
      <c r="F3292" s="1"/>
      <c r="G3292" s="25"/>
      <c r="H3292" s="71"/>
      <c r="I3292" s="83"/>
      <c r="J3292" s="50" t="str">
        <f t="shared" si="104"/>
        <v/>
      </c>
      <c r="K3292" s="23" t="s">
        <v>7120</v>
      </c>
      <c r="L3292" s="49" t="e">
        <f>VLOOKUP(E3292&amp;F3292,団体コード!$A$1:$C$1743,3,FALSE)</f>
        <v>#N/A</v>
      </c>
      <c r="M3292" s="49" t="e">
        <f>VLOOKUP(E3292&amp;F3292,団体コード!$A$1:$C$1743,2,FALSE)</f>
        <v>#N/A</v>
      </c>
      <c r="N3292" s="51" t="e">
        <f>VLOOKUP(E3292,団体コード!$E$1:$F$48,2,FALSE)</f>
        <v>#N/A</v>
      </c>
      <c r="O3292" s="51" t="e">
        <f t="shared" si="105"/>
        <v>#N/A</v>
      </c>
      <c r="P3292" s="51">
        <v>1</v>
      </c>
      <c r="Q3292" s="51" t="s">
        <v>5341</v>
      </c>
      <c r="R3292" s="54" t="b">
        <v>1</v>
      </c>
      <c r="S3292" s="52" t="s">
        <v>7126</v>
      </c>
      <c r="T3292" s="67" t="s">
        <v>7127</v>
      </c>
      <c r="U3292" s="75" t="s">
        <v>5331</v>
      </c>
      <c r="V3292" s="47" t="s">
        <v>5331</v>
      </c>
      <c r="W3292" s="47" t="s">
        <v>5331</v>
      </c>
      <c r="X3292" s="47" t="s">
        <v>5331</v>
      </c>
      <c r="Y3292" s="47" t="s">
        <v>5331</v>
      </c>
      <c r="Z3292" s="28"/>
      <c r="AA3292" s="27"/>
      <c r="AB3292" s="27"/>
      <c r="AC3292" s="27"/>
      <c r="AD3292" s="30"/>
      <c r="AE3292" s="1"/>
      <c r="AF3292" s="23" t="s">
        <v>5331</v>
      </c>
      <c r="AG3292" s="26"/>
      <c r="AH3292" s="53"/>
    </row>
    <row r="3293" spans="1:34" ht="51.6" customHeight="1" x14ac:dyDescent="0.45">
      <c r="A3293" s="23">
        <v>3287</v>
      </c>
      <c r="B3293" s="25"/>
      <c r="C3293" s="25"/>
      <c r="D3293" s="29"/>
      <c r="E3293" s="1"/>
      <c r="F3293" s="1"/>
      <c r="G3293" s="25"/>
      <c r="H3293" s="71"/>
      <c r="I3293" s="83"/>
      <c r="J3293" s="50" t="str">
        <f t="shared" si="104"/>
        <v/>
      </c>
      <c r="K3293" s="23" t="s">
        <v>7120</v>
      </c>
      <c r="L3293" s="49" t="e">
        <f>VLOOKUP(E3293&amp;F3293,団体コード!$A$1:$C$1743,3,FALSE)</f>
        <v>#N/A</v>
      </c>
      <c r="M3293" s="49" t="e">
        <f>VLOOKUP(E3293&amp;F3293,団体コード!$A$1:$C$1743,2,FALSE)</f>
        <v>#N/A</v>
      </c>
      <c r="N3293" s="51" t="e">
        <f>VLOOKUP(E3293,団体コード!$E$1:$F$48,2,FALSE)</f>
        <v>#N/A</v>
      </c>
      <c r="O3293" s="51" t="e">
        <f t="shared" si="105"/>
        <v>#N/A</v>
      </c>
      <c r="P3293" s="51">
        <v>1</v>
      </c>
      <c r="Q3293" s="51" t="s">
        <v>5341</v>
      </c>
      <c r="R3293" s="54" t="b">
        <v>1</v>
      </c>
      <c r="S3293" s="52" t="s">
        <v>7126</v>
      </c>
      <c r="T3293" s="67" t="s">
        <v>7127</v>
      </c>
      <c r="U3293" s="75" t="s">
        <v>5331</v>
      </c>
      <c r="V3293" s="47" t="s">
        <v>5331</v>
      </c>
      <c r="W3293" s="47" t="s">
        <v>5331</v>
      </c>
      <c r="X3293" s="47" t="s">
        <v>5331</v>
      </c>
      <c r="Y3293" s="47" t="s">
        <v>5331</v>
      </c>
      <c r="Z3293" s="28"/>
      <c r="AA3293" s="27"/>
      <c r="AB3293" s="27"/>
      <c r="AC3293" s="27"/>
      <c r="AD3293" s="30"/>
      <c r="AE3293" s="1"/>
      <c r="AF3293" s="23" t="s">
        <v>5331</v>
      </c>
      <c r="AG3293" s="26"/>
      <c r="AH3293" s="53"/>
    </row>
    <row r="3294" spans="1:34" ht="51.6" customHeight="1" x14ac:dyDescent="0.45">
      <c r="A3294" s="23">
        <v>3288</v>
      </c>
      <c r="B3294" s="25"/>
      <c r="C3294" s="25"/>
      <c r="D3294" s="29"/>
      <c r="E3294" s="1"/>
      <c r="F3294" s="1"/>
      <c r="G3294" s="25"/>
      <c r="H3294" s="71"/>
      <c r="I3294" s="83"/>
      <c r="J3294" s="50" t="str">
        <f t="shared" si="104"/>
        <v/>
      </c>
      <c r="K3294" s="23" t="s">
        <v>7120</v>
      </c>
      <c r="L3294" s="49" t="e">
        <f>VLOOKUP(E3294&amp;F3294,団体コード!$A$1:$C$1743,3,FALSE)</f>
        <v>#N/A</v>
      </c>
      <c r="M3294" s="49" t="e">
        <f>VLOOKUP(E3294&amp;F3294,団体コード!$A$1:$C$1743,2,FALSE)</f>
        <v>#N/A</v>
      </c>
      <c r="N3294" s="51" t="e">
        <f>VLOOKUP(E3294,団体コード!$E$1:$F$48,2,FALSE)</f>
        <v>#N/A</v>
      </c>
      <c r="O3294" s="51" t="e">
        <f t="shared" si="105"/>
        <v>#N/A</v>
      </c>
      <c r="P3294" s="51">
        <v>1</v>
      </c>
      <c r="Q3294" s="51" t="s">
        <v>5341</v>
      </c>
      <c r="R3294" s="54" t="b">
        <v>1</v>
      </c>
      <c r="S3294" s="52" t="s">
        <v>7126</v>
      </c>
      <c r="T3294" s="67" t="s">
        <v>7127</v>
      </c>
      <c r="U3294" s="75" t="s">
        <v>5331</v>
      </c>
      <c r="V3294" s="47" t="s">
        <v>5331</v>
      </c>
      <c r="W3294" s="47" t="s">
        <v>5331</v>
      </c>
      <c r="X3294" s="47" t="s">
        <v>5331</v>
      </c>
      <c r="Y3294" s="47" t="s">
        <v>5331</v>
      </c>
      <c r="Z3294" s="28"/>
      <c r="AA3294" s="27"/>
      <c r="AB3294" s="27"/>
      <c r="AC3294" s="27"/>
      <c r="AD3294" s="30"/>
      <c r="AE3294" s="1"/>
      <c r="AF3294" s="23" t="s">
        <v>5331</v>
      </c>
      <c r="AG3294" s="26"/>
      <c r="AH3294" s="53"/>
    </row>
    <row r="3295" spans="1:34" ht="51.6" customHeight="1" x14ac:dyDescent="0.45">
      <c r="A3295" s="23">
        <v>3289</v>
      </c>
      <c r="B3295" s="25"/>
      <c r="C3295" s="25"/>
      <c r="D3295" s="29"/>
      <c r="E3295" s="1"/>
      <c r="F3295" s="1"/>
      <c r="G3295" s="25"/>
      <c r="H3295" s="71"/>
      <c r="I3295" s="83"/>
      <c r="J3295" s="50" t="str">
        <f t="shared" si="104"/>
        <v/>
      </c>
      <c r="K3295" s="23" t="s">
        <v>7120</v>
      </c>
      <c r="L3295" s="49" t="e">
        <f>VLOOKUP(E3295&amp;F3295,団体コード!$A$1:$C$1743,3,FALSE)</f>
        <v>#N/A</v>
      </c>
      <c r="M3295" s="49" t="e">
        <f>VLOOKUP(E3295&amp;F3295,団体コード!$A$1:$C$1743,2,FALSE)</f>
        <v>#N/A</v>
      </c>
      <c r="N3295" s="51" t="e">
        <f>VLOOKUP(E3295,団体コード!$E$1:$F$48,2,FALSE)</f>
        <v>#N/A</v>
      </c>
      <c r="O3295" s="51" t="e">
        <f t="shared" si="105"/>
        <v>#N/A</v>
      </c>
      <c r="P3295" s="51">
        <v>1</v>
      </c>
      <c r="Q3295" s="51" t="s">
        <v>5341</v>
      </c>
      <c r="R3295" s="54" t="b">
        <v>1</v>
      </c>
      <c r="S3295" s="52" t="s">
        <v>7126</v>
      </c>
      <c r="T3295" s="67" t="s">
        <v>7127</v>
      </c>
      <c r="U3295" s="75" t="s">
        <v>5331</v>
      </c>
      <c r="V3295" s="47" t="s">
        <v>5331</v>
      </c>
      <c r="W3295" s="47" t="s">
        <v>5331</v>
      </c>
      <c r="X3295" s="47" t="s">
        <v>5331</v>
      </c>
      <c r="Y3295" s="47" t="s">
        <v>5331</v>
      </c>
      <c r="Z3295" s="28"/>
      <c r="AA3295" s="27"/>
      <c r="AB3295" s="27"/>
      <c r="AC3295" s="27"/>
      <c r="AD3295" s="30"/>
      <c r="AE3295" s="1"/>
      <c r="AF3295" s="23" t="s">
        <v>5331</v>
      </c>
      <c r="AG3295" s="26"/>
      <c r="AH3295" s="53"/>
    </row>
    <row r="3296" spans="1:34" ht="51.6" customHeight="1" x14ac:dyDescent="0.45">
      <c r="A3296" s="23">
        <v>3290</v>
      </c>
      <c r="B3296" s="25"/>
      <c r="C3296" s="25"/>
      <c r="D3296" s="29"/>
      <c r="E3296" s="1"/>
      <c r="F3296" s="1"/>
      <c r="G3296" s="25"/>
      <c r="H3296" s="71"/>
      <c r="I3296" s="83"/>
      <c r="J3296" s="50" t="str">
        <f t="shared" si="104"/>
        <v/>
      </c>
      <c r="K3296" s="23" t="s">
        <v>7120</v>
      </c>
      <c r="L3296" s="49" t="e">
        <f>VLOOKUP(E3296&amp;F3296,団体コード!$A$1:$C$1743,3,FALSE)</f>
        <v>#N/A</v>
      </c>
      <c r="M3296" s="49" t="e">
        <f>VLOOKUP(E3296&amp;F3296,団体コード!$A$1:$C$1743,2,FALSE)</f>
        <v>#N/A</v>
      </c>
      <c r="N3296" s="51" t="e">
        <f>VLOOKUP(E3296,団体コード!$E$1:$F$48,2,FALSE)</f>
        <v>#N/A</v>
      </c>
      <c r="O3296" s="51" t="e">
        <f t="shared" si="105"/>
        <v>#N/A</v>
      </c>
      <c r="P3296" s="51">
        <v>1</v>
      </c>
      <c r="Q3296" s="51" t="s">
        <v>5341</v>
      </c>
      <c r="R3296" s="54" t="b">
        <v>1</v>
      </c>
      <c r="S3296" s="52" t="s">
        <v>7126</v>
      </c>
      <c r="T3296" s="67" t="s">
        <v>7127</v>
      </c>
      <c r="U3296" s="75" t="s">
        <v>5331</v>
      </c>
      <c r="V3296" s="47" t="s">
        <v>5331</v>
      </c>
      <c r="W3296" s="47" t="s">
        <v>5331</v>
      </c>
      <c r="X3296" s="47" t="s">
        <v>5331</v>
      </c>
      <c r="Y3296" s="47" t="s">
        <v>5331</v>
      </c>
      <c r="Z3296" s="28"/>
      <c r="AA3296" s="27"/>
      <c r="AB3296" s="27"/>
      <c r="AC3296" s="27"/>
      <c r="AD3296" s="30"/>
      <c r="AE3296" s="1"/>
      <c r="AF3296" s="23" t="s">
        <v>5331</v>
      </c>
      <c r="AG3296" s="26"/>
      <c r="AH3296" s="53"/>
    </row>
    <row r="3297" spans="1:34" ht="51.6" customHeight="1" x14ac:dyDescent="0.45">
      <c r="A3297" s="23">
        <v>3291</v>
      </c>
      <c r="B3297" s="25"/>
      <c r="C3297" s="25"/>
      <c r="D3297" s="29"/>
      <c r="E3297" s="1"/>
      <c r="F3297" s="1"/>
      <c r="G3297" s="25"/>
      <c r="H3297" s="71"/>
      <c r="I3297" s="83"/>
      <c r="J3297" s="50" t="str">
        <f t="shared" si="104"/>
        <v/>
      </c>
      <c r="K3297" s="23" t="s">
        <v>7120</v>
      </c>
      <c r="L3297" s="49" t="e">
        <f>VLOOKUP(E3297&amp;F3297,団体コード!$A$1:$C$1743,3,FALSE)</f>
        <v>#N/A</v>
      </c>
      <c r="M3297" s="49" t="e">
        <f>VLOOKUP(E3297&amp;F3297,団体コード!$A$1:$C$1743,2,FALSE)</f>
        <v>#N/A</v>
      </c>
      <c r="N3297" s="51" t="e">
        <f>VLOOKUP(E3297,団体コード!$E$1:$F$48,2,FALSE)</f>
        <v>#N/A</v>
      </c>
      <c r="O3297" s="51" t="e">
        <f t="shared" si="105"/>
        <v>#N/A</v>
      </c>
      <c r="P3297" s="51">
        <v>1</v>
      </c>
      <c r="Q3297" s="51" t="s">
        <v>5341</v>
      </c>
      <c r="R3297" s="54" t="b">
        <v>1</v>
      </c>
      <c r="S3297" s="52" t="s">
        <v>7126</v>
      </c>
      <c r="T3297" s="67" t="s">
        <v>7127</v>
      </c>
      <c r="U3297" s="75" t="s">
        <v>5331</v>
      </c>
      <c r="V3297" s="47" t="s">
        <v>5331</v>
      </c>
      <c r="W3297" s="47" t="s">
        <v>5331</v>
      </c>
      <c r="X3297" s="47" t="s">
        <v>5331</v>
      </c>
      <c r="Y3297" s="47" t="s">
        <v>5331</v>
      </c>
      <c r="Z3297" s="28"/>
      <c r="AA3297" s="27"/>
      <c r="AB3297" s="27"/>
      <c r="AC3297" s="27"/>
      <c r="AD3297" s="30"/>
      <c r="AE3297" s="1"/>
      <c r="AF3297" s="23" t="s">
        <v>5331</v>
      </c>
      <c r="AG3297" s="26"/>
      <c r="AH3297" s="53"/>
    </row>
    <row r="3298" spans="1:34" ht="51.6" customHeight="1" x14ac:dyDescent="0.45">
      <c r="A3298" s="23">
        <v>3292</v>
      </c>
      <c r="B3298" s="25"/>
      <c r="C3298" s="25"/>
      <c r="D3298" s="29"/>
      <c r="E3298" s="1"/>
      <c r="F3298" s="1"/>
      <c r="G3298" s="25"/>
      <c r="H3298" s="71"/>
      <c r="I3298" s="83"/>
      <c r="J3298" s="50" t="str">
        <f t="shared" si="104"/>
        <v/>
      </c>
      <c r="K3298" s="23" t="s">
        <v>7120</v>
      </c>
      <c r="L3298" s="49" t="e">
        <f>VLOOKUP(E3298&amp;F3298,団体コード!$A$1:$C$1743,3,FALSE)</f>
        <v>#N/A</v>
      </c>
      <c r="M3298" s="49" t="e">
        <f>VLOOKUP(E3298&amp;F3298,団体コード!$A$1:$C$1743,2,FALSE)</f>
        <v>#N/A</v>
      </c>
      <c r="N3298" s="51" t="e">
        <f>VLOOKUP(E3298,団体コード!$E$1:$F$48,2,FALSE)</f>
        <v>#N/A</v>
      </c>
      <c r="O3298" s="51" t="e">
        <f t="shared" si="105"/>
        <v>#N/A</v>
      </c>
      <c r="P3298" s="51">
        <v>1</v>
      </c>
      <c r="Q3298" s="51" t="s">
        <v>5341</v>
      </c>
      <c r="R3298" s="54" t="b">
        <v>1</v>
      </c>
      <c r="S3298" s="52" t="s">
        <v>7126</v>
      </c>
      <c r="T3298" s="67" t="s">
        <v>7127</v>
      </c>
      <c r="U3298" s="75" t="s">
        <v>5331</v>
      </c>
      <c r="V3298" s="47" t="s">
        <v>5331</v>
      </c>
      <c r="W3298" s="47" t="s">
        <v>5331</v>
      </c>
      <c r="X3298" s="47" t="s">
        <v>5331</v>
      </c>
      <c r="Y3298" s="47" t="s">
        <v>5331</v>
      </c>
      <c r="Z3298" s="28"/>
      <c r="AA3298" s="27"/>
      <c r="AB3298" s="27"/>
      <c r="AC3298" s="27"/>
      <c r="AD3298" s="30"/>
      <c r="AE3298" s="1"/>
      <c r="AF3298" s="23" t="s">
        <v>5331</v>
      </c>
      <c r="AG3298" s="26"/>
      <c r="AH3298" s="53"/>
    </row>
    <row r="3299" spans="1:34" ht="51.6" customHeight="1" x14ac:dyDescent="0.45">
      <c r="A3299" s="23">
        <v>3293</v>
      </c>
      <c r="B3299" s="25"/>
      <c r="C3299" s="25"/>
      <c r="D3299" s="29"/>
      <c r="E3299" s="1"/>
      <c r="F3299" s="1"/>
      <c r="G3299" s="25"/>
      <c r="H3299" s="71"/>
      <c r="I3299" s="83"/>
      <c r="J3299" s="50" t="str">
        <f t="shared" si="104"/>
        <v/>
      </c>
      <c r="K3299" s="23" t="s">
        <v>7120</v>
      </c>
      <c r="L3299" s="49" t="e">
        <f>VLOOKUP(E3299&amp;F3299,団体コード!$A$1:$C$1743,3,FALSE)</f>
        <v>#N/A</v>
      </c>
      <c r="M3299" s="49" t="e">
        <f>VLOOKUP(E3299&amp;F3299,団体コード!$A$1:$C$1743,2,FALSE)</f>
        <v>#N/A</v>
      </c>
      <c r="N3299" s="51" t="e">
        <f>VLOOKUP(E3299,団体コード!$E$1:$F$48,2,FALSE)</f>
        <v>#N/A</v>
      </c>
      <c r="O3299" s="51" t="e">
        <f t="shared" si="105"/>
        <v>#N/A</v>
      </c>
      <c r="P3299" s="51">
        <v>1</v>
      </c>
      <c r="Q3299" s="51" t="s">
        <v>5341</v>
      </c>
      <c r="R3299" s="54" t="b">
        <v>1</v>
      </c>
      <c r="S3299" s="52" t="s">
        <v>7126</v>
      </c>
      <c r="T3299" s="67" t="s">
        <v>7127</v>
      </c>
      <c r="U3299" s="75" t="s">
        <v>5331</v>
      </c>
      <c r="V3299" s="47" t="s">
        <v>5331</v>
      </c>
      <c r="W3299" s="47" t="s">
        <v>5331</v>
      </c>
      <c r="X3299" s="47" t="s">
        <v>5331</v>
      </c>
      <c r="Y3299" s="47" t="s">
        <v>5331</v>
      </c>
      <c r="Z3299" s="28"/>
      <c r="AA3299" s="27"/>
      <c r="AB3299" s="27"/>
      <c r="AC3299" s="27"/>
      <c r="AD3299" s="30"/>
      <c r="AE3299" s="1"/>
      <c r="AF3299" s="23" t="s">
        <v>5331</v>
      </c>
      <c r="AG3299" s="26"/>
      <c r="AH3299" s="53"/>
    </row>
    <row r="3300" spans="1:34" ht="51.6" customHeight="1" x14ac:dyDescent="0.45">
      <c r="A3300" s="23">
        <v>3294</v>
      </c>
      <c r="B3300" s="25"/>
      <c r="C3300" s="25"/>
      <c r="D3300" s="29"/>
      <c r="E3300" s="1"/>
      <c r="F3300" s="1"/>
      <c r="G3300" s="25"/>
      <c r="H3300" s="71"/>
      <c r="I3300" s="83"/>
      <c r="J3300" s="50" t="str">
        <f t="shared" si="104"/>
        <v/>
      </c>
      <c r="K3300" s="23" t="s">
        <v>7120</v>
      </c>
      <c r="L3300" s="49" t="e">
        <f>VLOOKUP(E3300&amp;F3300,団体コード!$A$1:$C$1743,3,FALSE)</f>
        <v>#N/A</v>
      </c>
      <c r="M3300" s="49" t="e">
        <f>VLOOKUP(E3300&amp;F3300,団体コード!$A$1:$C$1743,2,FALSE)</f>
        <v>#N/A</v>
      </c>
      <c r="N3300" s="51" t="e">
        <f>VLOOKUP(E3300,団体コード!$E$1:$F$48,2,FALSE)</f>
        <v>#N/A</v>
      </c>
      <c r="O3300" s="51" t="e">
        <f t="shared" si="105"/>
        <v>#N/A</v>
      </c>
      <c r="P3300" s="51">
        <v>1</v>
      </c>
      <c r="Q3300" s="51" t="s">
        <v>5341</v>
      </c>
      <c r="R3300" s="54" t="b">
        <v>1</v>
      </c>
      <c r="S3300" s="52" t="s">
        <v>7126</v>
      </c>
      <c r="T3300" s="67" t="s">
        <v>7127</v>
      </c>
      <c r="U3300" s="75" t="s">
        <v>5331</v>
      </c>
      <c r="V3300" s="47" t="s">
        <v>5331</v>
      </c>
      <c r="W3300" s="47" t="s">
        <v>5331</v>
      </c>
      <c r="X3300" s="47" t="s">
        <v>5331</v>
      </c>
      <c r="Y3300" s="47" t="s">
        <v>5331</v>
      </c>
      <c r="Z3300" s="28"/>
      <c r="AA3300" s="27"/>
      <c r="AB3300" s="27"/>
      <c r="AC3300" s="27"/>
      <c r="AD3300" s="30"/>
      <c r="AE3300" s="1"/>
      <c r="AF3300" s="23" t="s">
        <v>5331</v>
      </c>
      <c r="AG3300" s="26"/>
      <c r="AH3300" s="53"/>
    </row>
    <row r="3301" spans="1:34" ht="51.6" customHeight="1" x14ac:dyDescent="0.45">
      <c r="A3301" s="23">
        <v>3295</v>
      </c>
      <c r="B3301" s="25"/>
      <c r="C3301" s="25"/>
      <c r="D3301" s="29"/>
      <c r="E3301" s="1"/>
      <c r="F3301" s="1"/>
      <c r="G3301" s="25"/>
      <c r="H3301" s="71"/>
      <c r="I3301" s="83"/>
      <c r="J3301" s="50" t="str">
        <f t="shared" si="104"/>
        <v/>
      </c>
      <c r="K3301" s="23" t="s">
        <v>7120</v>
      </c>
      <c r="L3301" s="49" t="e">
        <f>VLOOKUP(E3301&amp;F3301,団体コード!$A$1:$C$1743,3,FALSE)</f>
        <v>#N/A</v>
      </c>
      <c r="M3301" s="49" t="e">
        <f>VLOOKUP(E3301&amp;F3301,団体コード!$A$1:$C$1743,2,FALSE)</f>
        <v>#N/A</v>
      </c>
      <c r="N3301" s="51" t="e">
        <f>VLOOKUP(E3301,団体コード!$E$1:$F$48,2,FALSE)</f>
        <v>#N/A</v>
      </c>
      <c r="O3301" s="51" t="e">
        <f t="shared" si="105"/>
        <v>#N/A</v>
      </c>
      <c r="P3301" s="51">
        <v>1</v>
      </c>
      <c r="Q3301" s="51" t="s">
        <v>5341</v>
      </c>
      <c r="R3301" s="54" t="b">
        <v>1</v>
      </c>
      <c r="S3301" s="52" t="s">
        <v>7126</v>
      </c>
      <c r="T3301" s="67" t="s">
        <v>7127</v>
      </c>
      <c r="U3301" s="75" t="s">
        <v>5331</v>
      </c>
      <c r="V3301" s="47" t="s">
        <v>5331</v>
      </c>
      <c r="W3301" s="47" t="s">
        <v>5331</v>
      </c>
      <c r="X3301" s="47" t="s">
        <v>5331</v>
      </c>
      <c r="Y3301" s="47" t="s">
        <v>5331</v>
      </c>
      <c r="Z3301" s="28"/>
      <c r="AA3301" s="27"/>
      <c r="AB3301" s="27"/>
      <c r="AC3301" s="27"/>
      <c r="AD3301" s="30"/>
      <c r="AE3301" s="1"/>
      <c r="AF3301" s="23" t="s">
        <v>5331</v>
      </c>
      <c r="AG3301" s="26"/>
      <c r="AH3301" s="53"/>
    </row>
    <row r="3302" spans="1:34" ht="51.6" customHeight="1" x14ac:dyDescent="0.45">
      <c r="A3302" s="23">
        <v>3296</v>
      </c>
      <c r="B3302" s="25"/>
      <c r="C3302" s="25"/>
      <c r="D3302" s="29"/>
      <c r="E3302" s="1"/>
      <c r="F3302" s="1"/>
      <c r="G3302" s="25"/>
      <c r="H3302" s="71"/>
      <c r="I3302" s="83"/>
      <c r="J3302" s="50" t="str">
        <f t="shared" si="104"/>
        <v/>
      </c>
      <c r="K3302" s="23" t="s">
        <v>7120</v>
      </c>
      <c r="L3302" s="49" t="e">
        <f>VLOOKUP(E3302&amp;F3302,団体コード!$A$1:$C$1743,3,FALSE)</f>
        <v>#N/A</v>
      </c>
      <c r="M3302" s="49" t="e">
        <f>VLOOKUP(E3302&amp;F3302,団体コード!$A$1:$C$1743,2,FALSE)</f>
        <v>#N/A</v>
      </c>
      <c r="N3302" s="51" t="e">
        <f>VLOOKUP(E3302,団体コード!$E$1:$F$48,2,FALSE)</f>
        <v>#N/A</v>
      </c>
      <c r="O3302" s="51" t="e">
        <f t="shared" si="105"/>
        <v>#N/A</v>
      </c>
      <c r="P3302" s="51">
        <v>1</v>
      </c>
      <c r="Q3302" s="51" t="s">
        <v>5341</v>
      </c>
      <c r="R3302" s="54" t="b">
        <v>1</v>
      </c>
      <c r="S3302" s="52" t="s">
        <v>7126</v>
      </c>
      <c r="T3302" s="67" t="s">
        <v>7127</v>
      </c>
      <c r="U3302" s="75" t="s">
        <v>5331</v>
      </c>
      <c r="V3302" s="47" t="s">
        <v>5331</v>
      </c>
      <c r="W3302" s="47" t="s">
        <v>5331</v>
      </c>
      <c r="X3302" s="47" t="s">
        <v>5331</v>
      </c>
      <c r="Y3302" s="47" t="s">
        <v>5331</v>
      </c>
      <c r="Z3302" s="28"/>
      <c r="AA3302" s="27"/>
      <c r="AB3302" s="27"/>
      <c r="AC3302" s="27"/>
      <c r="AD3302" s="30"/>
      <c r="AE3302" s="1"/>
      <c r="AF3302" s="23" t="s">
        <v>5331</v>
      </c>
      <c r="AG3302" s="26"/>
      <c r="AH3302" s="53"/>
    </row>
    <row r="3303" spans="1:34" ht="51.6" customHeight="1" x14ac:dyDescent="0.45">
      <c r="A3303" s="23">
        <v>3297</v>
      </c>
      <c r="B3303" s="25"/>
      <c r="C3303" s="25"/>
      <c r="D3303" s="29"/>
      <c r="E3303" s="1"/>
      <c r="F3303" s="1"/>
      <c r="G3303" s="25"/>
      <c r="H3303" s="71"/>
      <c r="I3303" s="83"/>
      <c r="J3303" s="50" t="str">
        <f t="shared" si="104"/>
        <v/>
      </c>
      <c r="K3303" s="23" t="s">
        <v>7120</v>
      </c>
      <c r="L3303" s="49" t="e">
        <f>VLOOKUP(E3303&amp;F3303,団体コード!$A$1:$C$1743,3,FALSE)</f>
        <v>#N/A</v>
      </c>
      <c r="M3303" s="49" t="e">
        <f>VLOOKUP(E3303&amp;F3303,団体コード!$A$1:$C$1743,2,FALSE)</f>
        <v>#N/A</v>
      </c>
      <c r="N3303" s="51" t="e">
        <f>VLOOKUP(E3303,団体コード!$E$1:$F$48,2,FALSE)</f>
        <v>#N/A</v>
      </c>
      <c r="O3303" s="51" t="e">
        <f t="shared" si="105"/>
        <v>#N/A</v>
      </c>
      <c r="P3303" s="51">
        <v>1</v>
      </c>
      <c r="Q3303" s="51" t="s">
        <v>5341</v>
      </c>
      <c r="R3303" s="54" t="b">
        <v>1</v>
      </c>
      <c r="S3303" s="52" t="s">
        <v>7126</v>
      </c>
      <c r="T3303" s="67" t="s">
        <v>7127</v>
      </c>
      <c r="U3303" s="75" t="s">
        <v>5331</v>
      </c>
      <c r="V3303" s="47" t="s">
        <v>5331</v>
      </c>
      <c r="W3303" s="47" t="s">
        <v>5331</v>
      </c>
      <c r="X3303" s="47" t="s">
        <v>5331</v>
      </c>
      <c r="Y3303" s="47" t="s">
        <v>5331</v>
      </c>
      <c r="Z3303" s="28"/>
      <c r="AA3303" s="27"/>
      <c r="AB3303" s="27"/>
      <c r="AC3303" s="27"/>
      <c r="AD3303" s="30"/>
      <c r="AE3303" s="1"/>
      <c r="AF3303" s="23" t="s">
        <v>5331</v>
      </c>
      <c r="AG3303" s="26"/>
      <c r="AH3303" s="53"/>
    </row>
    <row r="3304" spans="1:34" ht="51.6" customHeight="1" x14ac:dyDescent="0.45">
      <c r="A3304" s="23">
        <v>3298</v>
      </c>
      <c r="B3304" s="25"/>
      <c r="C3304" s="25"/>
      <c r="D3304" s="29"/>
      <c r="E3304" s="1"/>
      <c r="F3304" s="1"/>
      <c r="G3304" s="25"/>
      <c r="H3304" s="71"/>
      <c r="I3304" s="83"/>
      <c r="J3304" s="50" t="str">
        <f t="shared" si="104"/>
        <v/>
      </c>
      <c r="K3304" s="23" t="s">
        <v>7120</v>
      </c>
      <c r="L3304" s="49" t="e">
        <f>VLOOKUP(E3304&amp;F3304,団体コード!$A$1:$C$1743,3,FALSE)</f>
        <v>#N/A</v>
      </c>
      <c r="M3304" s="49" t="e">
        <f>VLOOKUP(E3304&amp;F3304,団体コード!$A$1:$C$1743,2,FALSE)</f>
        <v>#N/A</v>
      </c>
      <c r="N3304" s="51" t="e">
        <f>VLOOKUP(E3304,団体コード!$E$1:$F$48,2,FALSE)</f>
        <v>#N/A</v>
      </c>
      <c r="O3304" s="51" t="e">
        <f t="shared" si="105"/>
        <v>#N/A</v>
      </c>
      <c r="P3304" s="51">
        <v>1</v>
      </c>
      <c r="Q3304" s="51" t="s">
        <v>5341</v>
      </c>
      <c r="R3304" s="54" t="b">
        <v>1</v>
      </c>
      <c r="S3304" s="52" t="s">
        <v>7126</v>
      </c>
      <c r="T3304" s="67" t="s">
        <v>7127</v>
      </c>
      <c r="U3304" s="75" t="s">
        <v>5331</v>
      </c>
      <c r="V3304" s="47" t="s">
        <v>5331</v>
      </c>
      <c r="W3304" s="47" t="s">
        <v>5331</v>
      </c>
      <c r="X3304" s="47" t="s">
        <v>5331</v>
      </c>
      <c r="Y3304" s="47" t="s">
        <v>5331</v>
      </c>
      <c r="Z3304" s="28"/>
      <c r="AA3304" s="27"/>
      <c r="AB3304" s="27"/>
      <c r="AC3304" s="27"/>
      <c r="AD3304" s="30"/>
      <c r="AE3304" s="1"/>
      <c r="AF3304" s="23" t="s">
        <v>5331</v>
      </c>
      <c r="AG3304" s="26"/>
      <c r="AH3304" s="53"/>
    </row>
    <row r="3305" spans="1:34" ht="51.6" customHeight="1" x14ac:dyDescent="0.45">
      <c r="A3305" s="23">
        <v>3299</v>
      </c>
      <c r="B3305" s="25"/>
      <c r="C3305" s="25"/>
      <c r="D3305" s="29"/>
      <c r="E3305" s="1"/>
      <c r="F3305" s="1"/>
      <c r="G3305" s="25"/>
      <c r="H3305" s="71"/>
      <c r="I3305" s="83"/>
      <c r="J3305" s="50" t="str">
        <f t="shared" si="104"/>
        <v/>
      </c>
      <c r="K3305" s="23" t="s">
        <v>7120</v>
      </c>
      <c r="L3305" s="49" t="e">
        <f>VLOOKUP(E3305&amp;F3305,団体コード!$A$1:$C$1743,3,FALSE)</f>
        <v>#N/A</v>
      </c>
      <c r="M3305" s="49" t="e">
        <f>VLOOKUP(E3305&amp;F3305,団体コード!$A$1:$C$1743,2,FALSE)</f>
        <v>#N/A</v>
      </c>
      <c r="N3305" s="51" t="e">
        <f>VLOOKUP(E3305,団体コード!$E$1:$F$48,2,FALSE)</f>
        <v>#N/A</v>
      </c>
      <c r="O3305" s="51" t="e">
        <f t="shared" si="105"/>
        <v>#N/A</v>
      </c>
      <c r="P3305" s="51">
        <v>1</v>
      </c>
      <c r="Q3305" s="51" t="s">
        <v>5341</v>
      </c>
      <c r="R3305" s="54" t="b">
        <v>1</v>
      </c>
      <c r="S3305" s="52" t="s">
        <v>7126</v>
      </c>
      <c r="T3305" s="67" t="s">
        <v>7127</v>
      </c>
      <c r="U3305" s="75" t="s">
        <v>5331</v>
      </c>
      <c r="V3305" s="47" t="s">
        <v>5331</v>
      </c>
      <c r="W3305" s="47" t="s">
        <v>5331</v>
      </c>
      <c r="X3305" s="47" t="s">
        <v>5331</v>
      </c>
      <c r="Y3305" s="47" t="s">
        <v>5331</v>
      </c>
      <c r="Z3305" s="28"/>
      <c r="AA3305" s="27"/>
      <c r="AB3305" s="27"/>
      <c r="AC3305" s="27"/>
      <c r="AD3305" s="30"/>
      <c r="AE3305" s="1"/>
      <c r="AF3305" s="23" t="s">
        <v>5331</v>
      </c>
      <c r="AG3305" s="26"/>
      <c r="AH3305" s="53"/>
    </row>
    <row r="3306" spans="1:34" ht="51.6" customHeight="1" x14ac:dyDescent="0.45">
      <c r="A3306" s="23">
        <v>3300</v>
      </c>
      <c r="B3306" s="25"/>
      <c r="C3306" s="25"/>
      <c r="D3306" s="29"/>
      <c r="E3306" s="1"/>
      <c r="F3306" s="1"/>
      <c r="G3306" s="25"/>
      <c r="H3306" s="71"/>
      <c r="I3306" s="83"/>
      <c r="J3306" s="50" t="str">
        <f t="shared" si="104"/>
        <v/>
      </c>
      <c r="K3306" s="23" t="s">
        <v>7120</v>
      </c>
      <c r="L3306" s="49" t="e">
        <f>VLOOKUP(E3306&amp;F3306,団体コード!$A$1:$C$1743,3,FALSE)</f>
        <v>#N/A</v>
      </c>
      <c r="M3306" s="49" t="e">
        <f>VLOOKUP(E3306&amp;F3306,団体コード!$A$1:$C$1743,2,FALSE)</f>
        <v>#N/A</v>
      </c>
      <c r="N3306" s="51" t="e">
        <f>VLOOKUP(E3306,団体コード!$E$1:$F$48,2,FALSE)</f>
        <v>#N/A</v>
      </c>
      <c r="O3306" s="51" t="e">
        <f t="shared" si="105"/>
        <v>#N/A</v>
      </c>
      <c r="P3306" s="51">
        <v>1</v>
      </c>
      <c r="Q3306" s="51" t="s">
        <v>5341</v>
      </c>
      <c r="R3306" s="54" t="b">
        <v>1</v>
      </c>
      <c r="S3306" s="52" t="s">
        <v>7126</v>
      </c>
      <c r="T3306" s="67" t="s">
        <v>7127</v>
      </c>
      <c r="U3306" s="75" t="s">
        <v>5331</v>
      </c>
      <c r="V3306" s="47" t="s">
        <v>5331</v>
      </c>
      <c r="W3306" s="47" t="s">
        <v>5331</v>
      </c>
      <c r="X3306" s="47" t="s">
        <v>5331</v>
      </c>
      <c r="Y3306" s="47" t="s">
        <v>5331</v>
      </c>
      <c r="Z3306" s="28"/>
      <c r="AA3306" s="27"/>
      <c r="AB3306" s="27"/>
      <c r="AC3306" s="27"/>
      <c r="AD3306" s="30"/>
      <c r="AE3306" s="1"/>
      <c r="AF3306" s="23" t="s">
        <v>5331</v>
      </c>
      <c r="AG3306" s="26"/>
      <c r="AH3306" s="53"/>
    </row>
    <row r="3307" spans="1:34" ht="51.6" customHeight="1" x14ac:dyDescent="0.45">
      <c r="A3307" s="23">
        <v>3301</v>
      </c>
      <c r="B3307" s="25"/>
      <c r="C3307" s="25"/>
      <c r="D3307" s="29"/>
      <c r="E3307" s="1"/>
      <c r="F3307" s="1"/>
      <c r="G3307" s="25"/>
      <c r="H3307" s="71"/>
      <c r="I3307" s="83"/>
      <c r="J3307" s="50" t="str">
        <f t="shared" si="104"/>
        <v/>
      </c>
      <c r="K3307" s="23" t="s">
        <v>7120</v>
      </c>
      <c r="L3307" s="49" t="e">
        <f>VLOOKUP(E3307&amp;F3307,団体コード!$A$1:$C$1743,3,FALSE)</f>
        <v>#N/A</v>
      </c>
      <c r="M3307" s="49" t="e">
        <f>VLOOKUP(E3307&amp;F3307,団体コード!$A$1:$C$1743,2,FALSE)</f>
        <v>#N/A</v>
      </c>
      <c r="N3307" s="51" t="e">
        <f>VLOOKUP(E3307,団体コード!$E$1:$F$48,2,FALSE)</f>
        <v>#N/A</v>
      </c>
      <c r="O3307" s="51" t="e">
        <f t="shared" si="105"/>
        <v>#N/A</v>
      </c>
      <c r="P3307" s="51">
        <v>1</v>
      </c>
      <c r="Q3307" s="51" t="s">
        <v>5341</v>
      </c>
      <c r="R3307" s="54" t="b">
        <v>1</v>
      </c>
      <c r="S3307" s="52" t="s">
        <v>7126</v>
      </c>
      <c r="T3307" s="67" t="s">
        <v>7127</v>
      </c>
      <c r="U3307" s="75" t="s">
        <v>5331</v>
      </c>
      <c r="V3307" s="47" t="s">
        <v>5331</v>
      </c>
      <c r="W3307" s="47" t="s">
        <v>5331</v>
      </c>
      <c r="X3307" s="47" t="s">
        <v>5331</v>
      </c>
      <c r="Y3307" s="47" t="s">
        <v>5331</v>
      </c>
      <c r="Z3307" s="28"/>
      <c r="AA3307" s="27"/>
      <c r="AB3307" s="27"/>
      <c r="AC3307" s="27"/>
      <c r="AD3307" s="30"/>
      <c r="AE3307" s="1"/>
      <c r="AF3307" s="23" t="s">
        <v>5331</v>
      </c>
      <c r="AG3307" s="26"/>
      <c r="AH3307" s="53"/>
    </row>
    <row r="3308" spans="1:34" ht="51.6" customHeight="1" x14ac:dyDescent="0.45">
      <c r="A3308" s="23">
        <v>3302</v>
      </c>
      <c r="B3308" s="25"/>
      <c r="C3308" s="25"/>
      <c r="D3308" s="29"/>
      <c r="E3308" s="1"/>
      <c r="F3308" s="1"/>
      <c r="G3308" s="25"/>
      <c r="H3308" s="71"/>
      <c r="I3308" s="83"/>
      <c r="J3308" s="50" t="str">
        <f t="shared" si="104"/>
        <v/>
      </c>
      <c r="K3308" s="23" t="s">
        <v>7120</v>
      </c>
      <c r="L3308" s="49" t="e">
        <f>VLOOKUP(E3308&amp;F3308,団体コード!$A$1:$C$1743,3,FALSE)</f>
        <v>#N/A</v>
      </c>
      <c r="M3308" s="49" t="e">
        <f>VLOOKUP(E3308&amp;F3308,団体コード!$A$1:$C$1743,2,FALSE)</f>
        <v>#N/A</v>
      </c>
      <c r="N3308" s="51" t="e">
        <f>VLOOKUP(E3308,団体コード!$E$1:$F$48,2,FALSE)</f>
        <v>#N/A</v>
      </c>
      <c r="O3308" s="51" t="e">
        <f t="shared" si="105"/>
        <v>#N/A</v>
      </c>
      <c r="P3308" s="51">
        <v>1</v>
      </c>
      <c r="Q3308" s="51" t="s">
        <v>5341</v>
      </c>
      <c r="R3308" s="54" t="b">
        <v>1</v>
      </c>
      <c r="S3308" s="52" t="s">
        <v>7126</v>
      </c>
      <c r="T3308" s="67" t="s">
        <v>7127</v>
      </c>
      <c r="U3308" s="75" t="s">
        <v>5331</v>
      </c>
      <c r="V3308" s="47" t="s">
        <v>5331</v>
      </c>
      <c r="W3308" s="47" t="s">
        <v>5331</v>
      </c>
      <c r="X3308" s="47" t="s">
        <v>5331</v>
      </c>
      <c r="Y3308" s="47" t="s">
        <v>5331</v>
      </c>
      <c r="Z3308" s="28"/>
      <c r="AA3308" s="27"/>
      <c r="AB3308" s="27"/>
      <c r="AC3308" s="27"/>
      <c r="AD3308" s="30"/>
      <c r="AE3308" s="1"/>
      <c r="AF3308" s="23" t="s">
        <v>5331</v>
      </c>
      <c r="AG3308" s="26"/>
      <c r="AH3308" s="53"/>
    </row>
    <row r="3309" spans="1:34" ht="51.6" customHeight="1" x14ac:dyDescent="0.45">
      <c r="A3309" s="23">
        <v>3303</v>
      </c>
      <c r="B3309" s="25"/>
      <c r="C3309" s="25"/>
      <c r="D3309" s="29"/>
      <c r="E3309" s="1"/>
      <c r="F3309" s="1"/>
      <c r="G3309" s="25"/>
      <c r="H3309" s="71"/>
      <c r="I3309" s="83"/>
      <c r="J3309" s="50" t="str">
        <f t="shared" si="104"/>
        <v/>
      </c>
      <c r="K3309" s="23" t="s">
        <v>7120</v>
      </c>
      <c r="L3309" s="49" t="e">
        <f>VLOOKUP(E3309&amp;F3309,団体コード!$A$1:$C$1743,3,FALSE)</f>
        <v>#N/A</v>
      </c>
      <c r="M3309" s="49" t="e">
        <f>VLOOKUP(E3309&amp;F3309,団体コード!$A$1:$C$1743,2,FALSE)</f>
        <v>#N/A</v>
      </c>
      <c r="N3309" s="51" t="e">
        <f>VLOOKUP(E3309,団体コード!$E$1:$F$48,2,FALSE)</f>
        <v>#N/A</v>
      </c>
      <c r="O3309" s="51" t="e">
        <f t="shared" si="105"/>
        <v>#N/A</v>
      </c>
      <c r="P3309" s="51">
        <v>1</v>
      </c>
      <c r="Q3309" s="51" t="s">
        <v>5341</v>
      </c>
      <c r="R3309" s="54" t="b">
        <v>1</v>
      </c>
      <c r="S3309" s="52" t="s">
        <v>7126</v>
      </c>
      <c r="T3309" s="67" t="s">
        <v>7127</v>
      </c>
      <c r="U3309" s="75" t="s">
        <v>5331</v>
      </c>
      <c r="V3309" s="47" t="s">
        <v>5331</v>
      </c>
      <c r="W3309" s="47" t="s">
        <v>5331</v>
      </c>
      <c r="X3309" s="47" t="s">
        <v>5331</v>
      </c>
      <c r="Y3309" s="47" t="s">
        <v>5331</v>
      </c>
      <c r="Z3309" s="28"/>
      <c r="AA3309" s="27"/>
      <c r="AB3309" s="27"/>
      <c r="AC3309" s="27"/>
      <c r="AD3309" s="30"/>
      <c r="AE3309" s="1"/>
      <c r="AF3309" s="23" t="s">
        <v>5331</v>
      </c>
      <c r="AG3309" s="26"/>
      <c r="AH3309" s="53"/>
    </row>
    <row r="3310" spans="1:34" ht="51.6" customHeight="1" x14ac:dyDescent="0.45">
      <c r="A3310" s="23">
        <v>3304</v>
      </c>
      <c r="B3310" s="25"/>
      <c r="C3310" s="25"/>
      <c r="D3310" s="29"/>
      <c r="E3310" s="1"/>
      <c r="F3310" s="1"/>
      <c r="G3310" s="25"/>
      <c r="H3310" s="71"/>
      <c r="I3310" s="83"/>
      <c r="J3310" s="50" t="str">
        <f t="shared" si="104"/>
        <v/>
      </c>
      <c r="K3310" s="23" t="s">
        <v>7120</v>
      </c>
      <c r="L3310" s="49" t="e">
        <f>VLOOKUP(E3310&amp;F3310,団体コード!$A$1:$C$1743,3,FALSE)</f>
        <v>#N/A</v>
      </c>
      <c r="M3310" s="49" t="e">
        <f>VLOOKUP(E3310&amp;F3310,団体コード!$A$1:$C$1743,2,FALSE)</f>
        <v>#N/A</v>
      </c>
      <c r="N3310" s="51" t="e">
        <f>VLOOKUP(E3310,団体コード!$E$1:$F$48,2,FALSE)</f>
        <v>#N/A</v>
      </c>
      <c r="O3310" s="51" t="e">
        <f t="shared" si="105"/>
        <v>#N/A</v>
      </c>
      <c r="P3310" s="51">
        <v>1</v>
      </c>
      <c r="Q3310" s="51" t="s">
        <v>5341</v>
      </c>
      <c r="R3310" s="54" t="b">
        <v>1</v>
      </c>
      <c r="S3310" s="52" t="s">
        <v>7126</v>
      </c>
      <c r="T3310" s="67" t="s">
        <v>7127</v>
      </c>
      <c r="U3310" s="75" t="s">
        <v>5331</v>
      </c>
      <c r="V3310" s="47" t="s">
        <v>5331</v>
      </c>
      <c r="W3310" s="47" t="s">
        <v>5331</v>
      </c>
      <c r="X3310" s="47" t="s">
        <v>5331</v>
      </c>
      <c r="Y3310" s="47" t="s">
        <v>5331</v>
      </c>
      <c r="Z3310" s="28"/>
      <c r="AA3310" s="27"/>
      <c r="AB3310" s="27"/>
      <c r="AC3310" s="27"/>
      <c r="AD3310" s="30"/>
      <c r="AE3310" s="1"/>
      <c r="AF3310" s="23" t="s">
        <v>5331</v>
      </c>
      <c r="AG3310" s="26"/>
      <c r="AH3310" s="53"/>
    </row>
    <row r="3311" spans="1:34" ht="51.6" customHeight="1" x14ac:dyDescent="0.45">
      <c r="A3311" s="23">
        <v>3305</v>
      </c>
      <c r="B3311" s="25"/>
      <c r="C3311" s="25"/>
      <c r="D3311" s="29"/>
      <c r="E3311" s="1"/>
      <c r="F3311" s="1"/>
      <c r="G3311" s="25"/>
      <c r="H3311" s="71"/>
      <c r="I3311" s="83"/>
      <c r="J3311" s="50" t="str">
        <f t="shared" si="104"/>
        <v/>
      </c>
      <c r="K3311" s="23" t="s">
        <v>7120</v>
      </c>
      <c r="L3311" s="49" t="e">
        <f>VLOOKUP(E3311&amp;F3311,団体コード!$A$1:$C$1743,3,FALSE)</f>
        <v>#N/A</v>
      </c>
      <c r="M3311" s="49" t="e">
        <f>VLOOKUP(E3311&amp;F3311,団体コード!$A$1:$C$1743,2,FALSE)</f>
        <v>#N/A</v>
      </c>
      <c r="N3311" s="51" t="e">
        <f>VLOOKUP(E3311,団体コード!$E$1:$F$48,2,FALSE)</f>
        <v>#N/A</v>
      </c>
      <c r="O3311" s="51" t="e">
        <f t="shared" si="105"/>
        <v>#N/A</v>
      </c>
      <c r="P3311" s="51">
        <v>1</v>
      </c>
      <c r="Q3311" s="51" t="s">
        <v>5341</v>
      </c>
      <c r="R3311" s="54" t="b">
        <v>1</v>
      </c>
      <c r="S3311" s="52" t="s">
        <v>7126</v>
      </c>
      <c r="T3311" s="67" t="s">
        <v>7127</v>
      </c>
      <c r="U3311" s="75" t="s">
        <v>5331</v>
      </c>
      <c r="V3311" s="47" t="s">
        <v>5331</v>
      </c>
      <c r="W3311" s="47" t="s">
        <v>5331</v>
      </c>
      <c r="X3311" s="47" t="s">
        <v>5331</v>
      </c>
      <c r="Y3311" s="47" t="s">
        <v>5331</v>
      </c>
      <c r="Z3311" s="28"/>
      <c r="AA3311" s="27"/>
      <c r="AB3311" s="27"/>
      <c r="AC3311" s="27"/>
      <c r="AD3311" s="30"/>
      <c r="AE3311" s="1"/>
      <c r="AF3311" s="23" t="s">
        <v>5331</v>
      </c>
      <c r="AG3311" s="26"/>
      <c r="AH3311" s="53"/>
    </row>
    <row r="3312" spans="1:34" ht="51.6" customHeight="1" x14ac:dyDescent="0.45">
      <c r="A3312" s="23">
        <v>3306</v>
      </c>
      <c r="B3312" s="25"/>
      <c r="C3312" s="25"/>
      <c r="D3312" s="29"/>
      <c r="E3312" s="1"/>
      <c r="F3312" s="1"/>
      <c r="G3312" s="25"/>
      <c r="H3312" s="71"/>
      <c r="I3312" s="83"/>
      <c r="J3312" s="50" t="str">
        <f t="shared" si="104"/>
        <v/>
      </c>
      <c r="K3312" s="23" t="s">
        <v>7120</v>
      </c>
      <c r="L3312" s="49" t="e">
        <f>VLOOKUP(E3312&amp;F3312,団体コード!$A$1:$C$1743,3,FALSE)</f>
        <v>#N/A</v>
      </c>
      <c r="M3312" s="49" t="e">
        <f>VLOOKUP(E3312&amp;F3312,団体コード!$A$1:$C$1743,2,FALSE)</f>
        <v>#N/A</v>
      </c>
      <c r="N3312" s="51" t="e">
        <f>VLOOKUP(E3312,団体コード!$E$1:$F$48,2,FALSE)</f>
        <v>#N/A</v>
      </c>
      <c r="O3312" s="51" t="e">
        <f t="shared" si="105"/>
        <v>#N/A</v>
      </c>
      <c r="P3312" s="51">
        <v>1</v>
      </c>
      <c r="Q3312" s="51" t="s">
        <v>5341</v>
      </c>
      <c r="R3312" s="54" t="b">
        <v>1</v>
      </c>
      <c r="S3312" s="52" t="s">
        <v>7126</v>
      </c>
      <c r="T3312" s="67" t="s">
        <v>7127</v>
      </c>
      <c r="U3312" s="75" t="s">
        <v>5331</v>
      </c>
      <c r="V3312" s="47" t="s">
        <v>5331</v>
      </c>
      <c r="W3312" s="47" t="s">
        <v>5331</v>
      </c>
      <c r="X3312" s="47" t="s">
        <v>5331</v>
      </c>
      <c r="Y3312" s="47" t="s">
        <v>5331</v>
      </c>
      <c r="Z3312" s="28"/>
      <c r="AA3312" s="27"/>
      <c r="AB3312" s="27"/>
      <c r="AC3312" s="27"/>
      <c r="AD3312" s="30"/>
      <c r="AE3312" s="1"/>
      <c r="AF3312" s="23" t="s">
        <v>5331</v>
      </c>
      <c r="AG3312" s="26"/>
      <c r="AH3312" s="53"/>
    </row>
    <row r="3313" spans="1:34" ht="51.6" customHeight="1" x14ac:dyDescent="0.45">
      <c r="A3313" s="23">
        <v>3307</v>
      </c>
      <c r="B3313" s="25"/>
      <c r="C3313" s="25"/>
      <c r="D3313" s="29"/>
      <c r="E3313" s="1"/>
      <c r="F3313" s="1"/>
      <c r="G3313" s="25"/>
      <c r="H3313" s="71"/>
      <c r="I3313" s="83"/>
      <c r="J3313" s="50" t="str">
        <f t="shared" si="104"/>
        <v/>
      </c>
      <c r="K3313" s="23" t="s">
        <v>7120</v>
      </c>
      <c r="L3313" s="49" t="e">
        <f>VLOOKUP(E3313&amp;F3313,団体コード!$A$1:$C$1743,3,FALSE)</f>
        <v>#N/A</v>
      </c>
      <c r="M3313" s="49" t="e">
        <f>VLOOKUP(E3313&amp;F3313,団体コード!$A$1:$C$1743,2,FALSE)</f>
        <v>#N/A</v>
      </c>
      <c r="N3313" s="51" t="e">
        <f>VLOOKUP(E3313,団体コード!$E$1:$F$48,2,FALSE)</f>
        <v>#N/A</v>
      </c>
      <c r="O3313" s="51" t="e">
        <f t="shared" si="105"/>
        <v>#N/A</v>
      </c>
      <c r="P3313" s="51">
        <v>1</v>
      </c>
      <c r="Q3313" s="51" t="s">
        <v>5341</v>
      </c>
      <c r="R3313" s="54" t="b">
        <v>1</v>
      </c>
      <c r="S3313" s="52" t="s">
        <v>7126</v>
      </c>
      <c r="T3313" s="67" t="s">
        <v>7127</v>
      </c>
      <c r="U3313" s="75" t="s">
        <v>5331</v>
      </c>
      <c r="V3313" s="47" t="s">
        <v>5331</v>
      </c>
      <c r="W3313" s="47" t="s">
        <v>5331</v>
      </c>
      <c r="X3313" s="47" t="s">
        <v>5331</v>
      </c>
      <c r="Y3313" s="47" t="s">
        <v>5331</v>
      </c>
      <c r="Z3313" s="28"/>
      <c r="AA3313" s="27"/>
      <c r="AB3313" s="27"/>
      <c r="AC3313" s="27"/>
      <c r="AD3313" s="30"/>
      <c r="AE3313" s="1"/>
      <c r="AF3313" s="23" t="s">
        <v>5331</v>
      </c>
      <c r="AG3313" s="26"/>
      <c r="AH3313" s="53"/>
    </row>
    <row r="3314" spans="1:34" ht="51.6" customHeight="1" x14ac:dyDescent="0.45">
      <c r="A3314" s="23">
        <v>3308</v>
      </c>
      <c r="B3314" s="25"/>
      <c r="C3314" s="25"/>
      <c r="D3314" s="29"/>
      <c r="E3314" s="1"/>
      <c r="F3314" s="1"/>
      <c r="G3314" s="25"/>
      <c r="H3314" s="71"/>
      <c r="I3314" s="83"/>
      <c r="J3314" s="50" t="str">
        <f t="shared" si="104"/>
        <v/>
      </c>
      <c r="K3314" s="23" t="s">
        <v>7120</v>
      </c>
      <c r="L3314" s="49" t="e">
        <f>VLOOKUP(E3314&amp;F3314,団体コード!$A$1:$C$1743,3,FALSE)</f>
        <v>#N/A</v>
      </c>
      <c r="M3314" s="49" t="e">
        <f>VLOOKUP(E3314&amp;F3314,団体コード!$A$1:$C$1743,2,FALSE)</f>
        <v>#N/A</v>
      </c>
      <c r="N3314" s="51" t="e">
        <f>VLOOKUP(E3314,団体コード!$E$1:$F$48,2,FALSE)</f>
        <v>#N/A</v>
      </c>
      <c r="O3314" s="51" t="e">
        <f t="shared" si="105"/>
        <v>#N/A</v>
      </c>
      <c r="P3314" s="51">
        <v>1</v>
      </c>
      <c r="Q3314" s="51" t="s">
        <v>5341</v>
      </c>
      <c r="R3314" s="54" t="b">
        <v>1</v>
      </c>
      <c r="S3314" s="52" t="s">
        <v>7126</v>
      </c>
      <c r="T3314" s="67" t="s">
        <v>7127</v>
      </c>
      <c r="U3314" s="75" t="s">
        <v>5331</v>
      </c>
      <c r="V3314" s="47" t="s">
        <v>5331</v>
      </c>
      <c r="W3314" s="47" t="s">
        <v>5331</v>
      </c>
      <c r="X3314" s="47" t="s">
        <v>5331</v>
      </c>
      <c r="Y3314" s="47" t="s">
        <v>5331</v>
      </c>
      <c r="Z3314" s="28"/>
      <c r="AA3314" s="27"/>
      <c r="AB3314" s="27"/>
      <c r="AC3314" s="27"/>
      <c r="AD3314" s="30"/>
      <c r="AE3314" s="1"/>
      <c r="AF3314" s="23" t="s">
        <v>5331</v>
      </c>
      <c r="AG3314" s="26"/>
      <c r="AH3314" s="53"/>
    </row>
    <row r="3315" spans="1:34" ht="51.6" customHeight="1" x14ac:dyDescent="0.45">
      <c r="A3315" s="23">
        <v>3309</v>
      </c>
      <c r="B3315" s="25"/>
      <c r="C3315" s="25"/>
      <c r="D3315" s="29"/>
      <c r="E3315" s="1"/>
      <c r="F3315" s="1"/>
      <c r="G3315" s="25"/>
      <c r="H3315" s="71"/>
      <c r="I3315" s="83"/>
      <c r="J3315" s="50" t="str">
        <f t="shared" si="104"/>
        <v/>
      </c>
      <c r="K3315" s="23" t="s">
        <v>7120</v>
      </c>
      <c r="L3315" s="49" t="e">
        <f>VLOOKUP(E3315&amp;F3315,団体コード!$A$1:$C$1743,3,FALSE)</f>
        <v>#N/A</v>
      </c>
      <c r="M3315" s="49" t="e">
        <f>VLOOKUP(E3315&amp;F3315,団体コード!$A$1:$C$1743,2,FALSE)</f>
        <v>#N/A</v>
      </c>
      <c r="N3315" s="51" t="e">
        <f>VLOOKUP(E3315,団体コード!$E$1:$F$48,2,FALSE)</f>
        <v>#N/A</v>
      </c>
      <c r="O3315" s="51" t="e">
        <f t="shared" si="105"/>
        <v>#N/A</v>
      </c>
      <c r="P3315" s="51">
        <v>1</v>
      </c>
      <c r="Q3315" s="51" t="s">
        <v>5341</v>
      </c>
      <c r="R3315" s="54" t="b">
        <v>1</v>
      </c>
      <c r="S3315" s="52" t="s">
        <v>7126</v>
      </c>
      <c r="T3315" s="67" t="s">
        <v>7127</v>
      </c>
      <c r="U3315" s="75" t="s">
        <v>5331</v>
      </c>
      <c r="V3315" s="47" t="s">
        <v>5331</v>
      </c>
      <c r="W3315" s="47" t="s">
        <v>5331</v>
      </c>
      <c r="X3315" s="47" t="s">
        <v>5331</v>
      </c>
      <c r="Y3315" s="47" t="s">
        <v>5331</v>
      </c>
      <c r="Z3315" s="28"/>
      <c r="AA3315" s="27"/>
      <c r="AB3315" s="27"/>
      <c r="AC3315" s="27"/>
      <c r="AD3315" s="30"/>
      <c r="AE3315" s="1"/>
      <c r="AF3315" s="23" t="s">
        <v>5331</v>
      </c>
      <c r="AG3315" s="26"/>
      <c r="AH3315" s="53"/>
    </row>
    <row r="3316" spans="1:34" ht="51.6" customHeight="1" x14ac:dyDescent="0.45">
      <c r="A3316" s="23">
        <v>3310</v>
      </c>
      <c r="B3316" s="25"/>
      <c r="C3316" s="25"/>
      <c r="D3316" s="29"/>
      <c r="E3316" s="1"/>
      <c r="F3316" s="1"/>
      <c r="G3316" s="25"/>
      <c r="H3316" s="71"/>
      <c r="I3316" s="83"/>
      <c r="J3316" s="50" t="str">
        <f t="shared" si="104"/>
        <v/>
      </c>
      <c r="K3316" s="23" t="s">
        <v>7120</v>
      </c>
      <c r="L3316" s="49" t="e">
        <f>VLOOKUP(E3316&amp;F3316,団体コード!$A$1:$C$1743,3,FALSE)</f>
        <v>#N/A</v>
      </c>
      <c r="M3316" s="49" t="e">
        <f>VLOOKUP(E3316&amp;F3316,団体コード!$A$1:$C$1743,2,FALSE)</f>
        <v>#N/A</v>
      </c>
      <c r="N3316" s="51" t="e">
        <f>VLOOKUP(E3316,団体コード!$E$1:$F$48,2,FALSE)</f>
        <v>#N/A</v>
      </c>
      <c r="O3316" s="51" t="e">
        <f t="shared" si="105"/>
        <v>#N/A</v>
      </c>
      <c r="P3316" s="51">
        <v>1</v>
      </c>
      <c r="Q3316" s="51" t="s">
        <v>5341</v>
      </c>
      <c r="R3316" s="54" t="b">
        <v>1</v>
      </c>
      <c r="S3316" s="52" t="s">
        <v>7126</v>
      </c>
      <c r="T3316" s="67" t="s">
        <v>7127</v>
      </c>
      <c r="U3316" s="75" t="s">
        <v>5331</v>
      </c>
      <c r="V3316" s="47" t="s">
        <v>5331</v>
      </c>
      <c r="W3316" s="47" t="s">
        <v>5331</v>
      </c>
      <c r="X3316" s="47" t="s">
        <v>5331</v>
      </c>
      <c r="Y3316" s="47" t="s">
        <v>5331</v>
      </c>
      <c r="Z3316" s="28"/>
      <c r="AA3316" s="27"/>
      <c r="AB3316" s="27"/>
      <c r="AC3316" s="27"/>
      <c r="AD3316" s="30"/>
      <c r="AE3316" s="1"/>
      <c r="AF3316" s="23" t="s">
        <v>5331</v>
      </c>
      <c r="AG3316" s="26"/>
      <c r="AH3316" s="53"/>
    </row>
    <row r="3317" spans="1:34" ht="51.6" customHeight="1" x14ac:dyDescent="0.45">
      <c r="A3317" s="23">
        <v>3311</v>
      </c>
      <c r="B3317" s="25"/>
      <c r="C3317" s="25"/>
      <c r="D3317" s="29"/>
      <c r="E3317" s="1"/>
      <c r="F3317" s="1"/>
      <c r="G3317" s="25"/>
      <c r="H3317" s="71"/>
      <c r="I3317" s="83"/>
      <c r="J3317" s="50" t="str">
        <f t="shared" si="104"/>
        <v/>
      </c>
      <c r="K3317" s="23" t="s">
        <v>7120</v>
      </c>
      <c r="L3317" s="49" t="e">
        <f>VLOOKUP(E3317&amp;F3317,団体コード!$A$1:$C$1743,3,FALSE)</f>
        <v>#N/A</v>
      </c>
      <c r="M3317" s="49" t="e">
        <f>VLOOKUP(E3317&amp;F3317,団体コード!$A$1:$C$1743,2,FALSE)</f>
        <v>#N/A</v>
      </c>
      <c r="N3317" s="51" t="e">
        <f>VLOOKUP(E3317,団体コード!$E$1:$F$48,2,FALSE)</f>
        <v>#N/A</v>
      </c>
      <c r="O3317" s="51" t="e">
        <f t="shared" si="105"/>
        <v>#N/A</v>
      </c>
      <c r="P3317" s="51">
        <v>1</v>
      </c>
      <c r="Q3317" s="51" t="s">
        <v>5341</v>
      </c>
      <c r="R3317" s="54" t="b">
        <v>1</v>
      </c>
      <c r="S3317" s="52" t="s">
        <v>7126</v>
      </c>
      <c r="T3317" s="67" t="s">
        <v>7127</v>
      </c>
      <c r="U3317" s="75" t="s">
        <v>5331</v>
      </c>
      <c r="V3317" s="47" t="s">
        <v>5331</v>
      </c>
      <c r="W3317" s="47" t="s">
        <v>5331</v>
      </c>
      <c r="X3317" s="47" t="s">
        <v>5331</v>
      </c>
      <c r="Y3317" s="47" t="s">
        <v>5331</v>
      </c>
      <c r="Z3317" s="28"/>
      <c r="AA3317" s="27"/>
      <c r="AB3317" s="27"/>
      <c r="AC3317" s="27"/>
      <c r="AD3317" s="30"/>
      <c r="AE3317" s="1"/>
      <c r="AF3317" s="23" t="s">
        <v>5331</v>
      </c>
      <c r="AG3317" s="26"/>
      <c r="AH3317" s="53"/>
    </row>
    <row r="3318" spans="1:34" ht="51.6" customHeight="1" x14ac:dyDescent="0.45">
      <c r="A3318" s="23">
        <v>3312</v>
      </c>
      <c r="B3318" s="25"/>
      <c r="C3318" s="25"/>
      <c r="D3318" s="29"/>
      <c r="E3318" s="1"/>
      <c r="F3318" s="1"/>
      <c r="G3318" s="25"/>
      <c r="H3318" s="71"/>
      <c r="I3318" s="83"/>
      <c r="J3318" s="50" t="str">
        <f t="shared" si="104"/>
        <v/>
      </c>
      <c r="K3318" s="23" t="s">
        <v>7120</v>
      </c>
      <c r="L3318" s="49" t="e">
        <f>VLOOKUP(E3318&amp;F3318,団体コード!$A$1:$C$1743,3,FALSE)</f>
        <v>#N/A</v>
      </c>
      <c r="M3318" s="49" t="e">
        <f>VLOOKUP(E3318&amp;F3318,団体コード!$A$1:$C$1743,2,FALSE)</f>
        <v>#N/A</v>
      </c>
      <c r="N3318" s="51" t="e">
        <f>VLOOKUP(E3318,団体コード!$E$1:$F$48,2,FALSE)</f>
        <v>#N/A</v>
      </c>
      <c r="O3318" s="51" t="e">
        <f t="shared" si="105"/>
        <v>#N/A</v>
      </c>
      <c r="P3318" s="51">
        <v>1</v>
      </c>
      <c r="Q3318" s="51" t="s">
        <v>5341</v>
      </c>
      <c r="R3318" s="54" t="b">
        <v>1</v>
      </c>
      <c r="S3318" s="52" t="s">
        <v>7126</v>
      </c>
      <c r="T3318" s="67" t="s">
        <v>7127</v>
      </c>
      <c r="U3318" s="75" t="s">
        <v>5331</v>
      </c>
      <c r="V3318" s="47" t="s">
        <v>5331</v>
      </c>
      <c r="W3318" s="47" t="s">
        <v>5331</v>
      </c>
      <c r="X3318" s="47" t="s">
        <v>5331</v>
      </c>
      <c r="Y3318" s="47" t="s">
        <v>5331</v>
      </c>
      <c r="Z3318" s="28"/>
      <c r="AA3318" s="27"/>
      <c r="AB3318" s="27"/>
      <c r="AC3318" s="27"/>
      <c r="AD3318" s="30"/>
      <c r="AE3318" s="1"/>
      <c r="AF3318" s="23" t="s">
        <v>5331</v>
      </c>
      <c r="AG3318" s="26"/>
      <c r="AH3318" s="53"/>
    </row>
    <row r="3319" spans="1:34" ht="51.6" customHeight="1" x14ac:dyDescent="0.45">
      <c r="A3319" s="23">
        <v>3313</v>
      </c>
      <c r="B3319" s="25"/>
      <c r="C3319" s="25"/>
      <c r="D3319" s="29"/>
      <c r="E3319" s="1"/>
      <c r="F3319" s="1"/>
      <c r="G3319" s="25"/>
      <c r="H3319" s="71"/>
      <c r="I3319" s="83"/>
      <c r="J3319" s="50" t="str">
        <f t="shared" si="104"/>
        <v/>
      </c>
      <c r="K3319" s="23" t="s">
        <v>7120</v>
      </c>
      <c r="L3319" s="49" t="e">
        <f>VLOOKUP(E3319&amp;F3319,団体コード!$A$1:$C$1743,3,FALSE)</f>
        <v>#N/A</v>
      </c>
      <c r="M3319" s="49" t="e">
        <f>VLOOKUP(E3319&amp;F3319,団体コード!$A$1:$C$1743,2,FALSE)</f>
        <v>#N/A</v>
      </c>
      <c r="N3319" s="51" t="e">
        <f>VLOOKUP(E3319,団体コード!$E$1:$F$48,2,FALSE)</f>
        <v>#N/A</v>
      </c>
      <c r="O3319" s="51" t="e">
        <f t="shared" si="105"/>
        <v>#N/A</v>
      </c>
      <c r="P3319" s="51">
        <v>1</v>
      </c>
      <c r="Q3319" s="51" t="s">
        <v>5341</v>
      </c>
      <c r="R3319" s="54" t="b">
        <v>1</v>
      </c>
      <c r="S3319" s="52" t="s">
        <v>7126</v>
      </c>
      <c r="T3319" s="67" t="s">
        <v>7127</v>
      </c>
      <c r="U3319" s="75" t="s">
        <v>5331</v>
      </c>
      <c r="V3319" s="47" t="s">
        <v>5331</v>
      </c>
      <c r="W3319" s="47" t="s">
        <v>5331</v>
      </c>
      <c r="X3319" s="47" t="s">
        <v>5331</v>
      </c>
      <c r="Y3319" s="47" t="s">
        <v>5331</v>
      </c>
      <c r="Z3319" s="28"/>
      <c r="AA3319" s="27"/>
      <c r="AB3319" s="27"/>
      <c r="AC3319" s="27"/>
      <c r="AD3319" s="30"/>
      <c r="AE3319" s="1"/>
      <c r="AF3319" s="23" t="s">
        <v>5331</v>
      </c>
      <c r="AG3319" s="26"/>
      <c r="AH3319" s="53"/>
    </row>
    <row r="3320" spans="1:34" ht="51.6" customHeight="1" x14ac:dyDescent="0.45">
      <c r="A3320" s="23">
        <v>3314</v>
      </c>
      <c r="B3320" s="25"/>
      <c r="C3320" s="25"/>
      <c r="D3320" s="29"/>
      <c r="E3320" s="1"/>
      <c r="F3320" s="1"/>
      <c r="G3320" s="25"/>
      <c r="H3320" s="71"/>
      <c r="I3320" s="83"/>
      <c r="J3320" s="50" t="str">
        <f t="shared" si="104"/>
        <v/>
      </c>
      <c r="K3320" s="23" t="s">
        <v>7120</v>
      </c>
      <c r="L3320" s="49" t="e">
        <f>VLOOKUP(E3320&amp;F3320,団体コード!$A$1:$C$1743,3,FALSE)</f>
        <v>#N/A</v>
      </c>
      <c r="M3320" s="49" t="e">
        <f>VLOOKUP(E3320&amp;F3320,団体コード!$A$1:$C$1743,2,FALSE)</f>
        <v>#N/A</v>
      </c>
      <c r="N3320" s="51" t="e">
        <f>VLOOKUP(E3320,団体コード!$E$1:$F$48,2,FALSE)</f>
        <v>#N/A</v>
      </c>
      <c r="O3320" s="51" t="e">
        <f t="shared" si="105"/>
        <v>#N/A</v>
      </c>
      <c r="P3320" s="51">
        <v>1</v>
      </c>
      <c r="Q3320" s="51" t="s">
        <v>5341</v>
      </c>
      <c r="R3320" s="54" t="b">
        <v>1</v>
      </c>
      <c r="S3320" s="52" t="s">
        <v>7126</v>
      </c>
      <c r="T3320" s="67" t="s">
        <v>7127</v>
      </c>
      <c r="U3320" s="75" t="s">
        <v>5331</v>
      </c>
      <c r="V3320" s="47" t="s">
        <v>5331</v>
      </c>
      <c r="W3320" s="47" t="s">
        <v>5331</v>
      </c>
      <c r="X3320" s="47" t="s">
        <v>5331</v>
      </c>
      <c r="Y3320" s="47" t="s">
        <v>5331</v>
      </c>
      <c r="Z3320" s="28"/>
      <c r="AA3320" s="27"/>
      <c r="AB3320" s="27"/>
      <c r="AC3320" s="27"/>
      <c r="AD3320" s="30"/>
      <c r="AE3320" s="1"/>
      <c r="AF3320" s="23" t="s">
        <v>5331</v>
      </c>
      <c r="AG3320" s="26"/>
      <c r="AH3320" s="53"/>
    </row>
    <row r="3321" spans="1:34" ht="51.6" customHeight="1" x14ac:dyDescent="0.45">
      <c r="A3321" s="23">
        <v>3315</v>
      </c>
      <c r="B3321" s="25"/>
      <c r="C3321" s="25"/>
      <c r="D3321" s="29"/>
      <c r="E3321" s="1"/>
      <c r="F3321" s="1"/>
      <c r="G3321" s="25"/>
      <c r="H3321" s="71"/>
      <c r="I3321" s="83"/>
      <c r="J3321" s="50" t="str">
        <f t="shared" si="104"/>
        <v/>
      </c>
      <c r="K3321" s="23" t="s">
        <v>7120</v>
      </c>
      <c r="L3321" s="49" t="e">
        <f>VLOOKUP(E3321&amp;F3321,団体コード!$A$1:$C$1743,3,FALSE)</f>
        <v>#N/A</v>
      </c>
      <c r="M3321" s="49" t="e">
        <f>VLOOKUP(E3321&amp;F3321,団体コード!$A$1:$C$1743,2,FALSE)</f>
        <v>#N/A</v>
      </c>
      <c r="N3321" s="51" t="e">
        <f>VLOOKUP(E3321,団体コード!$E$1:$F$48,2,FALSE)</f>
        <v>#N/A</v>
      </c>
      <c r="O3321" s="51" t="e">
        <f t="shared" si="105"/>
        <v>#N/A</v>
      </c>
      <c r="P3321" s="51">
        <v>1</v>
      </c>
      <c r="Q3321" s="51" t="s">
        <v>5341</v>
      </c>
      <c r="R3321" s="54" t="b">
        <v>1</v>
      </c>
      <c r="S3321" s="52" t="s">
        <v>7126</v>
      </c>
      <c r="T3321" s="67" t="s">
        <v>7127</v>
      </c>
      <c r="U3321" s="75" t="s">
        <v>5331</v>
      </c>
      <c r="V3321" s="47" t="s">
        <v>5331</v>
      </c>
      <c r="W3321" s="47" t="s">
        <v>5331</v>
      </c>
      <c r="X3321" s="47" t="s">
        <v>5331</v>
      </c>
      <c r="Y3321" s="47" t="s">
        <v>5331</v>
      </c>
      <c r="Z3321" s="28"/>
      <c r="AA3321" s="27"/>
      <c r="AB3321" s="27"/>
      <c r="AC3321" s="27"/>
      <c r="AD3321" s="30"/>
      <c r="AE3321" s="1"/>
      <c r="AF3321" s="23" t="s">
        <v>5331</v>
      </c>
      <c r="AG3321" s="26"/>
      <c r="AH3321" s="53"/>
    </row>
    <row r="3322" spans="1:34" ht="51.6" customHeight="1" x14ac:dyDescent="0.45">
      <c r="A3322" s="23">
        <v>3316</v>
      </c>
      <c r="B3322" s="25"/>
      <c r="C3322" s="25"/>
      <c r="D3322" s="29"/>
      <c r="E3322" s="1"/>
      <c r="F3322" s="1"/>
      <c r="G3322" s="25"/>
      <c r="H3322" s="71"/>
      <c r="I3322" s="83"/>
      <c r="J3322" s="50" t="str">
        <f t="shared" si="104"/>
        <v/>
      </c>
      <c r="K3322" s="23" t="s">
        <v>7120</v>
      </c>
      <c r="L3322" s="49" t="e">
        <f>VLOOKUP(E3322&amp;F3322,団体コード!$A$1:$C$1743,3,FALSE)</f>
        <v>#N/A</v>
      </c>
      <c r="M3322" s="49" t="e">
        <f>VLOOKUP(E3322&amp;F3322,団体コード!$A$1:$C$1743,2,FALSE)</f>
        <v>#N/A</v>
      </c>
      <c r="N3322" s="51" t="e">
        <f>VLOOKUP(E3322,団体コード!$E$1:$F$48,2,FALSE)</f>
        <v>#N/A</v>
      </c>
      <c r="O3322" s="51" t="e">
        <f t="shared" si="105"/>
        <v>#N/A</v>
      </c>
      <c r="P3322" s="51">
        <v>1</v>
      </c>
      <c r="Q3322" s="51" t="s">
        <v>5341</v>
      </c>
      <c r="R3322" s="54" t="b">
        <v>1</v>
      </c>
      <c r="S3322" s="52" t="s">
        <v>7126</v>
      </c>
      <c r="T3322" s="67" t="s">
        <v>7127</v>
      </c>
      <c r="U3322" s="75" t="s">
        <v>5331</v>
      </c>
      <c r="V3322" s="47" t="s">
        <v>5331</v>
      </c>
      <c r="W3322" s="47" t="s">
        <v>5331</v>
      </c>
      <c r="X3322" s="47" t="s">
        <v>5331</v>
      </c>
      <c r="Y3322" s="47" t="s">
        <v>5331</v>
      </c>
      <c r="Z3322" s="28"/>
      <c r="AA3322" s="27"/>
      <c r="AB3322" s="27"/>
      <c r="AC3322" s="27"/>
      <c r="AD3322" s="30"/>
      <c r="AE3322" s="1"/>
      <c r="AF3322" s="23" t="s">
        <v>5331</v>
      </c>
      <c r="AG3322" s="26"/>
      <c r="AH3322" s="53"/>
    </row>
    <row r="3323" spans="1:34" ht="51.6" customHeight="1" x14ac:dyDescent="0.45">
      <c r="A3323" s="23">
        <v>3317</v>
      </c>
      <c r="B3323" s="25"/>
      <c r="C3323" s="25"/>
      <c r="D3323" s="29"/>
      <c r="E3323" s="1"/>
      <c r="F3323" s="1"/>
      <c r="G3323" s="25"/>
      <c r="H3323" s="71"/>
      <c r="I3323" s="83"/>
      <c r="J3323" s="50" t="str">
        <f t="shared" si="104"/>
        <v/>
      </c>
      <c r="K3323" s="23" t="s">
        <v>7120</v>
      </c>
      <c r="L3323" s="49" t="e">
        <f>VLOOKUP(E3323&amp;F3323,団体コード!$A$1:$C$1743,3,FALSE)</f>
        <v>#N/A</v>
      </c>
      <c r="M3323" s="49" t="e">
        <f>VLOOKUP(E3323&amp;F3323,団体コード!$A$1:$C$1743,2,FALSE)</f>
        <v>#N/A</v>
      </c>
      <c r="N3323" s="51" t="e">
        <f>VLOOKUP(E3323,団体コード!$E$1:$F$48,2,FALSE)</f>
        <v>#N/A</v>
      </c>
      <c r="O3323" s="51" t="e">
        <f t="shared" si="105"/>
        <v>#N/A</v>
      </c>
      <c r="P3323" s="51">
        <v>1</v>
      </c>
      <c r="Q3323" s="51" t="s">
        <v>5341</v>
      </c>
      <c r="R3323" s="54" t="b">
        <v>1</v>
      </c>
      <c r="S3323" s="52" t="s">
        <v>7126</v>
      </c>
      <c r="T3323" s="67" t="s">
        <v>7127</v>
      </c>
      <c r="U3323" s="75" t="s">
        <v>5331</v>
      </c>
      <c r="V3323" s="47" t="s">
        <v>5331</v>
      </c>
      <c r="W3323" s="47" t="s">
        <v>5331</v>
      </c>
      <c r="X3323" s="47" t="s">
        <v>5331</v>
      </c>
      <c r="Y3323" s="47" t="s">
        <v>5331</v>
      </c>
      <c r="Z3323" s="28"/>
      <c r="AA3323" s="27"/>
      <c r="AB3323" s="27"/>
      <c r="AC3323" s="27"/>
      <c r="AD3323" s="30"/>
      <c r="AE3323" s="1"/>
      <c r="AF3323" s="23" t="s">
        <v>5331</v>
      </c>
      <c r="AG3323" s="26"/>
      <c r="AH3323" s="53"/>
    </row>
    <row r="3324" spans="1:34" ht="51.6" customHeight="1" x14ac:dyDescent="0.45">
      <c r="A3324" s="23">
        <v>3318</v>
      </c>
      <c r="B3324" s="25"/>
      <c r="C3324" s="25"/>
      <c r="D3324" s="29"/>
      <c r="E3324" s="1"/>
      <c r="F3324" s="1"/>
      <c r="G3324" s="25"/>
      <c r="H3324" s="71"/>
      <c r="I3324" s="83"/>
      <c r="J3324" s="50" t="str">
        <f t="shared" si="104"/>
        <v/>
      </c>
      <c r="K3324" s="23" t="s">
        <v>7120</v>
      </c>
      <c r="L3324" s="49" t="e">
        <f>VLOOKUP(E3324&amp;F3324,団体コード!$A$1:$C$1743,3,FALSE)</f>
        <v>#N/A</v>
      </c>
      <c r="M3324" s="49" t="e">
        <f>VLOOKUP(E3324&amp;F3324,団体コード!$A$1:$C$1743,2,FALSE)</f>
        <v>#N/A</v>
      </c>
      <c r="N3324" s="51" t="e">
        <f>VLOOKUP(E3324,団体コード!$E$1:$F$48,2,FALSE)</f>
        <v>#N/A</v>
      </c>
      <c r="O3324" s="51" t="e">
        <f t="shared" si="105"/>
        <v>#N/A</v>
      </c>
      <c r="P3324" s="51">
        <v>1</v>
      </c>
      <c r="Q3324" s="51" t="s">
        <v>5341</v>
      </c>
      <c r="R3324" s="54" t="b">
        <v>1</v>
      </c>
      <c r="S3324" s="52" t="s">
        <v>7126</v>
      </c>
      <c r="T3324" s="67" t="s">
        <v>7127</v>
      </c>
      <c r="U3324" s="75" t="s">
        <v>5331</v>
      </c>
      <c r="V3324" s="47" t="s">
        <v>5331</v>
      </c>
      <c r="W3324" s="47" t="s">
        <v>5331</v>
      </c>
      <c r="X3324" s="47" t="s">
        <v>5331</v>
      </c>
      <c r="Y3324" s="47" t="s">
        <v>5331</v>
      </c>
      <c r="Z3324" s="28"/>
      <c r="AA3324" s="27"/>
      <c r="AB3324" s="27"/>
      <c r="AC3324" s="27"/>
      <c r="AD3324" s="30"/>
      <c r="AE3324" s="1"/>
      <c r="AF3324" s="23" t="s">
        <v>5331</v>
      </c>
      <c r="AG3324" s="26"/>
      <c r="AH3324" s="53"/>
    </row>
    <row r="3325" spans="1:34" ht="51.6" customHeight="1" x14ac:dyDescent="0.45">
      <c r="A3325" s="23">
        <v>3319</v>
      </c>
      <c r="B3325" s="25"/>
      <c r="C3325" s="25"/>
      <c r="D3325" s="29"/>
      <c r="E3325" s="1"/>
      <c r="F3325" s="1"/>
      <c r="G3325" s="25"/>
      <c r="H3325" s="71"/>
      <c r="I3325" s="83"/>
      <c r="J3325" s="50" t="str">
        <f t="shared" si="104"/>
        <v/>
      </c>
      <c r="K3325" s="23" t="s">
        <v>7120</v>
      </c>
      <c r="L3325" s="49" t="e">
        <f>VLOOKUP(E3325&amp;F3325,団体コード!$A$1:$C$1743,3,FALSE)</f>
        <v>#N/A</v>
      </c>
      <c r="M3325" s="49" t="e">
        <f>VLOOKUP(E3325&amp;F3325,団体コード!$A$1:$C$1743,2,FALSE)</f>
        <v>#N/A</v>
      </c>
      <c r="N3325" s="51" t="e">
        <f>VLOOKUP(E3325,団体コード!$E$1:$F$48,2,FALSE)</f>
        <v>#N/A</v>
      </c>
      <c r="O3325" s="51" t="e">
        <f t="shared" si="105"/>
        <v>#N/A</v>
      </c>
      <c r="P3325" s="51">
        <v>1</v>
      </c>
      <c r="Q3325" s="51" t="s">
        <v>5341</v>
      </c>
      <c r="R3325" s="54" t="b">
        <v>1</v>
      </c>
      <c r="S3325" s="52" t="s">
        <v>7126</v>
      </c>
      <c r="T3325" s="67" t="s">
        <v>7127</v>
      </c>
      <c r="U3325" s="75" t="s">
        <v>5331</v>
      </c>
      <c r="V3325" s="47" t="s">
        <v>5331</v>
      </c>
      <c r="W3325" s="47" t="s">
        <v>5331</v>
      </c>
      <c r="X3325" s="47" t="s">
        <v>5331</v>
      </c>
      <c r="Y3325" s="47" t="s">
        <v>5331</v>
      </c>
      <c r="Z3325" s="28"/>
      <c r="AA3325" s="27"/>
      <c r="AB3325" s="27"/>
      <c r="AC3325" s="27"/>
      <c r="AD3325" s="30"/>
      <c r="AE3325" s="1"/>
      <c r="AF3325" s="23" t="s">
        <v>5331</v>
      </c>
      <c r="AG3325" s="26"/>
      <c r="AH3325" s="53"/>
    </row>
    <row r="3326" spans="1:34" ht="51.6" customHeight="1" x14ac:dyDescent="0.45">
      <c r="A3326" s="23">
        <v>3320</v>
      </c>
      <c r="B3326" s="25"/>
      <c r="C3326" s="25"/>
      <c r="D3326" s="29"/>
      <c r="E3326" s="1"/>
      <c r="F3326" s="1"/>
      <c r="G3326" s="25"/>
      <c r="H3326" s="71"/>
      <c r="I3326" s="83"/>
      <c r="J3326" s="50" t="str">
        <f t="shared" si="104"/>
        <v/>
      </c>
      <c r="K3326" s="23" t="s">
        <v>7120</v>
      </c>
      <c r="L3326" s="49" t="e">
        <f>VLOOKUP(E3326&amp;F3326,団体コード!$A$1:$C$1743,3,FALSE)</f>
        <v>#N/A</v>
      </c>
      <c r="M3326" s="49" t="e">
        <f>VLOOKUP(E3326&amp;F3326,団体コード!$A$1:$C$1743,2,FALSE)</f>
        <v>#N/A</v>
      </c>
      <c r="N3326" s="51" t="e">
        <f>VLOOKUP(E3326,団体コード!$E$1:$F$48,2,FALSE)</f>
        <v>#N/A</v>
      </c>
      <c r="O3326" s="51" t="e">
        <f t="shared" si="105"/>
        <v>#N/A</v>
      </c>
      <c r="P3326" s="51">
        <v>1</v>
      </c>
      <c r="Q3326" s="51" t="s">
        <v>5341</v>
      </c>
      <c r="R3326" s="54" t="b">
        <v>1</v>
      </c>
      <c r="S3326" s="52" t="s">
        <v>7126</v>
      </c>
      <c r="T3326" s="67" t="s">
        <v>7127</v>
      </c>
      <c r="U3326" s="75" t="s">
        <v>5331</v>
      </c>
      <c r="V3326" s="47" t="s">
        <v>5331</v>
      </c>
      <c r="W3326" s="47" t="s">
        <v>5331</v>
      </c>
      <c r="X3326" s="47" t="s">
        <v>5331</v>
      </c>
      <c r="Y3326" s="47" t="s">
        <v>5331</v>
      </c>
      <c r="Z3326" s="28"/>
      <c r="AA3326" s="27"/>
      <c r="AB3326" s="27"/>
      <c r="AC3326" s="27"/>
      <c r="AD3326" s="30"/>
      <c r="AE3326" s="1"/>
      <c r="AF3326" s="23" t="s">
        <v>5331</v>
      </c>
      <c r="AG3326" s="26"/>
      <c r="AH3326" s="53"/>
    </row>
    <row r="3327" spans="1:34" ht="51.6" customHeight="1" x14ac:dyDescent="0.45">
      <c r="A3327" s="23">
        <v>3321</v>
      </c>
      <c r="B3327" s="25"/>
      <c r="C3327" s="25"/>
      <c r="D3327" s="29"/>
      <c r="E3327" s="1"/>
      <c r="F3327" s="1"/>
      <c r="G3327" s="25"/>
      <c r="H3327" s="71"/>
      <c r="I3327" s="83"/>
      <c r="J3327" s="50" t="str">
        <f t="shared" si="104"/>
        <v/>
      </c>
      <c r="K3327" s="23" t="s">
        <v>7120</v>
      </c>
      <c r="L3327" s="49" t="e">
        <f>VLOOKUP(E3327&amp;F3327,団体コード!$A$1:$C$1743,3,FALSE)</f>
        <v>#N/A</v>
      </c>
      <c r="M3327" s="49" t="e">
        <f>VLOOKUP(E3327&amp;F3327,団体コード!$A$1:$C$1743,2,FALSE)</f>
        <v>#N/A</v>
      </c>
      <c r="N3327" s="51" t="e">
        <f>VLOOKUP(E3327,団体コード!$E$1:$F$48,2,FALSE)</f>
        <v>#N/A</v>
      </c>
      <c r="O3327" s="51" t="e">
        <f t="shared" si="105"/>
        <v>#N/A</v>
      </c>
      <c r="P3327" s="51">
        <v>1</v>
      </c>
      <c r="Q3327" s="51" t="s">
        <v>5341</v>
      </c>
      <c r="R3327" s="54" t="b">
        <v>1</v>
      </c>
      <c r="S3327" s="52" t="s">
        <v>7126</v>
      </c>
      <c r="T3327" s="67" t="s">
        <v>7127</v>
      </c>
      <c r="U3327" s="75" t="s">
        <v>5331</v>
      </c>
      <c r="V3327" s="47" t="s">
        <v>5331</v>
      </c>
      <c r="W3327" s="47" t="s">
        <v>5331</v>
      </c>
      <c r="X3327" s="47" t="s">
        <v>5331</v>
      </c>
      <c r="Y3327" s="47" t="s">
        <v>5331</v>
      </c>
      <c r="Z3327" s="28"/>
      <c r="AA3327" s="27"/>
      <c r="AB3327" s="27"/>
      <c r="AC3327" s="27"/>
      <c r="AD3327" s="30"/>
      <c r="AE3327" s="1"/>
      <c r="AF3327" s="23" t="s">
        <v>5331</v>
      </c>
      <c r="AG3327" s="26"/>
      <c r="AH3327" s="53"/>
    </row>
    <row r="3328" spans="1:34" ht="51.6" customHeight="1" x14ac:dyDescent="0.45">
      <c r="A3328" s="23">
        <v>3322</v>
      </c>
      <c r="B3328" s="25"/>
      <c r="C3328" s="25"/>
      <c r="D3328" s="29"/>
      <c r="E3328" s="1"/>
      <c r="F3328" s="1"/>
      <c r="G3328" s="25"/>
      <c r="H3328" s="71"/>
      <c r="I3328" s="83"/>
      <c r="J3328" s="50" t="str">
        <f t="shared" si="104"/>
        <v/>
      </c>
      <c r="K3328" s="23" t="s">
        <v>7120</v>
      </c>
      <c r="L3328" s="49" t="e">
        <f>VLOOKUP(E3328&amp;F3328,団体コード!$A$1:$C$1743,3,FALSE)</f>
        <v>#N/A</v>
      </c>
      <c r="M3328" s="49" t="e">
        <f>VLOOKUP(E3328&amp;F3328,団体コード!$A$1:$C$1743,2,FALSE)</f>
        <v>#N/A</v>
      </c>
      <c r="N3328" s="51" t="e">
        <f>VLOOKUP(E3328,団体コード!$E$1:$F$48,2,FALSE)</f>
        <v>#N/A</v>
      </c>
      <c r="O3328" s="51" t="e">
        <f t="shared" si="105"/>
        <v>#N/A</v>
      </c>
      <c r="P3328" s="51">
        <v>1</v>
      </c>
      <c r="Q3328" s="51" t="s">
        <v>5341</v>
      </c>
      <c r="R3328" s="54" t="b">
        <v>1</v>
      </c>
      <c r="S3328" s="52" t="s">
        <v>7126</v>
      </c>
      <c r="T3328" s="67" t="s">
        <v>7127</v>
      </c>
      <c r="U3328" s="75" t="s">
        <v>5331</v>
      </c>
      <c r="V3328" s="47" t="s">
        <v>5331</v>
      </c>
      <c r="W3328" s="47" t="s">
        <v>5331</v>
      </c>
      <c r="X3328" s="47" t="s">
        <v>5331</v>
      </c>
      <c r="Y3328" s="47" t="s">
        <v>5331</v>
      </c>
      <c r="Z3328" s="28"/>
      <c r="AA3328" s="27"/>
      <c r="AB3328" s="27"/>
      <c r="AC3328" s="27"/>
      <c r="AD3328" s="30"/>
      <c r="AE3328" s="1"/>
      <c r="AF3328" s="23" t="s">
        <v>5331</v>
      </c>
      <c r="AG3328" s="26"/>
      <c r="AH3328" s="53"/>
    </row>
    <row r="3329" spans="1:34" ht="51.6" customHeight="1" x14ac:dyDescent="0.45">
      <c r="A3329" s="23">
        <v>3323</v>
      </c>
      <c r="B3329" s="25"/>
      <c r="C3329" s="25"/>
      <c r="D3329" s="29"/>
      <c r="E3329" s="1"/>
      <c r="F3329" s="1"/>
      <c r="G3329" s="25"/>
      <c r="H3329" s="71"/>
      <c r="I3329" s="83"/>
      <c r="J3329" s="50" t="str">
        <f t="shared" si="104"/>
        <v/>
      </c>
      <c r="K3329" s="23" t="s">
        <v>7120</v>
      </c>
      <c r="L3329" s="49" t="e">
        <f>VLOOKUP(E3329&amp;F3329,団体コード!$A$1:$C$1743,3,FALSE)</f>
        <v>#N/A</v>
      </c>
      <c r="M3329" s="49" t="e">
        <f>VLOOKUP(E3329&amp;F3329,団体コード!$A$1:$C$1743,2,FALSE)</f>
        <v>#N/A</v>
      </c>
      <c r="N3329" s="51" t="e">
        <f>VLOOKUP(E3329,団体コード!$E$1:$F$48,2,FALSE)</f>
        <v>#N/A</v>
      </c>
      <c r="O3329" s="51" t="e">
        <f t="shared" si="105"/>
        <v>#N/A</v>
      </c>
      <c r="P3329" s="51">
        <v>1</v>
      </c>
      <c r="Q3329" s="51" t="s">
        <v>5341</v>
      </c>
      <c r="R3329" s="54" t="b">
        <v>1</v>
      </c>
      <c r="S3329" s="52" t="s">
        <v>7126</v>
      </c>
      <c r="T3329" s="67" t="s">
        <v>7127</v>
      </c>
      <c r="U3329" s="75" t="s">
        <v>5331</v>
      </c>
      <c r="V3329" s="47" t="s">
        <v>5331</v>
      </c>
      <c r="W3329" s="47" t="s">
        <v>5331</v>
      </c>
      <c r="X3329" s="47" t="s">
        <v>5331</v>
      </c>
      <c r="Y3329" s="47" t="s">
        <v>5331</v>
      </c>
      <c r="Z3329" s="28"/>
      <c r="AA3329" s="27"/>
      <c r="AB3329" s="27"/>
      <c r="AC3329" s="27"/>
      <c r="AD3329" s="30"/>
      <c r="AE3329" s="1"/>
      <c r="AF3329" s="23" t="s">
        <v>5331</v>
      </c>
      <c r="AG3329" s="26"/>
      <c r="AH3329" s="53"/>
    </row>
    <row r="3330" spans="1:34" ht="51.6" customHeight="1" x14ac:dyDescent="0.45">
      <c r="A3330" s="23">
        <v>3324</v>
      </c>
      <c r="B3330" s="25"/>
      <c r="C3330" s="25"/>
      <c r="D3330" s="29"/>
      <c r="E3330" s="1"/>
      <c r="F3330" s="1"/>
      <c r="G3330" s="25"/>
      <c r="H3330" s="71"/>
      <c r="I3330" s="83"/>
      <c r="J3330" s="50" t="str">
        <f t="shared" si="104"/>
        <v/>
      </c>
      <c r="K3330" s="23" t="s">
        <v>7120</v>
      </c>
      <c r="L3330" s="49" t="e">
        <f>VLOOKUP(E3330&amp;F3330,団体コード!$A$1:$C$1743,3,FALSE)</f>
        <v>#N/A</v>
      </c>
      <c r="M3330" s="49" t="e">
        <f>VLOOKUP(E3330&amp;F3330,団体コード!$A$1:$C$1743,2,FALSE)</f>
        <v>#N/A</v>
      </c>
      <c r="N3330" s="51" t="e">
        <f>VLOOKUP(E3330,団体コード!$E$1:$F$48,2,FALSE)</f>
        <v>#N/A</v>
      </c>
      <c r="O3330" s="51" t="e">
        <f t="shared" si="105"/>
        <v>#N/A</v>
      </c>
      <c r="P3330" s="51">
        <v>1</v>
      </c>
      <c r="Q3330" s="51" t="s">
        <v>5341</v>
      </c>
      <c r="R3330" s="54" t="b">
        <v>1</v>
      </c>
      <c r="S3330" s="52" t="s">
        <v>7126</v>
      </c>
      <c r="T3330" s="67" t="s">
        <v>7127</v>
      </c>
      <c r="U3330" s="75" t="s">
        <v>5331</v>
      </c>
      <c r="V3330" s="47" t="s">
        <v>5331</v>
      </c>
      <c r="W3330" s="47" t="s">
        <v>5331</v>
      </c>
      <c r="X3330" s="47" t="s">
        <v>5331</v>
      </c>
      <c r="Y3330" s="47" t="s">
        <v>5331</v>
      </c>
      <c r="Z3330" s="28"/>
      <c r="AA3330" s="27"/>
      <c r="AB3330" s="27"/>
      <c r="AC3330" s="27"/>
      <c r="AD3330" s="30"/>
      <c r="AE3330" s="1"/>
      <c r="AF3330" s="23" t="s">
        <v>5331</v>
      </c>
      <c r="AG3330" s="26"/>
      <c r="AH3330" s="53"/>
    </row>
    <row r="3331" spans="1:34" ht="51.6" customHeight="1" x14ac:dyDescent="0.45">
      <c r="A3331" s="23">
        <v>3325</v>
      </c>
      <c r="B3331" s="25"/>
      <c r="C3331" s="25"/>
      <c r="D3331" s="29"/>
      <c r="E3331" s="1"/>
      <c r="F3331" s="1"/>
      <c r="G3331" s="25"/>
      <c r="H3331" s="71"/>
      <c r="I3331" s="83"/>
      <c r="J3331" s="50" t="str">
        <f t="shared" si="104"/>
        <v/>
      </c>
      <c r="K3331" s="23" t="s">
        <v>7120</v>
      </c>
      <c r="L3331" s="49" t="e">
        <f>VLOOKUP(E3331&amp;F3331,団体コード!$A$1:$C$1743,3,FALSE)</f>
        <v>#N/A</v>
      </c>
      <c r="M3331" s="49" t="e">
        <f>VLOOKUP(E3331&amp;F3331,団体コード!$A$1:$C$1743,2,FALSE)</f>
        <v>#N/A</v>
      </c>
      <c r="N3331" s="51" t="e">
        <f>VLOOKUP(E3331,団体コード!$E$1:$F$48,2,FALSE)</f>
        <v>#N/A</v>
      </c>
      <c r="O3331" s="51" t="e">
        <f t="shared" si="105"/>
        <v>#N/A</v>
      </c>
      <c r="P3331" s="51">
        <v>1</v>
      </c>
      <c r="Q3331" s="51" t="s">
        <v>5341</v>
      </c>
      <c r="R3331" s="54" t="b">
        <v>1</v>
      </c>
      <c r="S3331" s="52" t="s">
        <v>7126</v>
      </c>
      <c r="T3331" s="67" t="s">
        <v>7127</v>
      </c>
      <c r="U3331" s="75" t="s">
        <v>5331</v>
      </c>
      <c r="V3331" s="47" t="s">
        <v>5331</v>
      </c>
      <c r="W3331" s="47" t="s">
        <v>5331</v>
      </c>
      <c r="X3331" s="47" t="s">
        <v>5331</v>
      </c>
      <c r="Y3331" s="47" t="s">
        <v>5331</v>
      </c>
      <c r="Z3331" s="28"/>
      <c r="AA3331" s="27"/>
      <c r="AB3331" s="27"/>
      <c r="AC3331" s="27"/>
      <c r="AD3331" s="30"/>
      <c r="AE3331" s="1"/>
      <c r="AF3331" s="23" t="s">
        <v>5331</v>
      </c>
      <c r="AG3331" s="26"/>
      <c r="AH3331" s="53"/>
    </row>
    <row r="3332" spans="1:34" ht="51.6" customHeight="1" x14ac:dyDescent="0.45">
      <c r="A3332" s="23">
        <v>3326</v>
      </c>
      <c r="B3332" s="25"/>
      <c r="C3332" s="25"/>
      <c r="D3332" s="29"/>
      <c r="E3332" s="1"/>
      <c r="F3332" s="1"/>
      <c r="G3332" s="25"/>
      <c r="H3332" s="71"/>
      <c r="I3332" s="83"/>
      <c r="J3332" s="50" t="str">
        <f t="shared" si="104"/>
        <v/>
      </c>
      <c r="K3332" s="23" t="s">
        <v>7120</v>
      </c>
      <c r="L3332" s="49" t="e">
        <f>VLOOKUP(E3332&amp;F3332,団体コード!$A$1:$C$1743,3,FALSE)</f>
        <v>#N/A</v>
      </c>
      <c r="M3332" s="49" t="e">
        <f>VLOOKUP(E3332&amp;F3332,団体コード!$A$1:$C$1743,2,FALSE)</f>
        <v>#N/A</v>
      </c>
      <c r="N3332" s="51" t="e">
        <f>VLOOKUP(E3332,団体コード!$E$1:$F$48,2,FALSE)</f>
        <v>#N/A</v>
      </c>
      <c r="O3332" s="51" t="e">
        <f t="shared" si="105"/>
        <v>#N/A</v>
      </c>
      <c r="P3332" s="51">
        <v>1</v>
      </c>
      <c r="Q3332" s="51" t="s">
        <v>5341</v>
      </c>
      <c r="R3332" s="54" t="b">
        <v>1</v>
      </c>
      <c r="S3332" s="52" t="s">
        <v>7126</v>
      </c>
      <c r="T3332" s="67" t="s">
        <v>7127</v>
      </c>
      <c r="U3332" s="75" t="s">
        <v>5331</v>
      </c>
      <c r="V3332" s="47" t="s">
        <v>5331</v>
      </c>
      <c r="W3332" s="47" t="s">
        <v>5331</v>
      </c>
      <c r="X3332" s="47" t="s">
        <v>5331</v>
      </c>
      <c r="Y3332" s="47" t="s">
        <v>5331</v>
      </c>
      <c r="Z3332" s="28"/>
      <c r="AA3332" s="27"/>
      <c r="AB3332" s="27"/>
      <c r="AC3332" s="27"/>
      <c r="AD3332" s="30"/>
      <c r="AE3332" s="1"/>
      <c r="AF3332" s="23" t="s">
        <v>5331</v>
      </c>
      <c r="AG3332" s="26"/>
      <c r="AH3332" s="53"/>
    </row>
    <row r="3333" spans="1:34" ht="51.6" customHeight="1" x14ac:dyDescent="0.45">
      <c r="A3333" s="23">
        <v>3327</v>
      </c>
      <c r="B3333" s="25"/>
      <c r="C3333" s="25"/>
      <c r="D3333" s="29"/>
      <c r="E3333" s="1"/>
      <c r="F3333" s="1"/>
      <c r="G3333" s="25"/>
      <c r="H3333" s="71"/>
      <c r="I3333" s="83"/>
      <c r="J3333" s="50" t="str">
        <f t="shared" si="104"/>
        <v/>
      </c>
      <c r="K3333" s="23" t="s">
        <v>7120</v>
      </c>
      <c r="L3333" s="49" t="e">
        <f>VLOOKUP(E3333&amp;F3333,団体コード!$A$1:$C$1743,3,FALSE)</f>
        <v>#N/A</v>
      </c>
      <c r="M3333" s="49" t="e">
        <f>VLOOKUP(E3333&amp;F3333,団体コード!$A$1:$C$1743,2,FALSE)</f>
        <v>#N/A</v>
      </c>
      <c r="N3333" s="51" t="e">
        <f>VLOOKUP(E3333,団体コード!$E$1:$F$48,2,FALSE)</f>
        <v>#N/A</v>
      </c>
      <c r="O3333" s="51" t="e">
        <f t="shared" si="105"/>
        <v>#N/A</v>
      </c>
      <c r="P3333" s="51">
        <v>1</v>
      </c>
      <c r="Q3333" s="51" t="s">
        <v>5341</v>
      </c>
      <c r="R3333" s="54" t="b">
        <v>1</v>
      </c>
      <c r="S3333" s="52" t="s">
        <v>7126</v>
      </c>
      <c r="T3333" s="67" t="s">
        <v>7127</v>
      </c>
      <c r="U3333" s="75" t="s">
        <v>5331</v>
      </c>
      <c r="V3333" s="47" t="s">
        <v>5331</v>
      </c>
      <c r="W3333" s="47" t="s">
        <v>5331</v>
      </c>
      <c r="X3333" s="47" t="s">
        <v>5331</v>
      </c>
      <c r="Y3333" s="47" t="s">
        <v>5331</v>
      </c>
      <c r="Z3333" s="28"/>
      <c r="AA3333" s="27"/>
      <c r="AB3333" s="27"/>
      <c r="AC3333" s="27"/>
      <c r="AD3333" s="30"/>
      <c r="AE3333" s="1"/>
      <c r="AF3333" s="23" t="s">
        <v>5331</v>
      </c>
      <c r="AG3333" s="26"/>
      <c r="AH3333" s="53"/>
    </row>
    <row r="3334" spans="1:34" ht="51.6" customHeight="1" x14ac:dyDescent="0.45">
      <c r="A3334" s="23">
        <v>3328</v>
      </c>
      <c r="B3334" s="25"/>
      <c r="C3334" s="25"/>
      <c r="D3334" s="29"/>
      <c r="E3334" s="1"/>
      <c r="F3334" s="1"/>
      <c r="G3334" s="25"/>
      <c r="H3334" s="71"/>
      <c r="I3334" s="83"/>
      <c r="J3334" s="50" t="str">
        <f t="shared" si="104"/>
        <v/>
      </c>
      <c r="K3334" s="23" t="s">
        <v>7120</v>
      </c>
      <c r="L3334" s="49" t="e">
        <f>VLOOKUP(E3334&amp;F3334,団体コード!$A$1:$C$1743,3,FALSE)</f>
        <v>#N/A</v>
      </c>
      <c r="M3334" s="49" t="e">
        <f>VLOOKUP(E3334&amp;F3334,団体コード!$A$1:$C$1743,2,FALSE)</f>
        <v>#N/A</v>
      </c>
      <c r="N3334" s="51" t="e">
        <f>VLOOKUP(E3334,団体コード!$E$1:$F$48,2,FALSE)</f>
        <v>#N/A</v>
      </c>
      <c r="O3334" s="51" t="e">
        <f t="shared" si="105"/>
        <v>#N/A</v>
      </c>
      <c r="P3334" s="51">
        <v>1</v>
      </c>
      <c r="Q3334" s="51" t="s">
        <v>5341</v>
      </c>
      <c r="R3334" s="54" t="b">
        <v>1</v>
      </c>
      <c r="S3334" s="52" t="s">
        <v>7126</v>
      </c>
      <c r="T3334" s="67" t="s">
        <v>7127</v>
      </c>
      <c r="U3334" s="75" t="s">
        <v>5331</v>
      </c>
      <c r="V3334" s="47" t="s">
        <v>5331</v>
      </c>
      <c r="W3334" s="47" t="s">
        <v>5331</v>
      </c>
      <c r="X3334" s="47" t="s">
        <v>5331</v>
      </c>
      <c r="Y3334" s="47" t="s">
        <v>5331</v>
      </c>
      <c r="Z3334" s="28"/>
      <c r="AA3334" s="27"/>
      <c r="AB3334" s="27"/>
      <c r="AC3334" s="27"/>
      <c r="AD3334" s="30"/>
      <c r="AE3334" s="1"/>
      <c r="AF3334" s="23" t="s">
        <v>5331</v>
      </c>
      <c r="AG3334" s="26"/>
      <c r="AH3334" s="53"/>
    </row>
    <row r="3335" spans="1:34" ht="51.6" customHeight="1" x14ac:dyDescent="0.45">
      <c r="A3335" s="23">
        <v>3329</v>
      </c>
      <c r="B3335" s="25"/>
      <c r="C3335" s="25"/>
      <c r="D3335" s="29"/>
      <c r="E3335" s="1"/>
      <c r="F3335" s="1"/>
      <c r="G3335" s="25"/>
      <c r="H3335" s="71"/>
      <c r="I3335" s="83"/>
      <c r="J3335" s="50" t="str">
        <f t="shared" si="104"/>
        <v/>
      </c>
      <c r="K3335" s="23" t="s">
        <v>7120</v>
      </c>
      <c r="L3335" s="49" t="e">
        <f>VLOOKUP(E3335&amp;F3335,団体コード!$A$1:$C$1743,3,FALSE)</f>
        <v>#N/A</v>
      </c>
      <c r="M3335" s="49" t="e">
        <f>VLOOKUP(E3335&amp;F3335,団体コード!$A$1:$C$1743,2,FALSE)</f>
        <v>#N/A</v>
      </c>
      <c r="N3335" s="51" t="e">
        <f>VLOOKUP(E3335,団体コード!$E$1:$F$48,2,FALSE)</f>
        <v>#N/A</v>
      </c>
      <c r="O3335" s="51" t="e">
        <f t="shared" si="105"/>
        <v>#N/A</v>
      </c>
      <c r="P3335" s="51">
        <v>1</v>
      </c>
      <c r="Q3335" s="51" t="s">
        <v>5341</v>
      </c>
      <c r="R3335" s="54" t="b">
        <v>1</v>
      </c>
      <c r="S3335" s="52" t="s">
        <v>7126</v>
      </c>
      <c r="T3335" s="67" t="s">
        <v>7127</v>
      </c>
      <c r="U3335" s="75" t="s">
        <v>5331</v>
      </c>
      <c r="V3335" s="47" t="s">
        <v>5331</v>
      </c>
      <c r="W3335" s="47" t="s">
        <v>5331</v>
      </c>
      <c r="X3335" s="47" t="s">
        <v>5331</v>
      </c>
      <c r="Y3335" s="47" t="s">
        <v>5331</v>
      </c>
      <c r="Z3335" s="28"/>
      <c r="AA3335" s="27"/>
      <c r="AB3335" s="27"/>
      <c r="AC3335" s="27"/>
      <c r="AD3335" s="30"/>
      <c r="AE3335" s="1"/>
      <c r="AF3335" s="23" t="s">
        <v>5331</v>
      </c>
      <c r="AG3335" s="26"/>
      <c r="AH3335" s="53"/>
    </row>
    <row r="3336" spans="1:34" ht="51.6" customHeight="1" x14ac:dyDescent="0.45">
      <c r="A3336" s="23">
        <v>3330</v>
      </c>
      <c r="B3336" s="25"/>
      <c r="C3336" s="25"/>
      <c r="D3336" s="29"/>
      <c r="E3336" s="1"/>
      <c r="F3336" s="1"/>
      <c r="G3336" s="25"/>
      <c r="H3336" s="71"/>
      <c r="I3336" s="83"/>
      <c r="J3336" s="50" t="str">
        <f t="shared" ref="J3336:J3399" si="106">E3336&amp;F3336&amp;G3336</f>
        <v/>
      </c>
      <c r="K3336" s="23" t="s">
        <v>7120</v>
      </c>
      <c r="L3336" s="49" t="e">
        <f>VLOOKUP(E3336&amp;F3336,団体コード!$A$1:$C$1743,3,FALSE)</f>
        <v>#N/A</v>
      </c>
      <c r="M3336" s="49" t="e">
        <f>VLOOKUP(E3336&amp;F3336,団体コード!$A$1:$C$1743,2,FALSE)</f>
        <v>#N/A</v>
      </c>
      <c r="N3336" s="51" t="e">
        <f>VLOOKUP(E3336,団体コード!$E$1:$F$48,2,FALSE)</f>
        <v>#N/A</v>
      </c>
      <c r="O3336" s="51" t="e">
        <f t="shared" ref="O3336:O3399" si="107">N3336</f>
        <v>#N/A</v>
      </c>
      <c r="P3336" s="51">
        <v>1</v>
      </c>
      <c r="Q3336" s="51" t="s">
        <v>5341</v>
      </c>
      <c r="R3336" s="54" t="b">
        <v>1</v>
      </c>
      <c r="S3336" s="52" t="s">
        <v>7126</v>
      </c>
      <c r="T3336" s="67" t="s">
        <v>7127</v>
      </c>
      <c r="U3336" s="75" t="s">
        <v>5331</v>
      </c>
      <c r="V3336" s="47" t="s">
        <v>5331</v>
      </c>
      <c r="W3336" s="47" t="s">
        <v>5331</v>
      </c>
      <c r="X3336" s="47" t="s">
        <v>5331</v>
      </c>
      <c r="Y3336" s="47" t="s">
        <v>5331</v>
      </c>
      <c r="Z3336" s="28"/>
      <c r="AA3336" s="27"/>
      <c r="AB3336" s="27"/>
      <c r="AC3336" s="27"/>
      <c r="AD3336" s="30"/>
      <c r="AE3336" s="1"/>
      <c r="AF3336" s="23" t="s">
        <v>5331</v>
      </c>
      <c r="AG3336" s="26"/>
      <c r="AH3336" s="53"/>
    </row>
    <row r="3337" spans="1:34" ht="51.6" customHeight="1" x14ac:dyDescent="0.45">
      <c r="A3337" s="23">
        <v>3331</v>
      </c>
      <c r="B3337" s="25"/>
      <c r="C3337" s="25"/>
      <c r="D3337" s="29"/>
      <c r="E3337" s="1"/>
      <c r="F3337" s="1"/>
      <c r="G3337" s="25"/>
      <c r="H3337" s="71"/>
      <c r="I3337" s="83"/>
      <c r="J3337" s="50" t="str">
        <f t="shared" si="106"/>
        <v/>
      </c>
      <c r="K3337" s="23" t="s">
        <v>7120</v>
      </c>
      <c r="L3337" s="49" t="e">
        <f>VLOOKUP(E3337&amp;F3337,団体コード!$A$1:$C$1743,3,FALSE)</f>
        <v>#N/A</v>
      </c>
      <c r="M3337" s="49" t="e">
        <f>VLOOKUP(E3337&amp;F3337,団体コード!$A$1:$C$1743,2,FALSE)</f>
        <v>#N/A</v>
      </c>
      <c r="N3337" s="51" t="e">
        <f>VLOOKUP(E3337,団体コード!$E$1:$F$48,2,FALSE)</f>
        <v>#N/A</v>
      </c>
      <c r="O3337" s="51" t="e">
        <f t="shared" si="107"/>
        <v>#N/A</v>
      </c>
      <c r="P3337" s="51">
        <v>1</v>
      </c>
      <c r="Q3337" s="51" t="s">
        <v>5341</v>
      </c>
      <c r="R3337" s="54" t="b">
        <v>1</v>
      </c>
      <c r="S3337" s="52" t="s">
        <v>7126</v>
      </c>
      <c r="T3337" s="67" t="s">
        <v>7127</v>
      </c>
      <c r="U3337" s="75" t="s">
        <v>5331</v>
      </c>
      <c r="V3337" s="47" t="s">
        <v>5331</v>
      </c>
      <c r="W3337" s="47" t="s">
        <v>5331</v>
      </c>
      <c r="X3337" s="47" t="s">
        <v>5331</v>
      </c>
      <c r="Y3337" s="47" t="s">
        <v>5331</v>
      </c>
      <c r="Z3337" s="28"/>
      <c r="AA3337" s="27"/>
      <c r="AB3337" s="27"/>
      <c r="AC3337" s="27"/>
      <c r="AD3337" s="30"/>
      <c r="AE3337" s="1"/>
      <c r="AF3337" s="23" t="s">
        <v>5331</v>
      </c>
      <c r="AG3337" s="26"/>
      <c r="AH3337" s="53"/>
    </row>
    <row r="3338" spans="1:34" ht="51.6" customHeight="1" x14ac:dyDescent="0.45">
      <c r="A3338" s="23">
        <v>3332</v>
      </c>
      <c r="B3338" s="25"/>
      <c r="C3338" s="25"/>
      <c r="D3338" s="29"/>
      <c r="E3338" s="1"/>
      <c r="F3338" s="1"/>
      <c r="G3338" s="25"/>
      <c r="H3338" s="71"/>
      <c r="I3338" s="83"/>
      <c r="J3338" s="50" t="str">
        <f t="shared" si="106"/>
        <v/>
      </c>
      <c r="K3338" s="23" t="s">
        <v>7120</v>
      </c>
      <c r="L3338" s="49" t="e">
        <f>VLOOKUP(E3338&amp;F3338,団体コード!$A$1:$C$1743,3,FALSE)</f>
        <v>#N/A</v>
      </c>
      <c r="M3338" s="49" t="e">
        <f>VLOOKUP(E3338&amp;F3338,団体コード!$A$1:$C$1743,2,FALSE)</f>
        <v>#N/A</v>
      </c>
      <c r="N3338" s="51" t="e">
        <f>VLOOKUP(E3338,団体コード!$E$1:$F$48,2,FALSE)</f>
        <v>#N/A</v>
      </c>
      <c r="O3338" s="51" t="e">
        <f t="shared" si="107"/>
        <v>#N/A</v>
      </c>
      <c r="P3338" s="51">
        <v>1</v>
      </c>
      <c r="Q3338" s="51" t="s">
        <v>5341</v>
      </c>
      <c r="R3338" s="54" t="b">
        <v>1</v>
      </c>
      <c r="S3338" s="52" t="s">
        <v>7126</v>
      </c>
      <c r="T3338" s="67" t="s">
        <v>7127</v>
      </c>
      <c r="U3338" s="75" t="s">
        <v>5331</v>
      </c>
      <c r="V3338" s="47" t="s">
        <v>5331</v>
      </c>
      <c r="W3338" s="47" t="s">
        <v>5331</v>
      </c>
      <c r="X3338" s="47" t="s">
        <v>5331</v>
      </c>
      <c r="Y3338" s="47" t="s">
        <v>5331</v>
      </c>
      <c r="Z3338" s="28"/>
      <c r="AA3338" s="27"/>
      <c r="AB3338" s="27"/>
      <c r="AC3338" s="27"/>
      <c r="AD3338" s="30"/>
      <c r="AE3338" s="1"/>
      <c r="AF3338" s="23" t="s">
        <v>5331</v>
      </c>
      <c r="AG3338" s="26"/>
      <c r="AH3338" s="53"/>
    </row>
    <row r="3339" spans="1:34" ht="51.6" customHeight="1" x14ac:dyDescent="0.45">
      <c r="A3339" s="23">
        <v>3333</v>
      </c>
      <c r="B3339" s="25"/>
      <c r="C3339" s="25"/>
      <c r="D3339" s="29"/>
      <c r="E3339" s="1"/>
      <c r="F3339" s="1"/>
      <c r="G3339" s="25"/>
      <c r="H3339" s="71"/>
      <c r="I3339" s="83"/>
      <c r="J3339" s="50" t="str">
        <f t="shared" si="106"/>
        <v/>
      </c>
      <c r="K3339" s="23" t="s">
        <v>7120</v>
      </c>
      <c r="L3339" s="49" t="e">
        <f>VLOOKUP(E3339&amp;F3339,団体コード!$A$1:$C$1743,3,FALSE)</f>
        <v>#N/A</v>
      </c>
      <c r="M3339" s="49" t="e">
        <f>VLOOKUP(E3339&amp;F3339,団体コード!$A$1:$C$1743,2,FALSE)</f>
        <v>#N/A</v>
      </c>
      <c r="N3339" s="51" t="e">
        <f>VLOOKUP(E3339,団体コード!$E$1:$F$48,2,FALSE)</f>
        <v>#N/A</v>
      </c>
      <c r="O3339" s="51" t="e">
        <f t="shared" si="107"/>
        <v>#N/A</v>
      </c>
      <c r="P3339" s="51">
        <v>1</v>
      </c>
      <c r="Q3339" s="51" t="s">
        <v>5341</v>
      </c>
      <c r="R3339" s="54" t="b">
        <v>1</v>
      </c>
      <c r="S3339" s="52" t="s">
        <v>7126</v>
      </c>
      <c r="T3339" s="67" t="s">
        <v>7127</v>
      </c>
      <c r="U3339" s="75" t="s">
        <v>5331</v>
      </c>
      <c r="V3339" s="47" t="s">
        <v>5331</v>
      </c>
      <c r="W3339" s="47" t="s">
        <v>5331</v>
      </c>
      <c r="X3339" s="47" t="s">
        <v>5331</v>
      </c>
      <c r="Y3339" s="47" t="s">
        <v>5331</v>
      </c>
      <c r="Z3339" s="28"/>
      <c r="AA3339" s="27"/>
      <c r="AB3339" s="27"/>
      <c r="AC3339" s="27"/>
      <c r="AD3339" s="30"/>
      <c r="AE3339" s="1"/>
      <c r="AF3339" s="23" t="s">
        <v>5331</v>
      </c>
      <c r="AG3339" s="26"/>
      <c r="AH3339" s="53"/>
    </row>
    <row r="3340" spans="1:34" ht="51.6" customHeight="1" x14ac:dyDescent="0.45">
      <c r="A3340" s="23">
        <v>3334</v>
      </c>
      <c r="B3340" s="25"/>
      <c r="C3340" s="25"/>
      <c r="D3340" s="29"/>
      <c r="E3340" s="1"/>
      <c r="F3340" s="1"/>
      <c r="G3340" s="25"/>
      <c r="H3340" s="71"/>
      <c r="I3340" s="83"/>
      <c r="J3340" s="50" t="str">
        <f t="shared" si="106"/>
        <v/>
      </c>
      <c r="K3340" s="23" t="s">
        <v>7120</v>
      </c>
      <c r="L3340" s="49" t="e">
        <f>VLOOKUP(E3340&amp;F3340,団体コード!$A$1:$C$1743,3,FALSE)</f>
        <v>#N/A</v>
      </c>
      <c r="M3340" s="49" t="e">
        <f>VLOOKUP(E3340&amp;F3340,団体コード!$A$1:$C$1743,2,FALSE)</f>
        <v>#N/A</v>
      </c>
      <c r="N3340" s="51" t="e">
        <f>VLOOKUP(E3340,団体コード!$E$1:$F$48,2,FALSE)</f>
        <v>#N/A</v>
      </c>
      <c r="O3340" s="51" t="e">
        <f t="shared" si="107"/>
        <v>#N/A</v>
      </c>
      <c r="P3340" s="51">
        <v>1</v>
      </c>
      <c r="Q3340" s="51" t="s">
        <v>5341</v>
      </c>
      <c r="R3340" s="54" t="b">
        <v>1</v>
      </c>
      <c r="S3340" s="52" t="s">
        <v>7126</v>
      </c>
      <c r="T3340" s="67" t="s">
        <v>7127</v>
      </c>
      <c r="U3340" s="75" t="s">
        <v>5331</v>
      </c>
      <c r="V3340" s="47" t="s">
        <v>5331</v>
      </c>
      <c r="W3340" s="47" t="s">
        <v>5331</v>
      </c>
      <c r="X3340" s="47" t="s">
        <v>5331</v>
      </c>
      <c r="Y3340" s="47" t="s">
        <v>5331</v>
      </c>
      <c r="Z3340" s="28"/>
      <c r="AA3340" s="27"/>
      <c r="AB3340" s="27"/>
      <c r="AC3340" s="27"/>
      <c r="AD3340" s="30"/>
      <c r="AE3340" s="1"/>
      <c r="AF3340" s="23" t="s">
        <v>5331</v>
      </c>
      <c r="AG3340" s="26"/>
      <c r="AH3340" s="53"/>
    </row>
    <row r="3341" spans="1:34" ht="51.6" customHeight="1" x14ac:dyDescent="0.45">
      <c r="A3341" s="23">
        <v>3335</v>
      </c>
      <c r="B3341" s="25"/>
      <c r="C3341" s="25"/>
      <c r="D3341" s="29"/>
      <c r="E3341" s="1"/>
      <c r="F3341" s="1"/>
      <c r="G3341" s="25"/>
      <c r="H3341" s="71"/>
      <c r="I3341" s="83"/>
      <c r="J3341" s="50" t="str">
        <f t="shared" si="106"/>
        <v/>
      </c>
      <c r="K3341" s="23" t="s">
        <v>7120</v>
      </c>
      <c r="L3341" s="49" t="e">
        <f>VLOOKUP(E3341&amp;F3341,団体コード!$A$1:$C$1743,3,FALSE)</f>
        <v>#N/A</v>
      </c>
      <c r="M3341" s="49" t="e">
        <f>VLOOKUP(E3341&amp;F3341,団体コード!$A$1:$C$1743,2,FALSE)</f>
        <v>#N/A</v>
      </c>
      <c r="N3341" s="51" t="e">
        <f>VLOOKUP(E3341,団体コード!$E$1:$F$48,2,FALSE)</f>
        <v>#N/A</v>
      </c>
      <c r="O3341" s="51" t="e">
        <f t="shared" si="107"/>
        <v>#N/A</v>
      </c>
      <c r="P3341" s="51">
        <v>1</v>
      </c>
      <c r="Q3341" s="51" t="s">
        <v>5341</v>
      </c>
      <c r="R3341" s="54" t="b">
        <v>1</v>
      </c>
      <c r="S3341" s="52" t="s">
        <v>7126</v>
      </c>
      <c r="T3341" s="67" t="s">
        <v>7127</v>
      </c>
      <c r="U3341" s="75" t="s">
        <v>5331</v>
      </c>
      <c r="V3341" s="47" t="s">
        <v>5331</v>
      </c>
      <c r="W3341" s="47" t="s">
        <v>5331</v>
      </c>
      <c r="X3341" s="47" t="s">
        <v>5331</v>
      </c>
      <c r="Y3341" s="47" t="s">
        <v>5331</v>
      </c>
      <c r="Z3341" s="28"/>
      <c r="AA3341" s="27"/>
      <c r="AB3341" s="27"/>
      <c r="AC3341" s="27"/>
      <c r="AD3341" s="30"/>
      <c r="AE3341" s="1"/>
      <c r="AF3341" s="23" t="s">
        <v>5331</v>
      </c>
      <c r="AG3341" s="26"/>
      <c r="AH3341" s="53"/>
    </row>
    <row r="3342" spans="1:34" ht="51.6" customHeight="1" x14ac:dyDescent="0.45">
      <c r="A3342" s="23">
        <v>3336</v>
      </c>
      <c r="B3342" s="25"/>
      <c r="C3342" s="25"/>
      <c r="D3342" s="29"/>
      <c r="E3342" s="1"/>
      <c r="F3342" s="1"/>
      <c r="G3342" s="25"/>
      <c r="H3342" s="71"/>
      <c r="I3342" s="83"/>
      <c r="J3342" s="50" t="str">
        <f t="shared" si="106"/>
        <v/>
      </c>
      <c r="K3342" s="23" t="s">
        <v>7120</v>
      </c>
      <c r="L3342" s="49" t="e">
        <f>VLOOKUP(E3342&amp;F3342,団体コード!$A$1:$C$1743,3,FALSE)</f>
        <v>#N/A</v>
      </c>
      <c r="M3342" s="49" t="e">
        <f>VLOOKUP(E3342&amp;F3342,団体コード!$A$1:$C$1743,2,FALSE)</f>
        <v>#N/A</v>
      </c>
      <c r="N3342" s="51" t="e">
        <f>VLOOKUP(E3342,団体コード!$E$1:$F$48,2,FALSE)</f>
        <v>#N/A</v>
      </c>
      <c r="O3342" s="51" t="e">
        <f t="shared" si="107"/>
        <v>#N/A</v>
      </c>
      <c r="P3342" s="51">
        <v>1</v>
      </c>
      <c r="Q3342" s="51" t="s">
        <v>5341</v>
      </c>
      <c r="R3342" s="54" t="b">
        <v>1</v>
      </c>
      <c r="S3342" s="52" t="s">
        <v>7126</v>
      </c>
      <c r="T3342" s="67" t="s">
        <v>7127</v>
      </c>
      <c r="U3342" s="75" t="s">
        <v>5331</v>
      </c>
      <c r="V3342" s="47" t="s">
        <v>5331</v>
      </c>
      <c r="W3342" s="47" t="s">
        <v>5331</v>
      </c>
      <c r="X3342" s="47" t="s">
        <v>5331</v>
      </c>
      <c r="Y3342" s="47" t="s">
        <v>5331</v>
      </c>
      <c r="Z3342" s="28"/>
      <c r="AA3342" s="27"/>
      <c r="AB3342" s="27"/>
      <c r="AC3342" s="27"/>
      <c r="AD3342" s="30"/>
      <c r="AE3342" s="1"/>
      <c r="AF3342" s="23" t="s">
        <v>5331</v>
      </c>
      <c r="AG3342" s="26"/>
      <c r="AH3342" s="53"/>
    </row>
    <row r="3343" spans="1:34" ht="51.6" customHeight="1" x14ac:dyDescent="0.45">
      <c r="A3343" s="23">
        <v>3337</v>
      </c>
      <c r="B3343" s="25"/>
      <c r="C3343" s="25"/>
      <c r="D3343" s="29"/>
      <c r="E3343" s="1"/>
      <c r="F3343" s="1"/>
      <c r="G3343" s="25"/>
      <c r="H3343" s="71"/>
      <c r="I3343" s="83"/>
      <c r="J3343" s="50" t="str">
        <f t="shared" si="106"/>
        <v/>
      </c>
      <c r="K3343" s="23" t="s">
        <v>7120</v>
      </c>
      <c r="L3343" s="49" t="e">
        <f>VLOOKUP(E3343&amp;F3343,団体コード!$A$1:$C$1743,3,FALSE)</f>
        <v>#N/A</v>
      </c>
      <c r="M3343" s="49" t="e">
        <f>VLOOKUP(E3343&amp;F3343,団体コード!$A$1:$C$1743,2,FALSE)</f>
        <v>#N/A</v>
      </c>
      <c r="N3343" s="51" t="e">
        <f>VLOOKUP(E3343,団体コード!$E$1:$F$48,2,FALSE)</f>
        <v>#N/A</v>
      </c>
      <c r="O3343" s="51" t="e">
        <f t="shared" si="107"/>
        <v>#N/A</v>
      </c>
      <c r="P3343" s="51">
        <v>1</v>
      </c>
      <c r="Q3343" s="51" t="s">
        <v>5341</v>
      </c>
      <c r="R3343" s="54" t="b">
        <v>1</v>
      </c>
      <c r="S3343" s="52" t="s">
        <v>7126</v>
      </c>
      <c r="T3343" s="67" t="s">
        <v>7127</v>
      </c>
      <c r="U3343" s="75" t="s">
        <v>5331</v>
      </c>
      <c r="V3343" s="47" t="s">
        <v>5331</v>
      </c>
      <c r="W3343" s="47" t="s">
        <v>5331</v>
      </c>
      <c r="X3343" s="47" t="s">
        <v>5331</v>
      </c>
      <c r="Y3343" s="47" t="s">
        <v>5331</v>
      </c>
      <c r="Z3343" s="28"/>
      <c r="AA3343" s="27"/>
      <c r="AB3343" s="27"/>
      <c r="AC3343" s="27"/>
      <c r="AD3343" s="30"/>
      <c r="AE3343" s="1"/>
      <c r="AF3343" s="23" t="s">
        <v>5331</v>
      </c>
      <c r="AG3343" s="26"/>
      <c r="AH3343" s="53"/>
    </row>
    <row r="3344" spans="1:34" ht="51.6" customHeight="1" x14ac:dyDescent="0.45">
      <c r="A3344" s="23">
        <v>3338</v>
      </c>
      <c r="B3344" s="25"/>
      <c r="C3344" s="25"/>
      <c r="D3344" s="29"/>
      <c r="E3344" s="1"/>
      <c r="F3344" s="1"/>
      <c r="G3344" s="25"/>
      <c r="H3344" s="71"/>
      <c r="I3344" s="83"/>
      <c r="J3344" s="50" t="str">
        <f t="shared" si="106"/>
        <v/>
      </c>
      <c r="K3344" s="23" t="s">
        <v>7120</v>
      </c>
      <c r="L3344" s="49" t="e">
        <f>VLOOKUP(E3344&amp;F3344,団体コード!$A$1:$C$1743,3,FALSE)</f>
        <v>#N/A</v>
      </c>
      <c r="M3344" s="49" t="e">
        <f>VLOOKUP(E3344&amp;F3344,団体コード!$A$1:$C$1743,2,FALSE)</f>
        <v>#N/A</v>
      </c>
      <c r="N3344" s="51" t="e">
        <f>VLOOKUP(E3344,団体コード!$E$1:$F$48,2,FALSE)</f>
        <v>#N/A</v>
      </c>
      <c r="O3344" s="51" t="e">
        <f t="shared" si="107"/>
        <v>#N/A</v>
      </c>
      <c r="P3344" s="51">
        <v>1</v>
      </c>
      <c r="Q3344" s="51" t="s">
        <v>5341</v>
      </c>
      <c r="R3344" s="54" t="b">
        <v>1</v>
      </c>
      <c r="S3344" s="52" t="s">
        <v>7126</v>
      </c>
      <c r="T3344" s="67" t="s">
        <v>7127</v>
      </c>
      <c r="U3344" s="75" t="s">
        <v>5331</v>
      </c>
      <c r="V3344" s="47" t="s">
        <v>5331</v>
      </c>
      <c r="W3344" s="47" t="s">
        <v>5331</v>
      </c>
      <c r="X3344" s="47" t="s">
        <v>5331</v>
      </c>
      <c r="Y3344" s="47" t="s">
        <v>5331</v>
      </c>
      <c r="Z3344" s="28"/>
      <c r="AA3344" s="27"/>
      <c r="AB3344" s="27"/>
      <c r="AC3344" s="27"/>
      <c r="AD3344" s="30"/>
      <c r="AE3344" s="1"/>
      <c r="AF3344" s="23" t="s">
        <v>5331</v>
      </c>
      <c r="AG3344" s="26"/>
      <c r="AH3344" s="53"/>
    </row>
    <row r="3345" spans="1:34" ht="51.6" customHeight="1" x14ac:dyDescent="0.45">
      <c r="A3345" s="23">
        <v>3339</v>
      </c>
      <c r="B3345" s="25"/>
      <c r="C3345" s="25"/>
      <c r="D3345" s="29"/>
      <c r="E3345" s="1"/>
      <c r="F3345" s="1"/>
      <c r="G3345" s="25"/>
      <c r="H3345" s="71"/>
      <c r="I3345" s="83"/>
      <c r="J3345" s="50" t="str">
        <f t="shared" si="106"/>
        <v/>
      </c>
      <c r="K3345" s="23" t="s">
        <v>7120</v>
      </c>
      <c r="L3345" s="49" t="e">
        <f>VLOOKUP(E3345&amp;F3345,団体コード!$A$1:$C$1743,3,FALSE)</f>
        <v>#N/A</v>
      </c>
      <c r="M3345" s="49" t="e">
        <f>VLOOKUP(E3345&amp;F3345,団体コード!$A$1:$C$1743,2,FALSE)</f>
        <v>#N/A</v>
      </c>
      <c r="N3345" s="51" t="e">
        <f>VLOOKUP(E3345,団体コード!$E$1:$F$48,2,FALSE)</f>
        <v>#N/A</v>
      </c>
      <c r="O3345" s="51" t="e">
        <f t="shared" si="107"/>
        <v>#N/A</v>
      </c>
      <c r="P3345" s="51">
        <v>1</v>
      </c>
      <c r="Q3345" s="51" t="s">
        <v>5341</v>
      </c>
      <c r="R3345" s="54" t="b">
        <v>1</v>
      </c>
      <c r="S3345" s="52" t="s">
        <v>7126</v>
      </c>
      <c r="T3345" s="67" t="s">
        <v>7127</v>
      </c>
      <c r="U3345" s="75" t="s">
        <v>5331</v>
      </c>
      <c r="V3345" s="47" t="s">
        <v>5331</v>
      </c>
      <c r="W3345" s="47" t="s">
        <v>5331</v>
      </c>
      <c r="X3345" s="47" t="s">
        <v>5331</v>
      </c>
      <c r="Y3345" s="47" t="s">
        <v>5331</v>
      </c>
      <c r="Z3345" s="28"/>
      <c r="AA3345" s="27"/>
      <c r="AB3345" s="27"/>
      <c r="AC3345" s="27"/>
      <c r="AD3345" s="30"/>
      <c r="AE3345" s="1"/>
      <c r="AF3345" s="23" t="s">
        <v>5331</v>
      </c>
      <c r="AG3345" s="26"/>
      <c r="AH3345" s="53"/>
    </row>
    <row r="3346" spans="1:34" ht="51.6" customHeight="1" x14ac:dyDescent="0.45">
      <c r="A3346" s="23">
        <v>3340</v>
      </c>
      <c r="B3346" s="25"/>
      <c r="C3346" s="25"/>
      <c r="D3346" s="29"/>
      <c r="E3346" s="1"/>
      <c r="F3346" s="1"/>
      <c r="G3346" s="25"/>
      <c r="H3346" s="71"/>
      <c r="I3346" s="83"/>
      <c r="J3346" s="50" t="str">
        <f t="shared" si="106"/>
        <v/>
      </c>
      <c r="K3346" s="23" t="s">
        <v>7120</v>
      </c>
      <c r="L3346" s="49" t="e">
        <f>VLOOKUP(E3346&amp;F3346,団体コード!$A$1:$C$1743,3,FALSE)</f>
        <v>#N/A</v>
      </c>
      <c r="M3346" s="49" t="e">
        <f>VLOOKUP(E3346&amp;F3346,団体コード!$A$1:$C$1743,2,FALSE)</f>
        <v>#N/A</v>
      </c>
      <c r="N3346" s="51" t="e">
        <f>VLOOKUP(E3346,団体コード!$E$1:$F$48,2,FALSE)</f>
        <v>#N/A</v>
      </c>
      <c r="O3346" s="51" t="e">
        <f t="shared" si="107"/>
        <v>#N/A</v>
      </c>
      <c r="P3346" s="51">
        <v>1</v>
      </c>
      <c r="Q3346" s="51" t="s">
        <v>5341</v>
      </c>
      <c r="R3346" s="54" t="b">
        <v>1</v>
      </c>
      <c r="S3346" s="52" t="s">
        <v>7126</v>
      </c>
      <c r="T3346" s="67" t="s">
        <v>7127</v>
      </c>
      <c r="U3346" s="75" t="s">
        <v>5331</v>
      </c>
      <c r="V3346" s="47" t="s">
        <v>5331</v>
      </c>
      <c r="W3346" s="47" t="s">
        <v>5331</v>
      </c>
      <c r="X3346" s="47" t="s">
        <v>5331</v>
      </c>
      <c r="Y3346" s="47" t="s">
        <v>5331</v>
      </c>
      <c r="Z3346" s="28"/>
      <c r="AA3346" s="27"/>
      <c r="AB3346" s="27"/>
      <c r="AC3346" s="27"/>
      <c r="AD3346" s="30"/>
      <c r="AE3346" s="1"/>
      <c r="AF3346" s="23" t="s">
        <v>5331</v>
      </c>
      <c r="AG3346" s="26"/>
      <c r="AH3346" s="53"/>
    </row>
    <row r="3347" spans="1:34" ht="51.6" customHeight="1" x14ac:dyDescent="0.45">
      <c r="A3347" s="23">
        <v>3341</v>
      </c>
      <c r="B3347" s="25"/>
      <c r="C3347" s="25"/>
      <c r="D3347" s="29"/>
      <c r="E3347" s="1"/>
      <c r="F3347" s="1"/>
      <c r="G3347" s="25"/>
      <c r="H3347" s="71"/>
      <c r="I3347" s="83"/>
      <c r="J3347" s="50" t="str">
        <f t="shared" si="106"/>
        <v/>
      </c>
      <c r="K3347" s="23" t="s">
        <v>7120</v>
      </c>
      <c r="L3347" s="49" t="e">
        <f>VLOOKUP(E3347&amp;F3347,団体コード!$A$1:$C$1743,3,FALSE)</f>
        <v>#N/A</v>
      </c>
      <c r="M3347" s="49" t="e">
        <f>VLOOKUP(E3347&amp;F3347,団体コード!$A$1:$C$1743,2,FALSE)</f>
        <v>#N/A</v>
      </c>
      <c r="N3347" s="51" t="e">
        <f>VLOOKUP(E3347,団体コード!$E$1:$F$48,2,FALSE)</f>
        <v>#N/A</v>
      </c>
      <c r="O3347" s="51" t="e">
        <f t="shared" si="107"/>
        <v>#N/A</v>
      </c>
      <c r="P3347" s="51">
        <v>1</v>
      </c>
      <c r="Q3347" s="51" t="s">
        <v>5341</v>
      </c>
      <c r="R3347" s="54" t="b">
        <v>1</v>
      </c>
      <c r="S3347" s="52" t="s">
        <v>7126</v>
      </c>
      <c r="T3347" s="67" t="s">
        <v>7127</v>
      </c>
      <c r="U3347" s="75" t="s">
        <v>5331</v>
      </c>
      <c r="V3347" s="47" t="s">
        <v>5331</v>
      </c>
      <c r="W3347" s="47" t="s">
        <v>5331</v>
      </c>
      <c r="X3347" s="47" t="s">
        <v>5331</v>
      </c>
      <c r="Y3347" s="47" t="s">
        <v>5331</v>
      </c>
      <c r="Z3347" s="28"/>
      <c r="AA3347" s="27"/>
      <c r="AB3347" s="27"/>
      <c r="AC3347" s="27"/>
      <c r="AD3347" s="30"/>
      <c r="AE3347" s="1"/>
      <c r="AF3347" s="23" t="s">
        <v>5331</v>
      </c>
      <c r="AG3347" s="26"/>
      <c r="AH3347" s="53"/>
    </row>
    <row r="3348" spans="1:34" ht="51.6" customHeight="1" x14ac:dyDescent="0.45">
      <c r="A3348" s="23">
        <v>3342</v>
      </c>
      <c r="B3348" s="25"/>
      <c r="C3348" s="25"/>
      <c r="D3348" s="29"/>
      <c r="E3348" s="1"/>
      <c r="F3348" s="1"/>
      <c r="G3348" s="25"/>
      <c r="H3348" s="71"/>
      <c r="I3348" s="83"/>
      <c r="J3348" s="50" t="str">
        <f t="shared" si="106"/>
        <v/>
      </c>
      <c r="K3348" s="23" t="s">
        <v>7120</v>
      </c>
      <c r="L3348" s="49" t="e">
        <f>VLOOKUP(E3348&amp;F3348,団体コード!$A$1:$C$1743,3,FALSE)</f>
        <v>#N/A</v>
      </c>
      <c r="M3348" s="49" t="e">
        <f>VLOOKUP(E3348&amp;F3348,団体コード!$A$1:$C$1743,2,FALSE)</f>
        <v>#N/A</v>
      </c>
      <c r="N3348" s="51" t="e">
        <f>VLOOKUP(E3348,団体コード!$E$1:$F$48,2,FALSE)</f>
        <v>#N/A</v>
      </c>
      <c r="O3348" s="51" t="e">
        <f t="shared" si="107"/>
        <v>#N/A</v>
      </c>
      <c r="P3348" s="51">
        <v>1</v>
      </c>
      <c r="Q3348" s="51" t="s">
        <v>5341</v>
      </c>
      <c r="R3348" s="54" t="b">
        <v>1</v>
      </c>
      <c r="S3348" s="52" t="s">
        <v>7126</v>
      </c>
      <c r="T3348" s="67" t="s">
        <v>7127</v>
      </c>
      <c r="U3348" s="75" t="s">
        <v>5331</v>
      </c>
      <c r="V3348" s="47" t="s">
        <v>5331</v>
      </c>
      <c r="W3348" s="47" t="s">
        <v>5331</v>
      </c>
      <c r="X3348" s="47" t="s">
        <v>5331</v>
      </c>
      <c r="Y3348" s="47" t="s">
        <v>5331</v>
      </c>
      <c r="Z3348" s="28"/>
      <c r="AA3348" s="27"/>
      <c r="AB3348" s="27"/>
      <c r="AC3348" s="27"/>
      <c r="AD3348" s="30"/>
      <c r="AE3348" s="1"/>
      <c r="AF3348" s="23" t="s">
        <v>5331</v>
      </c>
      <c r="AG3348" s="26"/>
      <c r="AH3348" s="53"/>
    </row>
    <row r="3349" spans="1:34" ht="51.6" customHeight="1" x14ac:dyDescent="0.45">
      <c r="A3349" s="23">
        <v>3343</v>
      </c>
      <c r="B3349" s="25"/>
      <c r="C3349" s="25"/>
      <c r="D3349" s="29"/>
      <c r="E3349" s="1"/>
      <c r="F3349" s="1"/>
      <c r="G3349" s="25"/>
      <c r="H3349" s="71"/>
      <c r="I3349" s="83"/>
      <c r="J3349" s="50" t="str">
        <f t="shared" si="106"/>
        <v/>
      </c>
      <c r="K3349" s="23" t="s">
        <v>7120</v>
      </c>
      <c r="L3349" s="49" t="e">
        <f>VLOOKUP(E3349&amp;F3349,団体コード!$A$1:$C$1743,3,FALSE)</f>
        <v>#N/A</v>
      </c>
      <c r="M3349" s="49" t="e">
        <f>VLOOKUP(E3349&amp;F3349,団体コード!$A$1:$C$1743,2,FALSE)</f>
        <v>#N/A</v>
      </c>
      <c r="N3349" s="51" t="e">
        <f>VLOOKUP(E3349,団体コード!$E$1:$F$48,2,FALSE)</f>
        <v>#N/A</v>
      </c>
      <c r="O3349" s="51" t="e">
        <f t="shared" si="107"/>
        <v>#N/A</v>
      </c>
      <c r="P3349" s="51">
        <v>1</v>
      </c>
      <c r="Q3349" s="51" t="s">
        <v>5341</v>
      </c>
      <c r="R3349" s="54" t="b">
        <v>1</v>
      </c>
      <c r="S3349" s="52" t="s">
        <v>7126</v>
      </c>
      <c r="T3349" s="67" t="s">
        <v>7127</v>
      </c>
      <c r="U3349" s="75" t="s">
        <v>5331</v>
      </c>
      <c r="V3349" s="47" t="s">
        <v>5331</v>
      </c>
      <c r="W3349" s="47" t="s">
        <v>5331</v>
      </c>
      <c r="X3349" s="47" t="s">
        <v>5331</v>
      </c>
      <c r="Y3349" s="47" t="s">
        <v>5331</v>
      </c>
      <c r="Z3349" s="28"/>
      <c r="AA3349" s="27"/>
      <c r="AB3349" s="27"/>
      <c r="AC3349" s="27"/>
      <c r="AD3349" s="30"/>
      <c r="AE3349" s="1"/>
      <c r="AF3349" s="23" t="s">
        <v>5331</v>
      </c>
      <c r="AG3349" s="26"/>
      <c r="AH3349" s="53"/>
    </row>
    <row r="3350" spans="1:34" ht="51.6" customHeight="1" x14ac:dyDescent="0.45">
      <c r="A3350" s="23">
        <v>3344</v>
      </c>
      <c r="B3350" s="25"/>
      <c r="C3350" s="25"/>
      <c r="D3350" s="29"/>
      <c r="E3350" s="1"/>
      <c r="F3350" s="1"/>
      <c r="G3350" s="25"/>
      <c r="H3350" s="71"/>
      <c r="I3350" s="83"/>
      <c r="J3350" s="50" t="str">
        <f t="shared" si="106"/>
        <v/>
      </c>
      <c r="K3350" s="23" t="s">
        <v>7120</v>
      </c>
      <c r="L3350" s="49" t="e">
        <f>VLOOKUP(E3350&amp;F3350,団体コード!$A$1:$C$1743,3,FALSE)</f>
        <v>#N/A</v>
      </c>
      <c r="M3350" s="49" t="e">
        <f>VLOOKUP(E3350&amp;F3350,団体コード!$A$1:$C$1743,2,FALSE)</f>
        <v>#N/A</v>
      </c>
      <c r="N3350" s="51" t="e">
        <f>VLOOKUP(E3350,団体コード!$E$1:$F$48,2,FALSE)</f>
        <v>#N/A</v>
      </c>
      <c r="O3350" s="51" t="e">
        <f t="shared" si="107"/>
        <v>#N/A</v>
      </c>
      <c r="P3350" s="51">
        <v>1</v>
      </c>
      <c r="Q3350" s="51" t="s">
        <v>5341</v>
      </c>
      <c r="R3350" s="54" t="b">
        <v>1</v>
      </c>
      <c r="S3350" s="52" t="s">
        <v>7126</v>
      </c>
      <c r="T3350" s="67" t="s">
        <v>7127</v>
      </c>
      <c r="U3350" s="75" t="s">
        <v>5331</v>
      </c>
      <c r="V3350" s="47" t="s">
        <v>5331</v>
      </c>
      <c r="W3350" s="47" t="s">
        <v>5331</v>
      </c>
      <c r="X3350" s="47" t="s">
        <v>5331</v>
      </c>
      <c r="Y3350" s="47" t="s">
        <v>5331</v>
      </c>
      <c r="Z3350" s="28"/>
      <c r="AA3350" s="27"/>
      <c r="AB3350" s="27"/>
      <c r="AC3350" s="27"/>
      <c r="AD3350" s="30"/>
      <c r="AE3350" s="1"/>
      <c r="AF3350" s="23" t="s">
        <v>5331</v>
      </c>
      <c r="AG3350" s="26"/>
      <c r="AH3350" s="53"/>
    </row>
    <row r="3351" spans="1:34" ht="51.6" customHeight="1" x14ac:dyDescent="0.45">
      <c r="A3351" s="23">
        <v>3345</v>
      </c>
      <c r="B3351" s="25"/>
      <c r="C3351" s="25"/>
      <c r="D3351" s="29"/>
      <c r="E3351" s="1"/>
      <c r="F3351" s="1"/>
      <c r="G3351" s="25"/>
      <c r="H3351" s="71"/>
      <c r="I3351" s="83"/>
      <c r="J3351" s="50" t="str">
        <f t="shared" si="106"/>
        <v/>
      </c>
      <c r="K3351" s="23" t="s">
        <v>7120</v>
      </c>
      <c r="L3351" s="49" t="e">
        <f>VLOOKUP(E3351&amp;F3351,団体コード!$A$1:$C$1743,3,FALSE)</f>
        <v>#N/A</v>
      </c>
      <c r="M3351" s="49" t="e">
        <f>VLOOKUP(E3351&amp;F3351,団体コード!$A$1:$C$1743,2,FALSE)</f>
        <v>#N/A</v>
      </c>
      <c r="N3351" s="51" t="e">
        <f>VLOOKUP(E3351,団体コード!$E$1:$F$48,2,FALSE)</f>
        <v>#N/A</v>
      </c>
      <c r="O3351" s="51" t="e">
        <f t="shared" si="107"/>
        <v>#N/A</v>
      </c>
      <c r="P3351" s="51">
        <v>1</v>
      </c>
      <c r="Q3351" s="51" t="s">
        <v>5341</v>
      </c>
      <c r="R3351" s="54" t="b">
        <v>1</v>
      </c>
      <c r="S3351" s="52" t="s">
        <v>7126</v>
      </c>
      <c r="T3351" s="67" t="s">
        <v>7127</v>
      </c>
      <c r="U3351" s="75" t="s">
        <v>5331</v>
      </c>
      <c r="V3351" s="47" t="s">
        <v>5331</v>
      </c>
      <c r="W3351" s="47" t="s">
        <v>5331</v>
      </c>
      <c r="X3351" s="47" t="s">
        <v>5331</v>
      </c>
      <c r="Y3351" s="47" t="s">
        <v>5331</v>
      </c>
      <c r="Z3351" s="28"/>
      <c r="AA3351" s="27"/>
      <c r="AB3351" s="27"/>
      <c r="AC3351" s="27"/>
      <c r="AD3351" s="30"/>
      <c r="AE3351" s="1"/>
      <c r="AF3351" s="23" t="s">
        <v>5331</v>
      </c>
      <c r="AG3351" s="26"/>
      <c r="AH3351" s="53"/>
    </row>
    <row r="3352" spans="1:34" ht="51.6" customHeight="1" x14ac:dyDescent="0.45">
      <c r="A3352" s="23">
        <v>3346</v>
      </c>
      <c r="B3352" s="25"/>
      <c r="C3352" s="25"/>
      <c r="D3352" s="29"/>
      <c r="E3352" s="1"/>
      <c r="F3352" s="1"/>
      <c r="G3352" s="25"/>
      <c r="H3352" s="71"/>
      <c r="I3352" s="83"/>
      <c r="J3352" s="50" t="str">
        <f t="shared" si="106"/>
        <v/>
      </c>
      <c r="K3352" s="23" t="s">
        <v>7120</v>
      </c>
      <c r="L3352" s="49" t="e">
        <f>VLOOKUP(E3352&amp;F3352,団体コード!$A$1:$C$1743,3,FALSE)</f>
        <v>#N/A</v>
      </c>
      <c r="M3352" s="49" t="e">
        <f>VLOOKUP(E3352&amp;F3352,団体コード!$A$1:$C$1743,2,FALSE)</f>
        <v>#N/A</v>
      </c>
      <c r="N3352" s="51" t="e">
        <f>VLOOKUP(E3352,団体コード!$E$1:$F$48,2,FALSE)</f>
        <v>#N/A</v>
      </c>
      <c r="O3352" s="51" t="e">
        <f t="shared" si="107"/>
        <v>#N/A</v>
      </c>
      <c r="P3352" s="51">
        <v>1</v>
      </c>
      <c r="Q3352" s="51" t="s">
        <v>5341</v>
      </c>
      <c r="R3352" s="54" t="b">
        <v>1</v>
      </c>
      <c r="S3352" s="52" t="s">
        <v>7126</v>
      </c>
      <c r="T3352" s="67" t="s">
        <v>7127</v>
      </c>
      <c r="U3352" s="75" t="s">
        <v>5331</v>
      </c>
      <c r="V3352" s="47" t="s">
        <v>5331</v>
      </c>
      <c r="W3352" s="47" t="s">
        <v>5331</v>
      </c>
      <c r="X3352" s="47" t="s">
        <v>5331</v>
      </c>
      <c r="Y3352" s="47" t="s">
        <v>5331</v>
      </c>
      <c r="Z3352" s="28"/>
      <c r="AA3352" s="27"/>
      <c r="AB3352" s="27"/>
      <c r="AC3352" s="27"/>
      <c r="AD3352" s="30"/>
      <c r="AE3352" s="1"/>
      <c r="AF3352" s="23" t="s">
        <v>5331</v>
      </c>
      <c r="AG3352" s="26"/>
      <c r="AH3352" s="53"/>
    </row>
    <row r="3353" spans="1:34" ht="51.6" customHeight="1" x14ac:dyDescent="0.45">
      <c r="A3353" s="23">
        <v>3347</v>
      </c>
      <c r="B3353" s="25"/>
      <c r="C3353" s="25"/>
      <c r="D3353" s="29"/>
      <c r="E3353" s="1"/>
      <c r="F3353" s="1"/>
      <c r="G3353" s="25"/>
      <c r="H3353" s="71"/>
      <c r="I3353" s="83"/>
      <c r="J3353" s="50" t="str">
        <f t="shared" si="106"/>
        <v/>
      </c>
      <c r="K3353" s="23" t="s">
        <v>7120</v>
      </c>
      <c r="L3353" s="49" t="e">
        <f>VLOOKUP(E3353&amp;F3353,団体コード!$A$1:$C$1743,3,FALSE)</f>
        <v>#N/A</v>
      </c>
      <c r="M3353" s="49" t="e">
        <f>VLOOKUP(E3353&amp;F3353,団体コード!$A$1:$C$1743,2,FALSE)</f>
        <v>#N/A</v>
      </c>
      <c r="N3353" s="51" t="e">
        <f>VLOOKUP(E3353,団体コード!$E$1:$F$48,2,FALSE)</f>
        <v>#N/A</v>
      </c>
      <c r="O3353" s="51" t="e">
        <f t="shared" si="107"/>
        <v>#N/A</v>
      </c>
      <c r="P3353" s="51">
        <v>1</v>
      </c>
      <c r="Q3353" s="51" t="s">
        <v>5341</v>
      </c>
      <c r="R3353" s="54" t="b">
        <v>1</v>
      </c>
      <c r="S3353" s="52" t="s">
        <v>7126</v>
      </c>
      <c r="T3353" s="67" t="s">
        <v>7127</v>
      </c>
      <c r="U3353" s="75" t="s">
        <v>5331</v>
      </c>
      <c r="V3353" s="47" t="s">
        <v>5331</v>
      </c>
      <c r="W3353" s="47" t="s">
        <v>5331</v>
      </c>
      <c r="X3353" s="47" t="s">
        <v>5331</v>
      </c>
      <c r="Y3353" s="47" t="s">
        <v>5331</v>
      </c>
      <c r="Z3353" s="28"/>
      <c r="AA3353" s="27"/>
      <c r="AB3353" s="27"/>
      <c r="AC3353" s="27"/>
      <c r="AD3353" s="30"/>
      <c r="AE3353" s="1"/>
      <c r="AF3353" s="23" t="s">
        <v>5331</v>
      </c>
      <c r="AG3353" s="26"/>
      <c r="AH3353" s="53"/>
    </row>
    <row r="3354" spans="1:34" ht="51.6" customHeight="1" x14ac:dyDescent="0.45">
      <c r="A3354" s="23">
        <v>3348</v>
      </c>
      <c r="B3354" s="25"/>
      <c r="C3354" s="25"/>
      <c r="D3354" s="29"/>
      <c r="E3354" s="1"/>
      <c r="F3354" s="1"/>
      <c r="G3354" s="25"/>
      <c r="H3354" s="71"/>
      <c r="I3354" s="83"/>
      <c r="J3354" s="50" t="str">
        <f t="shared" si="106"/>
        <v/>
      </c>
      <c r="K3354" s="23" t="s">
        <v>7120</v>
      </c>
      <c r="L3354" s="49" t="e">
        <f>VLOOKUP(E3354&amp;F3354,団体コード!$A$1:$C$1743,3,FALSE)</f>
        <v>#N/A</v>
      </c>
      <c r="M3354" s="49" t="e">
        <f>VLOOKUP(E3354&amp;F3354,団体コード!$A$1:$C$1743,2,FALSE)</f>
        <v>#N/A</v>
      </c>
      <c r="N3354" s="51" t="e">
        <f>VLOOKUP(E3354,団体コード!$E$1:$F$48,2,FALSE)</f>
        <v>#N/A</v>
      </c>
      <c r="O3354" s="51" t="e">
        <f t="shared" si="107"/>
        <v>#N/A</v>
      </c>
      <c r="P3354" s="51">
        <v>1</v>
      </c>
      <c r="Q3354" s="51" t="s">
        <v>5341</v>
      </c>
      <c r="R3354" s="54" t="b">
        <v>1</v>
      </c>
      <c r="S3354" s="52" t="s">
        <v>7126</v>
      </c>
      <c r="T3354" s="67" t="s">
        <v>7127</v>
      </c>
      <c r="U3354" s="75" t="s">
        <v>5331</v>
      </c>
      <c r="V3354" s="47" t="s">
        <v>5331</v>
      </c>
      <c r="W3354" s="47" t="s">
        <v>5331</v>
      </c>
      <c r="X3354" s="47" t="s">
        <v>5331</v>
      </c>
      <c r="Y3354" s="47" t="s">
        <v>5331</v>
      </c>
      <c r="Z3354" s="28"/>
      <c r="AA3354" s="27"/>
      <c r="AB3354" s="27"/>
      <c r="AC3354" s="27"/>
      <c r="AD3354" s="30"/>
      <c r="AE3354" s="1"/>
      <c r="AF3354" s="23" t="s">
        <v>5331</v>
      </c>
      <c r="AG3354" s="26"/>
      <c r="AH3354" s="53"/>
    </row>
    <row r="3355" spans="1:34" ht="51.6" customHeight="1" x14ac:dyDescent="0.45">
      <c r="A3355" s="23">
        <v>3349</v>
      </c>
      <c r="B3355" s="25"/>
      <c r="C3355" s="25"/>
      <c r="D3355" s="29"/>
      <c r="E3355" s="1"/>
      <c r="F3355" s="1"/>
      <c r="G3355" s="25"/>
      <c r="H3355" s="71"/>
      <c r="I3355" s="83"/>
      <c r="J3355" s="50" t="str">
        <f t="shared" si="106"/>
        <v/>
      </c>
      <c r="K3355" s="23" t="s">
        <v>7120</v>
      </c>
      <c r="L3355" s="49" t="e">
        <f>VLOOKUP(E3355&amp;F3355,団体コード!$A$1:$C$1743,3,FALSE)</f>
        <v>#N/A</v>
      </c>
      <c r="M3355" s="49" t="e">
        <f>VLOOKUP(E3355&amp;F3355,団体コード!$A$1:$C$1743,2,FALSE)</f>
        <v>#N/A</v>
      </c>
      <c r="N3355" s="51" t="e">
        <f>VLOOKUP(E3355,団体コード!$E$1:$F$48,2,FALSE)</f>
        <v>#N/A</v>
      </c>
      <c r="O3355" s="51" t="e">
        <f t="shared" si="107"/>
        <v>#N/A</v>
      </c>
      <c r="P3355" s="51">
        <v>1</v>
      </c>
      <c r="Q3355" s="51" t="s">
        <v>5341</v>
      </c>
      <c r="R3355" s="54" t="b">
        <v>1</v>
      </c>
      <c r="S3355" s="52" t="s">
        <v>7126</v>
      </c>
      <c r="T3355" s="67" t="s">
        <v>7127</v>
      </c>
      <c r="U3355" s="75" t="s">
        <v>5331</v>
      </c>
      <c r="V3355" s="47" t="s">
        <v>5331</v>
      </c>
      <c r="W3355" s="47" t="s">
        <v>5331</v>
      </c>
      <c r="X3355" s="47" t="s">
        <v>5331</v>
      </c>
      <c r="Y3355" s="47" t="s">
        <v>5331</v>
      </c>
      <c r="Z3355" s="28"/>
      <c r="AA3355" s="27"/>
      <c r="AB3355" s="27"/>
      <c r="AC3355" s="27"/>
      <c r="AD3355" s="30"/>
      <c r="AE3355" s="1"/>
      <c r="AF3355" s="23" t="s">
        <v>5331</v>
      </c>
      <c r="AG3355" s="26"/>
      <c r="AH3355" s="53"/>
    </row>
    <row r="3356" spans="1:34" ht="51.6" customHeight="1" x14ac:dyDescent="0.45">
      <c r="A3356" s="23">
        <v>3350</v>
      </c>
      <c r="B3356" s="25"/>
      <c r="C3356" s="25"/>
      <c r="D3356" s="29"/>
      <c r="E3356" s="1"/>
      <c r="F3356" s="1"/>
      <c r="G3356" s="25"/>
      <c r="H3356" s="71"/>
      <c r="I3356" s="83"/>
      <c r="J3356" s="50" t="str">
        <f t="shared" si="106"/>
        <v/>
      </c>
      <c r="K3356" s="23" t="s">
        <v>7120</v>
      </c>
      <c r="L3356" s="49" t="e">
        <f>VLOOKUP(E3356&amp;F3356,団体コード!$A$1:$C$1743,3,FALSE)</f>
        <v>#N/A</v>
      </c>
      <c r="M3356" s="49" t="e">
        <f>VLOOKUP(E3356&amp;F3356,団体コード!$A$1:$C$1743,2,FALSE)</f>
        <v>#N/A</v>
      </c>
      <c r="N3356" s="51" t="e">
        <f>VLOOKUP(E3356,団体コード!$E$1:$F$48,2,FALSE)</f>
        <v>#N/A</v>
      </c>
      <c r="O3356" s="51" t="e">
        <f t="shared" si="107"/>
        <v>#N/A</v>
      </c>
      <c r="P3356" s="51">
        <v>1</v>
      </c>
      <c r="Q3356" s="51" t="s">
        <v>5341</v>
      </c>
      <c r="R3356" s="54" t="b">
        <v>1</v>
      </c>
      <c r="S3356" s="52" t="s">
        <v>7126</v>
      </c>
      <c r="T3356" s="67" t="s">
        <v>7127</v>
      </c>
      <c r="U3356" s="75" t="s">
        <v>5331</v>
      </c>
      <c r="V3356" s="47" t="s">
        <v>5331</v>
      </c>
      <c r="W3356" s="47" t="s">
        <v>5331</v>
      </c>
      <c r="X3356" s="47" t="s">
        <v>5331</v>
      </c>
      <c r="Y3356" s="47" t="s">
        <v>5331</v>
      </c>
      <c r="Z3356" s="28"/>
      <c r="AA3356" s="27"/>
      <c r="AB3356" s="27"/>
      <c r="AC3356" s="27"/>
      <c r="AD3356" s="30"/>
      <c r="AE3356" s="1"/>
      <c r="AF3356" s="23" t="s">
        <v>5331</v>
      </c>
      <c r="AG3356" s="26"/>
      <c r="AH3356" s="53"/>
    </row>
    <row r="3357" spans="1:34" ht="51.6" customHeight="1" x14ac:dyDescent="0.45">
      <c r="A3357" s="23">
        <v>3351</v>
      </c>
      <c r="B3357" s="25"/>
      <c r="C3357" s="25"/>
      <c r="D3357" s="29"/>
      <c r="E3357" s="1"/>
      <c r="F3357" s="1"/>
      <c r="G3357" s="25"/>
      <c r="H3357" s="71"/>
      <c r="I3357" s="83"/>
      <c r="J3357" s="50" t="str">
        <f t="shared" si="106"/>
        <v/>
      </c>
      <c r="K3357" s="23" t="s">
        <v>7120</v>
      </c>
      <c r="L3357" s="49" t="e">
        <f>VLOOKUP(E3357&amp;F3357,団体コード!$A$1:$C$1743,3,FALSE)</f>
        <v>#N/A</v>
      </c>
      <c r="M3357" s="49" t="e">
        <f>VLOOKUP(E3357&amp;F3357,団体コード!$A$1:$C$1743,2,FALSE)</f>
        <v>#N/A</v>
      </c>
      <c r="N3357" s="51" t="e">
        <f>VLOOKUP(E3357,団体コード!$E$1:$F$48,2,FALSE)</f>
        <v>#N/A</v>
      </c>
      <c r="O3357" s="51" t="e">
        <f t="shared" si="107"/>
        <v>#N/A</v>
      </c>
      <c r="P3357" s="51">
        <v>1</v>
      </c>
      <c r="Q3357" s="51" t="s">
        <v>5341</v>
      </c>
      <c r="R3357" s="54" t="b">
        <v>1</v>
      </c>
      <c r="S3357" s="52" t="s">
        <v>7126</v>
      </c>
      <c r="T3357" s="67" t="s">
        <v>7127</v>
      </c>
      <c r="U3357" s="75" t="s">
        <v>5331</v>
      </c>
      <c r="V3357" s="47" t="s">
        <v>5331</v>
      </c>
      <c r="W3357" s="47" t="s">
        <v>5331</v>
      </c>
      <c r="X3357" s="47" t="s">
        <v>5331</v>
      </c>
      <c r="Y3357" s="47" t="s">
        <v>5331</v>
      </c>
      <c r="Z3357" s="28"/>
      <c r="AA3357" s="27"/>
      <c r="AB3357" s="27"/>
      <c r="AC3357" s="27"/>
      <c r="AD3357" s="30"/>
      <c r="AE3357" s="1"/>
      <c r="AF3357" s="23" t="s">
        <v>5331</v>
      </c>
      <c r="AG3357" s="26"/>
      <c r="AH3357" s="53"/>
    </row>
    <row r="3358" spans="1:34" ht="51.6" customHeight="1" x14ac:dyDescent="0.45">
      <c r="A3358" s="23">
        <v>3352</v>
      </c>
      <c r="B3358" s="25"/>
      <c r="C3358" s="25"/>
      <c r="D3358" s="29"/>
      <c r="E3358" s="1"/>
      <c r="F3358" s="1"/>
      <c r="G3358" s="25"/>
      <c r="H3358" s="71"/>
      <c r="I3358" s="83"/>
      <c r="J3358" s="50" t="str">
        <f t="shared" si="106"/>
        <v/>
      </c>
      <c r="K3358" s="23" t="s">
        <v>7120</v>
      </c>
      <c r="L3358" s="49" t="e">
        <f>VLOOKUP(E3358&amp;F3358,団体コード!$A$1:$C$1743,3,FALSE)</f>
        <v>#N/A</v>
      </c>
      <c r="M3358" s="49" t="e">
        <f>VLOOKUP(E3358&amp;F3358,団体コード!$A$1:$C$1743,2,FALSE)</f>
        <v>#N/A</v>
      </c>
      <c r="N3358" s="51" t="e">
        <f>VLOOKUP(E3358,団体コード!$E$1:$F$48,2,FALSE)</f>
        <v>#N/A</v>
      </c>
      <c r="O3358" s="51" t="e">
        <f t="shared" si="107"/>
        <v>#N/A</v>
      </c>
      <c r="P3358" s="51">
        <v>1</v>
      </c>
      <c r="Q3358" s="51" t="s">
        <v>5341</v>
      </c>
      <c r="R3358" s="54" t="b">
        <v>1</v>
      </c>
      <c r="S3358" s="52" t="s">
        <v>7126</v>
      </c>
      <c r="T3358" s="67" t="s">
        <v>7127</v>
      </c>
      <c r="U3358" s="75" t="s">
        <v>5331</v>
      </c>
      <c r="V3358" s="47" t="s">
        <v>5331</v>
      </c>
      <c r="W3358" s="47" t="s">
        <v>5331</v>
      </c>
      <c r="X3358" s="47" t="s">
        <v>5331</v>
      </c>
      <c r="Y3358" s="47" t="s">
        <v>5331</v>
      </c>
      <c r="Z3358" s="28"/>
      <c r="AA3358" s="27"/>
      <c r="AB3358" s="27"/>
      <c r="AC3358" s="27"/>
      <c r="AD3358" s="30"/>
      <c r="AE3358" s="1"/>
      <c r="AF3358" s="23" t="s">
        <v>5331</v>
      </c>
      <c r="AG3358" s="26"/>
      <c r="AH3358" s="53"/>
    </row>
    <row r="3359" spans="1:34" ht="51.6" customHeight="1" x14ac:dyDescent="0.45">
      <c r="A3359" s="23">
        <v>3353</v>
      </c>
      <c r="B3359" s="25"/>
      <c r="C3359" s="25"/>
      <c r="D3359" s="29"/>
      <c r="E3359" s="1"/>
      <c r="F3359" s="1"/>
      <c r="G3359" s="25"/>
      <c r="H3359" s="71"/>
      <c r="I3359" s="83"/>
      <c r="J3359" s="50" t="str">
        <f t="shared" si="106"/>
        <v/>
      </c>
      <c r="K3359" s="23" t="s">
        <v>7120</v>
      </c>
      <c r="L3359" s="49" t="e">
        <f>VLOOKUP(E3359&amp;F3359,団体コード!$A$1:$C$1743,3,FALSE)</f>
        <v>#N/A</v>
      </c>
      <c r="M3359" s="49" t="e">
        <f>VLOOKUP(E3359&amp;F3359,団体コード!$A$1:$C$1743,2,FALSE)</f>
        <v>#N/A</v>
      </c>
      <c r="N3359" s="51" t="e">
        <f>VLOOKUP(E3359,団体コード!$E$1:$F$48,2,FALSE)</f>
        <v>#N/A</v>
      </c>
      <c r="O3359" s="51" t="e">
        <f t="shared" si="107"/>
        <v>#N/A</v>
      </c>
      <c r="P3359" s="51">
        <v>1</v>
      </c>
      <c r="Q3359" s="51" t="s">
        <v>5341</v>
      </c>
      <c r="R3359" s="54" t="b">
        <v>1</v>
      </c>
      <c r="S3359" s="52" t="s">
        <v>7126</v>
      </c>
      <c r="T3359" s="67" t="s">
        <v>7127</v>
      </c>
      <c r="U3359" s="75" t="s">
        <v>5331</v>
      </c>
      <c r="V3359" s="47" t="s">
        <v>5331</v>
      </c>
      <c r="W3359" s="47" t="s">
        <v>5331</v>
      </c>
      <c r="X3359" s="47" t="s">
        <v>5331</v>
      </c>
      <c r="Y3359" s="47" t="s">
        <v>5331</v>
      </c>
      <c r="Z3359" s="28"/>
      <c r="AA3359" s="27"/>
      <c r="AB3359" s="27"/>
      <c r="AC3359" s="27"/>
      <c r="AD3359" s="30"/>
      <c r="AE3359" s="1"/>
      <c r="AF3359" s="23" t="s">
        <v>5331</v>
      </c>
      <c r="AG3359" s="26"/>
      <c r="AH3359" s="53"/>
    </row>
    <row r="3360" spans="1:34" ht="51.6" customHeight="1" x14ac:dyDescent="0.45">
      <c r="A3360" s="23">
        <v>3354</v>
      </c>
      <c r="B3360" s="25"/>
      <c r="C3360" s="25"/>
      <c r="D3360" s="29"/>
      <c r="E3360" s="1"/>
      <c r="F3360" s="1"/>
      <c r="G3360" s="25"/>
      <c r="H3360" s="71"/>
      <c r="I3360" s="83"/>
      <c r="J3360" s="50" t="str">
        <f t="shared" si="106"/>
        <v/>
      </c>
      <c r="K3360" s="23" t="s">
        <v>7120</v>
      </c>
      <c r="L3360" s="49" t="e">
        <f>VLOOKUP(E3360&amp;F3360,団体コード!$A$1:$C$1743,3,FALSE)</f>
        <v>#N/A</v>
      </c>
      <c r="M3360" s="49" t="e">
        <f>VLOOKUP(E3360&amp;F3360,団体コード!$A$1:$C$1743,2,FALSE)</f>
        <v>#N/A</v>
      </c>
      <c r="N3360" s="51" t="e">
        <f>VLOOKUP(E3360,団体コード!$E$1:$F$48,2,FALSE)</f>
        <v>#N/A</v>
      </c>
      <c r="O3360" s="51" t="e">
        <f t="shared" si="107"/>
        <v>#N/A</v>
      </c>
      <c r="P3360" s="51">
        <v>1</v>
      </c>
      <c r="Q3360" s="51" t="s">
        <v>5341</v>
      </c>
      <c r="R3360" s="54" t="b">
        <v>1</v>
      </c>
      <c r="S3360" s="52" t="s">
        <v>7126</v>
      </c>
      <c r="T3360" s="67" t="s">
        <v>7127</v>
      </c>
      <c r="U3360" s="75" t="s">
        <v>5331</v>
      </c>
      <c r="V3360" s="47" t="s">
        <v>5331</v>
      </c>
      <c r="W3360" s="47" t="s">
        <v>5331</v>
      </c>
      <c r="X3360" s="47" t="s">
        <v>5331</v>
      </c>
      <c r="Y3360" s="47" t="s">
        <v>5331</v>
      </c>
      <c r="Z3360" s="28"/>
      <c r="AA3360" s="27"/>
      <c r="AB3360" s="27"/>
      <c r="AC3360" s="27"/>
      <c r="AD3360" s="30"/>
      <c r="AE3360" s="1"/>
      <c r="AF3360" s="23" t="s">
        <v>5331</v>
      </c>
      <c r="AG3360" s="26"/>
      <c r="AH3360" s="53"/>
    </row>
    <row r="3361" spans="1:34" ht="51.6" customHeight="1" x14ac:dyDescent="0.45">
      <c r="A3361" s="23">
        <v>3355</v>
      </c>
      <c r="B3361" s="25"/>
      <c r="C3361" s="25"/>
      <c r="D3361" s="29"/>
      <c r="E3361" s="1"/>
      <c r="F3361" s="1"/>
      <c r="G3361" s="25"/>
      <c r="H3361" s="71"/>
      <c r="I3361" s="83"/>
      <c r="J3361" s="50" t="str">
        <f t="shared" si="106"/>
        <v/>
      </c>
      <c r="K3361" s="23" t="s">
        <v>7120</v>
      </c>
      <c r="L3361" s="49" t="e">
        <f>VLOOKUP(E3361&amp;F3361,団体コード!$A$1:$C$1743,3,FALSE)</f>
        <v>#N/A</v>
      </c>
      <c r="M3361" s="49" t="e">
        <f>VLOOKUP(E3361&amp;F3361,団体コード!$A$1:$C$1743,2,FALSE)</f>
        <v>#N/A</v>
      </c>
      <c r="N3361" s="51" t="e">
        <f>VLOOKUP(E3361,団体コード!$E$1:$F$48,2,FALSE)</f>
        <v>#N/A</v>
      </c>
      <c r="O3361" s="51" t="e">
        <f t="shared" si="107"/>
        <v>#N/A</v>
      </c>
      <c r="P3361" s="51">
        <v>1</v>
      </c>
      <c r="Q3361" s="51" t="s">
        <v>5341</v>
      </c>
      <c r="R3361" s="54" t="b">
        <v>1</v>
      </c>
      <c r="S3361" s="52" t="s">
        <v>7126</v>
      </c>
      <c r="T3361" s="67" t="s">
        <v>7127</v>
      </c>
      <c r="U3361" s="75" t="s">
        <v>5331</v>
      </c>
      <c r="V3361" s="47" t="s">
        <v>5331</v>
      </c>
      <c r="W3361" s="47" t="s">
        <v>5331</v>
      </c>
      <c r="X3361" s="47" t="s">
        <v>5331</v>
      </c>
      <c r="Y3361" s="47" t="s">
        <v>5331</v>
      </c>
      <c r="Z3361" s="28"/>
      <c r="AA3361" s="27"/>
      <c r="AB3361" s="27"/>
      <c r="AC3361" s="27"/>
      <c r="AD3361" s="30"/>
      <c r="AE3361" s="1"/>
      <c r="AF3361" s="23" t="s">
        <v>5331</v>
      </c>
      <c r="AG3361" s="26"/>
      <c r="AH3361" s="53"/>
    </row>
    <row r="3362" spans="1:34" ht="51.6" customHeight="1" x14ac:dyDescent="0.45">
      <c r="A3362" s="23">
        <v>3356</v>
      </c>
      <c r="B3362" s="25"/>
      <c r="C3362" s="25"/>
      <c r="D3362" s="29"/>
      <c r="E3362" s="1"/>
      <c r="F3362" s="1"/>
      <c r="G3362" s="25"/>
      <c r="H3362" s="71"/>
      <c r="I3362" s="83"/>
      <c r="J3362" s="50" t="str">
        <f t="shared" si="106"/>
        <v/>
      </c>
      <c r="K3362" s="23" t="s">
        <v>7120</v>
      </c>
      <c r="L3362" s="49" t="e">
        <f>VLOOKUP(E3362&amp;F3362,団体コード!$A$1:$C$1743,3,FALSE)</f>
        <v>#N/A</v>
      </c>
      <c r="M3362" s="49" t="e">
        <f>VLOOKUP(E3362&amp;F3362,団体コード!$A$1:$C$1743,2,FALSE)</f>
        <v>#N/A</v>
      </c>
      <c r="N3362" s="51" t="e">
        <f>VLOOKUP(E3362,団体コード!$E$1:$F$48,2,FALSE)</f>
        <v>#N/A</v>
      </c>
      <c r="O3362" s="51" t="e">
        <f t="shared" si="107"/>
        <v>#N/A</v>
      </c>
      <c r="P3362" s="51">
        <v>1</v>
      </c>
      <c r="Q3362" s="51" t="s">
        <v>5341</v>
      </c>
      <c r="R3362" s="54" t="b">
        <v>1</v>
      </c>
      <c r="S3362" s="52" t="s">
        <v>7126</v>
      </c>
      <c r="T3362" s="67" t="s">
        <v>7127</v>
      </c>
      <c r="U3362" s="75" t="s">
        <v>5331</v>
      </c>
      <c r="V3362" s="47" t="s">
        <v>5331</v>
      </c>
      <c r="W3362" s="47" t="s">
        <v>5331</v>
      </c>
      <c r="X3362" s="47" t="s">
        <v>5331</v>
      </c>
      <c r="Y3362" s="47" t="s">
        <v>5331</v>
      </c>
      <c r="Z3362" s="28"/>
      <c r="AA3362" s="27"/>
      <c r="AB3362" s="27"/>
      <c r="AC3362" s="27"/>
      <c r="AD3362" s="30"/>
      <c r="AE3362" s="1"/>
      <c r="AF3362" s="23" t="s">
        <v>5331</v>
      </c>
      <c r="AG3362" s="26"/>
      <c r="AH3362" s="53"/>
    </row>
    <row r="3363" spans="1:34" ht="51.6" customHeight="1" x14ac:dyDescent="0.45">
      <c r="A3363" s="23">
        <v>3357</v>
      </c>
      <c r="B3363" s="25"/>
      <c r="C3363" s="25"/>
      <c r="D3363" s="29"/>
      <c r="E3363" s="1"/>
      <c r="F3363" s="1"/>
      <c r="G3363" s="25"/>
      <c r="H3363" s="71"/>
      <c r="I3363" s="83"/>
      <c r="J3363" s="50" t="str">
        <f t="shared" si="106"/>
        <v/>
      </c>
      <c r="K3363" s="23" t="s">
        <v>7120</v>
      </c>
      <c r="L3363" s="49" t="e">
        <f>VLOOKUP(E3363&amp;F3363,団体コード!$A$1:$C$1743,3,FALSE)</f>
        <v>#N/A</v>
      </c>
      <c r="M3363" s="49" t="e">
        <f>VLOOKUP(E3363&amp;F3363,団体コード!$A$1:$C$1743,2,FALSE)</f>
        <v>#N/A</v>
      </c>
      <c r="N3363" s="51" t="e">
        <f>VLOOKUP(E3363,団体コード!$E$1:$F$48,2,FALSE)</f>
        <v>#N/A</v>
      </c>
      <c r="O3363" s="51" t="e">
        <f t="shared" si="107"/>
        <v>#N/A</v>
      </c>
      <c r="P3363" s="51">
        <v>1</v>
      </c>
      <c r="Q3363" s="51" t="s">
        <v>5341</v>
      </c>
      <c r="R3363" s="54" t="b">
        <v>1</v>
      </c>
      <c r="S3363" s="52" t="s">
        <v>7126</v>
      </c>
      <c r="T3363" s="67" t="s">
        <v>7127</v>
      </c>
      <c r="U3363" s="75" t="s">
        <v>5331</v>
      </c>
      <c r="V3363" s="47" t="s">
        <v>5331</v>
      </c>
      <c r="W3363" s="47" t="s">
        <v>5331</v>
      </c>
      <c r="X3363" s="47" t="s">
        <v>5331</v>
      </c>
      <c r="Y3363" s="47" t="s">
        <v>5331</v>
      </c>
      <c r="Z3363" s="28"/>
      <c r="AA3363" s="27"/>
      <c r="AB3363" s="27"/>
      <c r="AC3363" s="27"/>
      <c r="AD3363" s="30"/>
      <c r="AE3363" s="1"/>
      <c r="AF3363" s="23" t="s">
        <v>5331</v>
      </c>
      <c r="AG3363" s="26"/>
      <c r="AH3363" s="53"/>
    </row>
    <row r="3364" spans="1:34" ht="51.6" customHeight="1" x14ac:dyDescent="0.45">
      <c r="A3364" s="23">
        <v>3358</v>
      </c>
      <c r="B3364" s="25"/>
      <c r="C3364" s="25"/>
      <c r="D3364" s="29"/>
      <c r="E3364" s="1"/>
      <c r="F3364" s="1"/>
      <c r="G3364" s="25"/>
      <c r="H3364" s="71"/>
      <c r="I3364" s="83"/>
      <c r="J3364" s="50" t="str">
        <f t="shared" si="106"/>
        <v/>
      </c>
      <c r="K3364" s="23" t="s">
        <v>7120</v>
      </c>
      <c r="L3364" s="49" t="e">
        <f>VLOOKUP(E3364&amp;F3364,団体コード!$A$1:$C$1743,3,FALSE)</f>
        <v>#N/A</v>
      </c>
      <c r="M3364" s="49" t="e">
        <f>VLOOKUP(E3364&amp;F3364,団体コード!$A$1:$C$1743,2,FALSE)</f>
        <v>#N/A</v>
      </c>
      <c r="N3364" s="51" t="e">
        <f>VLOOKUP(E3364,団体コード!$E$1:$F$48,2,FALSE)</f>
        <v>#N/A</v>
      </c>
      <c r="O3364" s="51" t="e">
        <f t="shared" si="107"/>
        <v>#N/A</v>
      </c>
      <c r="P3364" s="51">
        <v>1</v>
      </c>
      <c r="Q3364" s="51" t="s">
        <v>5341</v>
      </c>
      <c r="R3364" s="54" t="b">
        <v>1</v>
      </c>
      <c r="S3364" s="52" t="s">
        <v>7126</v>
      </c>
      <c r="T3364" s="67" t="s">
        <v>7127</v>
      </c>
      <c r="U3364" s="75" t="s">
        <v>5331</v>
      </c>
      <c r="V3364" s="47" t="s">
        <v>5331</v>
      </c>
      <c r="W3364" s="47" t="s">
        <v>5331</v>
      </c>
      <c r="X3364" s="47" t="s">
        <v>5331</v>
      </c>
      <c r="Y3364" s="47" t="s">
        <v>5331</v>
      </c>
      <c r="Z3364" s="28"/>
      <c r="AA3364" s="27"/>
      <c r="AB3364" s="27"/>
      <c r="AC3364" s="27"/>
      <c r="AD3364" s="30"/>
      <c r="AE3364" s="1"/>
      <c r="AF3364" s="23" t="s">
        <v>5331</v>
      </c>
      <c r="AG3364" s="26"/>
      <c r="AH3364" s="53"/>
    </row>
    <row r="3365" spans="1:34" ht="51.6" customHeight="1" x14ac:dyDescent="0.45">
      <c r="A3365" s="23">
        <v>3359</v>
      </c>
      <c r="B3365" s="25"/>
      <c r="C3365" s="25"/>
      <c r="D3365" s="29"/>
      <c r="E3365" s="1"/>
      <c r="F3365" s="1"/>
      <c r="G3365" s="25"/>
      <c r="H3365" s="71"/>
      <c r="I3365" s="83"/>
      <c r="J3365" s="50" t="str">
        <f t="shared" si="106"/>
        <v/>
      </c>
      <c r="K3365" s="23" t="s">
        <v>7120</v>
      </c>
      <c r="L3365" s="49" t="e">
        <f>VLOOKUP(E3365&amp;F3365,団体コード!$A$1:$C$1743,3,FALSE)</f>
        <v>#N/A</v>
      </c>
      <c r="M3365" s="49" t="e">
        <f>VLOOKUP(E3365&amp;F3365,団体コード!$A$1:$C$1743,2,FALSE)</f>
        <v>#N/A</v>
      </c>
      <c r="N3365" s="51" t="e">
        <f>VLOOKUP(E3365,団体コード!$E$1:$F$48,2,FALSE)</f>
        <v>#N/A</v>
      </c>
      <c r="O3365" s="51" t="e">
        <f t="shared" si="107"/>
        <v>#N/A</v>
      </c>
      <c r="P3365" s="51">
        <v>1</v>
      </c>
      <c r="Q3365" s="51" t="s">
        <v>5341</v>
      </c>
      <c r="R3365" s="54" t="b">
        <v>1</v>
      </c>
      <c r="S3365" s="52" t="s">
        <v>7126</v>
      </c>
      <c r="T3365" s="67" t="s">
        <v>7127</v>
      </c>
      <c r="U3365" s="75" t="s">
        <v>5331</v>
      </c>
      <c r="V3365" s="47" t="s">
        <v>5331</v>
      </c>
      <c r="W3365" s="47" t="s">
        <v>5331</v>
      </c>
      <c r="X3365" s="47" t="s">
        <v>5331</v>
      </c>
      <c r="Y3365" s="47" t="s">
        <v>5331</v>
      </c>
      <c r="Z3365" s="28"/>
      <c r="AA3365" s="27"/>
      <c r="AB3365" s="27"/>
      <c r="AC3365" s="27"/>
      <c r="AD3365" s="30"/>
      <c r="AE3365" s="1"/>
      <c r="AF3365" s="23" t="s">
        <v>5331</v>
      </c>
      <c r="AG3365" s="26"/>
      <c r="AH3365" s="53"/>
    </row>
    <row r="3366" spans="1:34" ht="51.6" customHeight="1" x14ac:dyDescent="0.45">
      <c r="A3366" s="23">
        <v>3360</v>
      </c>
      <c r="B3366" s="25"/>
      <c r="C3366" s="25"/>
      <c r="D3366" s="29"/>
      <c r="E3366" s="1"/>
      <c r="F3366" s="1"/>
      <c r="G3366" s="25"/>
      <c r="H3366" s="71"/>
      <c r="I3366" s="83"/>
      <c r="J3366" s="50" t="str">
        <f t="shared" si="106"/>
        <v/>
      </c>
      <c r="K3366" s="23" t="s">
        <v>7120</v>
      </c>
      <c r="L3366" s="49" t="e">
        <f>VLOOKUP(E3366&amp;F3366,団体コード!$A$1:$C$1743,3,FALSE)</f>
        <v>#N/A</v>
      </c>
      <c r="M3366" s="49" t="e">
        <f>VLOOKUP(E3366&amp;F3366,団体コード!$A$1:$C$1743,2,FALSE)</f>
        <v>#N/A</v>
      </c>
      <c r="N3366" s="51" t="e">
        <f>VLOOKUP(E3366,団体コード!$E$1:$F$48,2,FALSE)</f>
        <v>#N/A</v>
      </c>
      <c r="O3366" s="51" t="e">
        <f t="shared" si="107"/>
        <v>#N/A</v>
      </c>
      <c r="P3366" s="51">
        <v>1</v>
      </c>
      <c r="Q3366" s="51" t="s">
        <v>5341</v>
      </c>
      <c r="R3366" s="54" t="b">
        <v>1</v>
      </c>
      <c r="S3366" s="52" t="s">
        <v>7126</v>
      </c>
      <c r="T3366" s="67" t="s">
        <v>7127</v>
      </c>
      <c r="U3366" s="75" t="s">
        <v>5331</v>
      </c>
      <c r="V3366" s="47" t="s">
        <v>5331</v>
      </c>
      <c r="W3366" s="47" t="s">
        <v>5331</v>
      </c>
      <c r="X3366" s="47" t="s">
        <v>5331</v>
      </c>
      <c r="Y3366" s="47" t="s">
        <v>5331</v>
      </c>
      <c r="Z3366" s="28"/>
      <c r="AA3366" s="27"/>
      <c r="AB3366" s="27"/>
      <c r="AC3366" s="27"/>
      <c r="AD3366" s="30"/>
      <c r="AE3366" s="1"/>
      <c r="AF3366" s="23" t="s">
        <v>5331</v>
      </c>
      <c r="AG3366" s="26"/>
      <c r="AH3366" s="53"/>
    </row>
    <row r="3367" spans="1:34" ht="51.6" customHeight="1" x14ac:dyDescent="0.45">
      <c r="A3367" s="23">
        <v>3361</v>
      </c>
      <c r="B3367" s="25"/>
      <c r="C3367" s="25"/>
      <c r="D3367" s="29"/>
      <c r="E3367" s="1"/>
      <c r="F3367" s="1"/>
      <c r="G3367" s="25"/>
      <c r="H3367" s="71"/>
      <c r="I3367" s="83"/>
      <c r="J3367" s="50" t="str">
        <f t="shared" si="106"/>
        <v/>
      </c>
      <c r="K3367" s="23" t="s">
        <v>7120</v>
      </c>
      <c r="L3367" s="49" t="e">
        <f>VLOOKUP(E3367&amp;F3367,団体コード!$A$1:$C$1743,3,FALSE)</f>
        <v>#N/A</v>
      </c>
      <c r="M3367" s="49" t="e">
        <f>VLOOKUP(E3367&amp;F3367,団体コード!$A$1:$C$1743,2,FALSE)</f>
        <v>#N/A</v>
      </c>
      <c r="N3367" s="51" t="e">
        <f>VLOOKUP(E3367,団体コード!$E$1:$F$48,2,FALSE)</f>
        <v>#N/A</v>
      </c>
      <c r="O3367" s="51" t="e">
        <f t="shared" si="107"/>
        <v>#N/A</v>
      </c>
      <c r="P3367" s="51">
        <v>1</v>
      </c>
      <c r="Q3367" s="51" t="s">
        <v>5341</v>
      </c>
      <c r="R3367" s="54" t="b">
        <v>1</v>
      </c>
      <c r="S3367" s="52" t="s">
        <v>7126</v>
      </c>
      <c r="T3367" s="67" t="s">
        <v>7127</v>
      </c>
      <c r="U3367" s="75" t="s">
        <v>5331</v>
      </c>
      <c r="V3367" s="47" t="s">
        <v>5331</v>
      </c>
      <c r="W3367" s="47" t="s">
        <v>5331</v>
      </c>
      <c r="X3367" s="47" t="s">
        <v>5331</v>
      </c>
      <c r="Y3367" s="47" t="s">
        <v>5331</v>
      </c>
      <c r="Z3367" s="28"/>
      <c r="AA3367" s="27"/>
      <c r="AB3367" s="27"/>
      <c r="AC3367" s="27"/>
      <c r="AD3367" s="30"/>
      <c r="AE3367" s="1"/>
      <c r="AF3367" s="23" t="s">
        <v>5331</v>
      </c>
      <c r="AG3367" s="26"/>
      <c r="AH3367" s="53"/>
    </row>
    <row r="3368" spans="1:34" ht="51.6" customHeight="1" x14ac:dyDescent="0.45">
      <c r="A3368" s="23">
        <v>3362</v>
      </c>
      <c r="B3368" s="25"/>
      <c r="C3368" s="25"/>
      <c r="D3368" s="29"/>
      <c r="E3368" s="1"/>
      <c r="F3368" s="1"/>
      <c r="G3368" s="25"/>
      <c r="H3368" s="71"/>
      <c r="I3368" s="83"/>
      <c r="J3368" s="50" t="str">
        <f t="shared" si="106"/>
        <v/>
      </c>
      <c r="K3368" s="23" t="s">
        <v>7120</v>
      </c>
      <c r="L3368" s="49" t="e">
        <f>VLOOKUP(E3368&amp;F3368,団体コード!$A$1:$C$1743,3,FALSE)</f>
        <v>#N/A</v>
      </c>
      <c r="M3368" s="49" t="e">
        <f>VLOOKUP(E3368&amp;F3368,団体コード!$A$1:$C$1743,2,FALSE)</f>
        <v>#N/A</v>
      </c>
      <c r="N3368" s="51" t="e">
        <f>VLOOKUP(E3368,団体コード!$E$1:$F$48,2,FALSE)</f>
        <v>#N/A</v>
      </c>
      <c r="O3368" s="51" t="e">
        <f t="shared" si="107"/>
        <v>#N/A</v>
      </c>
      <c r="P3368" s="51">
        <v>1</v>
      </c>
      <c r="Q3368" s="51" t="s">
        <v>5341</v>
      </c>
      <c r="R3368" s="54" t="b">
        <v>1</v>
      </c>
      <c r="S3368" s="52" t="s">
        <v>7126</v>
      </c>
      <c r="T3368" s="67" t="s">
        <v>7127</v>
      </c>
      <c r="U3368" s="75" t="s">
        <v>5331</v>
      </c>
      <c r="V3368" s="47" t="s">
        <v>5331</v>
      </c>
      <c r="W3368" s="47" t="s">
        <v>5331</v>
      </c>
      <c r="X3368" s="47" t="s">
        <v>5331</v>
      </c>
      <c r="Y3368" s="47" t="s">
        <v>5331</v>
      </c>
      <c r="Z3368" s="28"/>
      <c r="AA3368" s="27"/>
      <c r="AB3368" s="27"/>
      <c r="AC3368" s="27"/>
      <c r="AD3368" s="30"/>
      <c r="AE3368" s="1"/>
      <c r="AF3368" s="23" t="s">
        <v>5331</v>
      </c>
      <c r="AG3368" s="26"/>
      <c r="AH3368" s="53"/>
    </row>
    <row r="3369" spans="1:34" ht="51.6" customHeight="1" x14ac:dyDescent="0.45">
      <c r="A3369" s="23">
        <v>3363</v>
      </c>
      <c r="B3369" s="25"/>
      <c r="C3369" s="25"/>
      <c r="D3369" s="29"/>
      <c r="E3369" s="1"/>
      <c r="F3369" s="1"/>
      <c r="G3369" s="25"/>
      <c r="H3369" s="71"/>
      <c r="I3369" s="83"/>
      <c r="J3369" s="50" t="str">
        <f t="shared" si="106"/>
        <v/>
      </c>
      <c r="K3369" s="23" t="s">
        <v>7120</v>
      </c>
      <c r="L3369" s="49" t="e">
        <f>VLOOKUP(E3369&amp;F3369,団体コード!$A$1:$C$1743,3,FALSE)</f>
        <v>#N/A</v>
      </c>
      <c r="M3369" s="49" t="e">
        <f>VLOOKUP(E3369&amp;F3369,団体コード!$A$1:$C$1743,2,FALSE)</f>
        <v>#N/A</v>
      </c>
      <c r="N3369" s="51" t="e">
        <f>VLOOKUP(E3369,団体コード!$E$1:$F$48,2,FALSE)</f>
        <v>#N/A</v>
      </c>
      <c r="O3369" s="51" t="e">
        <f t="shared" si="107"/>
        <v>#N/A</v>
      </c>
      <c r="P3369" s="51">
        <v>1</v>
      </c>
      <c r="Q3369" s="51" t="s">
        <v>5341</v>
      </c>
      <c r="R3369" s="54" t="b">
        <v>1</v>
      </c>
      <c r="S3369" s="52" t="s">
        <v>7126</v>
      </c>
      <c r="T3369" s="67" t="s">
        <v>7127</v>
      </c>
      <c r="U3369" s="75" t="s">
        <v>5331</v>
      </c>
      <c r="V3369" s="47" t="s">
        <v>5331</v>
      </c>
      <c r="W3369" s="47" t="s">
        <v>5331</v>
      </c>
      <c r="X3369" s="47" t="s">
        <v>5331</v>
      </c>
      <c r="Y3369" s="47" t="s">
        <v>5331</v>
      </c>
      <c r="Z3369" s="28"/>
      <c r="AA3369" s="27"/>
      <c r="AB3369" s="27"/>
      <c r="AC3369" s="27"/>
      <c r="AD3369" s="30"/>
      <c r="AE3369" s="1"/>
      <c r="AF3369" s="23" t="s">
        <v>5331</v>
      </c>
      <c r="AG3369" s="26"/>
      <c r="AH3369" s="53"/>
    </row>
    <row r="3370" spans="1:34" ht="51.6" customHeight="1" x14ac:dyDescent="0.45">
      <c r="A3370" s="23">
        <v>3364</v>
      </c>
      <c r="B3370" s="25"/>
      <c r="C3370" s="25"/>
      <c r="D3370" s="29"/>
      <c r="E3370" s="1"/>
      <c r="F3370" s="1"/>
      <c r="G3370" s="25"/>
      <c r="H3370" s="71"/>
      <c r="I3370" s="83"/>
      <c r="J3370" s="50" t="str">
        <f t="shared" si="106"/>
        <v/>
      </c>
      <c r="K3370" s="23" t="s">
        <v>7120</v>
      </c>
      <c r="L3370" s="49" t="e">
        <f>VLOOKUP(E3370&amp;F3370,団体コード!$A$1:$C$1743,3,FALSE)</f>
        <v>#N/A</v>
      </c>
      <c r="M3370" s="49" t="e">
        <f>VLOOKUP(E3370&amp;F3370,団体コード!$A$1:$C$1743,2,FALSE)</f>
        <v>#N/A</v>
      </c>
      <c r="N3370" s="51" t="e">
        <f>VLOOKUP(E3370,団体コード!$E$1:$F$48,2,FALSE)</f>
        <v>#N/A</v>
      </c>
      <c r="O3370" s="51" t="e">
        <f t="shared" si="107"/>
        <v>#N/A</v>
      </c>
      <c r="P3370" s="51">
        <v>1</v>
      </c>
      <c r="Q3370" s="51" t="s">
        <v>5341</v>
      </c>
      <c r="R3370" s="54" t="b">
        <v>1</v>
      </c>
      <c r="S3370" s="52" t="s">
        <v>7126</v>
      </c>
      <c r="T3370" s="67" t="s">
        <v>7127</v>
      </c>
      <c r="U3370" s="75" t="s">
        <v>5331</v>
      </c>
      <c r="V3370" s="47" t="s">
        <v>5331</v>
      </c>
      <c r="W3370" s="47" t="s">
        <v>5331</v>
      </c>
      <c r="X3370" s="47" t="s">
        <v>5331</v>
      </c>
      <c r="Y3370" s="47" t="s">
        <v>5331</v>
      </c>
      <c r="Z3370" s="28"/>
      <c r="AA3370" s="27"/>
      <c r="AB3370" s="27"/>
      <c r="AC3370" s="27"/>
      <c r="AD3370" s="30"/>
      <c r="AE3370" s="1"/>
      <c r="AF3370" s="23" t="s">
        <v>5331</v>
      </c>
      <c r="AG3370" s="26"/>
      <c r="AH3370" s="53"/>
    </row>
    <row r="3371" spans="1:34" ht="51.6" customHeight="1" x14ac:dyDescent="0.45">
      <c r="A3371" s="23">
        <v>3365</v>
      </c>
      <c r="B3371" s="25"/>
      <c r="C3371" s="25"/>
      <c r="D3371" s="29"/>
      <c r="E3371" s="1"/>
      <c r="F3371" s="1"/>
      <c r="G3371" s="25"/>
      <c r="H3371" s="71"/>
      <c r="I3371" s="83"/>
      <c r="J3371" s="50" t="str">
        <f t="shared" si="106"/>
        <v/>
      </c>
      <c r="K3371" s="23" t="s">
        <v>7120</v>
      </c>
      <c r="L3371" s="49" t="e">
        <f>VLOOKUP(E3371&amp;F3371,団体コード!$A$1:$C$1743,3,FALSE)</f>
        <v>#N/A</v>
      </c>
      <c r="M3371" s="49" t="e">
        <f>VLOOKUP(E3371&amp;F3371,団体コード!$A$1:$C$1743,2,FALSE)</f>
        <v>#N/A</v>
      </c>
      <c r="N3371" s="51" t="e">
        <f>VLOOKUP(E3371,団体コード!$E$1:$F$48,2,FALSE)</f>
        <v>#N/A</v>
      </c>
      <c r="O3371" s="51" t="e">
        <f t="shared" si="107"/>
        <v>#N/A</v>
      </c>
      <c r="P3371" s="51">
        <v>1</v>
      </c>
      <c r="Q3371" s="51" t="s">
        <v>5341</v>
      </c>
      <c r="R3371" s="54" t="b">
        <v>1</v>
      </c>
      <c r="S3371" s="52" t="s">
        <v>7126</v>
      </c>
      <c r="T3371" s="67" t="s">
        <v>7127</v>
      </c>
      <c r="U3371" s="75" t="s">
        <v>5331</v>
      </c>
      <c r="V3371" s="47" t="s">
        <v>5331</v>
      </c>
      <c r="W3371" s="47" t="s">
        <v>5331</v>
      </c>
      <c r="X3371" s="47" t="s">
        <v>5331</v>
      </c>
      <c r="Y3371" s="47" t="s">
        <v>5331</v>
      </c>
      <c r="Z3371" s="28"/>
      <c r="AA3371" s="27"/>
      <c r="AB3371" s="27"/>
      <c r="AC3371" s="27"/>
      <c r="AD3371" s="30"/>
      <c r="AE3371" s="1"/>
      <c r="AF3371" s="23" t="s">
        <v>5331</v>
      </c>
      <c r="AG3371" s="26"/>
      <c r="AH3371" s="53"/>
    </row>
    <row r="3372" spans="1:34" ht="51.6" customHeight="1" x14ac:dyDescent="0.45">
      <c r="A3372" s="23">
        <v>3366</v>
      </c>
      <c r="B3372" s="25"/>
      <c r="C3372" s="25"/>
      <c r="D3372" s="29"/>
      <c r="E3372" s="1"/>
      <c r="F3372" s="1"/>
      <c r="G3372" s="25"/>
      <c r="H3372" s="71"/>
      <c r="I3372" s="83"/>
      <c r="J3372" s="50" t="str">
        <f t="shared" si="106"/>
        <v/>
      </c>
      <c r="K3372" s="23" t="s">
        <v>7120</v>
      </c>
      <c r="L3372" s="49" t="e">
        <f>VLOOKUP(E3372&amp;F3372,団体コード!$A$1:$C$1743,3,FALSE)</f>
        <v>#N/A</v>
      </c>
      <c r="M3372" s="49" t="e">
        <f>VLOOKUP(E3372&amp;F3372,団体コード!$A$1:$C$1743,2,FALSE)</f>
        <v>#N/A</v>
      </c>
      <c r="N3372" s="51" t="e">
        <f>VLOOKUP(E3372,団体コード!$E$1:$F$48,2,FALSE)</f>
        <v>#N/A</v>
      </c>
      <c r="O3372" s="51" t="e">
        <f t="shared" si="107"/>
        <v>#N/A</v>
      </c>
      <c r="P3372" s="51">
        <v>1</v>
      </c>
      <c r="Q3372" s="51" t="s">
        <v>5341</v>
      </c>
      <c r="R3372" s="54" t="b">
        <v>1</v>
      </c>
      <c r="S3372" s="52" t="s">
        <v>7126</v>
      </c>
      <c r="T3372" s="67" t="s">
        <v>7127</v>
      </c>
      <c r="U3372" s="75" t="s">
        <v>5331</v>
      </c>
      <c r="V3372" s="47" t="s">
        <v>5331</v>
      </c>
      <c r="W3372" s="47" t="s">
        <v>5331</v>
      </c>
      <c r="X3372" s="47" t="s">
        <v>5331</v>
      </c>
      <c r="Y3372" s="47" t="s">
        <v>5331</v>
      </c>
      <c r="Z3372" s="28"/>
      <c r="AA3372" s="27"/>
      <c r="AB3372" s="27"/>
      <c r="AC3372" s="27"/>
      <c r="AD3372" s="30"/>
      <c r="AE3372" s="1"/>
      <c r="AF3372" s="23" t="s">
        <v>5331</v>
      </c>
      <c r="AG3372" s="26"/>
      <c r="AH3372" s="53"/>
    </row>
    <row r="3373" spans="1:34" ht="51.6" customHeight="1" x14ac:dyDescent="0.45">
      <c r="A3373" s="23">
        <v>3367</v>
      </c>
      <c r="B3373" s="25"/>
      <c r="C3373" s="25"/>
      <c r="D3373" s="29"/>
      <c r="E3373" s="1"/>
      <c r="F3373" s="1"/>
      <c r="G3373" s="25"/>
      <c r="H3373" s="71"/>
      <c r="I3373" s="83"/>
      <c r="J3373" s="50" t="str">
        <f t="shared" si="106"/>
        <v/>
      </c>
      <c r="K3373" s="23" t="s">
        <v>7120</v>
      </c>
      <c r="L3373" s="49" t="e">
        <f>VLOOKUP(E3373&amp;F3373,団体コード!$A$1:$C$1743,3,FALSE)</f>
        <v>#N/A</v>
      </c>
      <c r="M3373" s="49" t="e">
        <f>VLOOKUP(E3373&amp;F3373,団体コード!$A$1:$C$1743,2,FALSE)</f>
        <v>#N/A</v>
      </c>
      <c r="N3373" s="51" t="e">
        <f>VLOOKUP(E3373,団体コード!$E$1:$F$48,2,FALSE)</f>
        <v>#N/A</v>
      </c>
      <c r="O3373" s="51" t="e">
        <f t="shared" si="107"/>
        <v>#N/A</v>
      </c>
      <c r="P3373" s="51">
        <v>1</v>
      </c>
      <c r="Q3373" s="51" t="s">
        <v>5341</v>
      </c>
      <c r="R3373" s="54" t="b">
        <v>1</v>
      </c>
      <c r="S3373" s="52" t="s">
        <v>7126</v>
      </c>
      <c r="T3373" s="67" t="s">
        <v>7127</v>
      </c>
      <c r="U3373" s="75" t="s">
        <v>5331</v>
      </c>
      <c r="V3373" s="47" t="s">
        <v>5331</v>
      </c>
      <c r="W3373" s="47" t="s">
        <v>5331</v>
      </c>
      <c r="X3373" s="47" t="s">
        <v>5331</v>
      </c>
      <c r="Y3373" s="47" t="s">
        <v>5331</v>
      </c>
      <c r="Z3373" s="28"/>
      <c r="AA3373" s="27"/>
      <c r="AB3373" s="27"/>
      <c r="AC3373" s="27"/>
      <c r="AD3373" s="30"/>
      <c r="AE3373" s="1"/>
      <c r="AF3373" s="23" t="s">
        <v>5331</v>
      </c>
      <c r="AG3373" s="26"/>
      <c r="AH3373" s="53"/>
    </row>
    <row r="3374" spans="1:34" ht="51.6" customHeight="1" x14ac:dyDescent="0.45">
      <c r="A3374" s="23">
        <v>3368</v>
      </c>
      <c r="B3374" s="25"/>
      <c r="C3374" s="25"/>
      <c r="D3374" s="29"/>
      <c r="E3374" s="1"/>
      <c r="F3374" s="1"/>
      <c r="G3374" s="25"/>
      <c r="H3374" s="71"/>
      <c r="I3374" s="83"/>
      <c r="J3374" s="50" t="str">
        <f t="shared" si="106"/>
        <v/>
      </c>
      <c r="K3374" s="23" t="s">
        <v>7120</v>
      </c>
      <c r="L3374" s="49" t="e">
        <f>VLOOKUP(E3374&amp;F3374,団体コード!$A$1:$C$1743,3,FALSE)</f>
        <v>#N/A</v>
      </c>
      <c r="M3374" s="49" t="e">
        <f>VLOOKUP(E3374&amp;F3374,団体コード!$A$1:$C$1743,2,FALSE)</f>
        <v>#N/A</v>
      </c>
      <c r="N3374" s="51" t="e">
        <f>VLOOKUP(E3374,団体コード!$E$1:$F$48,2,FALSE)</f>
        <v>#N/A</v>
      </c>
      <c r="O3374" s="51" t="e">
        <f t="shared" si="107"/>
        <v>#N/A</v>
      </c>
      <c r="P3374" s="51">
        <v>1</v>
      </c>
      <c r="Q3374" s="51" t="s">
        <v>5341</v>
      </c>
      <c r="R3374" s="54" t="b">
        <v>1</v>
      </c>
      <c r="S3374" s="52" t="s">
        <v>7126</v>
      </c>
      <c r="T3374" s="67" t="s">
        <v>7127</v>
      </c>
      <c r="U3374" s="75" t="s">
        <v>5331</v>
      </c>
      <c r="V3374" s="47" t="s">
        <v>5331</v>
      </c>
      <c r="W3374" s="47" t="s">
        <v>5331</v>
      </c>
      <c r="X3374" s="47" t="s">
        <v>5331</v>
      </c>
      <c r="Y3374" s="47" t="s">
        <v>5331</v>
      </c>
      <c r="Z3374" s="28"/>
      <c r="AA3374" s="27"/>
      <c r="AB3374" s="27"/>
      <c r="AC3374" s="27"/>
      <c r="AD3374" s="30"/>
      <c r="AE3374" s="1"/>
      <c r="AF3374" s="23" t="s">
        <v>5331</v>
      </c>
      <c r="AG3374" s="26"/>
      <c r="AH3374" s="53"/>
    </row>
    <row r="3375" spans="1:34" ht="51.6" customHeight="1" x14ac:dyDescent="0.45">
      <c r="A3375" s="23">
        <v>3369</v>
      </c>
      <c r="B3375" s="25"/>
      <c r="C3375" s="25"/>
      <c r="D3375" s="29"/>
      <c r="E3375" s="1"/>
      <c r="F3375" s="1"/>
      <c r="G3375" s="25"/>
      <c r="H3375" s="71"/>
      <c r="I3375" s="83"/>
      <c r="J3375" s="50" t="str">
        <f t="shared" si="106"/>
        <v/>
      </c>
      <c r="K3375" s="23" t="s">
        <v>7120</v>
      </c>
      <c r="L3375" s="49" t="e">
        <f>VLOOKUP(E3375&amp;F3375,団体コード!$A$1:$C$1743,3,FALSE)</f>
        <v>#N/A</v>
      </c>
      <c r="M3375" s="49" t="e">
        <f>VLOOKUP(E3375&amp;F3375,団体コード!$A$1:$C$1743,2,FALSE)</f>
        <v>#N/A</v>
      </c>
      <c r="N3375" s="51" t="e">
        <f>VLOOKUP(E3375,団体コード!$E$1:$F$48,2,FALSE)</f>
        <v>#N/A</v>
      </c>
      <c r="O3375" s="51" t="e">
        <f t="shared" si="107"/>
        <v>#N/A</v>
      </c>
      <c r="P3375" s="51">
        <v>1</v>
      </c>
      <c r="Q3375" s="51" t="s">
        <v>5341</v>
      </c>
      <c r="R3375" s="54" t="b">
        <v>1</v>
      </c>
      <c r="S3375" s="52" t="s">
        <v>7126</v>
      </c>
      <c r="T3375" s="67" t="s">
        <v>7127</v>
      </c>
      <c r="U3375" s="75" t="s">
        <v>5331</v>
      </c>
      <c r="V3375" s="47" t="s">
        <v>5331</v>
      </c>
      <c r="W3375" s="47" t="s">
        <v>5331</v>
      </c>
      <c r="X3375" s="47" t="s">
        <v>5331</v>
      </c>
      <c r="Y3375" s="47" t="s">
        <v>5331</v>
      </c>
      <c r="Z3375" s="28"/>
      <c r="AA3375" s="27"/>
      <c r="AB3375" s="27"/>
      <c r="AC3375" s="27"/>
      <c r="AD3375" s="30"/>
      <c r="AE3375" s="1"/>
      <c r="AF3375" s="23" t="s">
        <v>5331</v>
      </c>
      <c r="AG3375" s="26"/>
      <c r="AH3375" s="53"/>
    </row>
    <row r="3376" spans="1:34" ht="51.6" customHeight="1" x14ac:dyDescent="0.45">
      <c r="A3376" s="23">
        <v>3370</v>
      </c>
      <c r="B3376" s="25"/>
      <c r="C3376" s="25"/>
      <c r="D3376" s="29"/>
      <c r="E3376" s="1"/>
      <c r="F3376" s="1"/>
      <c r="G3376" s="25"/>
      <c r="H3376" s="71"/>
      <c r="I3376" s="83"/>
      <c r="J3376" s="50" t="str">
        <f t="shared" si="106"/>
        <v/>
      </c>
      <c r="K3376" s="23" t="s">
        <v>7120</v>
      </c>
      <c r="L3376" s="49" t="e">
        <f>VLOOKUP(E3376&amp;F3376,団体コード!$A$1:$C$1743,3,FALSE)</f>
        <v>#N/A</v>
      </c>
      <c r="M3376" s="49" t="e">
        <f>VLOOKUP(E3376&amp;F3376,団体コード!$A$1:$C$1743,2,FALSE)</f>
        <v>#N/A</v>
      </c>
      <c r="N3376" s="51" t="e">
        <f>VLOOKUP(E3376,団体コード!$E$1:$F$48,2,FALSE)</f>
        <v>#N/A</v>
      </c>
      <c r="O3376" s="51" t="e">
        <f t="shared" si="107"/>
        <v>#N/A</v>
      </c>
      <c r="P3376" s="51">
        <v>1</v>
      </c>
      <c r="Q3376" s="51" t="s">
        <v>5341</v>
      </c>
      <c r="R3376" s="54" t="b">
        <v>1</v>
      </c>
      <c r="S3376" s="52" t="s">
        <v>7126</v>
      </c>
      <c r="T3376" s="67" t="s">
        <v>7127</v>
      </c>
      <c r="U3376" s="75" t="s">
        <v>5331</v>
      </c>
      <c r="V3376" s="47" t="s">
        <v>5331</v>
      </c>
      <c r="W3376" s="47" t="s">
        <v>5331</v>
      </c>
      <c r="X3376" s="47" t="s">
        <v>5331</v>
      </c>
      <c r="Y3376" s="47" t="s">
        <v>5331</v>
      </c>
      <c r="Z3376" s="28"/>
      <c r="AA3376" s="27"/>
      <c r="AB3376" s="27"/>
      <c r="AC3376" s="27"/>
      <c r="AD3376" s="30"/>
      <c r="AE3376" s="1"/>
      <c r="AF3376" s="23" t="s">
        <v>5331</v>
      </c>
      <c r="AG3376" s="26"/>
      <c r="AH3376" s="53"/>
    </row>
    <row r="3377" spans="1:34" ht="51.6" customHeight="1" x14ac:dyDescent="0.45">
      <c r="A3377" s="23">
        <v>3371</v>
      </c>
      <c r="B3377" s="25"/>
      <c r="C3377" s="25"/>
      <c r="D3377" s="29"/>
      <c r="E3377" s="1"/>
      <c r="F3377" s="1"/>
      <c r="G3377" s="25"/>
      <c r="H3377" s="71"/>
      <c r="I3377" s="83"/>
      <c r="J3377" s="50" t="str">
        <f t="shared" si="106"/>
        <v/>
      </c>
      <c r="K3377" s="23" t="s">
        <v>7120</v>
      </c>
      <c r="L3377" s="49" t="e">
        <f>VLOOKUP(E3377&amp;F3377,団体コード!$A$1:$C$1743,3,FALSE)</f>
        <v>#N/A</v>
      </c>
      <c r="M3377" s="49" t="e">
        <f>VLOOKUP(E3377&amp;F3377,団体コード!$A$1:$C$1743,2,FALSE)</f>
        <v>#N/A</v>
      </c>
      <c r="N3377" s="51" t="e">
        <f>VLOOKUP(E3377,団体コード!$E$1:$F$48,2,FALSE)</f>
        <v>#N/A</v>
      </c>
      <c r="O3377" s="51" t="e">
        <f t="shared" si="107"/>
        <v>#N/A</v>
      </c>
      <c r="P3377" s="51">
        <v>1</v>
      </c>
      <c r="Q3377" s="51" t="s">
        <v>5341</v>
      </c>
      <c r="R3377" s="54" t="b">
        <v>1</v>
      </c>
      <c r="S3377" s="52" t="s">
        <v>7126</v>
      </c>
      <c r="T3377" s="67" t="s">
        <v>7127</v>
      </c>
      <c r="U3377" s="75" t="s">
        <v>5331</v>
      </c>
      <c r="V3377" s="47" t="s">
        <v>5331</v>
      </c>
      <c r="W3377" s="47" t="s">
        <v>5331</v>
      </c>
      <c r="X3377" s="47" t="s">
        <v>5331</v>
      </c>
      <c r="Y3377" s="47" t="s">
        <v>5331</v>
      </c>
      <c r="Z3377" s="28"/>
      <c r="AA3377" s="27"/>
      <c r="AB3377" s="27"/>
      <c r="AC3377" s="27"/>
      <c r="AD3377" s="30"/>
      <c r="AE3377" s="1"/>
      <c r="AF3377" s="23" t="s">
        <v>5331</v>
      </c>
      <c r="AG3377" s="26"/>
      <c r="AH3377" s="53"/>
    </row>
    <row r="3378" spans="1:34" ht="51.6" customHeight="1" x14ac:dyDescent="0.45">
      <c r="A3378" s="23">
        <v>3372</v>
      </c>
      <c r="B3378" s="25"/>
      <c r="C3378" s="25"/>
      <c r="D3378" s="29"/>
      <c r="E3378" s="1"/>
      <c r="F3378" s="1"/>
      <c r="G3378" s="25"/>
      <c r="H3378" s="71"/>
      <c r="I3378" s="83"/>
      <c r="J3378" s="50" t="str">
        <f t="shared" si="106"/>
        <v/>
      </c>
      <c r="K3378" s="23" t="s">
        <v>7120</v>
      </c>
      <c r="L3378" s="49" t="e">
        <f>VLOOKUP(E3378&amp;F3378,団体コード!$A$1:$C$1743,3,FALSE)</f>
        <v>#N/A</v>
      </c>
      <c r="M3378" s="49" t="e">
        <f>VLOOKUP(E3378&amp;F3378,団体コード!$A$1:$C$1743,2,FALSE)</f>
        <v>#N/A</v>
      </c>
      <c r="N3378" s="51" t="e">
        <f>VLOOKUP(E3378,団体コード!$E$1:$F$48,2,FALSE)</f>
        <v>#N/A</v>
      </c>
      <c r="O3378" s="51" t="e">
        <f t="shared" si="107"/>
        <v>#N/A</v>
      </c>
      <c r="P3378" s="51">
        <v>1</v>
      </c>
      <c r="Q3378" s="51" t="s">
        <v>5341</v>
      </c>
      <c r="R3378" s="54" t="b">
        <v>1</v>
      </c>
      <c r="S3378" s="52" t="s">
        <v>7126</v>
      </c>
      <c r="T3378" s="67" t="s">
        <v>7127</v>
      </c>
      <c r="U3378" s="75" t="s">
        <v>5331</v>
      </c>
      <c r="V3378" s="47" t="s">
        <v>5331</v>
      </c>
      <c r="W3378" s="47" t="s">
        <v>5331</v>
      </c>
      <c r="X3378" s="47" t="s">
        <v>5331</v>
      </c>
      <c r="Y3378" s="47" t="s">
        <v>5331</v>
      </c>
      <c r="Z3378" s="28"/>
      <c r="AA3378" s="27"/>
      <c r="AB3378" s="27"/>
      <c r="AC3378" s="27"/>
      <c r="AD3378" s="30"/>
      <c r="AE3378" s="1"/>
      <c r="AF3378" s="23" t="s">
        <v>5331</v>
      </c>
      <c r="AG3378" s="26"/>
      <c r="AH3378" s="53"/>
    </row>
    <row r="3379" spans="1:34" ht="51.6" customHeight="1" x14ac:dyDescent="0.45">
      <c r="A3379" s="23">
        <v>3373</v>
      </c>
      <c r="B3379" s="25"/>
      <c r="C3379" s="25"/>
      <c r="D3379" s="29"/>
      <c r="E3379" s="1"/>
      <c r="F3379" s="1"/>
      <c r="G3379" s="25"/>
      <c r="H3379" s="71"/>
      <c r="I3379" s="83"/>
      <c r="J3379" s="50" t="str">
        <f t="shared" si="106"/>
        <v/>
      </c>
      <c r="K3379" s="23" t="s">
        <v>7120</v>
      </c>
      <c r="L3379" s="49" t="e">
        <f>VLOOKUP(E3379&amp;F3379,団体コード!$A$1:$C$1743,3,FALSE)</f>
        <v>#N/A</v>
      </c>
      <c r="M3379" s="49" t="e">
        <f>VLOOKUP(E3379&amp;F3379,団体コード!$A$1:$C$1743,2,FALSE)</f>
        <v>#N/A</v>
      </c>
      <c r="N3379" s="51" t="e">
        <f>VLOOKUP(E3379,団体コード!$E$1:$F$48,2,FALSE)</f>
        <v>#N/A</v>
      </c>
      <c r="O3379" s="51" t="e">
        <f t="shared" si="107"/>
        <v>#N/A</v>
      </c>
      <c r="P3379" s="51">
        <v>1</v>
      </c>
      <c r="Q3379" s="51" t="s">
        <v>5341</v>
      </c>
      <c r="R3379" s="54" t="b">
        <v>1</v>
      </c>
      <c r="S3379" s="52" t="s">
        <v>7126</v>
      </c>
      <c r="T3379" s="67" t="s">
        <v>7127</v>
      </c>
      <c r="U3379" s="75" t="s">
        <v>5331</v>
      </c>
      <c r="V3379" s="47" t="s">
        <v>5331</v>
      </c>
      <c r="W3379" s="47" t="s">
        <v>5331</v>
      </c>
      <c r="X3379" s="47" t="s">
        <v>5331</v>
      </c>
      <c r="Y3379" s="47" t="s">
        <v>5331</v>
      </c>
      <c r="Z3379" s="28"/>
      <c r="AA3379" s="27"/>
      <c r="AB3379" s="27"/>
      <c r="AC3379" s="27"/>
      <c r="AD3379" s="30"/>
      <c r="AE3379" s="1"/>
      <c r="AF3379" s="23" t="s">
        <v>5331</v>
      </c>
      <c r="AG3379" s="26"/>
      <c r="AH3379" s="53"/>
    </row>
    <row r="3380" spans="1:34" ht="51.6" customHeight="1" x14ac:dyDescent="0.45">
      <c r="A3380" s="23">
        <v>3374</v>
      </c>
      <c r="B3380" s="25"/>
      <c r="C3380" s="25"/>
      <c r="D3380" s="29"/>
      <c r="E3380" s="1"/>
      <c r="F3380" s="1"/>
      <c r="G3380" s="25"/>
      <c r="H3380" s="71"/>
      <c r="I3380" s="83"/>
      <c r="J3380" s="50" t="str">
        <f t="shared" si="106"/>
        <v/>
      </c>
      <c r="K3380" s="23" t="s">
        <v>7120</v>
      </c>
      <c r="L3380" s="49" t="e">
        <f>VLOOKUP(E3380&amp;F3380,団体コード!$A$1:$C$1743,3,FALSE)</f>
        <v>#N/A</v>
      </c>
      <c r="M3380" s="49" t="e">
        <f>VLOOKUP(E3380&amp;F3380,団体コード!$A$1:$C$1743,2,FALSE)</f>
        <v>#N/A</v>
      </c>
      <c r="N3380" s="51" t="e">
        <f>VLOOKUP(E3380,団体コード!$E$1:$F$48,2,FALSE)</f>
        <v>#N/A</v>
      </c>
      <c r="O3380" s="51" t="e">
        <f t="shared" si="107"/>
        <v>#N/A</v>
      </c>
      <c r="P3380" s="51">
        <v>1</v>
      </c>
      <c r="Q3380" s="51" t="s">
        <v>5341</v>
      </c>
      <c r="R3380" s="54" t="b">
        <v>1</v>
      </c>
      <c r="S3380" s="52" t="s">
        <v>7126</v>
      </c>
      <c r="T3380" s="67" t="s">
        <v>7127</v>
      </c>
      <c r="U3380" s="75" t="s">
        <v>5331</v>
      </c>
      <c r="V3380" s="47" t="s">
        <v>5331</v>
      </c>
      <c r="W3380" s="47" t="s">
        <v>5331</v>
      </c>
      <c r="X3380" s="47" t="s">
        <v>5331</v>
      </c>
      <c r="Y3380" s="47" t="s">
        <v>5331</v>
      </c>
      <c r="Z3380" s="28"/>
      <c r="AA3380" s="27"/>
      <c r="AB3380" s="27"/>
      <c r="AC3380" s="27"/>
      <c r="AD3380" s="30"/>
      <c r="AE3380" s="1"/>
      <c r="AF3380" s="23" t="s">
        <v>5331</v>
      </c>
      <c r="AG3380" s="26"/>
      <c r="AH3380" s="53"/>
    </row>
    <row r="3381" spans="1:34" ht="51.6" customHeight="1" x14ac:dyDescent="0.45">
      <c r="A3381" s="23">
        <v>3375</v>
      </c>
      <c r="B3381" s="25"/>
      <c r="C3381" s="25"/>
      <c r="D3381" s="29"/>
      <c r="E3381" s="1"/>
      <c r="F3381" s="1"/>
      <c r="G3381" s="25"/>
      <c r="H3381" s="71"/>
      <c r="I3381" s="83"/>
      <c r="J3381" s="50" t="str">
        <f t="shared" si="106"/>
        <v/>
      </c>
      <c r="K3381" s="23" t="s">
        <v>7120</v>
      </c>
      <c r="L3381" s="49" t="e">
        <f>VLOOKUP(E3381&amp;F3381,団体コード!$A$1:$C$1743,3,FALSE)</f>
        <v>#N/A</v>
      </c>
      <c r="M3381" s="49" t="e">
        <f>VLOOKUP(E3381&amp;F3381,団体コード!$A$1:$C$1743,2,FALSE)</f>
        <v>#N/A</v>
      </c>
      <c r="N3381" s="51" t="e">
        <f>VLOOKUP(E3381,団体コード!$E$1:$F$48,2,FALSE)</f>
        <v>#N/A</v>
      </c>
      <c r="O3381" s="51" t="e">
        <f t="shared" si="107"/>
        <v>#N/A</v>
      </c>
      <c r="P3381" s="51">
        <v>1</v>
      </c>
      <c r="Q3381" s="51" t="s">
        <v>5341</v>
      </c>
      <c r="R3381" s="54" t="b">
        <v>1</v>
      </c>
      <c r="S3381" s="52" t="s">
        <v>7126</v>
      </c>
      <c r="T3381" s="67" t="s">
        <v>7127</v>
      </c>
      <c r="U3381" s="75" t="s">
        <v>5331</v>
      </c>
      <c r="V3381" s="47" t="s">
        <v>5331</v>
      </c>
      <c r="W3381" s="47" t="s">
        <v>5331</v>
      </c>
      <c r="X3381" s="47" t="s">
        <v>5331</v>
      </c>
      <c r="Y3381" s="47" t="s">
        <v>5331</v>
      </c>
      <c r="Z3381" s="28"/>
      <c r="AA3381" s="27"/>
      <c r="AB3381" s="27"/>
      <c r="AC3381" s="27"/>
      <c r="AD3381" s="30"/>
      <c r="AE3381" s="1"/>
      <c r="AF3381" s="23" t="s">
        <v>5331</v>
      </c>
      <c r="AG3381" s="26"/>
      <c r="AH3381" s="53"/>
    </row>
    <row r="3382" spans="1:34" ht="51.6" customHeight="1" x14ac:dyDescent="0.45">
      <c r="A3382" s="23">
        <v>3376</v>
      </c>
      <c r="B3382" s="25"/>
      <c r="C3382" s="25"/>
      <c r="D3382" s="29"/>
      <c r="E3382" s="1"/>
      <c r="F3382" s="1"/>
      <c r="G3382" s="25"/>
      <c r="H3382" s="71"/>
      <c r="I3382" s="83"/>
      <c r="J3382" s="50" t="str">
        <f t="shared" si="106"/>
        <v/>
      </c>
      <c r="K3382" s="23" t="s">
        <v>7120</v>
      </c>
      <c r="L3382" s="49" t="e">
        <f>VLOOKUP(E3382&amp;F3382,団体コード!$A$1:$C$1743,3,FALSE)</f>
        <v>#N/A</v>
      </c>
      <c r="M3382" s="49" t="e">
        <f>VLOOKUP(E3382&amp;F3382,団体コード!$A$1:$C$1743,2,FALSE)</f>
        <v>#N/A</v>
      </c>
      <c r="N3382" s="51" t="e">
        <f>VLOOKUP(E3382,団体コード!$E$1:$F$48,2,FALSE)</f>
        <v>#N/A</v>
      </c>
      <c r="O3382" s="51" t="e">
        <f t="shared" si="107"/>
        <v>#N/A</v>
      </c>
      <c r="P3382" s="51">
        <v>1</v>
      </c>
      <c r="Q3382" s="51" t="s">
        <v>5341</v>
      </c>
      <c r="R3382" s="54" t="b">
        <v>1</v>
      </c>
      <c r="S3382" s="52" t="s">
        <v>7126</v>
      </c>
      <c r="T3382" s="67" t="s">
        <v>7127</v>
      </c>
      <c r="U3382" s="75" t="s">
        <v>5331</v>
      </c>
      <c r="V3382" s="47" t="s">
        <v>5331</v>
      </c>
      <c r="W3382" s="47" t="s">
        <v>5331</v>
      </c>
      <c r="X3382" s="47" t="s">
        <v>5331</v>
      </c>
      <c r="Y3382" s="47" t="s">
        <v>5331</v>
      </c>
      <c r="Z3382" s="28"/>
      <c r="AA3382" s="27"/>
      <c r="AB3382" s="27"/>
      <c r="AC3382" s="27"/>
      <c r="AD3382" s="30"/>
      <c r="AE3382" s="1"/>
      <c r="AF3382" s="23" t="s">
        <v>5331</v>
      </c>
      <c r="AG3382" s="26"/>
      <c r="AH3382" s="53"/>
    </row>
    <row r="3383" spans="1:34" ht="51.6" customHeight="1" x14ac:dyDescent="0.45">
      <c r="A3383" s="23">
        <v>3377</v>
      </c>
      <c r="B3383" s="25"/>
      <c r="C3383" s="25"/>
      <c r="D3383" s="29"/>
      <c r="E3383" s="1"/>
      <c r="F3383" s="1"/>
      <c r="G3383" s="25"/>
      <c r="H3383" s="71"/>
      <c r="I3383" s="83"/>
      <c r="J3383" s="50" t="str">
        <f t="shared" si="106"/>
        <v/>
      </c>
      <c r="K3383" s="23" t="s">
        <v>7120</v>
      </c>
      <c r="L3383" s="49" t="e">
        <f>VLOOKUP(E3383&amp;F3383,団体コード!$A$1:$C$1743,3,FALSE)</f>
        <v>#N/A</v>
      </c>
      <c r="M3383" s="49" t="e">
        <f>VLOOKUP(E3383&amp;F3383,団体コード!$A$1:$C$1743,2,FALSE)</f>
        <v>#N/A</v>
      </c>
      <c r="N3383" s="51" t="e">
        <f>VLOOKUP(E3383,団体コード!$E$1:$F$48,2,FALSE)</f>
        <v>#N/A</v>
      </c>
      <c r="O3383" s="51" t="e">
        <f t="shared" si="107"/>
        <v>#N/A</v>
      </c>
      <c r="P3383" s="51">
        <v>1</v>
      </c>
      <c r="Q3383" s="51" t="s">
        <v>5341</v>
      </c>
      <c r="R3383" s="54" t="b">
        <v>1</v>
      </c>
      <c r="S3383" s="52" t="s">
        <v>7126</v>
      </c>
      <c r="T3383" s="67" t="s">
        <v>7127</v>
      </c>
      <c r="U3383" s="75" t="s">
        <v>5331</v>
      </c>
      <c r="V3383" s="47" t="s">
        <v>5331</v>
      </c>
      <c r="W3383" s="47" t="s">
        <v>5331</v>
      </c>
      <c r="X3383" s="47" t="s">
        <v>5331</v>
      </c>
      <c r="Y3383" s="47" t="s">
        <v>5331</v>
      </c>
      <c r="Z3383" s="28"/>
      <c r="AA3383" s="27"/>
      <c r="AB3383" s="27"/>
      <c r="AC3383" s="27"/>
      <c r="AD3383" s="30"/>
      <c r="AE3383" s="1"/>
      <c r="AF3383" s="23" t="s">
        <v>5331</v>
      </c>
      <c r="AG3383" s="26"/>
      <c r="AH3383" s="53"/>
    </row>
    <row r="3384" spans="1:34" ht="51.6" customHeight="1" x14ac:dyDescent="0.45">
      <c r="A3384" s="23">
        <v>3378</v>
      </c>
      <c r="B3384" s="25"/>
      <c r="C3384" s="25"/>
      <c r="D3384" s="29"/>
      <c r="E3384" s="1"/>
      <c r="F3384" s="1"/>
      <c r="G3384" s="25"/>
      <c r="H3384" s="71"/>
      <c r="I3384" s="83"/>
      <c r="J3384" s="50" t="str">
        <f t="shared" si="106"/>
        <v/>
      </c>
      <c r="K3384" s="23" t="s">
        <v>7120</v>
      </c>
      <c r="L3384" s="49" t="e">
        <f>VLOOKUP(E3384&amp;F3384,団体コード!$A$1:$C$1743,3,FALSE)</f>
        <v>#N/A</v>
      </c>
      <c r="M3384" s="49" t="e">
        <f>VLOOKUP(E3384&amp;F3384,団体コード!$A$1:$C$1743,2,FALSE)</f>
        <v>#N/A</v>
      </c>
      <c r="N3384" s="51" t="e">
        <f>VLOOKUP(E3384,団体コード!$E$1:$F$48,2,FALSE)</f>
        <v>#N/A</v>
      </c>
      <c r="O3384" s="51" t="e">
        <f t="shared" si="107"/>
        <v>#N/A</v>
      </c>
      <c r="P3384" s="51">
        <v>1</v>
      </c>
      <c r="Q3384" s="51" t="s">
        <v>5341</v>
      </c>
      <c r="R3384" s="54" t="b">
        <v>1</v>
      </c>
      <c r="S3384" s="52" t="s">
        <v>7126</v>
      </c>
      <c r="T3384" s="67" t="s">
        <v>7127</v>
      </c>
      <c r="U3384" s="75" t="s">
        <v>5331</v>
      </c>
      <c r="V3384" s="47" t="s">
        <v>5331</v>
      </c>
      <c r="W3384" s="47" t="s">
        <v>5331</v>
      </c>
      <c r="X3384" s="47" t="s">
        <v>5331</v>
      </c>
      <c r="Y3384" s="47" t="s">
        <v>5331</v>
      </c>
      <c r="Z3384" s="28"/>
      <c r="AA3384" s="27"/>
      <c r="AB3384" s="27"/>
      <c r="AC3384" s="27"/>
      <c r="AD3384" s="30"/>
      <c r="AE3384" s="1"/>
      <c r="AF3384" s="23" t="s">
        <v>5331</v>
      </c>
      <c r="AG3384" s="26"/>
      <c r="AH3384" s="53"/>
    </row>
    <row r="3385" spans="1:34" ht="51.6" customHeight="1" x14ac:dyDescent="0.45">
      <c r="A3385" s="23">
        <v>3379</v>
      </c>
      <c r="B3385" s="25"/>
      <c r="C3385" s="25"/>
      <c r="D3385" s="29"/>
      <c r="E3385" s="1"/>
      <c r="F3385" s="1"/>
      <c r="G3385" s="25"/>
      <c r="H3385" s="71"/>
      <c r="I3385" s="83"/>
      <c r="J3385" s="50" t="str">
        <f t="shared" si="106"/>
        <v/>
      </c>
      <c r="K3385" s="23" t="s">
        <v>7120</v>
      </c>
      <c r="L3385" s="49" t="e">
        <f>VLOOKUP(E3385&amp;F3385,団体コード!$A$1:$C$1743,3,FALSE)</f>
        <v>#N/A</v>
      </c>
      <c r="M3385" s="49" t="e">
        <f>VLOOKUP(E3385&amp;F3385,団体コード!$A$1:$C$1743,2,FALSE)</f>
        <v>#N/A</v>
      </c>
      <c r="N3385" s="51" t="e">
        <f>VLOOKUP(E3385,団体コード!$E$1:$F$48,2,FALSE)</f>
        <v>#N/A</v>
      </c>
      <c r="O3385" s="51" t="e">
        <f t="shared" si="107"/>
        <v>#N/A</v>
      </c>
      <c r="P3385" s="51">
        <v>1</v>
      </c>
      <c r="Q3385" s="51" t="s">
        <v>5341</v>
      </c>
      <c r="R3385" s="54" t="b">
        <v>1</v>
      </c>
      <c r="S3385" s="52" t="s">
        <v>7126</v>
      </c>
      <c r="T3385" s="67" t="s">
        <v>7127</v>
      </c>
      <c r="U3385" s="75" t="s">
        <v>5331</v>
      </c>
      <c r="V3385" s="47" t="s">
        <v>5331</v>
      </c>
      <c r="W3385" s="47" t="s">
        <v>5331</v>
      </c>
      <c r="X3385" s="47" t="s">
        <v>5331</v>
      </c>
      <c r="Y3385" s="47" t="s">
        <v>5331</v>
      </c>
      <c r="Z3385" s="28"/>
      <c r="AA3385" s="27"/>
      <c r="AB3385" s="27"/>
      <c r="AC3385" s="27"/>
      <c r="AD3385" s="30"/>
      <c r="AE3385" s="1"/>
      <c r="AF3385" s="23" t="s">
        <v>5331</v>
      </c>
      <c r="AG3385" s="26"/>
      <c r="AH3385" s="53"/>
    </row>
    <row r="3386" spans="1:34" ht="51.6" customHeight="1" x14ac:dyDescent="0.45">
      <c r="A3386" s="23">
        <v>3380</v>
      </c>
      <c r="B3386" s="25"/>
      <c r="C3386" s="25"/>
      <c r="D3386" s="29"/>
      <c r="E3386" s="1"/>
      <c r="F3386" s="1"/>
      <c r="G3386" s="25"/>
      <c r="H3386" s="71"/>
      <c r="I3386" s="83"/>
      <c r="J3386" s="50" t="str">
        <f t="shared" si="106"/>
        <v/>
      </c>
      <c r="K3386" s="23" t="s">
        <v>7120</v>
      </c>
      <c r="L3386" s="49" t="e">
        <f>VLOOKUP(E3386&amp;F3386,団体コード!$A$1:$C$1743,3,FALSE)</f>
        <v>#N/A</v>
      </c>
      <c r="M3386" s="49" t="e">
        <f>VLOOKUP(E3386&amp;F3386,団体コード!$A$1:$C$1743,2,FALSE)</f>
        <v>#N/A</v>
      </c>
      <c r="N3386" s="51" t="e">
        <f>VLOOKUP(E3386,団体コード!$E$1:$F$48,2,FALSE)</f>
        <v>#N/A</v>
      </c>
      <c r="O3386" s="51" t="e">
        <f t="shared" si="107"/>
        <v>#N/A</v>
      </c>
      <c r="P3386" s="51">
        <v>1</v>
      </c>
      <c r="Q3386" s="51" t="s">
        <v>5341</v>
      </c>
      <c r="R3386" s="54" t="b">
        <v>1</v>
      </c>
      <c r="S3386" s="52" t="s">
        <v>7126</v>
      </c>
      <c r="T3386" s="67" t="s">
        <v>7127</v>
      </c>
      <c r="U3386" s="75" t="s">
        <v>5331</v>
      </c>
      <c r="V3386" s="47" t="s">
        <v>5331</v>
      </c>
      <c r="W3386" s="47" t="s">
        <v>5331</v>
      </c>
      <c r="X3386" s="47" t="s">
        <v>5331</v>
      </c>
      <c r="Y3386" s="47" t="s">
        <v>5331</v>
      </c>
      <c r="Z3386" s="28"/>
      <c r="AA3386" s="27"/>
      <c r="AB3386" s="27"/>
      <c r="AC3386" s="27"/>
      <c r="AD3386" s="30"/>
      <c r="AE3386" s="1"/>
      <c r="AF3386" s="23" t="s">
        <v>5331</v>
      </c>
      <c r="AG3386" s="26"/>
      <c r="AH3386" s="53"/>
    </row>
    <row r="3387" spans="1:34" ht="51.6" customHeight="1" x14ac:dyDescent="0.45">
      <c r="A3387" s="23">
        <v>3381</v>
      </c>
      <c r="B3387" s="25"/>
      <c r="C3387" s="25"/>
      <c r="D3387" s="29"/>
      <c r="E3387" s="1"/>
      <c r="F3387" s="1"/>
      <c r="G3387" s="25"/>
      <c r="H3387" s="71"/>
      <c r="I3387" s="83"/>
      <c r="J3387" s="50" t="str">
        <f t="shared" si="106"/>
        <v/>
      </c>
      <c r="K3387" s="23" t="s">
        <v>7120</v>
      </c>
      <c r="L3387" s="49" t="e">
        <f>VLOOKUP(E3387&amp;F3387,団体コード!$A$1:$C$1743,3,FALSE)</f>
        <v>#N/A</v>
      </c>
      <c r="M3387" s="49" t="e">
        <f>VLOOKUP(E3387&amp;F3387,団体コード!$A$1:$C$1743,2,FALSE)</f>
        <v>#N/A</v>
      </c>
      <c r="N3387" s="51" t="e">
        <f>VLOOKUP(E3387,団体コード!$E$1:$F$48,2,FALSE)</f>
        <v>#N/A</v>
      </c>
      <c r="O3387" s="51" t="e">
        <f t="shared" si="107"/>
        <v>#N/A</v>
      </c>
      <c r="P3387" s="51">
        <v>1</v>
      </c>
      <c r="Q3387" s="51" t="s">
        <v>5341</v>
      </c>
      <c r="R3387" s="54" t="b">
        <v>1</v>
      </c>
      <c r="S3387" s="52" t="s">
        <v>7126</v>
      </c>
      <c r="T3387" s="67" t="s">
        <v>7127</v>
      </c>
      <c r="U3387" s="75" t="s">
        <v>5331</v>
      </c>
      <c r="V3387" s="47" t="s">
        <v>5331</v>
      </c>
      <c r="W3387" s="47" t="s">
        <v>5331</v>
      </c>
      <c r="X3387" s="47" t="s">
        <v>5331</v>
      </c>
      <c r="Y3387" s="47" t="s">
        <v>5331</v>
      </c>
      <c r="Z3387" s="28"/>
      <c r="AA3387" s="27"/>
      <c r="AB3387" s="27"/>
      <c r="AC3387" s="27"/>
      <c r="AD3387" s="30"/>
      <c r="AE3387" s="1"/>
      <c r="AF3387" s="23" t="s">
        <v>5331</v>
      </c>
      <c r="AG3387" s="26"/>
      <c r="AH3387" s="53"/>
    </row>
    <row r="3388" spans="1:34" ht="51.6" customHeight="1" x14ac:dyDescent="0.45">
      <c r="A3388" s="23">
        <v>3382</v>
      </c>
      <c r="B3388" s="25"/>
      <c r="C3388" s="25"/>
      <c r="D3388" s="29"/>
      <c r="E3388" s="1"/>
      <c r="F3388" s="1"/>
      <c r="G3388" s="25"/>
      <c r="H3388" s="71"/>
      <c r="I3388" s="83"/>
      <c r="J3388" s="50" t="str">
        <f t="shared" si="106"/>
        <v/>
      </c>
      <c r="K3388" s="23" t="s">
        <v>7120</v>
      </c>
      <c r="L3388" s="49" t="e">
        <f>VLOOKUP(E3388&amp;F3388,団体コード!$A$1:$C$1743,3,FALSE)</f>
        <v>#N/A</v>
      </c>
      <c r="M3388" s="49" t="e">
        <f>VLOOKUP(E3388&amp;F3388,団体コード!$A$1:$C$1743,2,FALSE)</f>
        <v>#N/A</v>
      </c>
      <c r="N3388" s="51" t="e">
        <f>VLOOKUP(E3388,団体コード!$E$1:$F$48,2,FALSE)</f>
        <v>#N/A</v>
      </c>
      <c r="O3388" s="51" t="e">
        <f t="shared" si="107"/>
        <v>#N/A</v>
      </c>
      <c r="P3388" s="51">
        <v>1</v>
      </c>
      <c r="Q3388" s="51" t="s">
        <v>5341</v>
      </c>
      <c r="R3388" s="54" t="b">
        <v>1</v>
      </c>
      <c r="S3388" s="52" t="s">
        <v>7126</v>
      </c>
      <c r="T3388" s="67" t="s">
        <v>7127</v>
      </c>
      <c r="U3388" s="75" t="s">
        <v>5331</v>
      </c>
      <c r="V3388" s="47" t="s">
        <v>5331</v>
      </c>
      <c r="W3388" s="47" t="s">
        <v>5331</v>
      </c>
      <c r="X3388" s="47" t="s">
        <v>5331</v>
      </c>
      <c r="Y3388" s="47" t="s">
        <v>5331</v>
      </c>
      <c r="Z3388" s="28"/>
      <c r="AA3388" s="27"/>
      <c r="AB3388" s="27"/>
      <c r="AC3388" s="27"/>
      <c r="AD3388" s="30"/>
      <c r="AE3388" s="1"/>
      <c r="AF3388" s="23" t="s">
        <v>5331</v>
      </c>
      <c r="AG3388" s="26"/>
      <c r="AH3388" s="53"/>
    </row>
    <row r="3389" spans="1:34" ht="51.6" customHeight="1" x14ac:dyDescent="0.45">
      <c r="A3389" s="23">
        <v>3383</v>
      </c>
      <c r="B3389" s="25"/>
      <c r="C3389" s="25"/>
      <c r="D3389" s="29"/>
      <c r="E3389" s="1"/>
      <c r="F3389" s="1"/>
      <c r="G3389" s="25"/>
      <c r="H3389" s="71"/>
      <c r="I3389" s="83"/>
      <c r="J3389" s="50" t="str">
        <f t="shared" si="106"/>
        <v/>
      </c>
      <c r="K3389" s="23" t="s">
        <v>7120</v>
      </c>
      <c r="L3389" s="49" t="e">
        <f>VLOOKUP(E3389&amp;F3389,団体コード!$A$1:$C$1743,3,FALSE)</f>
        <v>#N/A</v>
      </c>
      <c r="M3389" s="49" t="e">
        <f>VLOOKUP(E3389&amp;F3389,団体コード!$A$1:$C$1743,2,FALSE)</f>
        <v>#N/A</v>
      </c>
      <c r="N3389" s="51" t="e">
        <f>VLOOKUP(E3389,団体コード!$E$1:$F$48,2,FALSE)</f>
        <v>#N/A</v>
      </c>
      <c r="O3389" s="51" t="e">
        <f t="shared" si="107"/>
        <v>#N/A</v>
      </c>
      <c r="P3389" s="51">
        <v>1</v>
      </c>
      <c r="Q3389" s="51" t="s">
        <v>5341</v>
      </c>
      <c r="R3389" s="54" t="b">
        <v>1</v>
      </c>
      <c r="S3389" s="52" t="s">
        <v>7126</v>
      </c>
      <c r="T3389" s="67" t="s">
        <v>7127</v>
      </c>
      <c r="U3389" s="75" t="s">
        <v>5331</v>
      </c>
      <c r="V3389" s="47" t="s">
        <v>5331</v>
      </c>
      <c r="W3389" s="47" t="s">
        <v>5331</v>
      </c>
      <c r="X3389" s="47" t="s">
        <v>5331</v>
      </c>
      <c r="Y3389" s="47" t="s">
        <v>5331</v>
      </c>
      <c r="Z3389" s="28"/>
      <c r="AA3389" s="27"/>
      <c r="AB3389" s="27"/>
      <c r="AC3389" s="27"/>
      <c r="AD3389" s="30"/>
      <c r="AE3389" s="1"/>
      <c r="AF3389" s="23" t="s">
        <v>5331</v>
      </c>
      <c r="AG3389" s="26"/>
      <c r="AH3389" s="53"/>
    </row>
    <row r="3390" spans="1:34" ht="51.6" customHeight="1" x14ac:dyDescent="0.45">
      <c r="A3390" s="23">
        <v>3384</v>
      </c>
      <c r="B3390" s="25"/>
      <c r="C3390" s="25"/>
      <c r="D3390" s="29"/>
      <c r="E3390" s="1"/>
      <c r="F3390" s="1"/>
      <c r="G3390" s="25"/>
      <c r="H3390" s="71"/>
      <c r="I3390" s="83"/>
      <c r="J3390" s="50" t="str">
        <f t="shared" si="106"/>
        <v/>
      </c>
      <c r="K3390" s="23" t="s">
        <v>7120</v>
      </c>
      <c r="L3390" s="49" t="e">
        <f>VLOOKUP(E3390&amp;F3390,団体コード!$A$1:$C$1743,3,FALSE)</f>
        <v>#N/A</v>
      </c>
      <c r="M3390" s="49" t="e">
        <f>VLOOKUP(E3390&amp;F3390,団体コード!$A$1:$C$1743,2,FALSE)</f>
        <v>#N/A</v>
      </c>
      <c r="N3390" s="51" t="e">
        <f>VLOOKUP(E3390,団体コード!$E$1:$F$48,2,FALSE)</f>
        <v>#N/A</v>
      </c>
      <c r="O3390" s="51" t="e">
        <f t="shared" si="107"/>
        <v>#N/A</v>
      </c>
      <c r="P3390" s="51">
        <v>1</v>
      </c>
      <c r="Q3390" s="51" t="s">
        <v>5341</v>
      </c>
      <c r="R3390" s="54" t="b">
        <v>1</v>
      </c>
      <c r="S3390" s="52" t="s">
        <v>7126</v>
      </c>
      <c r="T3390" s="67" t="s">
        <v>7127</v>
      </c>
      <c r="U3390" s="75" t="s">
        <v>5331</v>
      </c>
      <c r="V3390" s="47" t="s">
        <v>5331</v>
      </c>
      <c r="W3390" s="47" t="s">
        <v>5331</v>
      </c>
      <c r="X3390" s="47" t="s">
        <v>5331</v>
      </c>
      <c r="Y3390" s="47" t="s">
        <v>5331</v>
      </c>
      <c r="Z3390" s="28"/>
      <c r="AA3390" s="27"/>
      <c r="AB3390" s="27"/>
      <c r="AC3390" s="27"/>
      <c r="AD3390" s="30"/>
      <c r="AE3390" s="1"/>
      <c r="AF3390" s="23" t="s">
        <v>5331</v>
      </c>
      <c r="AG3390" s="26"/>
      <c r="AH3390" s="53"/>
    </row>
    <row r="3391" spans="1:34" ht="51.6" customHeight="1" x14ac:dyDescent="0.45">
      <c r="A3391" s="23">
        <v>3385</v>
      </c>
      <c r="B3391" s="25"/>
      <c r="C3391" s="25"/>
      <c r="D3391" s="29"/>
      <c r="E3391" s="1"/>
      <c r="F3391" s="1"/>
      <c r="G3391" s="25"/>
      <c r="H3391" s="71"/>
      <c r="I3391" s="83"/>
      <c r="J3391" s="50" t="str">
        <f t="shared" si="106"/>
        <v/>
      </c>
      <c r="K3391" s="23" t="s">
        <v>7120</v>
      </c>
      <c r="L3391" s="49" t="e">
        <f>VLOOKUP(E3391&amp;F3391,団体コード!$A$1:$C$1743,3,FALSE)</f>
        <v>#N/A</v>
      </c>
      <c r="M3391" s="49" t="e">
        <f>VLOOKUP(E3391&amp;F3391,団体コード!$A$1:$C$1743,2,FALSE)</f>
        <v>#N/A</v>
      </c>
      <c r="N3391" s="51" t="e">
        <f>VLOOKUP(E3391,団体コード!$E$1:$F$48,2,FALSE)</f>
        <v>#N/A</v>
      </c>
      <c r="O3391" s="51" t="e">
        <f t="shared" si="107"/>
        <v>#N/A</v>
      </c>
      <c r="P3391" s="51">
        <v>1</v>
      </c>
      <c r="Q3391" s="51" t="s">
        <v>5341</v>
      </c>
      <c r="R3391" s="54" t="b">
        <v>1</v>
      </c>
      <c r="S3391" s="52" t="s">
        <v>7126</v>
      </c>
      <c r="T3391" s="67" t="s">
        <v>7127</v>
      </c>
      <c r="U3391" s="75" t="s">
        <v>5331</v>
      </c>
      <c r="V3391" s="47" t="s">
        <v>5331</v>
      </c>
      <c r="W3391" s="47" t="s">
        <v>5331</v>
      </c>
      <c r="X3391" s="47" t="s">
        <v>5331</v>
      </c>
      <c r="Y3391" s="47" t="s">
        <v>5331</v>
      </c>
      <c r="Z3391" s="28"/>
      <c r="AA3391" s="27"/>
      <c r="AB3391" s="27"/>
      <c r="AC3391" s="27"/>
      <c r="AD3391" s="30"/>
      <c r="AE3391" s="1"/>
      <c r="AF3391" s="23" t="s">
        <v>5331</v>
      </c>
      <c r="AG3391" s="26"/>
      <c r="AH3391" s="53"/>
    </row>
    <row r="3392" spans="1:34" ht="51.6" customHeight="1" x14ac:dyDescent="0.45">
      <c r="A3392" s="23">
        <v>3386</v>
      </c>
      <c r="B3392" s="25"/>
      <c r="C3392" s="25"/>
      <c r="D3392" s="29"/>
      <c r="E3392" s="1"/>
      <c r="F3392" s="1"/>
      <c r="G3392" s="25"/>
      <c r="H3392" s="71"/>
      <c r="I3392" s="83"/>
      <c r="J3392" s="50" t="str">
        <f t="shared" si="106"/>
        <v/>
      </c>
      <c r="K3392" s="23" t="s">
        <v>7120</v>
      </c>
      <c r="L3392" s="49" t="e">
        <f>VLOOKUP(E3392&amp;F3392,団体コード!$A$1:$C$1743,3,FALSE)</f>
        <v>#N/A</v>
      </c>
      <c r="M3392" s="49" t="e">
        <f>VLOOKUP(E3392&amp;F3392,団体コード!$A$1:$C$1743,2,FALSE)</f>
        <v>#N/A</v>
      </c>
      <c r="N3392" s="51" t="e">
        <f>VLOOKUP(E3392,団体コード!$E$1:$F$48,2,FALSE)</f>
        <v>#N/A</v>
      </c>
      <c r="O3392" s="51" t="e">
        <f t="shared" si="107"/>
        <v>#N/A</v>
      </c>
      <c r="P3392" s="51">
        <v>1</v>
      </c>
      <c r="Q3392" s="51" t="s">
        <v>5341</v>
      </c>
      <c r="R3392" s="54" t="b">
        <v>1</v>
      </c>
      <c r="S3392" s="52" t="s">
        <v>7126</v>
      </c>
      <c r="T3392" s="67" t="s">
        <v>7127</v>
      </c>
      <c r="U3392" s="75" t="s">
        <v>5331</v>
      </c>
      <c r="V3392" s="47" t="s">
        <v>5331</v>
      </c>
      <c r="W3392" s="47" t="s">
        <v>5331</v>
      </c>
      <c r="X3392" s="47" t="s">
        <v>5331</v>
      </c>
      <c r="Y3392" s="47" t="s">
        <v>5331</v>
      </c>
      <c r="Z3392" s="28"/>
      <c r="AA3392" s="27"/>
      <c r="AB3392" s="27"/>
      <c r="AC3392" s="27"/>
      <c r="AD3392" s="30"/>
      <c r="AE3392" s="1"/>
      <c r="AF3392" s="23" t="s">
        <v>5331</v>
      </c>
      <c r="AG3392" s="26"/>
      <c r="AH3392" s="53"/>
    </row>
    <row r="3393" spans="1:34" ht="51.6" customHeight="1" x14ac:dyDescent="0.45">
      <c r="A3393" s="23">
        <v>3387</v>
      </c>
      <c r="B3393" s="25"/>
      <c r="C3393" s="25"/>
      <c r="D3393" s="29"/>
      <c r="E3393" s="1"/>
      <c r="F3393" s="1"/>
      <c r="G3393" s="25"/>
      <c r="H3393" s="71"/>
      <c r="I3393" s="83"/>
      <c r="J3393" s="50" t="str">
        <f t="shared" si="106"/>
        <v/>
      </c>
      <c r="K3393" s="23" t="s">
        <v>7120</v>
      </c>
      <c r="L3393" s="49" t="e">
        <f>VLOOKUP(E3393&amp;F3393,団体コード!$A$1:$C$1743,3,FALSE)</f>
        <v>#N/A</v>
      </c>
      <c r="M3393" s="49" t="e">
        <f>VLOOKUP(E3393&amp;F3393,団体コード!$A$1:$C$1743,2,FALSE)</f>
        <v>#N/A</v>
      </c>
      <c r="N3393" s="51" t="e">
        <f>VLOOKUP(E3393,団体コード!$E$1:$F$48,2,FALSE)</f>
        <v>#N/A</v>
      </c>
      <c r="O3393" s="51" t="e">
        <f t="shared" si="107"/>
        <v>#N/A</v>
      </c>
      <c r="P3393" s="51">
        <v>1</v>
      </c>
      <c r="Q3393" s="51" t="s">
        <v>5341</v>
      </c>
      <c r="R3393" s="54" t="b">
        <v>1</v>
      </c>
      <c r="S3393" s="52" t="s">
        <v>7126</v>
      </c>
      <c r="T3393" s="67" t="s">
        <v>7127</v>
      </c>
      <c r="U3393" s="75" t="s">
        <v>5331</v>
      </c>
      <c r="V3393" s="47" t="s">
        <v>5331</v>
      </c>
      <c r="W3393" s="47" t="s">
        <v>5331</v>
      </c>
      <c r="X3393" s="47" t="s">
        <v>5331</v>
      </c>
      <c r="Y3393" s="47" t="s">
        <v>5331</v>
      </c>
      <c r="Z3393" s="28"/>
      <c r="AA3393" s="27"/>
      <c r="AB3393" s="27"/>
      <c r="AC3393" s="27"/>
      <c r="AD3393" s="30"/>
      <c r="AE3393" s="1"/>
      <c r="AF3393" s="23" t="s">
        <v>5331</v>
      </c>
      <c r="AG3393" s="26"/>
      <c r="AH3393" s="53"/>
    </row>
    <row r="3394" spans="1:34" ht="51.6" customHeight="1" x14ac:dyDescent="0.45">
      <c r="A3394" s="23">
        <v>3388</v>
      </c>
      <c r="B3394" s="25"/>
      <c r="C3394" s="25"/>
      <c r="D3394" s="29"/>
      <c r="E3394" s="1"/>
      <c r="F3394" s="1"/>
      <c r="G3394" s="25"/>
      <c r="H3394" s="71"/>
      <c r="I3394" s="83"/>
      <c r="J3394" s="50" t="str">
        <f t="shared" si="106"/>
        <v/>
      </c>
      <c r="K3394" s="23" t="s">
        <v>7120</v>
      </c>
      <c r="L3394" s="49" t="e">
        <f>VLOOKUP(E3394&amp;F3394,団体コード!$A$1:$C$1743,3,FALSE)</f>
        <v>#N/A</v>
      </c>
      <c r="M3394" s="49" t="e">
        <f>VLOOKUP(E3394&amp;F3394,団体コード!$A$1:$C$1743,2,FALSE)</f>
        <v>#N/A</v>
      </c>
      <c r="N3394" s="51" t="e">
        <f>VLOOKUP(E3394,団体コード!$E$1:$F$48,2,FALSE)</f>
        <v>#N/A</v>
      </c>
      <c r="O3394" s="51" t="e">
        <f t="shared" si="107"/>
        <v>#N/A</v>
      </c>
      <c r="P3394" s="51">
        <v>1</v>
      </c>
      <c r="Q3394" s="51" t="s">
        <v>5341</v>
      </c>
      <c r="R3394" s="54" t="b">
        <v>1</v>
      </c>
      <c r="S3394" s="52" t="s">
        <v>7126</v>
      </c>
      <c r="T3394" s="67" t="s">
        <v>7127</v>
      </c>
      <c r="U3394" s="75" t="s">
        <v>5331</v>
      </c>
      <c r="V3394" s="47" t="s">
        <v>5331</v>
      </c>
      <c r="W3394" s="47" t="s">
        <v>5331</v>
      </c>
      <c r="X3394" s="47" t="s">
        <v>5331</v>
      </c>
      <c r="Y3394" s="47" t="s">
        <v>5331</v>
      </c>
      <c r="Z3394" s="28"/>
      <c r="AA3394" s="27"/>
      <c r="AB3394" s="27"/>
      <c r="AC3394" s="27"/>
      <c r="AD3394" s="30"/>
      <c r="AE3394" s="1"/>
      <c r="AF3394" s="23" t="s">
        <v>5331</v>
      </c>
      <c r="AG3394" s="26"/>
      <c r="AH3394" s="53"/>
    </row>
    <row r="3395" spans="1:34" ht="51.6" customHeight="1" x14ac:dyDescent="0.45">
      <c r="A3395" s="23">
        <v>3389</v>
      </c>
      <c r="B3395" s="25"/>
      <c r="C3395" s="25"/>
      <c r="D3395" s="29"/>
      <c r="E3395" s="1"/>
      <c r="F3395" s="1"/>
      <c r="G3395" s="25"/>
      <c r="H3395" s="71"/>
      <c r="I3395" s="83"/>
      <c r="J3395" s="50" t="str">
        <f t="shared" si="106"/>
        <v/>
      </c>
      <c r="K3395" s="23" t="s">
        <v>7120</v>
      </c>
      <c r="L3395" s="49" t="e">
        <f>VLOOKUP(E3395&amp;F3395,団体コード!$A$1:$C$1743,3,FALSE)</f>
        <v>#N/A</v>
      </c>
      <c r="M3395" s="49" t="e">
        <f>VLOOKUP(E3395&amp;F3395,団体コード!$A$1:$C$1743,2,FALSE)</f>
        <v>#N/A</v>
      </c>
      <c r="N3395" s="51" t="e">
        <f>VLOOKUP(E3395,団体コード!$E$1:$F$48,2,FALSE)</f>
        <v>#N/A</v>
      </c>
      <c r="O3395" s="51" t="e">
        <f t="shared" si="107"/>
        <v>#N/A</v>
      </c>
      <c r="P3395" s="51">
        <v>1</v>
      </c>
      <c r="Q3395" s="51" t="s">
        <v>5341</v>
      </c>
      <c r="R3395" s="54" t="b">
        <v>1</v>
      </c>
      <c r="S3395" s="52" t="s">
        <v>7126</v>
      </c>
      <c r="T3395" s="67" t="s">
        <v>7127</v>
      </c>
      <c r="U3395" s="75" t="s">
        <v>5331</v>
      </c>
      <c r="V3395" s="47" t="s">
        <v>5331</v>
      </c>
      <c r="W3395" s="47" t="s">
        <v>5331</v>
      </c>
      <c r="X3395" s="47" t="s">
        <v>5331</v>
      </c>
      <c r="Y3395" s="47" t="s">
        <v>5331</v>
      </c>
      <c r="Z3395" s="28"/>
      <c r="AA3395" s="27"/>
      <c r="AB3395" s="27"/>
      <c r="AC3395" s="27"/>
      <c r="AD3395" s="30"/>
      <c r="AE3395" s="1"/>
      <c r="AF3395" s="23" t="s">
        <v>5331</v>
      </c>
      <c r="AG3395" s="26"/>
      <c r="AH3395" s="53"/>
    </row>
    <row r="3396" spans="1:34" ht="51.6" customHeight="1" x14ac:dyDescent="0.45">
      <c r="A3396" s="23">
        <v>3390</v>
      </c>
      <c r="B3396" s="25"/>
      <c r="C3396" s="25"/>
      <c r="D3396" s="29"/>
      <c r="E3396" s="1"/>
      <c r="F3396" s="1"/>
      <c r="G3396" s="25"/>
      <c r="H3396" s="71"/>
      <c r="I3396" s="83"/>
      <c r="J3396" s="50" t="str">
        <f t="shared" si="106"/>
        <v/>
      </c>
      <c r="K3396" s="23" t="s">
        <v>7120</v>
      </c>
      <c r="L3396" s="49" t="e">
        <f>VLOOKUP(E3396&amp;F3396,団体コード!$A$1:$C$1743,3,FALSE)</f>
        <v>#N/A</v>
      </c>
      <c r="M3396" s="49" t="e">
        <f>VLOOKUP(E3396&amp;F3396,団体コード!$A$1:$C$1743,2,FALSE)</f>
        <v>#N/A</v>
      </c>
      <c r="N3396" s="51" t="e">
        <f>VLOOKUP(E3396,団体コード!$E$1:$F$48,2,FALSE)</f>
        <v>#N/A</v>
      </c>
      <c r="O3396" s="51" t="e">
        <f t="shared" si="107"/>
        <v>#N/A</v>
      </c>
      <c r="P3396" s="51">
        <v>1</v>
      </c>
      <c r="Q3396" s="51" t="s">
        <v>5341</v>
      </c>
      <c r="R3396" s="54" t="b">
        <v>1</v>
      </c>
      <c r="S3396" s="52" t="s">
        <v>7126</v>
      </c>
      <c r="T3396" s="67" t="s">
        <v>7127</v>
      </c>
      <c r="U3396" s="75" t="s">
        <v>5331</v>
      </c>
      <c r="V3396" s="47" t="s">
        <v>5331</v>
      </c>
      <c r="W3396" s="47" t="s">
        <v>5331</v>
      </c>
      <c r="X3396" s="47" t="s">
        <v>5331</v>
      </c>
      <c r="Y3396" s="47" t="s">
        <v>5331</v>
      </c>
      <c r="Z3396" s="28"/>
      <c r="AA3396" s="27"/>
      <c r="AB3396" s="27"/>
      <c r="AC3396" s="27"/>
      <c r="AD3396" s="30"/>
      <c r="AE3396" s="1"/>
      <c r="AF3396" s="23" t="s">
        <v>5331</v>
      </c>
      <c r="AG3396" s="26"/>
      <c r="AH3396" s="53"/>
    </row>
    <row r="3397" spans="1:34" ht="51.6" customHeight="1" x14ac:dyDescent="0.45">
      <c r="A3397" s="23">
        <v>3391</v>
      </c>
      <c r="B3397" s="25"/>
      <c r="C3397" s="25"/>
      <c r="D3397" s="29"/>
      <c r="E3397" s="1"/>
      <c r="F3397" s="1"/>
      <c r="G3397" s="25"/>
      <c r="H3397" s="71"/>
      <c r="I3397" s="83"/>
      <c r="J3397" s="50" t="str">
        <f t="shared" si="106"/>
        <v/>
      </c>
      <c r="K3397" s="23" t="s">
        <v>7120</v>
      </c>
      <c r="L3397" s="49" t="e">
        <f>VLOOKUP(E3397&amp;F3397,団体コード!$A$1:$C$1743,3,FALSE)</f>
        <v>#N/A</v>
      </c>
      <c r="M3397" s="49" t="e">
        <f>VLOOKUP(E3397&amp;F3397,団体コード!$A$1:$C$1743,2,FALSE)</f>
        <v>#N/A</v>
      </c>
      <c r="N3397" s="51" t="e">
        <f>VLOOKUP(E3397,団体コード!$E$1:$F$48,2,FALSE)</f>
        <v>#N/A</v>
      </c>
      <c r="O3397" s="51" t="e">
        <f t="shared" si="107"/>
        <v>#N/A</v>
      </c>
      <c r="P3397" s="51">
        <v>1</v>
      </c>
      <c r="Q3397" s="51" t="s">
        <v>5341</v>
      </c>
      <c r="R3397" s="54" t="b">
        <v>1</v>
      </c>
      <c r="S3397" s="52" t="s">
        <v>7126</v>
      </c>
      <c r="T3397" s="67" t="s">
        <v>7127</v>
      </c>
      <c r="U3397" s="75" t="s">
        <v>5331</v>
      </c>
      <c r="V3397" s="47" t="s">
        <v>5331</v>
      </c>
      <c r="W3397" s="47" t="s">
        <v>5331</v>
      </c>
      <c r="X3397" s="47" t="s">
        <v>5331</v>
      </c>
      <c r="Y3397" s="47" t="s">
        <v>5331</v>
      </c>
      <c r="Z3397" s="28"/>
      <c r="AA3397" s="27"/>
      <c r="AB3397" s="27"/>
      <c r="AC3397" s="27"/>
      <c r="AD3397" s="30"/>
      <c r="AE3397" s="1"/>
      <c r="AF3397" s="23" t="s">
        <v>5331</v>
      </c>
      <c r="AG3397" s="26"/>
      <c r="AH3397" s="53"/>
    </row>
    <row r="3398" spans="1:34" ht="51.6" customHeight="1" x14ac:dyDescent="0.45">
      <c r="A3398" s="23">
        <v>3392</v>
      </c>
      <c r="B3398" s="25"/>
      <c r="C3398" s="25"/>
      <c r="D3398" s="29"/>
      <c r="E3398" s="1"/>
      <c r="F3398" s="1"/>
      <c r="G3398" s="25"/>
      <c r="H3398" s="71"/>
      <c r="I3398" s="83"/>
      <c r="J3398" s="50" t="str">
        <f t="shared" si="106"/>
        <v/>
      </c>
      <c r="K3398" s="23" t="s">
        <v>7120</v>
      </c>
      <c r="L3398" s="49" t="e">
        <f>VLOOKUP(E3398&amp;F3398,団体コード!$A$1:$C$1743,3,FALSE)</f>
        <v>#N/A</v>
      </c>
      <c r="M3398" s="49" t="e">
        <f>VLOOKUP(E3398&amp;F3398,団体コード!$A$1:$C$1743,2,FALSE)</f>
        <v>#N/A</v>
      </c>
      <c r="N3398" s="51" t="e">
        <f>VLOOKUP(E3398,団体コード!$E$1:$F$48,2,FALSE)</f>
        <v>#N/A</v>
      </c>
      <c r="O3398" s="51" t="e">
        <f t="shared" si="107"/>
        <v>#N/A</v>
      </c>
      <c r="P3398" s="51">
        <v>1</v>
      </c>
      <c r="Q3398" s="51" t="s">
        <v>5341</v>
      </c>
      <c r="R3398" s="54" t="b">
        <v>1</v>
      </c>
      <c r="S3398" s="52" t="s">
        <v>7126</v>
      </c>
      <c r="T3398" s="67" t="s">
        <v>7127</v>
      </c>
      <c r="U3398" s="75" t="s">
        <v>5331</v>
      </c>
      <c r="V3398" s="47" t="s">
        <v>5331</v>
      </c>
      <c r="W3398" s="47" t="s">
        <v>5331</v>
      </c>
      <c r="X3398" s="47" t="s">
        <v>5331</v>
      </c>
      <c r="Y3398" s="47" t="s">
        <v>5331</v>
      </c>
      <c r="Z3398" s="28"/>
      <c r="AA3398" s="27"/>
      <c r="AB3398" s="27"/>
      <c r="AC3398" s="27"/>
      <c r="AD3398" s="30"/>
      <c r="AE3398" s="1"/>
      <c r="AF3398" s="23" t="s">
        <v>5331</v>
      </c>
      <c r="AG3398" s="26"/>
      <c r="AH3398" s="53"/>
    </row>
    <row r="3399" spans="1:34" ht="51.6" customHeight="1" x14ac:dyDescent="0.45">
      <c r="A3399" s="23">
        <v>3393</v>
      </c>
      <c r="B3399" s="25"/>
      <c r="C3399" s="25"/>
      <c r="D3399" s="29"/>
      <c r="E3399" s="1"/>
      <c r="F3399" s="1"/>
      <c r="G3399" s="25"/>
      <c r="H3399" s="71"/>
      <c r="I3399" s="83"/>
      <c r="J3399" s="50" t="str">
        <f t="shared" si="106"/>
        <v/>
      </c>
      <c r="K3399" s="23" t="s">
        <v>7120</v>
      </c>
      <c r="L3399" s="49" t="e">
        <f>VLOOKUP(E3399&amp;F3399,団体コード!$A$1:$C$1743,3,FALSE)</f>
        <v>#N/A</v>
      </c>
      <c r="M3399" s="49" t="e">
        <f>VLOOKUP(E3399&amp;F3399,団体コード!$A$1:$C$1743,2,FALSE)</f>
        <v>#N/A</v>
      </c>
      <c r="N3399" s="51" t="e">
        <f>VLOOKUP(E3399,団体コード!$E$1:$F$48,2,FALSE)</f>
        <v>#N/A</v>
      </c>
      <c r="O3399" s="51" t="e">
        <f t="shared" si="107"/>
        <v>#N/A</v>
      </c>
      <c r="P3399" s="51">
        <v>1</v>
      </c>
      <c r="Q3399" s="51" t="s">
        <v>5341</v>
      </c>
      <c r="R3399" s="54" t="b">
        <v>1</v>
      </c>
      <c r="S3399" s="52" t="s">
        <v>7126</v>
      </c>
      <c r="T3399" s="67" t="s">
        <v>7127</v>
      </c>
      <c r="U3399" s="75" t="s">
        <v>5331</v>
      </c>
      <c r="V3399" s="47" t="s">
        <v>5331</v>
      </c>
      <c r="W3399" s="47" t="s">
        <v>5331</v>
      </c>
      <c r="X3399" s="47" t="s">
        <v>5331</v>
      </c>
      <c r="Y3399" s="47" t="s">
        <v>5331</v>
      </c>
      <c r="Z3399" s="28"/>
      <c r="AA3399" s="27"/>
      <c r="AB3399" s="27"/>
      <c r="AC3399" s="27"/>
      <c r="AD3399" s="30"/>
      <c r="AE3399" s="1"/>
      <c r="AF3399" s="23" t="s">
        <v>5331</v>
      </c>
      <c r="AG3399" s="26"/>
      <c r="AH3399" s="53"/>
    </row>
    <row r="3400" spans="1:34" ht="51.6" customHeight="1" x14ac:dyDescent="0.45">
      <c r="A3400" s="23">
        <v>3394</v>
      </c>
      <c r="B3400" s="25"/>
      <c r="C3400" s="25"/>
      <c r="D3400" s="29"/>
      <c r="E3400" s="1"/>
      <c r="F3400" s="1"/>
      <c r="G3400" s="25"/>
      <c r="H3400" s="71"/>
      <c r="I3400" s="83"/>
      <c r="J3400" s="50" t="str">
        <f t="shared" ref="J3400:J3463" si="108">E3400&amp;F3400&amp;G3400</f>
        <v/>
      </c>
      <c r="K3400" s="23" t="s">
        <v>7120</v>
      </c>
      <c r="L3400" s="49" t="e">
        <f>VLOOKUP(E3400&amp;F3400,団体コード!$A$1:$C$1743,3,FALSE)</f>
        <v>#N/A</v>
      </c>
      <c r="M3400" s="49" t="e">
        <f>VLOOKUP(E3400&amp;F3400,団体コード!$A$1:$C$1743,2,FALSE)</f>
        <v>#N/A</v>
      </c>
      <c r="N3400" s="51" t="e">
        <f>VLOOKUP(E3400,団体コード!$E$1:$F$48,2,FALSE)</f>
        <v>#N/A</v>
      </c>
      <c r="O3400" s="51" t="e">
        <f t="shared" ref="O3400:O3463" si="109">N3400</f>
        <v>#N/A</v>
      </c>
      <c r="P3400" s="51">
        <v>1</v>
      </c>
      <c r="Q3400" s="51" t="s">
        <v>5341</v>
      </c>
      <c r="R3400" s="54" t="b">
        <v>1</v>
      </c>
      <c r="S3400" s="52" t="s">
        <v>7126</v>
      </c>
      <c r="T3400" s="67" t="s">
        <v>7127</v>
      </c>
      <c r="U3400" s="75" t="s">
        <v>5331</v>
      </c>
      <c r="V3400" s="47" t="s">
        <v>5331</v>
      </c>
      <c r="W3400" s="47" t="s">
        <v>5331</v>
      </c>
      <c r="X3400" s="47" t="s">
        <v>5331</v>
      </c>
      <c r="Y3400" s="47" t="s">
        <v>5331</v>
      </c>
      <c r="Z3400" s="28"/>
      <c r="AA3400" s="27"/>
      <c r="AB3400" s="27"/>
      <c r="AC3400" s="27"/>
      <c r="AD3400" s="30"/>
      <c r="AE3400" s="1"/>
      <c r="AF3400" s="23" t="s">
        <v>5331</v>
      </c>
      <c r="AG3400" s="26"/>
      <c r="AH3400" s="53"/>
    </row>
    <row r="3401" spans="1:34" ht="51.6" customHeight="1" x14ac:dyDescent="0.45">
      <c r="A3401" s="23">
        <v>3395</v>
      </c>
      <c r="B3401" s="25"/>
      <c r="C3401" s="25"/>
      <c r="D3401" s="29"/>
      <c r="E3401" s="1"/>
      <c r="F3401" s="1"/>
      <c r="G3401" s="25"/>
      <c r="H3401" s="71"/>
      <c r="I3401" s="83"/>
      <c r="J3401" s="50" t="str">
        <f t="shared" si="108"/>
        <v/>
      </c>
      <c r="K3401" s="23" t="s">
        <v>7120</v>
      </c>
      <c r="L3401" s="49" t="e">
        <f>VLOOKUP(E3401&amp;F3401,団体コード!$A$1:$C$1743,3,FALSE)</f>
        <v>#N/A</v>
      </c>
      <c r="M3401" s="49" t="e">
        <f>VLOOKUP(E3401&amp;F3401,団体コード!$A$1:$C$1743,2,FALSE)</f>
        <v>#N/A</v>
      </c>
      <c r="N3401" s="51" t="e">
        <f>VLOOKUP(E3401,団体コード!$E$1:$F$48,2,FALSE)</f>
        <v>#N/A</v>
      </c>
      <c r="O3401" s="51" t="e">
        <f t="shared" si="109"/>
        <v>#N/A</v>
      </c>
      <c r="P3401" s="51">
        <v>1</v>
      </c>
      <c r="Q3401" s="51" t="s">
        <v>5341</v>
      </c>
      <c r="R3401" s="54" t="b">
        <v>1</v>
      </c>
      <c r="S3401" s="52" t="s">
        <v>7126</v>
      </c>
      <c r="T3401" s="67" t="s">
        <v>7127</v>
      </c>
      <c r="U3401" s="75" t="s">
        <v>5331</v>
      </c>
      <c r="V3401" s="47" t="s">
        <v>5331</v>
      </c>
      <c r="W3401" s="47" t="s">
        <v>5331</v>
      </c>
      <c r="X3401" s="47" t="s">
        <v>5331</v>
      </c>
      <c r="Y3401" s="47" t="s">
        <v>5331</v>
      </c>
      <c r="Z3401" s="28"/>
      <c r="AA3401" s="27"/>
      <c r="AB3401" s="27"/>
      <c r="AC3401" s="27"/>
      <c r="AD3401" s="30"/>
      <c r="AE3401" s="1"/>
      <c r="AF3401" s="23" t="s">
        <v>5331</v>
      </c>
      <c r="AG3401" s="26"/>
      <c r="AH3401" s="53"/>
    </row>
    <row r="3402" spans="1:34" ht="51.6" customHeight="1" x14ac:dyDescent="0.45">
      <c r="A3402" s="23">
        <v>3396</v>
      </c>
      <c r="B3402" s="25"/>
      <c r="C3402" s="25"/>
      <c r="D3402" s="29"/>
      <c r="E3402" s="1"/>
      <c r="F3402" s="1"/>
      <c r="G3402" s="25"/>
      <c r="H3402" s="71"/>
      <c r="I3402" s="83"/>
      <c r="J3402" s="50" t="str">
        <f t="shared" si="108"/>
        <v/>
      </c>
      <c r="K3402" s="23" t="s">
        <v>7120</v>
      </c>
      <c r="L3402" s="49" t="e">
        <f>VLOOKUP(E3402&amp;F3402,団体コード!$A$1:$C$1743,3,FALSE)</f>
        <v>#N/A</v>
      </c>
      <c r="M3402" s="49" t="e">
        <f>VLOOKUP(E3402&amp;F3402,団体コード!$A$1:$C$1743,2,FALSE)</f>
        <v>#N/A</v>
      </c>
      <c r="N3402" s="51" t="e">
        <f>VLOOKUP(E3402,団体コード!$E$1:$F$48,2,FALSE)</f>
        <v>#N/A</v>
      </c>
      <c r="O3402" s="51" t="e">
        <f t="shared" si="109"/>
        <v>#N/A</v>
      </c>
      <c r="P3402" s="51">
        <v>1</v>
      </c>
      <c r="Q3402" s="51" t="s">
        <v>5341</v>
      </c>
      <c r="R3402" s="54" t="b">
        <v>1</v>
      </c>
      <c r="S3402" s="52" t="s">
        <v>7126</v>
      </c>
      <c r="T3402" s="67" t="s">
        <v>7127</v>
      </c>
      <c r="U3402" s="75" t="s">
        <v>5331</v>
      </c>
      <c r="V3402" s="47" t="s">
        <v>5331</v>
      </c>
      <c r="W3402" s="47" t="s">
        <v>5331</v>
      </c>
      <c r="X3402" s="47" t="s">
        <v>5331</v>
      </c>
      <c r="Y3402" s="47" t="s">
        <v>5331</v>
      </c>
      <c r="Z3402" s="28"/>
      <c r="AA3402" s="27"/>
      <c r="AB3402" s="27"/>
      <c r="AC3402" s="27"/>
      <c r="AD3402" s="30"/>
      <c r="AE3402" s="1"/>
      <c r="AF3402" s="23" t="s">
        <v>5331</v>
      </c>
      <c r="AG3402" s="26"/>
      <c r="AH3402" s="53"/>
    </row>
    <row r="3403" spans="1:34" ht="51.6" customHeight="1" x14ac:dyDescent="0.45">
      <c r="A3403" s="23">
        <v>3397</v>
      </c>
      <c r="B3403" s="25"/>
      <c r="C3403" s="25"/>
      <c r="D3403" s="29"/>
      <c r="E3403" s="1"/>
      <c r="F3403" s="1"/>
      <c r="G3403" s="25"/>
      <c r="H3403" s="71"/>
      <c r="I3403" s="83"/>
      <c r="J3403" s="50" t="str">
        <f t="shared" si="108"/>
        <v/>
      </c>
      <c r="K3403" s="23" t="s">
        <v>7120</v>
      </c>
      <c r="L3403" s="49" t="e">
        <f>VLOOKUP(E3403&amp;F3403,団体コード!$A$1:$C$1743,3,FALSE)</f>
        <v>#N/A</v>
      </c>
      <c r="M3403" s="49" t="e">
        <f>VLOOKUP(E3403&amp;F3403,団体コード!$A$1:$C$1743,2,FALSE)</f>
        <v>#N/A</v>
      </c>
      <c r="N3403" s="51" t="e">
        <f>VLOOKUP(E3403,団体コード!$E$1:$F$48,2,FALSE)</f>
        <v>#N/A</v>
      </c>
      <c r="O3403" s="51" t="e">
        <f t="shared" si="109"/>
        <v>#N/A</v>
      </c>
      <c r="P3403" s="51">
        <v>1</v>
      </c>
      <c r="Q3403" s="51" t="s">
        <v>5341</v>
      </c>
      <c r="R3403" s="54" t="b">
        <v>1</v>
      </c>
      <c r="S3403" s="52" t="s">
        <v>7126</v>
      </c>
      <c r="T3403" s="67" t="s">
        <v>7127</v>
      </c>
      <c r="U3403" s="75" t="s">
        <v>5331</v>
      </c>
      <c r="V3403" s="47" t="s">
        <v>5331</v>
      </c>
      <c r="W3403" s="47" t="s">
        <v>5331</v>
      </c>
      <c r="X3403" s="47" t="s">
        <v>5331</v>
      </c>
      <c r="Y3403" s="47" t="s">
        <v>5331</v>
      </c>
      <c r="Z3403" s="28"/>
      <c r="AA3403" s="27"/>
      <c r="AB3403" s="27"/>
      <c r="AC3403" s="27"/>
      <c r="AD3403" s="30"/>
      <c r="AE3403" s="1"/>
      <c r="AF3403" s="23" t="s">
        <v>5331</v>
      </c>
      <c r="AG3403" s="26"/>
      <c r="AH3403" s="53"/>
    </row>
    <row r="3404" spans="1:34" ht="51.6" customHeight="1" x14ac:dyDescent="0.45">
      <c r="A3404" s="23">
        <v>3398</v>
      </c>
      <c r="B3404" s="25"/>
      <c r="C3404" s="25"/>
      <c r="D3404" s="29"/>
      <c r="E3404" s="1"/>
      <c r="F3404" s="1"/>
      <c r="G3404" s="25"/>
      <c r="H3404" s="71"/>
      <c r="I3404" s="83"/>
      <c r="J3404" s="50" t="str">
        <f t="shared" si="108"/>
        <v/>
      </c>
      <c r="K3404" s="23" t="s">
        <v>7120</v>
      </c>
      <c r="L3404" s="49" t="e">
        <f>VLOOKUP(E3404&amp;F3404,団体コード!$A$1:$C$1743,3,FALSE)</f>
        <v>#N/A</v>
      </c>
      <c r="M3404" s="49" t="e">
        <f>VLOOKUP(E3404&amp;F3404,団体コード!$A$1:$C$1743,2,FALSE)</f>
        <v>#N/A</v>
      </c>
      <c r="N3404" s="51" t="e">
        <f>VLOOKUP(E3404,団体コード!$E$1:$F$48,2,FALSE)</f>
        <v>#N/A</v>
      </c>
      <c r="O3404" s="51" t="e">
        <f t="shared" si="109"/>
        <v>#N/A</v>
      </c>
      <c r="P3404" s="51">
        <v>1</v>
      </c>
      <c r="Q3404" s="51" t="s">
        <v>5341</v>
      </c>
      <c r="R3404" s="54" t="b">
        <v>1</v>
      </c>
      <c r="S3404" s="52" t="s">
        <v>7126</v>
      </c>
      <c r="T3404" s="67" t="s">
        <v>7127</v>
      </c>
      <c r="U3404" s="75" t="s">
        <v>5331</v>
      </c>
      <c r="V3404" s="47" t="s">
        <v>5331</v>
      </c>
      <c r="W3404" s="47" t="s">
        <v>5331</v>
      </c>
      <c r="X3404" s="47" t="s">
        <v>5331</v>
      </c>
      <c r="Y3404" s="47" t="s">
        <v>5331</v>
      </c>
      <c r="Z3404" s="28"/>
      <c r="AA3404" s="27"/>
      <c r="AB3404" s="27"/>
      <c r="AC3404" s="27"/>
      <c r="AD3404" s="30"/>
      <c r="AE3404" s="1"/>
      <c r="AF3404" s="23" t="s">
        <v>5331</v>
      </c>
      <c r="AG3404" s="26"/>
      <c r="AH3404" s="53"/>
    </row>
    <row r="3405" spans="1:34" ht="51.6" customHeight="1" x14ac:dyDescent="0.45">
      <c r="A3405" s="23">
        <v>3399</v>
      </c>
      <c r="B3405" s="25"/>
      <c r="C3405" s="25"/>
      <c r="D3405" s="29"/>
      <c r="E3405" s="1"/>
      <c r="F3405" s="1"/>
      <c r="G3405" s="25"/>
      <c r="H3405" s="71"/>
      <c r="I3405" s="83"/>
      <c r="J3405" s="50" t="str">
        <f t="shared" si="108"/>
        <v/>
      </c>
      <c r="K3405" s="23" t="s">
        <v>7120</v>
      </c>
      <c r="L3405" s="49" t="e">
        <f>VLOOKUP(E3405&amp;F3405,団体コード!$A$1:$C$1743,3,FALSE)</f>
        <v>#N/A</v>
      </c>
      <c r="M3405" s="49" t="e">
        <f>VLOOKUP(E3405&amp;F3405,団体コード!$A$1:$C$1743,2,FALSE)</f>
        <v>#N/A</v>
      </c>
      <c r="N3405" s="51" t="e">
        <f>VLOOKUP(E3405,団体コード!$E$1:$F$48,2,FALSE)</f>
        <v>#N/A</v>
      </c>
      <c r="O3405" s="51" t="e">
        <f t="shared" si="109"/>
        <v>#N/A</v>
      </c>
      <c r="P3405" s="51">
        <v>1</v>
      </c>
      <c r="Q3405" s="51" t="s">
        <v>5341</v>
      </c>
      <c r="R3405" s="54" t="b">
        <v>1</v>
      </c>
      <c r="S3405" s="52" t="s">
        <v>7126</v>
      </c>
      <c r="T3405" s="67" t="s">
        <v>7127</v>
      </c>
      <c r="U3405" s="75" t="s">
        <v>5331</v>
      </c>
      <c r="V3405" s="47" t="s">
        <v>5331</v>
      </c>
      <c r="W3405" s="47" t="s">
        <v>5331</v>
      </c>
      <c r="X3405" s="47" t="s">
        <v>5331</v>
      </c>
      <c r="Y3405" s="47" t="s">
        <v>5331</v>
      </c>
      <c r="Z3405" s="28"/>
      <c r="AA3405" s="27"/>
      <c r="AB3405" s="27"/>
      <c r="AC3405" s="27"/>
      <c r="AD3405" s="30"/>
      <c r="AE3405" s="1"/>
      <c r="AF3405" s="23" t="s">
        <v>5331</v>
      </c>
      <c r="AG3405" s="26"/>
      <c r="AH3405" s="53"/>
    </row>
    <row r="3406" spans="1:34" ht="51.6" customHeight="1" x14ac:dyDescent="0.45">
      <c r="A3406" s="23">
        <v>3400</v>
      </c>
      <c r="B3406" s="25"/>
      <c r="C3406" s="25"/>
      <c r="D3406" s="29"/>
      <c r="E3406" s="1"/>
      <c r="F3406" s="1"/>
      <c r="G3406" s="25"/>
      <c r="H3406" s="71"/>
      <c r="I3406" s="83"/>
      <c r="J3406" s="50" t="str">
        <f t="shared" si="108"/>
        <v/>
      </c>
      <c r="K3406" s="23" t="s">
        <v>7120</v>
      </c>
      <c r="L3406" s="49" t="e">
        <f>VLOOKUP(E3406&amp;F3406,団体コード!$A$1:$C$1743,3,FALSE)</f>
        <v>#N/A</v>
      </c>
      <c r="M3406" s="49" t="e">
        <f>VLOOKUP(E3406&amp;F3406,団体コード!$A$1:$C$1743,2,FALSE)</f>
        <v>#N/A</v>
      </c>
      <c r="N3406" s="51" t="e">
        <f>VLOOKUP(E3406,団体コード!$E$1:$F$48,2,FALSE)</f>
        <v>#N/A</v>
      </c>
      <c r="O3406" s="51" t="e">
        <f t="shared" si="109"/>
        <v>#N/A</v>
      </c>
      <c r="P3406" s="51">
        <v>1</v>
      </c>
      <c r="Q3406" s="51" t="s">
        <v>5341</v>
      </c>
      <c r="R3406" s="54" t="b">
        <v>1</v>
      </c>
      <c r="S3406" s="52" t="s">
        <v>7126</v>
      </c>
      <c r="T3406" s="67" t="s">
        <v>7127</v>
      </c>
      <c r="U3406" s="75" t="s">
        <v>5331</v>
      </c>
      <c r="V3406" s="47" t="s">
        <v>5331</v>
      </c>
      <c r="W3406" s="47" t="s">
        <v>5331</v>
      </c>
      <c r="X3406" s="47" t="s">
        <v>5331</v>
      </c>
      <c r="Y3406" s="47" t="s">
        <v>5331</v>
      </c>
      <c r="Z3406" s="28"/>
      <c r="AA3406" s="27"/>
      <c r="AB3406" s="27"/>
      <c r="AC3406" s="27"/>
      <c r="AD3406" s="30"/>
      <c r="AE3406" s="1"/>
      <c r="AF3406" s="23" t="s">
        <v>5331</v>
      </c>
      <c r="AG3406" s="26"/>
      <c r="AH3406" s="53"/>
    </row>
    <row r="3407" spans="1:34" ht="51.6" customHeight="1" x14ac:dyDescent="0.45">
      <c r="A3407" s="23">
        <v>3401</v>
      </c>
      <c r="B3407" s="25"/>
      <c r="C3407" s="25"/>
      <c r="D3407" s="29"/>
      <c r="E3407" s="1"/>
      <c r="F3407" s="1"/>
      <c r="G3407" s="25"/>
      <c r="H3407" s="71"/>
      <c r="I3407" s="83"/>
      <c r="J3407" s="50" t="str">
        <f t="shared" si="108"/>
        <v/>
      </c>
      <c r="K3407" s="23" t="s">
        <v>7120</v>
      </c>
      <c r="L3407" s="49" t="e">
        <f>VLOOKUP(E3407&amp;F3407,団体コード!$A$1:$C$1743,3,FALSE)</f>
        <v>#N/A</v>
      </c>
      <c r="M3407" s="49" t="e">
        <f>VLOOKUP(E3407&amp;F3407,団体コード!$A$1:$C$1743,2,FALSE)</f>
        <v>#N/A</v>
      </c>
      <c r="N3407" s="51" t="e">
        <f>VLOOKUP(E3407,団体コード!$E$1:$F$48,2,FALSE)</f>
        <v>#N/A</v>
      </c>
      <c r="O3407" s="51" t="e">
        <f t="shared" si="109"/>
        <v>#N/A</v>
      </c>
      <c r="P3407" s="51">
        <v>1</v>
      </c>
      <c r="Q3407" s="51" t="s">
        <v>5341</v>
      </c>
      <c r="R3407" s="54" t="b">
        <v>1</v>
      </c>
      <c r="S3407" s="52" t="s">
        <v>7126</v>
      </c>
      <c r="T3407" s="67" t="s">
        <v>7127</v>
      </c>
      <c r="U3407" s="75" t="s">
        <v>5331</v>
      </c>
      <c r="V3407" s="47" t="s">
        <v>5331</v>
      </c>
      <c r="W3407" s="47" t="s">
        <v>5331</v>
      </c>
      <c r="X3407" s="47" t="s">
        <v>5331</v>
      </c>
      <c r="Y3407" s="47" t="s">
        <v>5331</v>
      </c>
      <c r="Z3407" s="28"/>
      <c r="AA3407" s="27"/>
      <c r="AB3407" s="27"/>
      <c r="AC3407" s="27"/>
      <c r="AD3407" s="30"/>
      <c r="AE3407" s="1"/>
      <c r="AF3407" s="23" t="s">
        <v>5331</v>
      </c>
      <c r="AG3407" s="26"/>
      <c r="AH3407" s="53"/>
    </row>
    <row r="3408" spans="1:34" ht="51.6" customHeight="1" x14ac:dyDescent="0.45">
      <c r="A3408" s="23">
        <v>3402</v>
      </c>
      <c r="B3408" s="25"/>
      <c r="C3408" s="25"/>
      <c r="D3408" s="29"/>
      <c r="E3408" s="1"/>
      <c r="F3408" s="1"/>
      <c r="G3408" s="25"/>
      <c r="H3408" s="71"/>
      <c r="I3408" s="83"/>
      <c r="J3408" s="50" t="str">
        <f t="shared" si="108"/>
        <v/>
      </c>
      <c r="K3408" s="23" t="s">
        <v>7120</v>
      </c>
      <c r="L3408" s="49" t="e">
        <f>VLOOKUP(E3408&amp;F3408,団体コード!$A$1:$C$1743,3,FALSE)</f>
        <v>#N/A</v>
      </c>
      <c r="M3408" s="49" t="e">
        <f>VLOOKUP(E3408&amp;F3408,団体コード!$A$1:$C$1743,2,FALSE)</f>
        <v>#N/A</v>
      </c>
      <c r="N3408" s="51" t="e">
        <f>VLOOKUP(E3408,団体コード!$E$1:$F$48,2,FALSE)</f>
        <v>#N/A</v>
      </c>
      <c r="O3408" s="51" t="e">
        <f t="shared" si="109"/>
        <v>#N/A</v>
      </c>
      <c r="P3408" s="51">
        <v>1</v>
      </c>
      <c r="Q3408" s="51" t="s">
        <v>5341</v>
      </c>
      <c r="R3408" s="54" t="b">
        <v>1</v>
      </c>
      <c r="S3408" s="52" t="s">
        <v>7126</v>
      </c>
      <c r="T3408" s="67" t="s">
        <v>7127</v>
      </c>
      <c r="U3408" s="75" t="s">
        <v>5331</v>
      </c>
      <c r="V3408" s="47" t="s">
        <v>5331</v>
      </c>
      <c r="W3408" s="47" t="s">
        <v>5331</v>
      </c>
      <c r="X3408" s="47" t="s">
        <v>5331</v>
      </c>
      <c r="Y3408" s="47" t="s">
        <v>5331</v>
      </c>
      <c r="Z3408" s="28"/>
      <c r="AA3408" s="27"/>
      <c r="AB3408" s="27"/>
      <c r="AC3408" s="27"/>
      <c r="AD3408" s="30"/>
      <c r="AE3408" s="1"/>
      <c r="AF3408" s="23" t="s">
        <v>5331</v>
      </c>
      <c r="AG3408" s="26"/>
      <c r="AH3408" s="53"/>
    </row>
    <row r="3409" spans="1:34" ht="51.6" customHeight="1" x14ac:dyDescent="0.45">
      <c r="A3409" s="23">
        <v>3403</v>
      </c>
      <c r="B3409" s="25"/>
      <c r="C3409" s="25"/>
      <c r="D3409" s="29"/>
      <c r="E3409" s="1"/>
      <c r="F3409" s="1"/>
      <c r="G3409" s="25"/>
      <c r="H3409" s="71"/>
      <c r="I3409" s="83"/>
      <c r="J3409" s="50" t="str">
        <f t="shared" si="108"/>
        <v/>
      </c>
      <c r="K3409" s="23" t="s">
        <v>7120</v>
      </c>
      <c r="L3409" s="49" t="e">
        <f>VLOOKUP(E3409&amp;F3409,団体コード!$A$1:$C$1743,3,FALSE)</f>
        <v>#N/A</v>
      </c>
      <c r="M3409" s="49" t="e">
        <f>VLOOKUP(E3409&amp;F3409,団体コード!$A$1:$C$1743,2,FALSE)</f>
        <v>#N/A</v>
      </c>
      <c r="N3409" s="51" t="e">
        <f>VLOOKUP(E3409,団体コード!$E$1:$F$48,2,FALSE)</f>
        <v>#N/A</v>
      </c>
      <c r="O3409" s="51" t="e">
        <f t="shared" si="109"/>
        <v>#N/A</v>
      </c>
      <c r="P3409" s="51">
        <v>1</v>
      </c>
      <c r="Q3409" s="51" t="s">
        <v>5341</v>
      </c>
      <c r="R3409" s="54" t="b">
        <v>1</v>
      </c>
      <c r="S3409" s="52" t="s">
        <v>7126</v>
      </c>
      <c r="T3409" s="67" t="s">
        <v>7127</v>
      </c>
      <c r="U3409" s="75" t="s">
        <v>5331</v>
      </c>
      <c r="V3409" s="47" t="s">
        <v>5331</v>
      </c>
      <c r="W3409" s="47" t="s">
        <v>5331</v>
      </c>
      <c r="X3409" s="47" t="s">
        <v>5331</v>
      </c>
      <c r="Y3409" s="47" t="s">
        <v>5331</v>
      </c>
      <c r="Z3409" s="28"/>
      <c r="AA3409" s="27"/>
      <c r="AB3409" s="27"/>
      <c r="AC3409" s="27"/>
      <c r="AD3409" s="30"/>
      <c r="AE3409" s="1"/>
      <c r="AF3409" s="23" t="s">
        <v>5331</v>
      </c>
      <c r="AG3409" s="26"/>
      <c r="AH3409" s="53"/>
    </row>
    <row r="3410" spans="1:34" ht="51.6" customHeight="1" x14ac:dyDescent="0.45">
      <c r="A3410" s="23">
        <v>3404</v>
      </c>
      <c r="B3410" s="25"/>
      <c r="C3410" s="25"/>
      <c r="D3410" s="29"/>
      <c r="E3410" s="1"/>
      <c r="F3410" s="1"/>
      <c r="G3410" s="25"/>
      <c r="H3410" s="71"/>
      <c r="I3410" s="83"/>
      <c r="J3410" s="50" t="str">
        <f t="shared" si="108"/>
        <v/>
      </c>
      <c r="K3410" s="23" t="s">
        <v>7120</v>
      </c>
      <c r="L3410" s="49" t="e">
        <f>VLOOKUP(E3410&amp;F3410,団体コード!$A$1:$C$1743,3,FALSE)</f>
        <v>#N/A</v>
      </c>
      <c r="M3410" s="49" t="e">
        <f>VLOOKUP(E3410&amp;F3410,団体コード!$A$1:$C$1743,2,FALSE)</f>
        <v>#N/A</v>
      </c>
      <c r="N3410" s="51" t="e">
        <f>VLOOKUP(E3410,団体コード!$E$1:$F$48,2,FALSE)</f>
        <v>#N/A</v>
      </c>
      <c r="O3410" s="51" t="e">
        <f t="shared" si="109"/>
        <v>#N/A</v>
      </c>
      <c r="P3410" s="51">
        <v>1</v>
      </c>
      <c r="Q3410" s="51" t="s">
        <v>5341</v>
      </c>
      <c r="R3410" s="54" t="b">
        <v>1</v>
      </c>
      <c r="S3410" s="52" t="s">
        <v>7126</v>
      </c>
      <c r="T3410" s="67" t="s">
        <v>7127</v>
      </c>
      <c r="U3410" s="75" t="s">
        <v>5331</v>
      </c>
      <c r="V3410" s="47" t="s">
        <v>5331</v>
      </c>
      <c r="W3410" s="47" t="s">
        <v>5331</v>
      </c>
      <c r="X3410" s="47" t="s">
        <v>5331</v>
      </c>
      <c r="Y3410" s="47" t="s">
        <v>5331</v>
      </c>
      <c r="Z3410" s="28"/>
      <c r="AA3410" s="27"/>
      <c r="AB3410" s="27"/>
      <c r="AC3410" s="27"/>
      <c r="AD3410" s="30"/>
      <c r="AE3410" s="1"/>
      <c r="AF3410" s="23" t="s">
        <v>5331</v>
      </c>
      <c r="AG3410" s="26"/>
      <c r="AH3410" s="53"/>
    </row>
    <row r="3411" spans="1:34" ht="51.6" customHeight="1" x14ac:dyDescent="0.45">
      <c r="A3411" s="23">
        <v>3405</v>
      </c>
      <c r="B3411" s="25"/>
      <c r="C3411" s="25"/>
      <c r="D3411" s="29"/>
      <c r="E3411" s="1"/>
      <c r="F3411" s="1"/>
      <c r="G3411" s="25"/>
      <c r="H3411" s="71"/>
      <c r="I3411" s="83"/>
      <c r="J3411" s="50" t="str">
        <f t="shared" si="108"/>
        <v/>
      </c>
      <c r="K3411" s="23" t="s">
        <v>7120</v>
      </c>
      <c r="L3411" s="49" t="e">
        <f>VLOOKUP(E3411&amp;F3411,団体コード!$A$1:$C$1743,3,FALSE)</f>
        <v>#N/A</v>
      </c>
      <c r="M3411" s="49" t="e">
        <f>VLOOKUP(E3411&amp;F3411,団体コード!$A$1:$C$1743,2,FALSE)</f>
        <v>#N/A</v>
      </c>
      <c r="N3411" s="51" t="e">
        <f>VLOOKUP(E3411,団体コード!$E$1:$F$48,2,FALSE)</f>
        <v>#N/A</v>
      </c>
      <c r="O3411" s="51" t="e">
        <f t="shared" si="109"/>
        <v>#N/A</v>
      </c>
      <c r="P3411" s="51">
        <v>1</v>
      </c>
      <c r="Q3411" s="51" t="s">
        <v>5341</v>
      </c>
      <c r="R3411" s="54" t="b">
        <v>1</v>
      </c>
      <c r="S3411" s="52" t="s">
        <v>7126</v>
      </c>
      <c r="T3411" s="67" t="s">
        <v>7127</v>
      </c>
      <c r="U3411" s="75" t="s">
        <v>5331</v>
      </c>
      <c r="V3411" s="47" t="s">
        <v>5331</v>
      </c>
      <c r="W3411" s="47" t="s">
        <v>5331</v>
      </c>
      <c r="X3411" s="47" t="s">
        <v>5331</v>
      </c>
      <c r="Y3411" s="47" t="s">
        <v>5331</v>
      </c>
      <c r="Z3411" s="28"/>
      <c r="AA3411" s="27"/>
      <c r="AB3411" s="27"/>
      <c r="AC3411" s="27"/>
      <c r="AD3411" s="30"/>
      <c r="AE3411" s="1"/>
      <c r="AF3411" s="23" t="s">
        <v>5331</v>
      </c>
      <c r="AG3411" s="26"/>
      <c r="AH3411" s="53"/>
    </row>
    <row r="3412" spans="1:34" ht="51.6" customHeight="1" x14ac:dyDescent="0.45">
      <c r="A3412" s="23">
        <v>3406</v>
      </c>
      <c r="B3412" s="25"/>
      <c r="C3412" s="25"/>
      <c r="D3412" s="29"/>
      <c r="E3412" s="1"/>
      <c r="F3412" s="1"/>
      <c r="G3412" s="25"/>
      <c r="H3412" s="71"/>
      <c r="I3412" s="83"/>
      <c r="J3412" s="50" t="str">
        <f t="shared" si="108"/>
        <v/>
      </c>
      <c r="K3412" s="23" t="s">
        <v>7120</v>
      </c>
      <c r="L3412" s="49" t="e">
        <f>VLOOKUP(E3412&amp;F3412,団体コード!$A$1:$C$1743,3,FALSE)</f>
        <v>#N/A</v>
      </c>
      <c r="M3412" s="49" t="e">
        <f>VLOOKUP(E3412&amp;F3412,団体コード!$A$1:$C$1743,2,FALSE)</f>
        <v>#N/A</v>
      </c>
      <c r="N3412" s="51" t="e">
        <f>VLOOKUP(E3412,団体コード!$E$1:$F$48,2,FALSE)</f>
        <v>#N/A</v>
      </c>
      <c r="O3412" s="51" t="e">
        <f t="shared" si="109"/>
        <v>#N/A</v>
      </c>
      <c r="P3412" s="51">
        <v>1</v>
      </c>
      <c r="Q3412" s="51" t="s">
        <v>5341</v>
      </c>
      <c r="R3412" s="54" t="b">
        <v>1</v>
      </c>
      <c r="S3412" s="52" t="s">
        <v>7126</v>
      </c>
      <c r="T3412" s="67" t="s">
        <v>7127</v>
      </c>
      <c r="U3412" s="75" t="s">
        <v>5331</v>
      </c>
      <c r="V3412" s="47" t="s">
        <v>5331</v>
      </c>
      <c r="W3412" s="47" t="s">
        <v>5331</v>
      </c>
      <c r="X3412" s="47" t="s">
        <v>5331</v>
      </c>
      <c r="Y3412" s="47" t="s">
        <v>5331</v>
      </c>
      <c r="Z3412" s="28"/>
      <c r="AA3412" s="27"/>
      <c r="AB3412" s="27"/>
      <c r="AC3412" s="27"/>
      <c r="AD3412" s="30"/>
      <c r="AE3412" s="1"/>
      <c r="AF3412" s="23" t="s">
        <v>5331</v>
      </c>
      <c r="AG3412" s="26"/>
      <c r="AH3412" s="53"/>
    </row>
    <row r="3413" spans="1:34" ht="51.6" customHeight="1" x14ac:dyDescent="0.45">
      <c r="A3413" s="23">
        <v>3407</v>
      </c>
      <c r="B3413" s="25"/>
      <c r="C3413" s="25"/>
      <c r="D3413" s="29"/>
      <c r="E3413" s="1"/>
      <c r="F3413" s="1"/>
      <c r="G3413" s="25"/>
      <c r="H3413" s="71"/>
      <c r="I3413" s="83"/>
      <c r="J3413" s="50" t="str">
        <f t="shared" si="108"/>
        <v/>
      </c>
      <c r="K3413" s="23" t="s">
        <v>7120</v>
      </c>
      <c r="L3413" s="49" t="e">
        <f>VLOOKUP(E3413&amp;F3413,団体コード!$A$1:$C$1743,3,FALSE)</f>
        <v>#N/A</v>
      </c>
      <c r="M3413" s="49" t="e">
        <f>VLOOKUP(E3413&amp;F3413,団体コード!$A$1:$C$1743,2,FALSE)</f>
        <v>#N/A</v>
      </c>
      <c r="N3413" s="51" t="e">
        <f>VLOOKUP(E3413,団体コード!$E$1:$F$48,2,FALSE)</f>
        <v>#N/A</v>
      </c>
      <c r="O3413" s="51" t="e">
        <f t="shared" si="109"/>
        <v>#N/A</v>
      </c>
      <c r="P3413" s="51">
        <v>1</v>
      </c>
      <c r="Q3413" s="51" t="s">
        <v>5341</v>
      </c>
      <c r="R3413" s="54" t="b">
        <v>1</v>
      </c>
      <c r="S3413" s="52" t="s">
        <v>7126</v>
      </c>
      <c r="T3413" s="67" t="s">
        <v>7127</v>
      </c>
      <c r="U3413" s="75" t="s">
        <v>5331</v>
      </c>
      <c r="V3413" s="47" t="s">
        <v>5331</v>
      </c>
      <c r="W3413" s="47" t="s">
        <v>5331</v>
      </c>
      <c r="X3413" s="47" t="s">
        <v>5331</v>
      </c>
      <c r="Y3413" s="47" t="s">
        <v>5331</v>
      </c>
      <c r="Z3413" s="28"/>
      <c r="AA3413" s="27"/>
      <c r="AB3413" s="27"/>
      <c r="AC3413" s="27"/>
      <c r="AD3413" s="30"/>
      <c r="AE3413" s="1"/>
      <c r="AF3413" s="23" t="s">
        <v>5331</v>
      </c>
      <c r="AG3413" s="26"/>
      <c r="AH3413" s="53"/>
    </row>
    <row r="3414" spans="1:34" ht="51.6" customHeight="1" x14ac:dyDescent="0.45">
      <c r="A3414" s="23">
        <v>3408</v>
      </c>
      <c r="B3414" s="25"/>
      <c r="C3414" s="25"/>
      <c r="D3414" s="29"/>
      <c r="E3414" s="1"/>
      <c r="F3414" s="1"/>
      <c r="G3414" s="25"/>
      <c r="H3414" s="71"/>
      <c r="I3414" s="83"/>
      <c r="J3414" s="50" t="str">
        <f t="shared" si="108"/>
        <v/>
      </c>
      <c r="K3414" s="23" t="s">
        <v>7120</v>
      </c>
      <c r="L3414" s="49" t="e">
        <f>VLOOKUP(E3414&amp;F3414,団体コード!$A$1:$C$1743,3,FALSE)</f>
        <v>#N/A</v>
      </c>
      <c r="M3414" s="49" t="e">
        <f>VLOOKUP(E3414&amp;F3414,団体コード!$A$1:$C$1743,2,FALSE)</f>
        <v>#N/A</v>
      </c>
      <c r="N3414" s="51" t="e">
        <f>VLOOKUP(E3414,団体コード!$E$1:$F$48,2,FALSE)</f>
        <v>#N/A</v>
      </c>
      <c r="O3414" s="51" t="e">
        <f t="shared" si="109"/>
        <v>#N/A</v>
      </c>
      <c r="P3414" s="51">
        <v>1</v>
      </c>
      <c r="Q3414" s="51" t="s">
        <v>5341</v>
      </c>
      <c r="R3414" s="54" t="b">
        <v>1</v>
      </c>
      <c r="S3414" s="52" t="s">
        <v>7126</v>
      </c>
      <c r="T3414" s="67" t="s">
        <v>7127</v>
      </c>
      <c r="U3414" s="75" t="s">
        <v>5331</v>
      </c>
      <c r="V3414" s="47" t="s">
        <v>5331</v>
      </c>
      <c r="W3414" s="47" t="s">
        <v>5331</v>
      </c>
      <c r="X3414" s="47" t="s">
        <v>5331</v>
      </c>
      <c r="Y3414" s="47" t="s">
        <v>5331</v>
      </c>
      <c r="Z3414" s="28"/>
      <c r="AA3414" s="27"/>
      <c r="AB3414" s="27"/>
      <c r="AC3414" s="27"/>
      <c r="AD3414" s="30"/>
      <c r="AE3414" s="1"/>
      <c r="AF3414" s="23" t="s">
        <v>5331</v>
      </c>
      <c r="AG3414" s="26"/>
      <c r="AH3414" s="53"/>
    </row>
    <row r="3415" spans="1:34" ht="51.6" customHeight="1" x14ac:dyDescent="0.45">
      <c r="A3415" s="23">
        <v>3409</v>
      </c>
      <c r="B3415" s="25"/>
      <c r="C3415" s="25"/>
      <c r="D3415" s="29"/>
      <c r="E3415" s="1"/>
      <c r="F3415" s="1"/>
      <c r="G3415" s="25"/>
      <c r="H3415" s="71"/>
      <c r="I3415" s="83"/>
      <c r="J3415" s="50" t="str">
        <f t="shared" si="108"/>
        <v/>
      </c>
      <c r="K3415" s="23" t="s">
        <v>7120</v>
      </c>
      <c r="L3415" s="49" t="e">
        <f>VLOOKUP(E3415&amp;F3415,団体コード!$A$1:$C$1743,3,FALSE)</f>
        <v>#N/A</v>
      </c>
      <c r="M3415" s="49" t="e">
        <f>VLOOKUP(E3415&amp;F3415,団体コード!$A$1:$C$1743,2,FALSE)</f>
        <v>#N/A</v>
      </c>
      <c r="N3415" s="51" t="e">
        <f>VLOOKUP(E3415,団体コード!$E$1:$F$48,2,FALSE)</f>
        <v>#N/A</v>
      </c>
      <c r="O3415" s="51" t="e">
        <f t="shared" si="109"/>
        <v>#N/A</v>
      </c>
      <c r="P3415" s="51">
        <v>1</v>
      </c>
      <c r="Q3415" s="51" t="s">
        <v>5341</v>
      </c>
      <c r="R3415" s="54" t="b">
        <v>1</v>
      </c>
      <c r="S3415" s="52" t="s">
        <v>7126</v>
      </c>
      <c r="T3415" s="67" t="s">
        <v>7127</v>
      </c>
      <c r="U3415" s="75" t="s">
        <v>5331</v>
      </c>
      <c r="V3415" s="47" t="s">
        <v>5331</v>
      </c>
      <c r="W3415" s="47" t="s">
        <v>5331</v>
      </c>
      <c r="X3415" s="47" t="s">
        <v>5331</v>
      </c>
      <c r="Y3415" s="47" t="s">
        <v>5331</v>
      </c>
      <c r="Z3415" s="28"/>
      <c r="AA3415" s="27"/>
      <c r="AB3415" s="27"/>
      <c r="AC3415" s="27"/>
      <c r="AD3415" s="30"/>
      <c r="AE3415" s="1"/>
      <c r="AF3415" s="23" t="s">
        <v>5331</v>
      </c>
      <c r="AG3415" s="26"/>
      <c r="AH3415" s="53"/>
    </row>
    <row r="3416" spans="1:34" ht="51.6" customHeight="1" x14ac:dyDescent="0.45">
      <c r="A3416" s="23">
        <v>3410</v>
      </c>
      <c r="B3416" s="25"/>
      <c r="C3416" s="25"/>
      <c r="D3416" s="29"/>
      <c r="E3416" s="1"/>
      <c r="F3416" s="1"/>
      <c r="G3416" s="25"/>
      <c r="H3416" s="71"/>
      <c r="I3416" s="83"/>
      <c r="J3416" s="50" t="str">
        <f t="shared" si="108"/>
        <v/>
      </c>
      <c r="K3416" s="23" t="s">
        <v>7120</v>
      </c>
      <c r="L3416" s="49" t="e">
        <f>VLOOKUP(E3416&amp;F3416,団体コード!$A$1:$C$1743,3,FALSE)</f>
        <v>#N/A</v>
      </c>
      <c r="M3416" s="49" t="e">
        <f>VLOOKUP(E3416&amp;F3416,団体コード!$A$1:$C$1743,2,FALSE)</f>
        <v>#N/A</v>
      </c>
      <c r="N3416" s="51" t="e">
        <f>VLOOKUP(E3416,団体コード!$E$1:$F$48,2,FALSE)</f>
        <v>#N/A</v>
      </c>
      <c r="O3416" s="51" t="e">
        <f t="shared" si="109"/>
        <v>#N/A</v>
      </c>
      <c r="P3416" s="51">
        <v>1</v>
      </c>
      <c r="Q3416" s="51" t="s">
        <v>5341</v>
      </c>
      <c r="R3416" s="54" t="b">
        <v>1</v>
      </c>
      <c r="S3416" s="52" t="s">
        <v>7126</v>
      </c>
      <c r="T3416" s="67" t="s">
        <v>7127</v>
      </c>
      <c r="U3416" s="75" t="s">
        <v>5331</v>
      </c>
      <c r="V3416" s="47" t="s">
        <v>5331</v>
      </c>
      <c r="W3416" s="47" t="s">
        <v>5331</v>
      </c>
      <c r="X3416" s="47" t="s">
        <v>5331</v>
      </c>
      <c r="Y3416" s="47" t="s">
        <v>5331</v>
      </c>
      <c r="Z3416" s="28"/>
      <c r="AA3416" s="27"/>
      <c r="AB3416" s="27"/>
      <c r="AC3416" s="27"/>
      <c r="AD3416" s="30"/>
      <c r="AE3416" s="1"/>
      <c r="AF3416" s="23" t="s">
        <v>5331</v>
      </c>
      <c r="AG3416" s="26"/>
      <c r="AH3416" s="53"/>
    </row>
    <row r="3417" spans="1:34" ht="51.6" customHeight="1" x14ac:dyDescent="0.45">
      <c r="A3417" s="23">
        <v>3411</v>
      </c>
      <c r="B3417" s="25"/>
      <c r="C3417" s="25"/>
      <c r="D3417" s="29"/>
      <c r="E3417" s="1"/>
      <c r="F3417" s="1"/>
      <c r="G3417" s="25"/>
      <c r="H3417" s="71"/>
      <c r="I3417" s="83"/>
      <c r="J3417" s="50" t="str">
        <f t="shared" si="108"/>
        <v/>
      </c>
      <c r="K3417" s="23" t="s">
        <v>7120</v>
      </c>
      <c r="L3417" s="49" t="e">
        <f>VLOOKUP(E3417&amp;F3417,団体コード!$A$1:$C$1743,3,FALSE)</f>
        <v>#N/A</v>
      </c>
      <c r="M3417" s="49" t="e">
        <f>VLOOKUP(E3417&amp;F3417,団体コード!$A$1:$C$1743,2,FALSE)</f>
        <v>#N/A</v>
      </c>
      <c r="N3417" s="51" t="e">
        <f>VLOOKUP(E3417,団体コード!$E$1:$F$48,2,FALSE)</f>
        <v>#N/A</v>
      </c>
      <c r="O3417" s="51" t="e">
        <f t="shared" si="109"/>
        <v>#N/A</v>
      </c>
      <c r="P3417" s="51">
        <v>1</v>
      </c>
      <c r="Q3417" s="51" t="s">
        <v>5341</v>
      </c>
      <c r="R3417" s="54" t="b">
        <v>1</v>
      </c>
      <c r="S3417" s="52" t="s">
        <v>7126</v>
      </c>
      <c r="T3417" s="67" t="s">
        <v>7127</v>
      </c>
      <c r="U3417" s="75" t="s">
        <v>5331</v>
      </c>
      <c r="V3417" s="47" t="s">
        <v>5331</v>
      </c>
      <c r="W3417" s="47" t="s">
        <v>5331</v>
      </c>
      <c r="X3417" s="47" t="s">
        <v>5331</v>
      </c>
      <c r="Y3417" s="47" t="s">
        <v>5331</v>
      </c>
      <c r="Z3417" s="28"/>
      <c r="AA3417" s="27"/>
      <c r="AB3417" s="27"/>
      <c r="AC3417" s="27"/>
      <c r="AD3417" s="30"/>
      <c r="AE3417" s="1"/>
      <c r="AF3417" s="23" t="s">
        <v>5331</v>
      </c>
      <c r="AG3417" s="26"/>
      <c r="AH3417" s="53"/>
    </row>
    <row r="3418" spans="1:34" ht="51.6" customHeight="1" x14ac:dyDescent="0.45">
      <c r="A3418" s="23">
        <v>3412</v>
      </c>
      <c r="B3418" s="25"/>
      <c r="C3418" s="25"/>
      <c r="D3418" s="29"/>
      <c r="E3418" s="1"/>
      <c r="F3418" s="1"/>
      <c r="G3418" s="25"/>
      <c r="H3418" s="71"/>
      <c r="I3418" s="83"/>
      <c r="J3418" s="50" t="str">
        <f t="shared" si="108"/>
        <v/>
      </c>
      <c r="K3418" s="23" t="s">
        <v>7120</v>
      </c>
      <c r="L3418" s="49" t="e">
        <f>VLOOKUP(E3418&amp;F3418,団体コード!$A$1:$C$1743,3,FALSE)</f>
        <v>#N/A</v>
      </c>
      <c r="M3418" s="49" t="e">
        <f>VLOOKUP(E3418&amp;F3418,団体コード!$A$1:$C$1743,2,FALSE)</f>
        <v>#N/A</v>
      </c>
      <c r="N3418" s="51" t="e">
        <f>VLOOKUP(E3418,団体コード!$E$1:$F$48,2,FALSE)</f>
        <v>#N/A</v>
      </c>
      <c r="O3418" s="51" t="e">
        <f t="shared" si="109"/>
        <v>#N/A</v>
      </c>
      <c r="P3418" s="51">
        <v>1</v>
      </c>
      <c r="Q3418" s="51" t="s">
        <v>5341</v>
      </c>
      <c r="R3418" s="54" t="b">
        <v>1</v>
      </c>
      <c r="S3418" s="52" t="s">
        <v>7126</v>
      </c>
      <c r="T3418" s="67" t="s">
        <v>7127</v>
      </c>
      <c r="U3418" s="75" t="s">
        <v>5331</v>
      </c>
      <c r="V3418" s="47" t="s">
        <v>5331</v>
      </c>
      <c r="W3418" s="47" t="s">
        <v>5331</v>
      </c>
      <c r="X3418" s="47" t="s">
        <v>5331</v>
      </c>
      <c r="Y3418" s="47" t="s">
        <v>5331</v>
      </c>
      <c r="Z3418" s="28"/>
      <c r="AA3418" s="27"/>
      <c r="AB3418" s="27"/>
      <c r="AC3418" s="27"/>
      <c r="AD3418" s="30"/>
      <c r="AE3418" s="1"/>
      <c r="AF3418" s="23" t="s">
        <v>5331</v>
      </c>
      <c r="AG3418" s="26"/>
      <c r="AH3418" s="53"/>
    </row>
    <row r="3419" spans="1:34" ht="51.6" customHeight="1" x14ac:dyDescent="0.45">
      <c r="A3419" s="23">
        <v>3413</v>
      </c>
      <c r="B3419" s="25"/>
      <c r="C3419" s="25"/>
      <c r="D3419" s="29"/>
      <c r="E3419" s="1"/>
      <c r="F3419" s="1"/>
      <c r="G3419" s="25"/>
      <c r="H3419" s="71"/>
      <c r="I3419" s="83"/>
      <c r="J3419" s="50" t="str">
        <f t="shared" si="108"/>
        <v/>
      </c>
      <c r="K3419" s="23" t="s">
        <v>7120</v>
      </c>
      <c r="L3419" s="49" t="e">
        <f>VLOOKUP(E3419&amp;F3419,団体コード!$A$1:$C$1743,3,FALSE)</f>
        <v>#N/A</v>
      </c>
      <c r="M3419" s="49" t="e">
        <f>VLOOKUP(E3419&amp;F3419,団体コード!$A$1:$C$1743,2,FALSE)</f>
        <v>#N/A</v>
      </c>
      <c r="N3419" s="51" t="e">
        <f>VLOOKUP(E3419,団体コード!$E$1:$F$48,2,FALSE)</f>
        <v>#N/A</v>
      </c>
      <c r="O3419" s="51" t="e">
        <f t="shared" si="109"/>
        <v>#N/A</v>
      </c>
      <c r="P3419" s="51">
        <v>1</v>
      </c>
      <c r="Q3419" s="51" t="s">
        <v>5341</v>
      </c>
      <c r="R3419" s="54" t="b">
        <v>1</v>
      </c>
      <c r="S3419" s="52" t="s">
        <v>7126</v>
      </c>
      <c r="T3419" s="67" t="s">
        <v>7127</v>
      </c>
      <c r="U3419" s="75" t="s">
        <v>5331</v>
      </c>
      <c r="V3419" s="47" t="s">
        <v>5331</v>
      </c>
      <c r="W3419" s="47" t="s">
        <v>5331</v>
      </c>
      <c r="X3419" s="47" t="s">
        <v>5331</v>
      </c>
      <c r="Y3419" s="47" t="s">
        <v>5331</v>
      </c>
      <c r="Z3419" s="28"/>
      <c r="AA3419" s="27"/>
      <c r="AB3419" s="27"/>
      <c r="AC3419" s="27"/>
      <c r="AD3419" s="30"/>
      <c r="AE3419" s="1"/>
      <c r="AF3419" s="23" t="s">
        <v>5331</v>
      </c>
      <c r="AG3419" s="26"/>
      <c r="AH3419" s="53"/>
    </row>
    <row r="3420" spans="1:34" ht="51.6" customHeight="1" x14ac:dyDescent="0.45">
      <c r="A3420" s="23">
        <v>3414</v>
      </c>
      <c r="B3420" s="25"/>
      <c r="C3420" s="25"/>
      <c r="D3420" s="29"/>
      <c r="E3420" s="1"/>
      <c r="F3420" s="1"/>
      <c r="G3420" s="25"/>
      <c r="H3420" s="71"/>
      <c r="I3420" s="83"/>
      <c r="J3420" s="50" t="str">
        <f t="shared" si="108"/>
        <v/>
      </c>
      <c r="K3420" s="23" t="s">
        <v>7120</v>
      </c>
      <c r="L3420" s="49" t="e">
        <f>VLOOKUP(E3420&amp;F3420,団体コード!$A$1:$C$1743,3,FALSE)</f>
        <v>#N/A</v>
      </c>
      <c r="M3420" s="49" t="e">
        <f>VLOOKUP(E3420&amp;F3420,団体コード!$A$1:$C$1743,2,FALSE)</f>
        <v>#N/A</v>
      </c>
      <c r="N3420" s="51" t="e">
        <f>VLOOKUP(E3420,団体コード!$E$1:$F$48,2,FALSE)</f>
        <v>#N/A</v>
      </c>
      <c r="O3420" s="51" t="e">
        <f t="shared" si="109"/>
        <v>#N/A</v>
      </c>
      <c r="P3420" s="51">
        <v>1</v>
      </c>
      <c r="Q3420" s="51" t="s">
        <v>5341</v>
      </c>
      <c r="R3420" s="54" t="b">
        <v>1</v>
      </c>
      <c r="S3420" s="52" t="s">
        <v>7126</v>
      </c>
      <c r="T3420" s="67" t="s">
        <v>7127</v>
      </c>
      <c r="U3420" s="75" t="s">
        <v>5331</v>
      </c>
      <c r="V3420" s="47" t="s">
        <v>5331</v>
      </c>
      <c r="W3420" s="47" t="s">
        <v>5331</v>
      </c>
      <c r="X3420" s="47" t="s">
        <v>5331</v>
      </c>
      <c r="Y3420" s="47" t="s">
        <v>5331</v>
      </c>
      <c r="Z3420" s="28"/>
      <c r="AA3420" s="27"/>
      <c r="AB3420" s="27"/>
      <c r="AC3420" s="27"/>
      <c r="AD3420" s="30"/>
      <c r="AE3420" s="1"/>
      <c r="AF3420" s="23" t="s">
        <v>5331</v>
      </c>
      <c r="AG3420" s="26"/>
      <c r="AH3420" s="53"/>
    </row>
    <row r="3421" spans="1:34" ht="51.6" customHeight="1" x14ac:dyDescent="0.45">
      <c r="A3421" s="23">
        <v>3415</v>
      </c>
      <c r="B3421" s="25"/>
      <c r="C3421" s="25"/>
      <c r="D3421" s="29"/>
      <c r="E3421" s="1"/>
      <c r="F3421" s="1"/>
      <c r="G3421" s="25"/>
      <c r="H3421" s="71"/>
      <c r="I3421" s="83"/>
      <c r="J3421" s="50" t="str">
        <f t="shared" si="108"/>
        <v/>
      </c>
      <c r="K3421" s="23" t="s">
        <v>7120</v>
      </c>
      <c r="L3421" s="49" t="e">
        <f>VLOOKUP(E3421&amp;F3421,団体コード!$A$1:$C$1743,3,FALSE)</f>
        <v>#N/A</v>
      </c>
      <c r="M3421" s="49" t="e">
        <f>VLOOKUP(E3421&amp;F3421,団体コード!$A$1:$C$1743,2,FALSE)</f>
        <v>#N/A</v>
      </c>
      <c r="N3421" s="51" t="e">
        <f>VLOOKUP(E3421,団体コード!$E$1:$F$48,2,FALSE)</f>
        <v>#N/A</v>
      </c>
      <c r="O3421" s="51" t="e">
        <f t="shared" si="109"/>
        <v>#N/A</v>
      </c>
      <c r="P3421" s="51">
        <v>1</v>
      </c>
      <c r="Q3421" s="51" t="s">
        <v>5341</v>
      </c>
      <c r="R3421" s="54" t="b">
        <v>1</v>
      </c>
      <c r="S3421" s="52" t="s">
        <v>7126</v>
      </c>
      <c r="T3421" s="67" t="s">
        <v>7127</v>
      </c>
      <c r="U3421" s="75" t="s">
        <v>5331</v>
      </c>
      <c r="V3421" s="47" t="s">
        <v>5331</v>
      </c>
      <c r="W3421" s="47" t="s">
        <v>5331</v>
      </c>
      <c r="X3421" s="47" t="s">
        <v>5331</v>
      </c>
      <c r="Y3421" s="47" t="s">
        <v>5331</v>
      </c>
      <c r="Z3421" s="28"/>
      <c r="AA3421" s="27"/>
      <c r="AB3421" s="27"/>
      <c r="AC3421" s="27"/>
      <c r="AD3421" s="30"/>
      <c r="AE3421" s="1"/>
      <c r="AF3421" s="23" t="s">
        <v>5331</v>
      </c>
      <c r="AG3421" s="26"/>
      <c r="AH3421" s="53"/>
    </row>
    <row r="3422" spans="1:34" ht="51.6" customHeight="1" x14ac:dyDescent="0.45">
      <c r="A3422" s="23">
        <v>3416</v>
      </c>
      <c r="B3422" s="25"/>
      <c r="C3422" s="25"/>
      <c r="D3422" s="29"/>
      <c r="E3422" s="1"/>
      <c r="F3422" s="1"/>
      <c r="G3422" s="25"/>
      <c r="H3422" s="71"/>
      <c r="I3422" s="83"/>
      <c r="J3422" s="50" t="str">
        <f t="shared" si="108"/>
        <v/>
      </c>
      <c r="K3422" s="23" t="s">
        <v>7120</v>
      </c>
      <c r="L3422" s="49" t="e">
        <f>VLOOKUP(E3422&amp;F3422,団体コード!$A$1:$C$1743,3,FALSE)</f>
        <v>#N/A</v>
      </c>
      <c r="M3422" s="49" t="e">
        <f>VLOOKUP(E3422&amp;F3422,団体コード!$A$1:$C$1743,2,FALSE)</f>
        <v>#N/A</v>
      </c>
      <c r="N3422" s="51" t="e">
        <f>VLOOKUP(E3422,団体コード!$E$1:$F$48,2,FALSE)</f>
        <v>#N/A</v>
      </c>
      <c r="O3422" s="51" t="e">
        <f t="shared" si="109"/>
        <v>#N/A</v>
      </c>
      <c r="P3422" s="51">
        <v>1</v>
      </c>
      <c r="Q3422" s="51" t="s">
        <v>5341</v>
      </c>
      <c r="R3422" s="54" t="b">
        <v>1</v>
      </c>
      <c r="S3422" s="52" t="s">
        <v>7126</v>
      </c>
      <c r="T3422" s="67" t="s">
        <v>7127</v>
      </c>
      <c r="U3422" s="75" t="s">
        <v>5331</v>
      </c>
      <c r="V3422" s="47" t="s">
        <v>5331</v>
      </c>
      <c r="W3422" s="47" t="s">
        <v>5331</v>
      </c>
      <c r="X3422" s="47" t="s">
        <v>5331</v>
      </c>
      <c r="Y3422" s="47" t="s">
        <v>5331</v>
      </c>
      <c r="Z3422" s="28"/>
      <c r="AA3422" s="27"/>
      <c r="AB3422" s="27"/>
      <c r="AC3422" s="27"/>
      <c r="AD3422" s="30"/>
      <c r="AE3422" s="1"/>
      <c r="AF3422" s="23" t="s">
        <v>5331</v>
      </c>
      <c r="AG3422" s="26"/>
      <c r="AH3422" s="53"/>
    </row>
    <row r="3423" spans="1:34" ht="51.6" customHeight="1" x14ac:dyDescent="0.45">
      <c r="A3423" s="23">
        <v>3417</v>
      </c>
      <c r="B3423" s="25"/>
      <c r="C3423" s="25"/>
      <c r="D3423" s="29"/>
      <c r="E3423" s="1"/>
      <c r="F3423" s="1"/>
      <c r="G3423" s="25"/>
      <c r="H3423" s="71"/>
      <c r="I3423" s="83"/>
      <c r="J3423" s="50" t="str">
        <f t="shared" si="108"/>
        <v/>
      </c>
      <c r="K3423" s="23" t="s">
        <v>7120</v>
      </c>
      <c r="L3423" s="49" t="e">
        <f>VLOOKUP(E3423&amp;F3423,団体コード!$A$1:$C$1743,3,FALSE)</f>
        <v>#N/A</v>
      </c>
      <c r="M3423" s="49" t="e">
        <f>VLOOKUP(E3423&amp;F3423,団体コード!$A$1:$C$1743,2,FALSE)</f>
        <v>#N/A</v>
      </c>
      <c r="N3423" s="51" t="e">
        <f>VLOOKUP(E3423,団体コード!$E$1:$F$48,2,FALSE)</f>
        <v>#N/A</v>
      </c>
      <c r="O3423" s="51" t="e">
        <f t="shared" si="109"/>
        <v>#N/A</v>
      </c>
      <c r="P3423" s="51">
        <v>1</v>
      </c>
      <c r="Q3423" s="51" t="s">
        <v>5341</v>
      </c>
      <c r="R3423" s="54" t="b">
        <v>1</v>
      </c>
      <c r="S3423" s="52" t="s">
        <v>7126</v>
      </c>
      <c r="T3423" s="67" t="s">
        <v>7127</v>
      </c>
      <c r="U3423" s="75" t="s">
        <v>5331</v>
      </c>
      <c r="V3423" s="47" t="s">
        <v>5331</v>
      </c>
      <c r="W3423" s="47" t="s">
        <v>5331</v>
      </c>
      <c r="X3423" s="47" t="s">
        <v>5331</v>
      </c>
      <c r="Y3423" s="47" t="s">
        <v>5331</v>
      </c>
      <c r="Z3423" s="28"/>
      <c r="AA3423" s="27"/>
      <c r="AB3423" s="27"/>
      <c r="AC3423" s="27"/>
      <c r="AD3423" s="30"/>
      <c r="AE3423" s="1"/>
      <c r="AF3423" s="23" t="s">
        <v>5331</v>
      </c>
      <c r="AG3423" s="26"/>
      <c r="AH3423" s="53"/>
    </row>
    <row r="3424" spans="1:34" ht="51.6" customHeight="1" x14ac:dyDescent="0.45">
      <c r="A3424" s="23">
        <v>3418</v>
      </c>
      <c r="B3424" s="25"/>
      <c r="C3424" s="25"/>
      <c r="D3424" s="29"/>
      <c r="E3424" s="1"/>
      <c r="F3424" s="1"/>
      <c r="G3424" s="25"/>
      <c r="H3424" s="71"/>
      <c r="I3424" s="83"/>
      <c r="J3424" s="50" t="str">
        <f t="shared" si="108"/>
        <v/>
      </c>
      <c r="K3424" s="23" t="s">
        <v>7120</v>
      </c>
      <c r="L3424" s="49" t="e">
        <f>VLOOKUP(E3424&amp;F3424,団体コード!$A$1:$C$1743,3,FALSE)</f>
        <v>#N/A</v>
      </c>
      <c r="M3424" s="49" t="e">
        <f>VLOOKUP(E3424&amp;F3424,団体コード!$A$1:$C$1743,2,FALSE)</f>
        <v>#N/A</v>
      </c>
      <c r="N3424" s="51" t="e">
        <f>VLOOKUP(E3424,団体コード!$E$1:$F$48,2,FALSE)</f>
        <v>#N/A</v>
      </c>
      <c r="O3424" s="51" t="e">
        <f t="shared" si="109"/>
        <v>#N/A</v>
      </c>
      <c r="P3424" s="51">
        <v>1</v>
      </c>
      <c r="Q3424" s="51" t="s">
        <v>5341</v>
      </c>
      <c r="R3424" s="54" t="b">
        <v>1</v>
      </c>
      <c r="S3424" s="52" t="s">
        <v>7126</v>
      </c>
      <c r="T3424" s="67" t="s">
        <v>7127</v>
      </c>
      <c r="U3424" s="75" t="s">
        <v>5331</v>
      </c>
      <c r="V3424" s="47" t="s">
        <v>5331</v>
      </c>
      <c r="W3424" s="47" t="s">
        <v>5331</v>
      </c>
      <c r="X3424" s="47" t="s">
        <v>5331</v>
      </c>
      <c r="Y3424" s="47" t="s">
        <v>5331</v>
      </c>
      <c r="Z3424" s="28"/>
      <c r="AA3424" s="27"/>
      <c r="AB3424" s="27"/>
      <c r="AC3424" s="27"/>
      <c r="AD3424" s="30"/>
      <c r="AE3424" s="1"/>
      <c r="AF3424" s="23" t="s">
        <v>5331</v>
      </c>
      <c r="AG3424" s="26"/>
      <c r="AH3424" s="53"/>
    </row>
    <row r="3425" spans="1:34" ht="51.6" customHeight="1" x14ac:dyDescent="0.45">
      <c r="A3425" s="23">
        <v>3419</v>
      </c>
      <c r="B3425" s="25"/>
      <c r="C3425" s="25"/>
      <c r="D3425" s="29"/>
      <c r="E3425" s="1"/>
      <c r="F3425" s="1"/>
      <c r="G3425" s="25"/>
      <c r="H3425" s="71"/>
      <c r="I3425" s="83"/>
      <c r="J3425" s="50" t="str">
        <f t="shared" si="108"/>
        <v/>
      </c>
      <c r="K3425" s="23" t="s">
        <v>7120</v>
      </c>
      <c r="L3425" s="49" t="e">
        <f>VLOOKUP(E3425&amp;F3425,団体コード!$A$1:$C$1743,3,FALSE)</f>
        <v>#N/A</v>
      </c>
      <c r="M3425" s="49" t="e">
        <f>VLOOKUP(E3425&amp;F3425,団体コード!$A$1:$C$1743,2,FALSE)</f>
        <v>#N/A</v>
      </c>
      <c r="N3425" s="51" t="e">
        <f>VLOOKUP(E3425,団体コード!$E$1:$F$48,2,FALSE)</f>
        <v>#N/A</v>
      </c>
      <c r="O3425" s="51" t="e">
        <f t="shared" si="109"/>
        <v>#N/A</v>
      </c>
      <c r="P3425" s="51">
        <v>1</v>
      </c>
      <c r="Q3425" s="51" t="s">
        <v>5341</v>
      </c>
      <c r="R3425" s="54" t="b">
        <v>1</v>
      </c>
      <c r="S3425" s="52" t="s">
        <v>7126</v>
      </c>
      <c r="T3425" s="67" t="s">
        <v>7127</v>
      </c>
      <c r="U3425" s="75" t="s">
        <v>5331</v>
      </c>
      <c r="V3425" s="47" t="s">
        <v>5331</v>
      </c>
      <c r="W3425" s="47" t="s">
        <v>5331</v>
      </c>
      <c r="X3425" s="47" t="s">
        <v>5331</v>
      </c>
      <c r="Y3425" s="47" t="s">
        <v>5331</v>
      </c>
      <c r="Z3425" s="28"/>
      <c r="AA3425" s="27"/>
      <c r="AB3425" s="27"/>
      <c r="AC3425" s="27"/>
      <c r="AD3425" s="30"/>
      <c r="AE3425" s="1"/>
      <c r="AF3425" s="23" t="s">
        <v>5331</v>
      </c>
      <c r="AG3425" s="26"/>
      <c r="AH3425" s="53"/>
    </row>
    <row r="3426" spans="1:34" ht="51.6" customHeight="1" x14ac:dyDescent="0.45">
      <c r="A3426" s="23">
        <v>3420</v>
      </c>
      <c r="B3426" s="25"/>
      <c r="C3426" s="25"/>
      <c r="D3426" s="29"/>
      <c r="E3426" s="1"/>
      <c r="F3426" s="1"/>
      <c r="G3426" s="25"/>
      <c r="H3426" s="71"/>
      <c r="I3426" s="83"/>
      <c r="J3426" s="50" t="str">
        <f t="shared" si="108"/>
        <v/>
      </c>
      <c r="K3426" s="23" t="s">
        <v>7120</v>
      </c>
      <c r="L3426" s="49" t="e">
        <f>VLOOKUP(E3426&amp;F3426,団体コード!$A$1:$C$1743,3,FALSE)</f>
        <v>#N/A</v>
      </c>
      <c r="M3426" s="49" t="e">
        <f>VLOOKUP(E3426&amp;F3426,団体コード!$A$1:$C$1743,2,FALSE)</f>
        <v>#N/A</v>
      </c>
      <c r="N3426" s="51" t="e">
        <f>VLOOKUP(E3426,団体コード!$E$1:$F$48,2,FALSE)</f>
        <v>#N/A</v>
      </c>
      <c r="O3426" s="51" t="e">
        <f t="shared" si="109"/>
        <v>#N/A</v>
      </c>
      <c r="P3426" s="51">
        <v>1</v>
      </c>
      <c r="Q3426" s="51" t="s">
        <v>5341</v>
      </c>
      <c r="R3426" s="54" t="b">
        <v>1</v>
      </c>
      <c r="S3426" s="52" t="s">
        <v>7126</v>
      </c>
      <c r="T3426" s="67" t="s">
        <v>7127</v>
      </c>
      <c r="U3426" s="75" t="s">
        <v>5331</v>
      </c>
      <c r="V3426" s="47" t="s">
        <v>5331</v>
      </c>
      <c r="W3426" s="47" t="s">
        <v>5331</v>
      </c>
      <c r="X3426" s="47" t="s">
        <v>5331</v>
      </c>
      <c r="Y3426" s="47" t="s">
        <v>5331</v>
      </c>
      <c r="Z3426" s="28"/>
      <c r="AA3426" s="27"/>
      <c r="AB3426" s="27"/>
      <c r="AC3426" s="27"/>
      <c r="AD3426" s="30"/>
      <c r="AE3426" s="1"/>
      <c r="AF3426" s="23" t="s">
        <v>5331</v>
      </c>
      <c r="AG3426" s="26"/>
      <c r="AH3426" s="53"/>
    </row>
    <row r="3427" spans="1:34" ht="51.6" customHeight="1" x14ac:dyDescent="0.45">
      <c r="A3427" s="23">
        <v>3421</v>
      </c>
      <c r="B3427" s="25"/>
      <c r="C3427" s="25"/>
      <c r="D3427" s="29"/>
      <c r="E3427" s="1"/>
      <c r="F3427" s="1"/>
      <c r="G3427" s="25"/>
      <c r="H3427" s="71"/>
      <c r="I3427" s="83"/>
      <c r="J3427" s="50" t="str">
        <f t="shared" si="108"/>
        <v/>
      </c>
      <c r="K3427" s="23" t="s">
        <v>7120</v>
      </c>
      <c r="L3427" s="49" t="e">
        <f>VLOOKUP(E3427&amp;F3427,団体コード!$A$1:$C$1743,3,FALSE)</f>
        <v>#N/A</v>
      </c>
      <c r="M3427" s="49" t="e">
        <f>VLOOKUP(E3427&amp;F3427,団体コード!$A$1:$C$1743,2,FALSE)</f>
        <v>#N/A</v>
      </c>
      <c r="N3427" s="51" t="e">
        <f>VLOOKUP(E3427,団体コード!$E$1:$F$48,2,FALSE)</f>
        <v>#N/A</v>
      </c>
      <c r="O3427" s="51" t="e">
        <f t="shared" si="109"/>
        <v>#N/A</v>
      </c>
      <c r="P3427" s="51">
        <v>1</v>
      </c>
      <c r="Q3427" s="51" t="s">
        <v>5341</v>
      </c>
      <c r="R3427" s="54" t="b">
        <v>1</v>
      </c>
      <c r="S3427" s="52" t="s">
        <v>7126</v>
      </c>
      <c r="T3427" s="67" t="s">
        <v>7127</v>
      </c>
      <c r="U3427" s="75" t="s">
        <v>5331</v>
      </c>
      <c r="V3427" s="47" t="s">
        <v>5331</v>
      </c>
      <c r="W3427" s="47" t="s">
        <v>5331</v>
      </c>
      <c r="X3427" s="47" t="s">
        <v>5331</v>
      </c>
      <c r="Y3427" s="47" t="s">
        <v>5331</v>
      </c>
      <c r="Z3427" s="28"/>
      <c r="AA3427" s="27"/>
      <c r="AB3427" s="27"/>
      <c r="AC3427" s="27"/>
      <c r="AD3427" s="30"/>
      <c r="AE3427" s="1"/>
      <c r="AF3427" s="23" t="s">
        <v>5331</v>
      </c>
      <c r="AG3427" s="26"/>
      <c r="AH3427" s="53"/>
    </row>
    <row r="3428" spans="1:34" ht="51.6" customHeight="1" x14ac:dyDescent="0.45">
      <c r="A3428" s="23">
        <v>3422</v>
      </c>
      <c r="B3428" s="25"/>
      <c r="C3428" s="25"/>
      <c r="D3428" s="29"/>
      <c r="E3428" s="1"/>
      <c r="F3428" s="1"/>
      <c r="G3428" s="25"/>
      <c r="H3428" s="71"/>
      <c r="I3428" s="83"/>
      <c r="J3428" s="50" t="str">
        <f t="shared" si="108"/>
        <v/>
      </c>
      <c r="K3428" s="23" t="s">
        <v>7120</v>
      </c>
      <c r="L3428" s="49" t="e">
        <f>VLOOKUP(E3428&amp;F3428,団体コード!$A$1:$C$1743,3,FALSE)</f>
        <v>#N/A</v>
      </c>
      <c r="M3428" s="49" t="e">
        <f>VLOOKUP(E3428&amp;F3428,団体コード!$A$1:$C$1743,2,FALSE)</f>
        <v>#N/A</v>
      </c>
      <c r="N3428" s="51" t="e">
        <f>VLOOKUP(E3428,団体コード!$E$1:$F$48,2,FALSE)</f>
        <v>#N/A</v>
      </c>
      <c r="O3428" s="51" t="e">
        <f t="shared" si="109"/>
        <v>#N/A</v>
      </c>
      <c r="P3428" s="51">
        <v>1</v>
      </c>
      <c r="Q3428" s="51" t="s">
        <v>5341</v>
      </c>
      <c r="R3428" s="54" t="b">
        <v>1</v>
      </c>
      <c r="S3428" s="52" t="s">
        <v>7126</v>
      </c>
      <c r="T3428" s="67" t="s">
        <v>7127</v>
      </c>
      <c r="U3428" s="75" t="s">
        <v>5331</v>
      </c>
      <c r="V3428" s="47" t="s">
        <v>5331</v>
      </c>
      <c r="W3428" s="47" t="s">
        <v>5331</v>
      </c>
      <c r="X3428" s="47" t="s">
        <v>5331</v>
      </c>
      <c r="Y3428" s="47" t="s">
        <v>5331</v>
      </c>
      <c r="Z3428" s="28"/>
      <c r="AA3428" s="27"/>
      <c r="AB3428" s="27"/>
      <c r="AC3428" s="27"/>
      <c r="AD3428" s="30"/>
      <c r="AE3428" s="1"/>
      <c r="AF3428" s="23" t="s">
        <v>5331</v>
      </c>
      <c r="AG3428" s="26"/>
      <c r="AH3428" s="53"/>
    </row>
    <row r="3429" spans="1:34" ht="51.6" customHeight="1" x14ac:dyDescent="0.45">
      <c r="A3429" s="23">
        <v>3423</v>
      </c>
      <c r="B3429" s="25"/>
      <c r="C3429" s="25"/>
      <c r="D3429" s="29"/>
      <c r="E3429" s="1"/>
      <c r="F3429" s="1"/>
      <c r="G3429" s="25"/>
      <c r="H3429" s="71"/>
      <c r="I3429" s="83"/>
      <c r="J3429" s="50" t="str">
        <f t="shared" si="108"/>
        <v/>
      </c>
      <c r="K3429" s="23" t="s">
        <v>7120</v>
      </c>
      <c r="L3429" s="49" t="e">
        <f>VLOOKUP(E3429&amp;F3429,団体コード!$A$1:$C$1743,3,FALSE)</f>
        <v>#N/A</v>
      </c>
      <c r="M3429" s="49" t="e">
        <f>VLOOKUP(E3429&amp;F3429,団体コード!$A$1:$C$1743,2,FALSE)</f>
        <v>#N/A</v>
      </c>
      <c r="N3429" s="51" t="e">
        <f>VLOOKUP(E3429,団体コード!$E$1:$F$48,2,FALSE)</f>
        <v>#N/A</v>
      </c>
      <c r="O3429" s="51" t="e">
        <f t="shared" si="109"/>
        <v>#N/A</v>
      </c>
      <c r="P3429" s="51">
        <v>1</v>
      </c>
      <c r="Q3429" s="51" t="s">
        <v>5341</v>
      </c>
      <c r="R3429" s="54" t="b">
        <v>1</v>
      </c>
      <c r="S3429" s="52" t="s">
        <v>7126</v>
      </c>
      <c r="T3429" s="67" t="s">
        <v>7127</v>
      </c>
      <c r="U3429" s="75" t="s">
        <v>5331</v>
      </c>
      <c r="V3429" s="47" t="s">
        <v>5331</v>
      </c>
      <c r="W3429" s="47" t="s">
        <v>5331</v>
      </c>
      <c r="X3429" s="47" t="s">
        <v>5331</v>
      </c>
      <c r="Y3429" s="47" t="s">
        <v>5331</v>
      </c>
      <c r="Z3429" s="28"/>
      <c r="AA3429" s="27"/>
      <c r="AB3429" s="27"/>
      <c r="AC3429" s="27"/>
      <c r="AD3429" s="30"/>
      <c r="AE3429" s="1"/>
      <c r="AF3429" s="23" t="s">
        <v>5331</v>
      </c>
      <c r="AG3429" s="26"/>
      <c r="AH3429" s="53"/>
    </row>
    <row r="3430" spans="1:34" ht="51.6" customHeight="1" x14ac:dyDescent="0.45">
      <c r="A3430" s="23">
        <v>3424</v>
      </c>
      <c r="B3430" s="25"/>
      <c r="C3430" s="25"/>
      <c r="D3430" s="29"/>
      <c r="E3430" s="1"/>
      <c r="F3430" s="1"/>
      <c r="G3430" s="25"/>
      <c r="H3430" s="71"/>
      <c r="I3430" s="83"/>
      <c r="J3430" s="50" t="str">
        <f t="shared" si="108"/>
        <v/>
      </c>
      <c r="K3430" s="23" t="s">
        <v>7120</v>
      </c>
      <c r="L3430" s="49" t="e">
        <f>VLOOKUP(E3430&amp;F3430,団体コード!$A$1:$C$1743,3,FALSE)</f>
        <v>#N/A</v>
      </c>
      <c r="M3430" s="49" t="e">
        <f>VLOOKUP(E3430&amp;F3430,団体コード!$A$1:$C$1743,2,FALSE)</f>
        <v>#N/A</v>
      </c>
      <c r="N3430" s="51" t="e">
        <f>VLOOKUP(E3430,団体コード!$E$1:$F$48,2,FALSE)</f>
        <v>#N/A</v>
      </c>
      <c r="O3430" s="51" t="e">
        <f t="shared" si="109"/>
        <v>#N/A</v>
      </c>
      <c r="P3430" s="51">
        <v>1</v>
      </c>
      <c r="Q3430" s="51" t="s">
        <v>5341</v>
      </c>
      <c r="R3430" s="54" t="b">
        <v>1</v>
      </c>
      <c r="S3430" s="52" t="s">
        <v>7126</v>
      </c>
      <c r="T3430" s="67" t="s">
        <v>7127</v>
      </c>
      <c r="U3430" s="75" t="s">
        <v>5331</v>
      </c>
      <c r="V3430" s="47" t="s">
        <v>5331</v>
      </c>
      <c r="W3430" s="47" t="s">
        <v>5331</v>
      </c>
      <c r="X3430" s="47" t="s">
        <v>5331</v>
      </c>
      <c r="Y3430" s="47" t="s">
        <v>5331</v>
      </c>
      <c r="Z3430" s="28"/>
      <c r="AA3430" s="27"/>
      <c r="AB3430" s="27"/>
      <c r="AC3430" s="27"/>
      <c r="AD3430" s="30"/>
      <c r="AE3430" s="1"/>
      <c r="AF3430" s="23" t="s">
        <v>5331</v>
      </c>
      <c r="AG3430" s="26"/>
      <c r="AH3430" s="53"/>
    </row>
    <row r="3431" spans="1:34" ht="51.6" customHeight="1" x14ac:dyDescent="0.45">
      <c r="A3431" s="23">
        <v>3425</v>
      </c>
      <c r="B3431" s="25"/>
      <c r="C3431" s="25"/>
      <c r="D3431" s="29"/>
      <c r="E3431" s="1"/>
      <c r="F3431" s="1"/>
      <c r="G3431" s="25"/>
      <c r="H3431" s="71"/>
      <c r="I3431" s="83"/>
      <c r="J3431" s="50" t="str">
        <f t="shared" si="108"/>
        <v/>
      </c>
      <c r="K3431" s="23" t="s">
        <v>7120</v>
      </c>
      <c r="L3431" s="49" t="e">
        <f>VLOOKUP(E3431&amp;F3431,団体コード!$A$1:$C$1743,3,FALSE)</f>
        <v>#N/A</v>
      </c>
      <c r="M3431" s="49" t="e">
        <f>VLOOKUP(E3431&amp;F3431,団体コード!$A$1:$C$1743,2,FALSE)</f>
        <v>#N/A</v>
      </c>
      <c r="N3431" s="51" t="e">
        <f>VLOOKUP(E3431,団体コード!$E$1:$F$48,2,FALSE)</f>
        <v>#N/A</v>
      </c>
      <c r="O3431" s="51" t="e">
        <f t="shared" si="109"/>
        <v>#N/A</v>
      </c>
      <c r="P3431" s="51">
        <v>1</v>
      </c>
      <c r="Q3431" s="51" t="s">
        <v>5341</v>
      </c>
      <c r="R3431" s="54" t="b">
        <v>1</v>
      </c>
      <c r="S3431" s="52" t="s">
        <v>7126</v>
      </c>
      <c r="T3431" s="67" t="s">
        <v>7127</v>
      </c>
      <c r="U3431" s="75" t="s">
        <v>5331</v>
      </c>
      <c r="V3431" s="47" t="s">
        <v>5331</v>
      </c>
      <c r="W3431" s="47" t="s">
        <v>5331</v>
      </c>
      <c r="X3431" s="47" t="s">
        <v>5331</v>
      </c>
      <c r="Y3431" s="47" t="s">
        <v>5331</v>
      </c>
      <c r="Z3431" s="28"/>
      <c r="AA3431" s="27"/>
      <c r="AB3431" s="27"/>
      <c r="AC3431" s="27"/>
      <c r="AD3431" s="30"/>
      <c r="AE3431" s="1"/>
      <c r="AF3431" s="23" t="s">
        <v>5331</v>
      </c>
      <c r="AG3431" s="26"/>
      <c r="AH3431" s="53"/>
    </row>
    <row r="3432" spans="1:34" ht="51.6" customHeight="1" x14ac:dyDescent="0.45">
      <c r="A3432" s="23">
        <v>3426</v>
      </c>
      <c r="B3432" s="25"/>
      <c r="C3432" s="25"/>
      <c r="D3432" s="29"/>
      <c r="E3432" s="1"/>
      <c r="F3432" s="1"/>
      <c r="G3432" s="25"/>
      <c r="H3432" s="71"/>
      <c r="I3432" s="83"/>
      <c r="J3432" s="50" t="str">
        <f t="shared" si="108"/>
        <v/>
      </c>
      <c r="K3432" s="23" t="s">
        <v>7120</v>
      </c>
      <c r="L3432" s="49" t="e">
        <f>VLOOKUP(E3432&amp;F3432,団体コード!$A$1:$C$1743,3,FALSE)</f>
        <v>#N/A</v>
      </c>
      <c r="M3432" s="49" t="e">
        <f>VLOOKUP(E3432&amp;F3432,団体コード!$A$1:$C$1743,2,FALSE)</f>
        <v>#N/A</v>
      </c>
      <c r="N3432" s="51" t="e">
        <f>VLOOKUP(E3432,団体コード!$E$1:$F$48,2,FALSE)</f>
        <v>#N/A</v>
      </c>
      <c r="O3432" s="51" t="e">
        <f t="shared" si="109"/>
        <v>#N/A</v>
      </c>
      <c r="P3432" s="51">
        <v>1</v>
      </c>
      <c r="Q3432" s="51" t="s">
        <v>5341</v>
      </c>
      <c r="R3432" s="54" t="b">
        <v>1</v>
      </c>
      <c r="S3432" s="52" t="s">
        <v>7126</v>
      </c>
      <c r="T3432" s="67" t="s">
        <v>7127</v>
      </c>
      <c r="U3432" s="75" t="s">
        <v>5331</v>
      </c>
      <c r="V3432" s="47" t="s">
        <v>5331</v>
      </c>
      <c r="W3432" s="47" t="s">
        <v>5331</v>
      </c>
      <c r="X3432" s="47" t="s">
        <v>5331</v>
      </c>
      <c r="Y3432" s="47" t="s">
        <v>5331</v>
      </c>
      <c r="Z3432" s="28"/>
      <c r="AA3432" s="27"/>
      <c r="AB3432" s="27"/>
      <c r="AC3432" s="27"/>
      <c r="AD3432" s="30"/>
      <c r="AE3432" s="1"/>
      <c r="AF3432" s="23" t="s">
        <v>5331</v>
      </c>
      <c r="AG3432" s="26"/>
      <c r="AH3432" s="53"/>
    </row>
    <row r="3433" spans="1:34" ht="51.6" customHeight="1" x14ac:dyDescent="0.45">
      <c r="A3433" s="23">
        <v>3427</v>
      </c>
      <c r="B3433" s="25"/>
      <c r="C3433" s="25"/>
      <c r="D3433" s="29"/>
      <c r="E3433" s="1"/>
      <c r="F3433" s="1"/>
      <c r="G3433" s="25"/>
      <c r="H3433" s="71"/>
      <c r="I3433" s="83"/>
      <c r="J3433" s="50" t="str">
        <f t="shared" si="108"/>
        <v/>
      </c>
      <c r="K3433" s="23" t="s">
        <v>7120</v>
      </c>
      <c r="L3433" s="49" t="e">
        <f>VLOOKUP(E3433&amp;F3433,団体コード!$A$1:$C$1743,3,FALSE)</f>
        <v>#N/A</v>
      </c>
      <c r="M3433" s="49" t="e">
        <f>VLOOKUP(E3433&amp;F3433,団体コード!$A$1:$C$1743,2,FALSE)</f>
        <v>#N/A</v>
      </c>
      <c r="N3433" s="51" t="e">
        <f>VLOOKUP(E3433,団体コード!$E$1:$F$48,2,FALSE)</f>
        <v>#N/A</v>
      </c>
      <c r="O3433" s="51" t="e">
        <f t="shared" si="109"/>
        <v>#N/A</v>
      </c>
      <c r="P3433" s="51">
        <v>1</v>
      </c>
      <c r="Q3433" s="51" t="s">
        <v>5341</v>
      </c>
      <c r="R3433" s="54" t="b">
        <v>1</v>
      </c>
      <c r="S3433" s="52" t="s">
        <v>7126</v>
      </c>
      <c r="T3433" s="67" t="s">
        <v>7127</v>
      </c>
      <c r="U3433" s="75" t="s">
        <v>5331</v>
      </c>
      <c r="V3433" s="47" t="s">
        <v>5331</v>
      </c>
      <c r="W3433" s="47" t="s">
        <v>5331</v>
      </c>
      <c r="X3433" s="47" t="s">
        <v>5331</v>
      </c>
      <c r="Y3433" s="47" t="s">
        <v>5331</v>
      </c>
      <c r="Z3433" s="28"/>
      <c r="AA3433" s="27"/>
      <c r="AB3433" s="27"/>
      <c r="AC3433" s="27"/>
      <c r="AD3433" s="30"/>
      <c r="AE3433" s="1"/>
      <c r="AF3433" s="23" t="s">
        <v>5331</v>
      </c>
      <c r="AG3433" s="26"/>
      <c r="AH3433" s="53"/>
    </row>
    <row r="3434" spans="1:34" ht="51.6" customHeight="1" x14ac:dyDescent="0.45">
      <c r="A3434" s="23">
        <v>3428</v>
      </c>
      <c r="B3434" s="25"/>
      <c r="C3434" s="25"/>
      <c r="D3434" s="29"/>
      <c r="E3434" s="1"/>
      <c r="F3434" s="1"/>
      <c r="G3434" s="25"/>
      <c r="H3434" s="71"/>
      <c r="I3434" s="83"/>
      <c r="J3434" s="50" t="str">
        <f t="shared" si="108"/>
        <v/>
      </c>
      <c r="K3434" s="23" t="s">
        <v>7120</v>
      </c>
      <c r="L3434" s="49" t="e">
        <f>VLOOKUP(E3434&amp;F3434,団体コード!$A$1:$C$1743,3,FALSE)</f>
        <v>#N/A</v>
      </c>
      <c r="M3434" s="49" t="e">
        <f>VLOOKUP(E3434&amp;F3434,団体コード!$A$1:$C$1743,2,FALSE)</f>
        <v>#N/A</v>
      </c>
      <c r="N3434" s="51" t="e">
        <f>VLOOKUP(E3434,団体コード!$E$1:$F$48,2,FALSE)</f>
        <v>#N/A</v>
      </c>
      <c r="O3434" s="51" t="e">
        <f t="shared" si="109"/>
        <v>#N/A</v>
      </c>
      <c r="P3434" s="51">
        <v>1</v>
      </c>
      <c r="Q3434" s="51" t="s">
        <v>5341</v>
      </c>
      <c r="R3434" s="54" t="b">
        <v>1</v>
      </c>
      <c r="S3434" s="52" t="s">
        <v>7126</v>
      </c>
      <c r="T3434" s="67" t="s">
        <v>7127</v>
      </c>
      <c r="U3434" s="75" t="s">
        <v>5331</v>
      </c>
      <c r="V3434" s="47" t="s">
        <v>5331</v>
      </c>
      <c r="W3434" s="47" t="s">
        <v>5331</v>
      </c>
      <c r="X3434" s="47" t="s">
        <v>5331</v>
      </c>
      <c r="Y3434" s="47" t="s">
        <v>5331</v>
      </c>
      <c r="Z3434" s="28"/>
      <c r="AA3434" s="27"/>
      <c r="AB3434" s="27"/>
      <c r="AC3434" s="27"/>
      <c r="AD3434" s="30"/>
      <c r="AE3434" s="1"/>
      <c r="AF3434" s="23" t="s">
        <v>5331</v>
      </c>
      <c r="AG3434" s="26"/>
      <c r="AH3434" s="53"/>
    </row>
    <row r="3435" spans="1:34" ht="51.6" customHeight="1" x14ac:dyDescent="0.45">
      <c r="A3435" s="23">
        <v>3429</v>
      </c>
      <c r="B3435" s="25"/>
      <c r="C3435" s="25"/>
      <c r="D3435" s="29"/>
      <c r="E3435" s="1"/>
      <c r="F3435" s="1"/>
      <c r="G3435" s="25"/>
      <c r="H3435" s="71"/>
      <c r="I3435" s="83"/>
      <c r="J3435" s="50" t="str">
        <f t="shared" si="108"/>
        <v/>
      </c>
      <c r="K3435" s="23" t="s">
        <v>7120</v>
      </c>
      <c r="L3435" s="49" t="e">
        <f>VLOOKUP(E3435&amp;F3435,団体コード!$A$1:$C$1743,3,FALSE)</f>
        <v>#N/A</v>
      </c>
      <c r="M3435" s="49" t="e">
        <f>VLOOKUP(E3435&amp;F3435,団体コード!$A$1:$C$1743,2,FALSE)</f>
        <v>#N/A</v>
      </c>
      <c r="N3435" s="51" t="e">
        <f>VLOOKUP(E3435,団体コード!$E$1:$F$48,2,FALSE)</f>
        <v>#N/A</v>
      </c>
      <c r="O3435" s="51" t="e">
        <f t="shared" si="109"/>
        <v>#N/A</v>
      </c>
      <c r="P3435" s="51">
        <v>1</v>
      </c>
      <c r="Q3435" s="51" t="s">
        <v>5341</v>
      </c>
      <c r="R3435" s="54" t="b">
        <v>1</v>
      </c>
      <c r="S3435" s="52" t="s">
        <v>7126</v>
      </c>
      <c r="T3435" s="67" t="s">
        <v>7127</v>
      </c>
      <c r="U3435" s="75" t="s">
        <v>5331</v>
      </c>
      <c r="V3435" s="47" t="s">
        <v>5331</v>
      </c>
      <c r="W3435" s="47" t="s">
        <v>5331</v>
      </c>
      <c r="X3435" s="47" t="s">
        <v>5331</v>
      </c>
      <c r="Y3435" s="47" t="s">
        <v>5331</v>
      </c>
      <c r="Z3435" s="28"/>
      <c r="AA3435" s="27"/>
      <c r="AB3435" s="27"/>
      <c r="AC3435" s="27"/>
      <c r="AD3435" s="30"/>
      <c r="AE3435" s="1"/>
      <c r="AF3435" s="23" t="s">
        <v>5331</v>
      </c>
      <c r="AG3435" s="26"/>
      <c r="AH3435" s="53"/>
    </row>
    <row r="3436" spans="1:34" ht="51.6" customHeight="1" x14ac:dyDescent="0.45">
      <c r="A3436" s="23">
        <v>3430</v>
      </c>
      <c r="B3436" s="25"/>
      <c r="C3436" s="25"/>
      <c r="D3436" s="29"/>
      <c r="E3436" s="1"/>
      <c r="F3436" s="1"/>
      <c r="G3436" s="25"/>
      <c r="H3436" s="71"/>
      <c r="I3436" s="83"/>
      <c r="J3436" s="50" t="str">
        <f t="shared" si="108"/>
        <v/>
      </c>
      <c r="K3436" s="23" t="s">
        <v>7120</v>
      </c>
      <c r="L3436" s="49" t="e">
        <f>VLOOKUP(E3436&amp;F3436,団体コード!$A$1:$C$1743,3,FALSE)</f>
        <v>#N/A</v>
      </c>
      <c r="M3436" s="49" t="e">
        <f>VLOOKUP(E3436&amp;F3436,団体コード!$A$1:$C$1743,2,FALSE)</f>
        <v>#N/A</v>
      </c>
      <c r="N3436" s="51" t="e">
        <f>VLOOKUP(E3436,団体コード!$E$1:$F$48,2,FALSE)</f>
        <v>#N/A</v>
      </c>
      <c r="O3436" s="51" t="e">
        <f t="shared" si="109"/>
        <v>#N/A</v>
      </c>
      <c r="P3436" s="51">
        <v>1</v>
      </c>
      <c r="Q3436" s="51" t="s">
        <v>5341</v>
      </c>
      <c r="R3436" s="54" t="b">
        <v>1</v>
      </c>
      <c r="S3436" s="52" t="s">
        <v>7126</v>
      </c>
      <c r="T3436" s="67" t="s">
        <v>7127</v>
      </c>
      <c r="U3436" s="75" t="s">
        <v>5331</v>
      </c>
      <c r="V3436" s="47" t="s">
        <v>5331</v>
      </c>
      <c r="W3436" s="47" t="s">
        <v>5331</v>
      </c>
      <c r="X3436" s="47" t="s">
        <v>5331</v>
      </c>
      <c r="Y3436" s="47" t="s">
        <v>5331</v>
      </c>
      <c r="Z3436" s="28"/>
      <c r="AA3436" s="27"/>
      <c r="AB3436" s="27"/>
      <c r="AC3436" s="27"/>
      <c r="AD3436" s="30"/>
      <c r="AE3436" s="1"/>
      <c r="AF3436" s="23" t="s">
        <v>5331</v>
      </c>
      <c r="AG3436" s="26"/>
      <c r="AH3436" s="53"/>
    </row>
    <row r="3437" spans="1:34" ht="51.6" customHeight="1" x14ac:dyDescent="0.45">
      <c r="A3437" s="23">
        <v>3431</v>
      </c>
      <c r="B3437" s="25"/>
      <c r="C3437" s="25"/>
      <c r="D3437" s="29"/>
      <c r="E3437" s="1"/>
      <c r="F3437" s="1"/>
      <c r="G3437" s="25"/>
      <c r="H3437" s="71"/>
      <c r="I3437" s="83"/>
      <c r="J3437" s="50" t="str">
        <f t="shared" si="108"/>
        <v/>
      </c>
      <c r="K3437" s="23" t="s">
        <v>7120</v>
      </c>
      <c r="L3437" s="49" t="e">
        <f>VLOOKUP(E3437&amp;F3437,団体コード!$A$1:$C$1743,3,FALSE)</f>
        <v>#N/A</v>
      </c>
      <c r="M3437" s="49" t="e">
        <f>VLOOKUP(E3437&amp;F3437,団体コード!$A$1:$C$1743,2,FALSE)</f>
        <v>#N/A</v>
      </c>
      <c r="N3437" s="51" t="e">
        <f>VLOOKUP(E3437,団体コード!$E$1:$F$48,2,FALSE)</f>
        <v>#N/A</v>
      </c>
      <c r="O3437" s="51" t="e">
        <f t="shared" si="109"/>
        <v>#N/A</v>
      </c>
      <c r="P3437" s="51">
        <v>1</v>
      </c>
      <c r="Q3437" s="51" t="s">
        <v>5341</v>
      </c>
      <c r="R3437" s="54" t="b">
        <v>1</v>
      </c>
      <c r="S3437" s="52" t="s">
        <v>7126</v>
      </c>
      <c r="T3437" s="67" t="s">
        <v>7127</v>
      </c>
      <c r="U3437" s="75" t="s">
        <v>5331</v>
      </c>
      <c r="V3437" s="47" t="s">
        <v>5331</v>
      </c>
      <c r="W3437" s="47" t="s">
        <v>5331</v>
      </c>
      <c r="X3437" s="47" t="s">
        <v>5331</v>
      </c>
      <c r="Y3437" s="47" t="s">
        <v>5331</v>
      </c>
      <c r="Z3437" s="28"/>
      <c r="AA3437" s="27"/>
      <c r="AB3437" s="27"/>
      <c r="AC3437" s="27"/>
      <c r="AD3437" s="30"/>
      <c r="AE3437" s="1"/>
      <c r="AF3437" s="23" t="s">
        <v>5331</v>
      </c>
      <c r="AG3437" s="26"/>
      <c r="AH3437" s="53"/>
    </row>
    <row r="3438" spans="1:34" ht="51.6" customHeight="1" x14ac:dyDescent="0.45">
      <c r="A3438" s="23">
        <v>3432</v>
      </c>
      <c r="B3438" s="25"/>
      <c r="C3438" s="25"/>
      <c r="D3438" s="29"/>
      <c r="E3438" s="1"/>
      <c r="F3438" s="1"/>
      <c r="G3438" s="25"/>
      <c r="H3438" s="71"/>
      <c r="I3438" s="83"/>
      <c r="J3438" s="50" t="str">
        <f t="shared" si="108"/>
        <v/>
      </c>
      <c r="K3438" s="23" t="s">
        <v>7120</v>
      </c>
      <c r="L3438" s="49" t="e">
        <f>VLOOKUP(E3438&amp;F3438,団体コード!$A$1:$C$1743,3,FALSE)</f>
        <v>#N/A</v>
      </c>
      <c r="M3438" s="49" t="e">
        <f>VLOOKUP(E3438&amp;F3438,団体コード!$A$1:$C$1743,2,FALSE)</f>
        <v>#N/A</v>
      </c>
      <c r="N3438" s="51" t="e">
        <f>VLOOKUP(E3438,団体コード!$E$1:$F$48,2,FALSE)</f>
        <v>#N/A</v>
      </c>
      <c r="O3438" s="51" t="e">
        <f t="shared" si="109"/>
        <v>#N/A</v>
      </c>
      <c r="P3438" s="51">
        <v>1</v>
      </c>
      <c r="Q3438" s="51" t="s">
        <v>5341</v>
      </c>
      <c r="R3438" s="54" t="b">
        <v>1</v>
      </c>
      <c r="S3438" s="52" t="s">
        <v>7126</v>
      </c>
      <c r="T3438" s="67" t="s">
        <v>7127</v>
      </c>
      <c r="U3438" s="75" t="s">
        <v>5331</v>
      </c>
      <c r="V3438" s="47" t="s">
        <v>5331</v>
      </c>
      <c r="W3438" s="47" t="s">
        <v>5331</v>
      </c>
      <c r="X3438" s="47" t="s">
        <v>5331</v>
      </c>
      <c r="Y3438" s="47" t="s">
        <v>5331</v>
      </c>
      <c r="Z3438" s="28"/>
      <c r="AA3438" s="27"/>
      <c r="AB3438" s="27"/>
      <c r="AC3438" s="27"/>
      <c r="AD3438" s="30"/>
      <c r="AE3438" s="1"/>
      <c r="AF3438" s="23" t="s">
        <v>5331</v>
      </c>
      <c r="AG3438" s="26"/>
      <c r="AH3438" s="53"/>
    </row>
    <row r="3439" spans="1:34" ht="51.6" customHeight="1" x14ac:dyDescent="0.45">
      <c r="A3439" s="23">
        <v>3433</v>
      </c>
      <c r="B3439" s="25"/>
      <c r="C3439" s="25"/>
      <c r="D3439" s="29"/>
      <c r="E3439" s="1"/>
      <c r="F3439" s="1"/>
      <c r="G3439" s="25"/>
      <c r="H3439" s="71"/>
      <c r="I3439" s="83"/>
      <c r="J3439" s="50" t="str">
        <f t="shared" si="108"/>
        <v/>
      </c>
      <c r="K3439" s="23" t="s">
        <v>7120</v>
      </c>
      <c r="L3439" s="49" t="e">
        <f>VLOOKUP(E3439&amp;F3439,団体コード!$A$1:$C$1743,3,FALSE)</f>
        <v>#N/A</v>
      </c>
      <c r="M3439" s="49" t="e">
        <f>VLOOKUP(E3439&amp;F3439,団体コード!$A$1:$C$1743,2,FALSE)</f>
        <v>#N/A</v>
      </c>
      <c r="N3439" s="51" t="e">
        <f>VLOOKUP(E3439,団体コード!$E$1:$F$48,2,FALSE)</f>
        <v>#N/A</v>
      </c>
      <c r="O3439" s="51" t="e">
        <f t="shared" si="109"/>
        <v>#N/A</v>
      </c>
      <c r="P3439" s="51">
        <v>1</v>
      </c>
      <c r="Q3439" s="51" t="s">
        <v>5341</v>
      </c>
      <c r="R3439" s="54" t="b">
        <v>1</v>
      </c>
      <c r="S3439" s="52" t="s">
        <v>7126</v>
      </c>
      <c r="T3439" s="67" t="s">
        <v>7127</v>
      </c>
      <c r="U3439" s="75" t="s">
        <v>5331</v>
      </c>
      <c r="V3439" s="47" t="s">
        <v>5331</v>
      </c>
      <c r="W3439" s="47" t="s">
        <v>5331</v>
      </c>
      <c r="X3439" s="47" t="s">
        <v>5331</v>
      </c>
      <c r="Y3439" s="47" t="s">
        <v>5331</v>
      </c>
      <c r="Z3439" s="28"/>
      <c r="AA3439" s="27"/>
      <c r="AB3439" s="27"/>
      <c r="AC3439" s="27"/>
      <c r="AD3439" s="30"/>
      <c r="AE3439" s="1"/>
      <c r="AF3439" s="23" t="s">
        <v>5331</v>
      </c>
      <c r="AG3439" s="26"/>
      <c r="AH3439" s="53"/>
    </row>
    <row r="3440" spans="1:34" ht="51.6" customHeight="1" x14ac:dyDescent="0.45">
      <c r="A3440" s="23">
        <v>3434</v>
      </c>
      <c r="B3440" s="25"/>
      <c r="C3440" s="25"/>
      <c r="D3440" s="29"/>
      <c r="E3440" s="1"/>
      <c r="F3440" s="1"/>
      <c r="G3440" s="25"/>
      <c r="H3440" s="71"/>
      <c r="I3440" s="83"/>
      <c r="J3440" s="50" t="str">
        <f t="shared" si="108"/>
        <v/>
      </c>
      <c r="K3440" s="23" t="s">
        <v>7120</v>
      </c>
      <c r="L3440" s="49" t="e">
        <f>VLOOKUP(E3440&amp;F3440,団体コード!$A$1:$C$1743,3,FALSE)</f>
        <v>#N/A</v>
      </c>
      <c r="M3440" s="49" t="e">
        <f>VLOOKUP(E3440&amp;F3440,団体コード!$A$1:$C$1743,2,FALSE)</f>
        <v>#N/A</v>
      </c>
      <c r="N3440" s="51" t="e">
        <f>VLOOKUP(E3440,団体コード!$E$1:$F$48,2,FALSE)</f>
        <v>#N/A</v>
      </c>
      <c r="O3440" s="51" t="e">
        <f t="shared" si="109"/>
        <v>#N/A</v>
      </c>
      <c r="P3440" s="51">
        <v>1</v>
      </c>
      <c r="Q3440" s="51" t="s">
        <v>5341</v>
      </c>
      <c r="R3440" s="54" t="b">
        <v>1</v>
      </c>
      <c r="S3440" s="52" t="s">
        <v>7126</v>
      </c>
      <c r="T3440" s="67" t="s">
        <v>7127</v>
      </c>
      <c r="U3440" s="75" t="s">
        <v>5331</v>
      </c>
      <c r="V3440" s="47" t="s">
        <v>5331</v>
      </c>
      <c r="W3440" s="47" t="s">
        <v>5331</v>
      </c>
      <c r="X3440" s="47" t="s">
        <v>5331</v>
      </c>
      <c r="Y3440" s="47" t="s">
        <v>5331</v>
      </c>
      <c r="Z3440" s="28"/>
      <c r="AA3440" s="27"/>
      <c r="AB3440" s="27"/>
      <c r="AC3440" s="27"/>
      <c r="AD3440" s="30"/>
      <c r="AE3440" s="1"/>
      <c r="AF3440" s="23" t="s">
        <v>5331</v>
      </c>
      <c r="AG3440" s="26"/>
      <c r="AH3440" s="53"/>
    </row>
    <row r="3441" spans="1:34" ht="51.6" customHeight="1" x14ac:dyDescent="0.45">
      <c r="A3441" s="23">
        <v>3435</v>
      </c>
      <c r="B3441" s="25"/>
      <c r="C3441" s="25"/>
      <c r="D3441" s="29"/>
      <c r="E3441" s="1"/>
      <c r="F3441" s="1"/>
      <c r="G3441" s="25"/>
      <c r="H3441" s="71"/>
      <c r="I3441" s="83"/>
      <c r="J3441" s="50" t="str">
        <f t="shared" si="108"/>
        <v/>
      </c>
      <c r="K3441" s="23" t="s">
        <v>7120</v>
      </c>
      <c r="L3441" s="49" t="e">
        <f>VLOOKUP(E3441&amp;F3441,団体コード!$A$1:$C$1743,3,FALSE)</f>
        <v>#N/A</v>
      </c>
      <c r="M3441" s="49" t="e">
        <f>VLOOKUP(E3441&amp;F3441,団体コード!$A$1:$C$1743,2,FALSE)</f>
        <v>#N/A</v>
      </c>
      <c r="N3441" s="51" t="e">
        <f>VLOOKUP(E3441,団体コード!$E$1:$F$48,2,FALSE)</f>
        <v>#N/A</v>
      </c>
      <c r="O3441" s="51" t="e">
        <f t="shared" si="109"/>
        <v>#N/A</v>
      </c>
      <c r="P3441" s="51">
        <v>1</v>
      </c>
      <c r="Q3441" s="51" t="s">
        <v>5341</v>
      </c>
      <c r="R3441" s="54" t="b">
        <v>1</v>
      </c>
      <c r="S3441" s="52" t="s">
        <v>7126</v>
      </c>
      <c r="T3441" s="67" t="s">
        <v>7127</v>
      </c>
      <c r="U3441" s="75" t="s">
        <v>5331</v>
      </c>
      <c r="V3441" s="47" t="s">
        <v>5331</v>
      </c>
      <c r="W3441" s="47" t="s">
        <v>5331</v>
      </c>
      <c r="X3441" s="47" t="s">
        <v>5331</v>
      </c>
      <c r="Y3441" s="47" t="s">
        <v>5331</v>
      </c>
      <c r="Z3441" s="28"/>
      <c r="AA3441" s="27"/>
      <c r="AB3441" s="27"/>
      <c r="AC3441" s="27"/>
      <c r="AD3441" s="30"/>
      <c r="AE3441" s="1"/>
      <c r="AF3441" s="23" t="s">
        <v>5331</v>
      </c>
      <c r="AG3441" s="26"/>
      <c r="AH3441" s="53"/>
    </row>
    <row r="3442" spans="1:34" ht="51.6" customHeight="1" x14ac:dyDescent="0.45">
      <c r="A3442" s="23">
        <v>3436</v>
      </c>
      <c r="B3442" s="25"/>
      <c r="C3442" s="25"/>
      <c r="D3442" s="29"/>
      <c r="E3442" s="1"/>
      <c r="F3442" s="1"/>
      <c r="G3442" s="25"/>
      <c r="H3442" s="71"/>
      <c r="I3442" s="83"/>
      <c r="J3442" s="50" t="str">
        <f t="shared" si="108"/>
        <v/>
      </c>
      <c r="K3442" s="23" t="s">
        <v>7120</v>
      </c>
      <c r="L3442" s="49" t="e">
        <f>VLOOKUP(E3442&amp;F3442,団体コード!$A$1:$C$1743,3,FALSE)</f>
        <v>#N/A</v>
      </c>
      <c r="M3442" s="49" t="e">
        <f>VLOOKUP(E3442&amp;F3442,団体コード!$A$1:$C$1743,2,FALSE)</f>
        <v>#N/A</v>
      </c>
      <c r="N3442" s="51" t="e">
        <f>VLOOKUP(E3442,団体コード!$E$1:$F$48,2,FALSE)</f>
        <v>#N/A</v>
      </c>
      <c r="O3442" s="51" t="e">
        <f t="shared" si="109"/>
        <v>#N/A</v>
      </c>
      <c r="P3442" s="51">
        <v>1</v>
      </c>
      <c r="Q3442" s="51" t="s">
        <v>5341</v>
      </c>
      <c r="R3442" s="54" t="b">
        <v>1</v>
      </c>
      <c r="S3442" s="52" t="s">
        <v>7126</v>
      </c>
      <c r="T3442" s="67" t="s">
        <v>7127</v>
      </c>
      <c r="U3442" s="75" t="s">
        <v>5331</v>
      </c>
      <c r="V3442" s="47" t="s">
        <v>5331</v>
      </c>
      <c r="W3442" s="47" t="s">
        <v>5331</v>
      </c>
      <c r="X3442" s="47" t="s">
        <v>5331</v>
      </c>
      <c r="Y3442" s="47" t="s">
        <v>5331</v>
      </c>
      <c r="Z3442" s="28"/>
      <c r="AA3442" s="27"/>
      <c r="AB3442" s="27"/>
      <c r="AC3442" s="27"/>
      <c r="AD3442" s="30"/>
      <c r="AE3442" s="1"/>
      <c r="AF3442" s="23" t="s">
        <v>5331</v>
      </c>
      <c r="AG3442" s="26"/>
      <c r="AH3442" s="53"/>
    </row>
    <row r="3443" spans="1:34" ht="51.6" customHeight="1" x14ac:dyDescent="0.45">
      <c r="A3443" s="23">
        <v>3437</v>
      </c>
      <c r="B3443" s="25"/>
      <c r="C3443" s="25"/>
      <c r="D3443" s="29"/>
      <c r="E3443" s="1"/>
      <c r="F3443" s="1"/>
      <c r="G3443" s="25"/>
      <c r="H3443" s="71"/>
      <c r="I3443" s="83"/>
      <c r="J3443" s="50" t="str">
        <f t="shared" si="108"/>
        <v/>
      </c>
      <c r="K3443" s="23" t="s">
        <v>7120</v>
      </c>
      <c r="L3443" s="49" t="e">
        <f>VLOOKUP(E3443&amp;F3443,団体コード!$A$1:$C$1743,3,FALSE)</f>
        <v>#N/A</v>
      </c>
      <c r="M3443" s="49" t="e">
        <f>VLOOKUP(E3443&amp;F3443,団体コード!$A$1:$C$1743,2,FALSE)</f>
        <v>#N/A</v>
      </c>
      <c r="N3443" s="51" t="e">
        <f>VLOOKUP(E3443,団体コード!$E$1:$F$48,2,FALSE)</f>
        <v>#N/A</v>
      </c>
      <c r="O3443" s="51" t="e">
        <f t="shared" si="109"/>
        <v>#N/A</v>
      </c>
      <c r="P3443" s="51">
        <v>1</v>
      </c>
      <c r="Q3443" s="51" t="s">
        <v>5341</v>
      </c>
      <c r="R3443" s="54" t="b">
        <v>1</v>
      </c>
      <c r="S3443" s="52" t="s">
        <v>7126</v>
      </c>
      <c r="T3443" s="67" t="s">
        <v>7127</v>
      </c>
      <c r="U3443" s="75" t="s">
        <v>5331</v>
      </c>
      <c r="V3443" s="47" t="s">
        <v>5331</v>
      </c>
      <c r="W3443" s="47" t="s">
        <v>5331</v>
      </c>
      <c r="X3443" s="47" t="s">
        <v>5331</v>
      </c>
      <c r="Y3443" s="47" t="s">
        <v>5331</v>
      </c>
      <c r="Z3443" s="28"/>
      <c r="AA3443" s="27"/>
      <c r="AB3443" s="27"/>
      <c r="AC3443" s="27"/>
      <c r="AD3443" s="30"/>
      <c r="AE3443" s="1"/>
      <c r="AF3443" s="23" t="s">
        <v>5331</v>
      </c>
      <c r="AG3443" s="26"/>
      <c r="AH3443" s="53"/>
    </row>
    <row r="3444" spans="1:34" ht="51.6" customHeight="1" x14ac:dyDescent="0.45">
      <c r="A3444" s="23">
        <v>3438</v>
      </c>
      <c r="B3444" s="25"/>
      <c r="C3444" s="25"/>
      <c r="D3444" s="29"/>
      <c r="E3444" s="1"/>
      <c r="F3444" s="1"/>
      <c r="G3444" s="25"/>
      <c r="H3444" s="71"/>
      <c r="I3444" s="83"/>
      <c r="J3444" s="50" t="str">
        <f t="shared" si="108"/>
        <v/>
      </c>
      <c r="K3444" s="23" t="s">
        <v>7120</v>
      </c>
      <c r="L3444" s="49" t="e">
        <f>VLOOKUP(E3444&amp;F3444,団体コード!$A$1:$C$1743,3,FALSE)</f>
        <v>#N/A</v>
      </c>
      <c r="M3444" s="49" t="e">
        <f>VLOOKUP(E3444&amp;F3444,団体コード!$A$1:$C$1743,2,FALSE)</f>
        <v>#N/A</v>
      </c>
      <c r="N3444" s="51" t="e">
        <f>VLOOKUP(E3444,団体コード!$E$1:$F$48,2,FALSE)</f>
        <v>#N/A</v>
      </c>
      <c r="O3444" s="51" t="e">
        <f t="shared" si="109"/>
        <v>#N/A</v>
      </c>
      <c r="P3444" s="51">
        <v>1</v>
      </c>
      <c r="Q3444" s="51" t="s">
        <v>5341</v>
      </c>
      <c r="R3444" s="54" t="b">
        <v>1</v>
      </c>
      <c r="S3444" s="52" t="s">
        <v>7126</v>
      </c>
      <c r="T3444" s="67" t="s">
        <v>7127</v>
      </c>
      <c r="U3444" s="75" t="s">
        <v>5331</v>
      </c>
      <c r="V3444" s="47" t="s">
        <v>5331</v>
      </c>
      <c r="W3444" s="47" t="s">
        <v>5331</v>
      </c>
      <c r="X3444" s="47" t="s">
        <v>5331</v>
      </c>
      <c r="Y3444" s="47" t="s">
        <v>5331</v>
      </c>
      <c r="Z3444" s="28"/>
      <c r="AA3444" s="27"/>
      <c r="AB3444" s="27"/>
      <c r="AC3444" s="27"/>
      <c r="AD3444" s="30"/>
      <c r="AE3444" s="1"/>
      <c r="AF3444" s="23" t="s">
        <v>5331</v>
      </c>
      <c r="AG3444" s="26"/>
      <c r="AH3444" s="53"/>
    </row>
    <row r="3445" spans="1:34" ht="51.6" customHeight="1" x14ac:dyDescent="0.45">
      <c r="A3445" s="23">
        <v>3439</v>
      </c>
      <c r="B3445" s="25"/>
      <c r="C3445" s="25"/>
      <c r="D3445" s="29"/>
      <c r="E3445" s="1"/>
      <c r="F3445" s="1"/>
      <c r="G3445" s="25"/>
      <c r="H3445" s="71"/>
      <c r="I3445" s="83"/>
      <c r="J3445" s="50" t="str">
        <f t="shared" si="108"/>
        <v/>
      </c>
      <c r="K3445" s="23" t="s">
        <v>7120</v>
      </c>
      <c r="L3445" s="49" t="e">
        <f>VLOOKUP(E3445&amp;F3445,団体コード!$A$1:$C$1743,3,FALSE)</f>
        <v>#N/A</v>
      </c>
      <c r="M3445" s="49" t="e">
        <f>VLOOKUP(E3445&amp;F3445,団体コード!$A$1:$C$1743,2,FALSE)</f>
        <v>#N/A</v>
      </c>
      <c r="N3445" s="51" t="e">
        <f>VLOOKUP(E3445,団体コード!$E$1:$F$48,2,FALSE)</f>
        <v>#N/A</v>
      </c>
      <c r="O3445" s="51" t="e">
        <f t="shared" si="109"/>
        <v>#N/A</v>
      </c>
      <c r="P3445" s="51">
        <v>1</v>
      </c>
      <c r="Q3445" s="51" t="s">
        <v>5341</v>
      </c>
      <c r="R3445" s="54" t="b">
        <v>1</v>
      </c>
      <c r="S3445" s="52" t="s">
        <v>7126</v>
      </c>
      <c r="T3445" s="67" t="s">
        <v>7127</v>
      </c>
      <c r="U3445" s="75" t="s">
        <v>5331</v>
      </c>
      <c r="V3445" s="47" t="s">
        <v>5331</v>
      </c>
      <c r="W3445" s="47" t="s">
        <v>5331</v>
      </c>
      <c r="X3445" s="47" t="s">
        <v>5331</v>
      </c>
      <c r="Y3445" s="47" t="s">
        <v>5331</v>
      </c>
      <c r="Z3445" s="28"/>
      <c r="AA3445" s="27"/>
      <c r="AB3445" s="27"/>
      <c r="AC3445" s="27"/>
      <c r="AD3445" s="30"/>
      <c r="AE3445" s="1"/>
      <c r="AF3445" s="23" t="s">
        <v>5331</v>
      </c>
      <c r="AG3445" s="26"/>
      <c r="AH3445" s="53"/>
    </row>
    <row r="3446" spans="1:34" ht="51.6" customHeight="1" x14ac:dyDescent="0.45">
      <c r="A3446" s="23">
        <v>3440</v>
      </c>
      <c r="B3446" s="25"/>
      <c r="C3446" s="25"/>
      <c r="D3446" s="29"/>
      <c r="E3446" s="1"/>
      <c r="F3446" s="1"/>
      <c r="G3446" s="25"/>
      <c r="H3446" s="71"/>
      <c r="I3446" s="83"/>
      <c r="J3446" s="50" t="str">
        <f t="shared" si="108"/>
        <v/>
      </c>
      <c r="K3446" s="23" t="s">
        <v>7120</v>
      </c>
      <c r="L3446" s="49" t="e">
        <f>VLOOKUP(E3446&amp;F3446,団体コード!$A$1:$C$1743,3,FALSE)</f>
        <v>#N/A</v>
      </c>
      <c r="M3446" s="49" t="e">
        <f>VLOOKUP(E3446&amp;F3446,団体コード!$A$1:$C$1743,2,FALSE)</f>
        <v>#N/A</v>
      </c>
      <c r="N3446" s="51" t="e">
        <f>VLOOKUP(E3446,団体コード!$E$1:$F$48,2,FALSE)</f>
        <v>#N/A</v>
      </c>
      <c r="O3446" s="51" t="e">
        <f t="shared" si="109"/>
        <v>#N/A</v>
      </c>
      <c r="P3446" s="51">
        <v>1</v>
      </c>
      <c r="Q3446" s="51" t="s">
        <v>5341</v>
      </c>
      <c r="R3446" s="54" t="b">
        <v>1</v>
      </c>
      <c r="S3446" s="52" t="s">
        <v>7126</v>
      </c>
      <c r="T3446" s="67" t="s">
        <v>7127</v>
      </c>
      <c r="U3446" s="75" t="s">
        <v>5331</v>
      </c>
      <c r="V3446" s="47" t="s">
        <v>5331</v>
      </c>
      <c r="W3446" s="47" t="s">
        <v>5331</v>
      </c>
      <c r="X3446" s="47" t="s">
        <v>5331</v>
      </c>
      <c r="Y3446" s="47" t="s">
        <v>5331</v>
      </c>
      <c r="Z3446" s="28"/>
      <c r="AA3446" s="27"/>
      <c r="AB3446" s="27"/>
      <c r="AC3446" s="27"/>
      <c r="AD3446" s="30"/>
      <c r="AE3446" s="1"/>
      <c r="AF3446" s="23" t="s">
        <v>5331</v>
      </c>
      <c r="AG3446" s="26"/>
      <c r="AH3446" s="53"/>
    </row>
    <row r="3447" spans="1:34" ht="51.6" customHeight="1" x14ac:dyDescent="0.45">
      <c r="A3447" s="23">
        <v>3441</v>
      </c>
      <c r="B3447" s="25"/>
      <c r="C3447" s="25"/>
      <c r="D3447" s="29"/>
      <c r="E3447" s="1"/>
      <c r="F3447" s="1"/>
      <c r="G3447" s="25"/>
      <c r="H3447" s="71"/>
      <c r="I3447" s="83"/>
      <c r="J3447" s="50" t="str">
        <f t="shared" si="108"/>
        <v/>
      </c>
      <c r="K3447" s="23" t="s">
        <v>7120</v>
      </c>
      <c r="L3447" s="49" t="e">
        <f>VLOOKUP(E3447&amp;F3447,団体コード!$A$1:$C$1743,3,FALSE)</f>
        <v>#N/A</v>
      </c>
      <c r="M3447" s="49" t="e">
        <f>VLOOKUP(E3447&amp;F3447,団体コード!$A$1:$C$1743,2,FALSE)</f>
        <v>#N/A</v>
      </c>
      <c r="N3447" s="51" t="e">
        <f>VLOOKUP(E3447,団体コード!$E$1:$F$48,2,FALSE)</f>
        <v>#N/A</v>
      </c>
      <c r="O3447" s="51" t="e">
        <f t="shared" si="109"/>
        <v>#N/A</v>
      </c>
      <c r="P3447" s="51">
        <v>1</v>
      </c>
      <c r="Q3447" s="51" t="s">
        <v>5341</v>
      </c>
      <c r="R3447" s="54" t="b">
        <v>1</v>
      </c>
      <c r="S3447" s="52" t="s">
        <v>7126</v>
      </c>
      <c r="T3447" s="67" t="s">
        <v>7127</v>
      </c>
      <c r="U3447" s="75" t="s">
        <v>5331</v>
      </c>
      <c r="V3447" s="47" t="s">
        <v>5331</v>
      </c>
      <c r="W3447" s="47" t="s">
        <v>5331</v>
      </c>
      <c r="X3447" s="47" t="s">
        <v>5331</v>
      </c>
      <c r="Y3447" s="47" t="s">
        <v>5331</v>
      </c>
      <c r="Z3447" s="28"/>
      <c r="AA3447" s="27"/>
      <c r="AB3447" s="27"/>
      <c r="AC3447" s="27"/>
      <c r="AD3447" s="30"/>
      <c r="AE3447" s="1"/>
      <c r="AF3447" s="23" t="s">
        <v>5331</v>
      </c>
      <c r="AG3447" s="26"/>
      <c r="AH3447" s="53"/>
    </row>
    <row r="3448" spans="1:34" ht="51.6" customHeight="1" x14ac:dyDescent="0.45">
      <c r="A3448" s="23">
        <v>3442</v>
      </c>
      <c r="B3448" s="25"/>
      <c r="C3448" s="25"/>
      <c r="D3448" s="29"/>
      <c r="E3448" s="1"/>
      <c r="F3448" s="1"/>
      <c r="G3448" s="25"/>
      <c r="H3448" s="71"/>
      <c r="I3448" s="83"/>
      <c r="J3448" s="50" t="str">
        <f t="shared" si="108"/>
        <v/>
      </c>
      <c r="K3448" s="23" t="s">
        <v>7120</v>
      </c>
      <c r="L3448" s="49" t="e">
        <f>VLOOKUP(E3448&amp;F3448,団体コード!$A$1:$C$1743,3,FALSE)</f>
        <v>#N/A</v>
      </c>
      <c r="M3448" s="49" t="e">
        <f>VLOOKUP(E3448&amp;F3448,団体コード!$A$1:$C$1743,2,FALSE)</f>
        <v>#N/A</v>
      </c>
      <c r="N3448" s="51" t="e">
        <f>VLOOKUP(E3448,団体コード!$E$1:$F$48,2,FALSE)</f>
        <v>#N/A</v>
      </c>
      <c r="O3448" s="51" t="e">
        <f t="shared" si="109"/>
        <v>#N/A</v>
      </c>
      <c r="P3448" s="51">
        <v>1</v>
      </c>
      <c r="Q3448" s="51" t="s">
        <v>5341</v>
      </c>
      <c r="R3448" s="54" t="b">
        <v>1</v>
      </c>
      <c r="S3448" s="52" t="s">
        <v>7126</v>
      </c>
      <c r="T3448" s="67" t="s">
        <v>7127</v>
      </c>
      <c r="U3448" s="75" t="s">
        <v>5331</v>
      </c>
      <c r="V3448" s="47" t="s">
        <v>5331</v>
      </c>
      <c r="W3448" s="47" t="s">
        <v>5331</v>
      </c>
      <c r="X3448" s="47" t="s">
        <v>5331</v>
      </c>
      <c r="Y3448" s="47" t="s">
        <v>5331</v>
      </c>
      <c r="Z3448" s="28"/>
      <c r="AA3448" s="27"/>
      <c r="AB3448" s="27"/>
      <c r="AC3448" s="27"/>
      <c r="AD3448" s="30"/>
      <c r="AE3448" s="1"/>
      <c r="AF3448" s="23" t="s">
        <v>5331</v>
      </c>
      <c r="AG3448" s="26"/>
      <c r="AH3448" s="53"/>
    </row>
    <row r="3449" spans="1:34" ht="51.6" customHeight="1" x14ac:dyDescent="0.45">
      <c r="A3449" s="23">
        <v>3443</v>
      </c>
      <c r="B3449" s="25"/>
      <c r="C3449" s="25"/>
      <c r="D3449" s="29"/>
      <c r="E3449" s="1"/>
      <c r="F3449" s="1"/>
      <c r="G3449" s="25"/>
      <c r="H3449" s="71"/>
      <c r="I3449" s="83"/>
      <c r="J3449" s="50" t="str">
        <f t="shared" si="108"/>
        <v/>
      </c>
      <c r="K3449" s="23" t="s">
        <v>7120</v>
      </c>
      <c r="L3449" s="49" t="e">
        <f>VLOOKUP(E3449&amp;F3449,団体コード!$A$1:$C$1743,3,FALSE)</f>
        <v>#N/A</v>
      </c>
      <c r="M3449" s="49" t="e">
        <f>VLOOKUP(E3449&amp;F3449,団体コード!$A$1:$C$1743,2,FALSE)</f>
        <v>#N/A</v>
      </c>
      <c r="N3449" s="51" t="e">
        <f>VLOOKUP(E3449,団体コード!$E$1:$F$48,2,FALSE)</f>
        <v>#N/A</v>
      </c>
      <c r="O3449" s="51" t="e">
        <f t="shared" si="109"/>
        <v>#N/A</v>
      </c>
      <c r="P3449" s="51">
        <v>1</v>
      </c>
      <c r="Q3449" s="51" t="s">
        <v>5341</v>
      </c>
      <c r="R3449" s="54" t="b">
        <v>1</v>
      </c>
      <c r="S3449" s="52" t="s">
        <v>7126</v>
      </c>
      <c r="T3449" s="67" t="s">
        <v>7127</v>
      </c>
      <c r="U3449" s="75" t="s">
        <v>5331</v>
      </c>
      <c r="V3449" s="47" t="s">
        <v>5331</v>
      </c>
      <c r="W3449" s="47" t="s">
        <v>5331</v>
      </c>
      <c r="X3449" s="47" t="s">
        <v>5331</v>
      </c>
      <c r="Y3449" s="47" t="s">
        <v>5331</v>
      </c>
      <c r="Z3449" s="28"/>
      <c r="AA3449" s="27"/>
      <c r="AB3449" s="27"/>
      <c r="AC3449" s="27"/>
      <c r="AD3449" s="30"/>
      <c r="AE3449" s="1"/>
      <c r="AF3449" s="23" t="s">
        <v>5331</v>
      </c>
      <c r="AG3449" s="26"/>
      <c r="AH3449" s="53"/>
    </row>
    <row r="3450" spans="1:34" ht="51.6" customHeight="1" x14ac:dyDescent="0.45">
      <c r="A3450" s="23">
        <v>3444</v>
      </c>
      <c r="B3450" s="25"/>
      <c r="C3450" s="25"/>
      <c r="D3450" s="29"/>
      <c r="E3450" s="1"/>
      <c r="F3450" s="1"/>
      <c r="G3450" s="25"/>
      <c r="H3450" s="71"/>
      <c r="I3450" s="83"/>
      <c r="J3450" s="50" t="str">
        <f t="shared" si="108"/>
        <v/>
      </c>
      <c r="K3450" s="23" t="s">
        <v>7120</v>
      </c>
      <c r="L3450" s="49" t="e">
        <f>VLOOKUP(E3450&amp;F3450,団体コード!$A$1:$C$1743,3,FALSE)</f>
        <v>#N/A</v>
      </c>
      <c r="M3450" s="49" t="e">
        <f>VLOOKUP(E3450&amp;F3450,団体コード!$A$1:$C$1743,2,FALSE)</f>
        <v>#N/A</v>
      </c>
      <c r="N3450" s="51" t="e">
        <f>VLOOKUP(E3450,団体コード!$E$1:$F$48,2,FALSE)</f>
        <v>#N/A</v>
      </c>
      <c r="O3450" s="51" t="e">
        <f t="shared" si="109"/>
        <v>#N/A</v>
      </c>
      <c r="P3450" s="51">
        <v>1</v>
      </c>
      <c r="Q3450" s="51" t="s">
        <v>5341</v>
      </c>
      <c r="R3450" s="54" t="b">
        <v>1</v>
      </c>
      <c r="S3450" s="52" t="s">
        <v>7126</v>
      </c>
      <c r="T3450" s="67" t="s">
        <v>7127</v>
      </c>
      <c r="U3450" s="75" t="s">
        <v>5331</v>
      </c>
      <c r="V3450" s="47" t="s">
        <v>5331</v>
      </c>
      <c r="W3450" s="47" t="s">
        <v>5331</v>
      </c>
      <c r="X3450" s="47" t="s">
        <v>5331</v>
      </c>
      <c r="Y3450" s="47" t="s">
        <v>5331</v>
      </c>
      <c r="Z3450" s="28"/>
      <c r="AA3450" s="27"/>
      <c r="AB3450" s="27"/>
      <c r="AC3450" s="27"/>
      <c r="AD3450" s="30"/>
      <c r="AE3450" s="1"/>
      <c r="AF3450" s="23" t="s">
        <v>5331</v>
      </c>
      <c r="AG3450" s="26"/>
      <c r="AH3450" s="53"/>
    </row>
    <row r="3451" spans="1:34" ht="51.6" customHeight="1" x14ac:dyDescent="0.45">
      <c r="A3451" s="23">
        <v>3445</v>
      </c>
      <c r="B3451" s="25"/>
      <c r="C3451" s="25"/>
      <c r="D3451" s="29"/>
      <c r="E3451" s="1"/>
      <c r="F3451" s="1"/>
      <c r="G3451" s="25"/>
      <c r="H3451" s="71"/>
      <c r="I3451" s="83"/>
      <c r="J3451" s="50" t="str">
        <f t="shared" si="108"/>
        <v/>
      </c>
      <c r="K3451" s="23" t="s">
        <v>7120</v>
      </c>
      <c r="L3451" s="49" t="e">
        <f>VLOOKUP(E3451&amp;F3451,団体コード!$A$1:$C$1743,3,FALSE)</f>
        <v>#N/A</v>
      </c>
      <c r="M3451" s="49" t="e">
        <f>VLOOKUP(E3451&amp;F3451,団体コード!$A$1:$C$1743,2,FALSE)</f>
        <v>#N/A</v>
      </c>
      <c r="N3451" s="51" t="e">
        <f>VLOOKUP(E3451,団体コード!$E$1:$F$48,2,FALSE)</f>
        <v>#N/A</v>
      </c>
      <c r="O3451" s="51" t="e">
        <f t="shared" si="109"/>
        <v>#N/A</v>
      </c>
      <c r="P3451" s="51">
        <v>1</v>
      </c>
      <c r="Q3451" s="51" t="s">
        <v>5341</v>
      </c>
      <c r="R3451" s="54" t="b">
        <v>1</v>
      </c>
      <c r="S3451" s="52" t="s">
        <v>7126</v>
      </c>
      <c r="T3451" s="67" t="s">
        <v>7127</v>
      </c>
      <c r="U3451" s="75" t="s">
        <v>5331</v>
      </c>
      <c r="V3451" s="47" t="s">
        <v>5331</v>
      </c>
      <c r="W3451" s="47" t="s">
        <v>5331</v>
      </c>
      <c r="X3451" s="47" t="s">
        <v>5331</v>
      </c>
      <c r="Y3451" s="47" t="s">
        <v>5331</v>
      </c>
      <c r="Z3451" s="28"/>
      <c r="AA3451" s="27"/>
      <c r="AB3451" s="27"/>
      <c r="AC3451" s="27"/>
      <c r="AD3451" s="30"/>
      <c r="AE3451" s="1"/>
      <c r="AF3451" s="23" t="s">
        <v>5331</v>
      </c>
      <c r="AG3451" s="26"/>
      <c r="AH3451" s="53"/>
    </row>
    <row r="3452" spans="1:34" ht="51.6" customHeight="1" x14ac:dyDescent="0.45">
      <c r="A3452" s="23">
        <v>3446</v>
      </c>
      <c r="B3452" s="25"/>
      <c r="C3452" s="25"/>
      <c r="D3452" s="29"/>
      <c r="E3452" s="1"/>
      <c r="F3452" s="1"/>
      <c r="G3452" s="25"/>
      <c r="H3452" s="71"/>
      <c r="I3452" s="83"/>
      <c r="J3452" s="50" t="str">
        <f t="shared" si="108"/>
        <v/>
      </c>
      <c r="K3452" s="23" t="s">
        <v>7120</v>
      </c>
      <c r="L3452" s="49" t="e">
        <f>VLOOKUP(E3452&amp;F3452,団体コード!$A$1:$C$1743,3,FALSE)</f>
        <v>#N/A</v>
      </c>
      <c r="M3452" s="49" t="e">
        <f>VLOOKUP(E3452&amp;F3452,団体コード!$A$1:$C$1743,2,FALSE)</f>
        <v>#N/A</v>
      </c>
      <c r="N3452" s="51" t="e">
        <f>VLOOKUP(E3452,団体コード!$E$1:$F$48,2,FALSE)</f>
        <v>#N/A</v>
      </c>
      <c r="O3452" s="51" t="e">
        <f t="shared" si="109"/>
        <v>#N/A</v>
      </c>
      <c r="P3452" s="51">
        <v>1</v>
      </c>
      <c r="Q3452" s="51" t="s">
        <v>5341</v>
      </c>
      <c r="R3452" s="54" t="b">
        <v>1</v>
      </c>
      <c r="S3452" s="52" t="s">
        <v>7126</v>
      </c>
      <c r="T3452" s="67" t="s">
        <v>7127</v>
      </c>
      <c r="U3452" s="75" t="s">
        <v>5331</v>
      </c>
      <c r="V3452" s="47" t="s">
        <v>5331</v>
      </c>
      <c r="W3452" s="47" t="s">
        <v>5331</v>
      </c>
      <c r="X3452" s="47" t="s">
        <v>5331</v>
      </c>
      <c r="Y3452" s="47" t="s">
        <v>5331</v>
      </c>
      <c r="Z3452" s="28"/>
      <c r="AA3452" s="27"/>
      <c r="AB3452" s="27"/>
      <c r="AC3452" s="27"/>
      <c r="AD3452" s="30"/>
      <c r="AE3452" s="1"/>
      <c r="AF3452" s="23" t="s">
        <v>5331</v>
      </c>
      <c r="AG3452" s="26"/>
      <c r="AH3452" s="53"/>
    </row>
    <row r="3453" spans="1:34" ht="51.6" customHeight="1" x14ac:dyDescent="0.45">
      <c r="A3453" s="23">
        <v>3447</v>
      </c>
      <c r="B3453" s="25"/>
      <c r="C3453" s="25"/>
      <c r="D3453" s="29"/>
      <c r="E3453" s="1"/>
      <c r="F3453" s="1"/>
      <c r="G3453" s="25"/>
      <c r="H3453" s="71"/>
      <c r="I3453" s="83"/>
      <c r="J3453" s="50" t="str">
        <f t="shared" si="108"/>
        <v/>
      </c>
      <c r="K3453" s="23" t="s">
        <v>7120</v>
      </c>
      <c r="L3453" s="49" t="e">
        <f>VLOOKUP(E3453&amp;F3453,団体コード!$A$1:$C$1743,3,FALSE)</f>
        <v>#N/A</v>
      </c>
      <c r="M3453" s="49" t="e">
        <f>VLOOKUP(E3453&amp;F3453,団体コード!$A$1:$C$1743,2,FALSE)</f>
        <v>#N/A</v>
      </c>
      <c r="N3453" s="51" t="e">
        <f>VLOOKUP(E3453,団体コード!$E$1:$F$48,2,FALSE)</f>
        <v>#N/A</v>
      </c>
      <c r="O3453" s="51" t="e">
        <f t="shared" si="109"/>
        <v>#N/A</v>
      </c>
      <c r="P3453" s="51">
        <v>1</v>
      </c>
      <c r="Q3453" s="51" t="s">
        <v>5341</v>
      </c>
      <c r="R3453" s="54" t="b">
        <v>1</v>
      </c>
      <c r="S3453" s="52" t="s">
        <v>7126</v>
      </c>
      <c r="T3453" s="67" t="s">
        <v>7127</v>
      </c>
      <c r="U3453" s="75" t="s">
        <v>5331</v>
      </c>
      <c r="V3453" s="47" t="s">
        <v>5331</v>
      </c>
      <c r="W3453" s="47" t="s">
        <v>5331</v>
      </c>
      <c r="X3453" s="47" t="s">
        <v>5331</v>
      </c>
      <c r="Y3453" s="47" t="s">
        <v>5331</v>
      </c>
      <c r="Z3453" s="28"/>
      <c r="AA3453" s="27"/>
      <c r="AB3453" s="27"/>
      <c r="AC3453" s="27"/>
      <c r="AD3453" s="30"/>
      <c r="AE3453" s="1"/>
      <c r="AF3453" s="23" t="s">
        <v>5331</v>
      </c>
      <c r="AG3453" s="26"/>
      <c r="AH3453" s="53"/>
    </row>
    <row r="3454" spans="1:34" ht="51.6" customHeight="1" x14ac:dyDescent="0.45">
      <c r="A3454" s="23">
        <v>3448</v>
      </c>
      <c r="B3454" s="25"/>
      <c r="C3454" s="25"/>
      <c r="D3454" s="29"/>
      <c r="E3454" s="1"/>
      <c r="F3454" s="1"/>
      <c r="G3454" s="25"/>
      <c r="H3454" s="71"/>
      <c r="I3454" s="83"/>
      <c r="J3454" s="50" t="str">
        <f t="shared" si="108"/>
        <v/>
      </c>
      <c r="K3454" s="23" t="s">
        <v>7120</v>
      </c>
      <c r="L3454" s="49" t="e">
        <f>VLOOKUP(E3454&amp;F3454,団体コード!$A$1:$C$1743,3,FALSE)</f>
        <v>#N/A</v>
      </c>
      <c r="M3454" s="49" t="e">
        <f>VLOOKUP(E3454&amp;F3454,団体コード!$A$1:$C$1743,2,FALSE)</f>
        <v>#N/A</v>
      </c>
      <c r="N3454" s="51" t="e">
        <f>VLOOKUP(E3454,団体コード!$E$1:$F$48,2,FALSE)</f>
        <v>#N/A</v>
      </c>
      <c r="O3454" s="51" t="e">
        <f t="shared" si="109"/>
        <v>#N/A</v>
      </c>
      <c r="P3454" s="51">
        <v>1</v>
      </c>
      <c r="Q3454" s="51" t="s">
        <v>5341</v>
      </c>
      <c r="R3454" s="54" t="b">
        <v>1</v>
      </c>
      <c r="S3454" s="52" t="s">
        <v>7126</v>
      </c>
      <c r="T3454" s="67" t="s">
        <v>7127</v>
      </c>
      <c r="U3454" s="75" t="s">
        <v>5331</v>
      </c>
      <c r="V3454" s="47" t="s">
        <v>5331</v>
      </c>
      <c r="W3454" s="47" t="s">
        <v>5331</v>
      </c>
      <c r="X3454" s="47" t="s">
        <v>5331</v>
      </c>
      <c r="Y3454" s="47" t="s">
        <v>5331</v>
      </c>
      <c r="Z3454" s="28"/>
      <c r="AA3454" s="27"/>
      <c r="AB3454" s="27"/>
      <c r="AC3454" s="27"/>
      <c r="AD3454" s="30"/>
      <c r="AE3454" s="1"/>
      <c r="AF3454" s="23" t="s">
        <v>5331</v>
      </c>
      <c r="AG3454" s="26"/>
      <c r="AH3454" s="53"/>
    </row>
    <row r="3455" spans="1:34" ht="51.6" customHeight="1" x14ac:dyDescent="0.45">
      <c r="A3455" s="23">
        <v>3449</v>
      </c>
      <c r="B3455" s="25"/>
      <c r="C3455" s="25"/>
      <c r="D3455" s="29"/>
      <c r="E3455" s="1"/>
      <c r="F3455" s="1"/>
      <c r="G3455" s="25"/>
      <c r="H3455" s="71"/>
      <c r="I3455" s="83"/>
      <c r="J3455" s="50" t="str">
        <f t="shared" si="108"/>
        <v/>
      </c>
      <c r="K3455" s="23" t="s">
        <v>7120</v>
      </c>
      <c r="L3455" s="49" t="e">
        <f>VLOOKUP(E3455&amp;F3455,団体コード!$A$1:$C$1743,3,FALSE)</f>
        <v>#N/A</v>
      </c>
      <c r="M3455" s="49" t="e">
        <f>VLOOKUP(E3455&amp;F3455,団体コード!$A$1:$C$1743,2,FALSE)</f>
        <v>#N/A</v>
      </c>
      <c r="N3455" s="51" t="e">
        <f>VLOOKUP(E3455,団体コード!$E$1:$F$48,2,FALSE)</f>
        <v>#N/A</v>
      </c>
      <c r="O3455" s="51" t="e">
        <f t="shared" si="109"/>
        <v>#N/A</v>
      </c>
      <c r="P3455" s="51">
        <v>1</v>
      </c>
      <c r="Q3455" s="51" t="s">
        <v>5341</v>
      </c>
      <c r="R3455" s="54" t="b">
        <v>1</v>
      </c>
      <c r="S3455" s="52" t="s">
        <v>7126</v>
      </c>
      <c r="T3455" s="67" t="s">
        <v>7127</v>
      </c>
      <c r="U3455" s="75" t="s">
        <v>5331</v>
      </c>
      <c r="V3455" s="47" t="s">
        <v>5331</v>
      </c>
      <c r="W3455" s="47" t="s">
        <v>5331</v>
      </c>
      <c r="X3455" s="47" t="s">
        <v>5331</v>
      </c>
      <c r="Y3455" s="47" t="s">
        <v>5331</v>
      </c>
      <c r="Z3455" s="28"/>
      <c r="AA3455" s="27"/>
      <c r="AB3455" s="27"/>
      <c r="AC3455" s="27"/>
      <c r="AD3455" s="30"/>
      <c r="AE3455" s="1"/>
      <c r="AF3455" s="23" t="s">
        <v>5331</v>
      </c>
      <c r="AG3455" s="26"/>
      <c r="AH3455" s="53"/>
    </row>
    <row r="3456" spans="1:34" ht="51.6" customHeight="1" x14ac:dyDescent="0.45">
      <c r="A3456" s="23">
        <v>3450</v>
      </c>
      <c r="B3456" s="25"/>
      <c r="C3456" s="25"/>
      <c r="D3456" s="29"/>
      <c r="E3456" s="1"/>
      <c r="F3456" s="1"/>
      <c r="G3456" s="25"/>
      <c r="H3456" s="71"/>
      <c r="I3456" s="83"/>
      <c r="J3456" s="50" t="str">
        <f t="shared" si="108"/>
        <v/>
      </c>
      <c r="K3456" s="23" t="s">
        <v>7120</v>
      </c>
      <c r="L3456" s="49" t="e">
        <f>VLOOKUP(E3456&amp;F3456,団体コード!$A$1:$C$1743,3,FALSE)</f>
        <v>#N/A</v>
      </c>
      <c r="M3456" s="49" t="e">
        <f>VLOOKUP(E3456&amp;F3456,団体コード!$A$1:$C$1743,2,FALSE)</f>
        <v>#N/A</v>
      </c>
      <c r="N3456" s="51" t="e">
        <f>VLOOKUP(E3456,団体コード!$E$1:$F$48,2,FALSE)</f>
        <v>#N/A</v>
      </c>
      <c r="O3456" s="51" t="e">
        <f t="shared" si="109"/>
        <v>#N/A</v>
      </c>
      <c r="P3456" s="51">
        <v>1</v>
      </c>
      <c r="Q3456" s="51" t="s">
        <v>5341</v>
      </c>
      <c r="R3456" s="54" t="b">
        <v>1</v>
      </c>
      <c r="S3456" s="52" t="s">
        <v>7126</v>
      </c>
      <c r="T3456" s="67" t="s">
        <v>7127</v>
      </c>
      <c r="U3456" s="75" t="s">
        <v>5331</v>
      </c>
      <c r="V3456" s="47" t="s">
        <v>5331</v>
      </c>
      <c r="W3456" s="47" t="s">
        <v>5331</v>
      </c>
      <c r="X3456" s="47" t="s">
        <v>5331</v>
      </c>
      <c r="Y3456" s="47" t="s">
        <v>5331</v>
      </c>
      <c r="Z3456" s="28"/>
      <c r="AA3456" s="27"/>
      <c r="AB3456" s="27"/>
      <c r="AC3456" s="27"/>
      <c r="AD3456" s="30"/>
      <c r="AE3456" s="1"/>
      <c r="AF3456" s="23" t="s">
        <v>5331</v>
      </c>
      <c r="AG3456" s="26"/>
      <c r="AH3456" s="53"/>
    </row>
    <row r="3457" spans="1:34" ht="51.6" customHeight="1" x14ac:dyDescent="0.45">
      <c r="A3457" s="23">
        <v>3451</v>
      </c>
      <c r="B3457" s="25"/>
      <c r="C3457" s="25"/>
      <c r="D3457" s="29"/>
      <c r="E3457" s="1"/>
      <c r="F3457" s="1"/>
      <c r="G3457" s="25"/>
      <c r="H3457" s="71"/>
      <c r="I3457" s="83"/>
      <c r="J3457" s="50" t="str">
        <f t="shared" si="108"/>
        <v/>
      </c>
      <c r="K3457" s="23" t="s">
        <v>7120</v>
      </c>
      <c r="L3457" s="49" t="e">
        <f>VLOOKUP(E3457&amp;F3457,団体コード!$A$1:$C$1743,3,FALSE)</f>
        <v>#N/A</v>
      </c>
      <c r="M3457" s="49" t="e">
        <f>VLOOKUP(E3457&amp;F3457,団体コード!$A$1:$C$1743,2,FALSE)</f>
        <v>#N/A</v>
      </c>
      <c r="N3457" s="51" t="e">
        <f>VLOOKUP(E3457,団体コード!$E$1:$F$48,2,FALSE)</f>
        <v>#N/A</v>
      </c>
      <c r="O3457" s="51" t="e">
        <f t="shared" si="109"/>
        <v>#N/A</v>
      </c>
      <c r="P3457" s="51">
        <v>1</v>
      </c>
      <c r="Q3457" s="51" t="s">
        <v>5341</v>
      </c>
      <c r="R3457" s="54" t="b">
        <v>1</v>
      </c>
      <c r="S3457" s="52" t="s">
        <v>7126</v>
      </c>
      <c r="T3457" s="67" t="s">
        <v>7127</v>
      </c>
      <c r="U3457" s="75" t="s">
        <v>5331</v>
      </c>
      <c r="V3457" s="47" t="s">
        <v>5331</v>
      </c>
      <c r="W3457" s="47" t="s">
        <v>5331</v>
      </c>
      <c r="X3457" s="47" t="s">
        <v>5331</v>
      </c>
      <c r="Y3457" s="47" t="s">
        <v>5331</v>
      </c>
      <c r="Z3457" s="28"/>
      <c r="AA3457" s="27"/>
      <c r="AB3457" s="27"/>
      <c r="AC3457" s="27"/>
      <c r="AD3457" s="30"/>
      <c r="AE3457" s="1"/>
      <c r="AF3457" s="23" t="s">
        <v>5331</v>
      </c>
      <c r="AG3457" s="26"/>
      <c r="AH3457" s="53"/>
    </row>
    <row r="3458" spans="1:34" ht="51.6" customHeight="1" x14ac:dyDescent="0.45">
      <c r="A3458" s="23">
        <v>3452</v>
      </c>
      <c r="B3458" s="25"/>
      <c r="C3458" s="25"/>
      <c r="D3458" s="29"/>
      <c r="E3458" s="1"/>
      <c r="F3458" s="1"/>
      <c r="G3458" s="25"/>
      <c r="H3458" s="71"/>
      <c r="I3458" s="83"/>
      <c r="J3458" s="50" t="str">
        <f t="shared" si="108"/>
        <v/>
      </c>
      <c r="K3458" s="23" t="s">
        <v>7120</v>
      </c>
      <c r="L3458" s="49" t="e">
        <f>VLOOKUP(E3458&amp;F3458,団体コード!$A$1:$C$1743,3,FALSE)</f>
        <v>#N/A</v>
      </c>
      <c r="M3458" s="49" t="e">
        <f>VLOOKUP(E3458&amp;F3458,団体コード!$A$1:$C$1743,2,FALSE)</f>
        <v>#N/A</v>
      </c>
      <c r="N3458" s="51" t="e">
        <f>VLOOKUP(E3458,団体コード!$E$1:$F$48,2,FALSE)</f>
        <v>#N/A</v>
      </c>
      <c r="O3458" s="51" t="e">
        <f t="shared" si="109"/>
        <v>#N/A</v>
      </c>
      <c r="P3458" s="51">
        <v>1</v>
      </c>
      <c r="Q3458" s="51" t="s">
        <v>5341</v>
      </c>
      <c r="R3458" s="54" t="b">
        <v>1</v>
      </c>
      <c r="S3458" s="52" t="s">
        <v>7126</v>
      </c>
      <c r="T3458" s="67" t="s">
        <v>7127</v>
      </c>
      <c r="U3458" s="75" t="s">
        <v>5331</v>
      </c>
      <c r="V3458" s="47" t="s">
        <v>5331</v>
      </c>
      <c r="W3458" s="47" t="s">
        <v>5331</v>
      </c>
      <c r="X3458" s="47" t="s">
        <v>5331</v>
      </c>
      <c r="Y3458" s="47" t="s">
        <v>5331</v>
      </c>
      <c r="Z3458" s="28"/>
      <c r="AA3458" s="27"/>
      <c r="AB3458" s="27"/>
      <c r="AC3458" s="27"/>
      <c r="AD3458" s="30"/>
      <c r="AE3458" s="1"/>
      <c r="AF3458" s="23" t="s">
        <v>5331</v>
      </c>
      <c r="AG3458" s="26"/>
      <c r="AH3458" s="53"/>
    </row>
    <row r="3459" spans="1:34" ht="51.6" customHeight="1" x14ac:dyDescent="0.45">
      <c r="A3459" s="23">
        <v>3453</v>
      </c>
      <c r="B3459" s="25"/>
      <c r="C3459" s="25"/>
      <c r="D3459" s="29"/>
      <c r="E3459" s="1"/>
      <c r="F3459" s="1"/>
      <c r="G3459" s="25"/>
      <c r="H3459" s="71"/>
      <c r="I3459" s="83"/>
      <c r="J3459" s="50" t="str">
        <f t="shared" si="108"/>
        <v/>
      </c>
      <c r="K3459" s="23" t="s">
        <v>7120</v>
      </c>
      <c r="L3459" s="49" t="e">
        <f>VLOOKUP(E3459&amp;F3459,団体コード!$A$1:$C$1743,3,FALSE)</f>
        <v>#N/A</v>
      </c>
      <c r="M3459" s="49" t="e">
        <f>VLOOKUP(E3459&amp;F3459,団体コード!$A$1:$C$1743,2,FALSE)</f>
        <v>#N/A</v>
      </c>
      <c r="N3459" s="51" t="e">
        <f>VLOOKUP(E3459,団体コード!$E$1:$F$48,2,FALSE)</f>
        <v>#N/A</v>
      </c>
      <c r="O3459" s="51" t="e">
        <f t="shared" si="109"/>
        <v>#N/A</v>
      </c>
      <c r="P3459" s="51">
        <v>1</v>
      </c>
      <c r="Q3459" s="51" t="s">
        <v>5341</v>
      </c>
      <c r="R3459" s="54" t="b">
        <v>1</v>
      </c>
      <c r="S3459" s="52" t="s">
        <v>7126</v>
      </c>
      <c r="T3459" s="67" t="s">
        <v>7127</v>
      </c>
      <c r="U3459" s="75" t="s">
        <v>5331</v>
      </c>
      <c r="V3459" s="47" t="s">
        <v>5331</v>
      </c>
      <c r="W3459" s="47" t="s">
        <v>5331</v>
      </c>
      <c r="X3459" s="47" t="s">
        <v>5331</v>
      </c>
      <c r="Y3459" s="47" t="s">
        <v>5331</v>
      </c>
      <c r="Z3459" s="28"/>
      <c r="AA3459" s="27"/>
      <c r="AB3459" s="27"/>
      <c r="AC3459" s="27"/>
      <c r="AD3459" s="30"/>
      <c r="AE3459" s="1"/>
      <c r="AF3459" s="23" t="s">
        <v>5331</v>
      </c>
      <c r="AG3459" s="26"/>
      <c r="AH3459" s="53"/>
    </row>
    <row r="3460" spans="1:34" ht="51.6" customHeight="1" x14ac:dyDescent="0.45">
      <c r="A3460" s="23">
        <v>3454</v>
      </c>
      <c r="B3460" s="25"/>
      <c r="C3460" s="25"/>
      <c r="D3460" s="29"/>
      <c r="E3460" s="1"/>
      <c r="F3460" s="1"/>
      <c r="G3460" s="25"/>
      <c r="H3460" s="71"/>
      <c r="I3460" s="83"/>
      <c r="J3460" s="50" t="str">
        <f t="shared" si="108"/>
        <v/>
      </c>
      <c r="K3460" s="23" t="s">
        <v>7120</v>
      </c>
      <c r="L3460" s="49" t="e">
        <f>VLOOKUP(E3460&amp;F3460,団体コード!$A$1:$C$1743,3,FALSE)</f>
        <v>#N/A</v>
      </c>
      <c r="M3460" s="49" t="e">
        <f>VLOOKUP(E3460&amp;F3460,団体コード!$A$1:$C$1743,2,FALSE)</f>
        <v>#N/A</v>
      </c>
      <c r="N3460" s="51" t="e">
        <f>VLOOKUP(E3460,団体コード!$E$1:$F$48,2,FALSE)</f>
        <v>#N/A</v>
      </c>
      <c r="O3460" s="51" t="e">
        <f t="shared" si="109"/>
        <v>#N/A</v>
      </c>
      <c r="P3460" s="51">
        <v>1</v>
      </c>
      <c r="Q3460" s="51" t="s">
        <v>5341</v>
      </c>
      <c r="R3460" s="54" t="b">
        <v>1</v>
      </c>
      <c r="S3460" s="52" t="s">
        <v>7126</v>
      </c>
      <c r="T3460" s="67" t="s">
        <v>7127</v>
      </c>
      <c r="U3460" s="75" t="s">
        <v>5331</v>
      </c>
      <c r="V3460" s="47" t="s">
        <v>5331</v>
      </c>
      <c r="W3460" s="47" t="s">
        <v>5331</v>
      </c>
      <c r="X3460" s="47" t="s">
        <v>5331</v>
      </c>
      <c r="Y3460" s="47" t="s">
        <v>5331</v>
      </c>
      <c r="Z3460" s="28"/>
      <c r="AA3460" s="27"/>
      <c r="AB3460" s="27"/>
      <c r="AC3460" s="27"/>
      <c r="AD3460" s="30"/>
      <c r="AE3460" s="1"/>
      <c r="AF3460" s="23" t="s">
        <v>5331</v>
      </c>
      <c r="AG3460" s="26"/>
      <c r="AH3460" s="53"/>
    </row>
    <row r="3461" spans="1:34" ht="51.6" customHeight="1" x14ac:dyDescent="0.45">
      <c r="A3461" s="23">
        <v>3455</v>
      </c>
      <c r="B3461" s="25"/>
      <c r="C3461" s="25"/>
      <c r="D3461" s="29"/>
      <c r="E3461" s="1"/>
      <c r="F3461" s="1"/>
      <c r="G3461" s="25"/>
      <c r="H3461" s="71"/>
      <c r="I3461" s="83"/>
      <c r="J3461" s="50" t="str">
        <f t="shared" si="108"/>
        <v/>
      </c>
      <c r="K3461" s="23" t="s">
        <v>7120</v>
      </c>
      <c r="L3461" s="49" t="e">
        <f>VLOOKUP(E3461&amp;F3461,団体コード!$A$1:$C$1743,3,FALSE)</f>
        <v>#N/A</v>
      </c>
      <c r="M3461" s="49" t="e">
        <f>VLOOKUP(E3461&amp;F3461,団体コード!$A$1:$C$1743,2,FALSE)</f>
        <v>#N/A</v>
      </c>
      <c r="N3461" s="51" t="e">
        <f>VLOOKUP(E3461,団体コード!$E$1:$F$48,2,FALSE)</f>
        <v>#N/A</v>
      </c>
      <c r="O3461" s="51" t="e">
        <f t="shared" si="109"/>
        <v>#N/A</v>
      </c>
      <c r="P3461" s="51">
        <v>1</v>
      </c>
      <c r="Q3461" s="51" t="s">
        <v>5341</v>
      </c>
      <c r="R3461" s="54" t="b">
        <v>1</v>
      </c>
      <c r="S3461" s="52" t="s">
        <v>7126</v>
      </c>
      <c r="T3461" s="67" t="s">
        <v>7127</v>
      </c>
      <c r="U3461" s="75" t="s">
        <v>5331</v>
      </c>
      <c r="V3461" s="47" t="s">
        <v>5331</v>
      </c>
      <c r="W3461" s="47" t="s">
        <v>5331</v>
      </c>
      <c r="X3461" s="47" t="s">
        <v>5331</v>
      </c>
      <c r="Y3461" s="47" t="s">
        <v>5331</v>
      </c>
      <c r="Z3461" s="28"/>
      <c r="AA3461" s="27"/>
      <c r="AB3461" s="27"/>
      <c r="AC3461" s="27"/>
      <c r="AD3461" s="30"/>
      <c r="AE3461" s="1"/>
      <c r="AF3461" s="23" t="s">
        <v>5331</v>
      </c>
      <c r="AG3461" s="26"/>
      <c r="AH3461" s="53"/>
    </row>
    <row r="3462" spans="1:34" ht="51.6" customHeight="1" x14ac:dyDescent="0.45">
      <c r="A3462" s="23">
        <v>3456</v>
      </c>
      <c r="B3462" s="25"/>
      <c r="C3462" s="25"/>
      <c r="D3462" s="29"/>
      <c r="E3462" s="1"/>
      <c r="F3462" s="1"/>
      <c r="G3462" s="25"/>
      <c r="H3462" s="71"/>
      <c r="I3462" s="83"/>
      <c r="J3462" s="50" t="str">
        <f t="shared" si="108"/>
        <v/>
      </c>
      <c r="K3462" s="23" t="s">
        <v>7120</v>
      </c>
      <c r="L3462" s="49" t="e">
        <f>VLOOKUP(E3462&amp;F3462,団体コード!$A$1:$C$1743,3,FALSE)</f>
        <v>#N/A</v>
      </c>
      <c r="M3462" s="49" t="e">
        <f>VLOOKUP(E3462&amp;F3462,団体コード!$A$1:$C$1743,2,FALSE)</f>
        <v>#N/A</v>
      </c>
      <c r="N3462" s="51" t="e">
        <f>VLOOKUP(E3462,団体コード!$E$1:$F$48,2,FALSE)</f>
        <v>#N/A</v>
      </c>
      <c r="O3462" s="51" t="e">
        <f t="shared" si="109"/>
        <v>#N/A</v>
      </c>
      <c r="P3462" s="51">
        <v>1</v>
      </c>
      <c r="Q3462" s="51" t="s">
        <v>5341</v>
      </c>
      <c r="R3462" s="54" t="b">
        <v>1</v>
      </c>
      <c r="S3462" s="52" t="s">
        <v>7126</v>
      </c>
      <c r="T3462" s="67" t="s">
        <v>7127</v>
      </c>
      <c r="U3462" s="75" t="s">
        <v>5331</v>
      </c>
      <c r="V3462" s="47" t="s">
        <v>5331</v>
      </c>
      <c r="W3462" s="47" t="s">
        <v>5331</v>
      </c>
      <c r="X3462" s="47" t="s">
        <v>5331</v>
      </c>
      <c r="Y3462" s="47" t="s">
        <v>5331</v>
      </c>
      <c r="Z3462" s="28"/>
      <c r="AA3462" s="27"/>
      <c r="AB3462" s="27"/>
      <c r="AC3462" s="27"/>
      <c r="AD3462" s="30"/>
      <c r="AE3462" s="1"/>
      <c r="AF3462" s="23" t="s">
        <v>5331</v>
      </c>
      <c r="AG3462" s="26"/>
      <c r="AH3462" s="53"/>
    </row>
    <row r="3463" spans="1:34" ht="51.6" customHeight="1" x14ac:dyDescent="0.45">
      <c r="A3463" s="23">
        <v>3457</v>
      </c>
      <c r="B3463" s="25"/>
      <c r="C3463" s="25"/>
      <c r="D3463" s="29"/>
      <c r="E3463" s="1"/>
      <c r="F3463" s="1"/>
      <c r="G3463" s="25"/>
      <c r="H3463" s="71"/>
      <c r="I3463" s="83"/>
      <c r="J3463" s="50" t="str">
        <f t="shared" si="108"/>
        <v/>
      </c>
      <c r="K3463" s="23" t="s">
        <v>7120</v>
      </c>
      <c r="L3463" s="49" t="e">
        <f>VLOOKUP(E3463&amp;F3463,団体コード!$A$1:$C$1743,3,FALSE)</f>
        <v>#N/A</v>
      </c>
      <c r="M3463" s="49" t="e">
        <f>VLOOKUP(E3463&amp;F3463,団体コード!$A$1:$C$1743,2,FALSE)</f>
        <v>#N/A</v>
      </c>
      <c r="N3463" s="51" t="e">
        <f>VLOOKUP(E3463,団体コード!$E$1:$F$48,2,FALSE)</f>
        <v>#N/A</v>
      </c>
      <c r="O3463" s="51" t="e">
        <f t="shared" si="109"/>
        <v>#N/A</v>
      </c>
      <c r="P3463" s="51">
        <v>1</v>
      </c>
      <c r="Q3463" s="51" t="s">
        <v>5341</v>
      </c>
      <c r="R3463" s="54" t="b">
        <v>1</v>
      </c>
      <c r="S3463" s="52" t="s">
        <v>7126</v>
      </c>
      <c r="T3463" s="67" t="s">
        <v>7127</v>
      </c>
      <c r="U3463" s="75" t="s">
        <v>5331</v>
      </c>
      <c r="V3463" s="47" t="s">
        <v>5331</v>
      </c>
      <c r="W3463" s="47" t="s">
        <v>5331</v>
      </c>
      <c r="X3463" s="47" t="s">
        <v>5331</v>
      </c>
      <c r="Y3463" s="47" t="s">
        <v>5331</v>
      </c>
      <c r="Z3463" s="28"/>
      <c r="AA3463" s="27"/>
      <c r="AB3463" s="27"/>
      <c r="AC3463" s="27"/>
      <c r="AD3463" s="30"/>
      <c r="AE3463" s="1"/>
      <c r="AF3463" s="23" t="s">
        <v>5331</v>
      </c>
      <c r="AG3463" s="26"/>
      <c r="AH3463" s="53"/>
    </row>
    <row r="3464" spans="1:34" ht="51.6" customHeight="1" x14ac:dyDescent="0.45">
      <c r="A3464" s="23">
        <v>3458</v>
      </c>
      <c r="B3464" s="25"/>
      <c r="C3464" s="25"/>
      <c r="D3464" s="29"/>
      <c r="E3464" s="1"/>
      <c r="F3464" s="1"/>
      <c r="G3464" s="25"/>
      <c r="H3464" s="71"/>
      <c r="I3464" s="83"/>
      <c r="J3464" s="50" t="str">
        <f t="shared" ref="J3464:J3506" si="110">E3464&amp;F3464&amp;G3464</f>
        <v/>
      </c>
      <c r="K3464" s="23" t="s">
        <v>7120</v>
      </c>
      <c r="L3464" s="49" t="e">
        <f>VLOOKUP(E3464&amp;F3464,団体コード!$A$1:$C$1743,3,FALSE)</f>
        <v>#N/A</v>
      </c>
      <c r="M3464" s="49" t="e">
        <f>VLOOKUP(E3464&amp;F3464,団体コード!$A$1:$C$1743,2,FALSE)</f>
        <v>#N/A</v>
      </c>
      <c r="N3464" s="51" t="e">
        <f>VLOOKUP(E3464,団体コード!$E$1:$F$48,2,FALSE)</f>
        <v>#N/A</v>
      </c>
      <c r="O3464" s="51" t="e">
        <f t="shared" ref="O3464:O3506" si="111">N3464</f>
        <v>#N/A</v>
      </c>
      <c r="P3464" s="51">
        <v>1</v>
      </c>
      <c r="Q3464" s="51" t="s">
        <v>5341</v>
      </c>
      <c r="R3464" s="54" t="b">
        <v>1</v>
      </c>
      <c r="S3464" s="52" t="s">
        <v>7126</v>
      </c>
      <c r="T3464" s="67" t="s">
        <v>7127</v>
      </c>
      <c r="U3464" s="75" t="s">
        <v>5331</v>
      </c>
      <c r="V3464" s="47" t="s">
        <v>5331</v>
      </c>
      <c r="W3464" s="47" t="s">
        <v>5331</v>
      </c>
      <c r="X3464" s="47" t="s">
        <v>5331</v>
      </c>
      <c r="Y3464" s="47" t="s">
        <v>5331</v>
      </c>
      <c r="Z3464" s="28"/>
      <c r="AA3464" s="27"/>
      <c r="AB3464" s="27"/>
      <c r="AC3464" s="27"/>
      <c r="AD3464" s="30"/>
      <c r="AE3464" s="1"/>
      <c r="AF3464" s="23" t="s">
        <v>5331</v>
      </c>
      <c r="AG3464" s="26"/>
      <c r="AH3464" s="53"/>
    </row>
    <row r="3465" spans="1:34" ht="51.6" customHeight="1" x14ac:dyDescent="0.45">
      <c r="A3465" s="23">
        <v>3459</v>
      </c>
      <c r="B3465" s="25"/>
      <c r="C3465" s="25"/>
      <c r="D3465" s="29"/>
      <c r="E3465" s="1"/>
      <c r="F3465" s="1"/>
      <c r="G3465" s="25"/>
      <c r="H3465" s="71"/>
      <c r="I3465" s="83"/>
      <c r="J3465" s="50" t="str">
        <f t="shared" si="110"/>
        <v/>
      </c>
      <c r="K3465" s="23" t="s">
        <v>7120</v>
      </c>
      <c r="L3465" s="49" t="e">
        <f>VLOOKUP(E3465&amp;F3465,団体コード!$A$1:$C$1743,3,FALSE)</f>
        <v>#N/A</v>
      </c>
      <c r="M3465" s="49" t="e">
        <f>VLOOKUP(E3465&amp;F3465,団体コード!$A$1:$C$1743,2,FALSE)</f>
        <v>#N/A</v>
      </c>
      <c r="N3465" s="51" t="e">
        <f>VLOOKUP(E3465,団体コード!$E$1:$F$48,2,FALSE)</f>
        <v>#N/A</v>
      </c>
      <c r="O3465" s="51" t="e">
        <f t="shared" si="111"/>
        <v>#N/A</v>
      </c>
      <c r="P3465" s="51">
        <v>1</v>
      </c>
      <c r="Q3465" s="51" t="s">
        <v>5341</v>
      </c>
      <c r="R3465" s="54" t="b">
        <v>1</v>
      </c>
      <c r="S3465" s="52" t="s">
        <v>7126</v>
      </c>
      <c r="T3465" s="67" t="s">
        <v>7127</v>
      </c>
      <c r="U3465" s="75" t="s">
        <v>5331</v>
      </c>
      <c r="V3465" s="47" t="s">
        <v>5331</v>
      </c>
      <c r="W3465" s="47" t="s">
        <v>5331</v>
      </c>
      <c r="X3465" s="47" t="s">
        <v>5331</v>
      </c>
      <c r="Y3465" s="47" t="s">
        <v>5331</v>
      </c>
      <c r="Z3465" s="28"/>
      <c r="AA3465" s="27"/>
      <c r="AB3465" s="27"/>
      <c r="AC3465" s="27"/>
      <c r="AD3465" s="30"/>
      <c r="AE3465" s="1"/>
      <c r="AF3465" s="23" t="s">
        <v>5331</v>
      </c>
      <c r="AG3465" s="26"/>
      <c r="AH3465" s="53"/>
    </row>
    <row r="3466" spans="1:34" ht="51.6" customHeight="1" x14ac:dyDescent="0.45">
      <c r="A3466" s="23">
        <v>3460</v>
      </c>
      <c r="B3466" s="25"/>
      <c r="C3466" s="25"/>
      <c r="D3466" s="29"/>
      <c r="E3466" s="1"/>
      <c r="F3466" s="1"/>
      <c r="G3466" s="25"/>
      <c r="H3466" s="71"/>
      <c r="I3466" s="83"/>
      <c r="J3466" s="50" t="str">
        <f t="shared" si="110"/>
        <v/>
      </c>
      <c r="K3466" s="23" t="s">
        <v>7120</v>
      </c>
      <c r="L3466" s="49" t="e">
        <f>VLOOKUP(E3466&amp;F3466,団体コード!$A$1:$C$1743,3,FALSE)</f>
        <v>#N/A</v>
      </c>
      <c r="M3466" s="49" t="e">
        <f>VLOOKUP(E3466&amp;F3466,団体コード!$A$1:$C$1743,2,FALSE)</f>
        <v>#N/A</v>
      </c>
      <c r="N3466" s="51" t="e">
        <f>VLOOKUP(E3466,団体コード!$E$1:$F$48,2,FALSE)</f>
        <v>#N/A</v>
      </c>
      <c r="O3466" s="51" t="e">
        <f t="shared" si="111"/>
        <v>#N/A</v>
      </c>
      <c r="P3466" s="51">
        <v>1</v>
      </c>
      <c r="Q3466" s="51" t="s">
        <v>5341</v>
      </c>
      <c r="R3466" s="54" t="b">
        <v>1</v>
      </c>
      <c r="S3466" s="52" t="s">
        <v>7126</v>
      </c>
      <c r="T3466" s="67" t="s">
        <v>7127</v>
      </c>
      <c r="U3466" s="75" t="s">
        <v>5331</v>
      </c>
      <c r="V3466" s="47" t="s">
        <v>5331</v>
      </c>
      <c r="W3466" s="47" t="s">
        <v>5331</v>
      </c>
      <c r="X3466" s="47" t="s">
        <v>5331</v>
      </c>
      <c r="Y3466" s="47" t="s">
        <v>5331</v>
      </c>
      <c r="Z3466" s="28"/>
      <c r="AA3466" s="27"/>
      <c r="AB3466" s="27"/>
      <c r="AC3466" s="27"/>
      <c r="AD3466" s="30"/>
      <c r="AE3466" s="1"/>
      <c r="AF3466" s="23" t="s">
        <v>5331</v>
      </c>
      <c r="AG3466" s="26"/>
      <c r="AH3466" s="53"/>
    </row>
    <row r="3467" spans="1:34" ht="51.6" customHeight="1" x14ac:dyDescent="0.45">
      <c r="A3467" s="23">
        <v>3461</v>
      </c>
      <c r="B3467" s="25"/>
      <c r="C3467" s="25"/>
      <c r="D3467" s="29"/>
      <c r="E3467" s="1"/>
      <c r="F3467" s="1"/>
      <c r="G3467" s="25"/>
      <c r="H3467" s="71"/>
      <c r="I3467" s="83"/>
      <c r="J3467" s="50" t="str">
        <f t="shared" si="110"/>
        <v/>
      </c>
      <c r="K3467" s="23" t="s">
        <v>7120</v>
      </c>
      <c r="L3467" s="49" t="e">
        <f>VLOOKUP(E3467&amp;F3467,団体コード!$A$1:$C$1743,3,FALSE)</f>
        <v>#N/A</v>
      </c>
      <c r="M3467" s="49" t="e">
        <f>VLOOKUP(E3467&amp;F3467,団体コード!$A$1:$C$1743,2,FALSE)</f>
        <v>#N/A</v>
      </c>
      <c r="N3467" s="51" t="e">
        <f>VLOOKUP(E3467,団体コード!$E$1:$F$48,2,FALSE)</f>
        <v>#N/A</v>
      </c>
      <c r="O3467" s="51" t="e">
        <f t="shared" si="111"/>
        <v>#N/A</v>
      </c>
      <c r="P3467" s="51">
        <v>1</v>
      </c>
      <c r="Q3467" s="51" t="s">
        <v>5341</v>
      </c>
      <c r="R3467" s="54" t="b">
        <v>1</v>
      </c>
      <c r="S3467" s="52" t="s">
        <v>7126</v>
      </c>
      <c r="T3467" s="67" t="s">
        <v>7127</v>
      </c>
      <c r="U3467" s="75" t="s">
        <v>5331</v>
      </c>
      <c r="V3467" s="47" t="s">
        <v>5331</v>
      </c>
      <c r="W3467" s="47" t="s">
        <v>5331</v>
      </c>
      <c r="X3467" s="47" t="s">
        <v>5331</v>
      </c>
      <c r="Y3467" s="47" t="s">
        <v>5331</v>
      </c>
      <c r="Z3467" s="28"/>
      <c r="AA3467" s="27"/>
      <c r="AB3467" s="27"/>
      <c r="AC3467" s="27"/>
      <c r="AD3467" s="30"/>
      <c r="AE3467" s="1"/>
      <c r="AF3467" s="23" t="s">
        <v>5331</v>
      </c>
      <c r="AG3467" s="26"/>
      <c r="AH3467" s="53"/>
    </row>
    <row r="3468" spans="1:34" ht="51.6" customHeight="1" x14ac:dyDescent="0.45">
      <c r="A3468" s="23">
        <v>3462</v>
      </c>
      <c r="B3468" s="25"/>
      <c r="C3468" s="25"/>
      <c r="D3468" s="29"/>
      <c r="E3468" s="1"/>
      <c r="F3468" s="1"/>
      <c r="G3468" s="25"/>
      <c r="H3468" s="71"/>
      <c r="I3468" s="83"/>
      <c r="J3468" s="50" t="str">
        <f t="shared" si="110"/>
        <v/>
      </c>
      <c r="K3468" s="23" t="s">
        <v>7120</v>
      </c>
      <c r="L3468" s="49" t="e">
        <f>VLOOKUP(E3468&amp;F3468,団体コード!$A$1:$C$1743,3,FALSE)</f>
        <v>#N/A</v>
      </c>
      <c r="M3468" s="49" t="e">
        <f>VLOOKUP(E3468&amp;F3468,団体コード!$A$1:$C$1743,2,FALSE)</f>
        <v>#N/A</v>
      </c>
      <c r="N3468" s="51" t="e">
        <f>VLOOKUP(E3468,団体コード!$E$1:$F$48,2,FALSE)</f>
        <v>#N/A</v>
      </c>
      <c r="O3468" s="51" t="e">
        <f t="shared" si="111"/>
        <v>#N/A</v>
      </c>
      <c r="P3468" s="51">
        <v>1</v>
      </c>
      <c r="Q3468" s="51" t="s">
        <v>5341</v>
      </c>
      <c r="R3468" s="54" t="b">
        <v>1</v>
      </c>
      <c r="S3468" s="52" t="s">
        <v>7126</v>
      </c>
      <c r="T3468" s="67" t="s">
        <v>7127</v>
      </c>
      <c r="U3468" s="75" t="s">
        <v>5331</v>
      </c>
      <c r="V3468" s="47" t="s">
        <v>5331</v>
      </c>
      <c r="W3468" s="47" t="s">
        <v>5331</v>
      </c>
      <c r="X3468" s="47" t="s">
        <v>5331</v>
      </c>
      <c r="Y3468" s="47" t="s">
        <v>5331</v>
      </c>
      <c r="Z3468" s="28"/>
      <c r="AA3468" s="27"/>
      <c r="AB3468" s="27"/>
      <c r="AC3468" s="27"/>
      <c r="AD3468" s="30"/>
      <c r="AE3468" s="1"/>
      <c r="AF3468" s="23" t="s">
        <v>5331</v>
      </c>
      <c r="AG3468" s="26"/>
      <c r="AH3468" s="53"/>
    </row>
    <row r="3469" spans="1:34" ht="51.6" customHeight="1" x14ac:dyDescent="0.45">
      <c r="A3469" s="23">
        <v>3463</v>
      </c>
      <c r="B3469" s="25"/>
      <c r="C3469" s="25"/>
      <c r="D3469" s="29"/>
      <c r="E3469" s="1"/>
      <c r="F3469" s="1"/>
      <c r="G3469" s="25"/>
      <c r="H3469" s="71"/>
      <c r="I3469" s="83"/>
      <c r="J3469" s="50" t="str">
        <f t="shared" si="110"/>
        <v/>
      </c>
      <c r="K3469" s="23" t="s">
        <v>7120</v>
      </c>
      <c r="L3469" s="49" t="e">
        <f>VLOOKUP(E3469&amp;F3469,団体コード!$A$1:$C$1743,3,FALSE)</f>
        <v>#N/A</v>
      </c>
      <c r="M3469" s="49" t="e">
        <f>VLOOKUP(E3469&amp;F3469,団体コード!$A$1:$C$1743,2,FALSE)</f>
        <v>#N/A</v>
      </c>
      <c r="N3469" s="51" t="e">
        <f>VLOOKUP(E3469,団体コード!$E$1:$F$48,2,FALSE)</f>
        <v>#N/A</v>
      </c>
      <c r="O3469" s="51" t="e">
        <f t="shared" si="111"/>
        <v>#N/A</v>
      </c>
      <c r="P3469" s="51">
        <v>1</v>
      </c>
      <c r="Q3469" s="51" t="s">
        <v>5341</v>
      </c>
      <c r="R3469" s="54" t="b">
        <v>1</v>
      </c>
      <c r="S3469" s="52" t="s">
        <v>7126</v>
      </c>
      <c r="T3469" s="67" t="s">
        <v>7127</v>
      </c>
      <c r="U3469" s="75" t="s">
        <v>5331</v>
      </c>
      <c r="V3469" s="47" t="s">
        <v>5331</v>
      </c>
      <c r="W3469" s="47" t="s">
        <v>5331</v>
      </c>
      <c r="X3469" s="47" t="s">
        <v>5331</v>
      </c>
      <c r="Y3469" s="47" t="s">
        <v>5331</v>
      </c>
      <c r="Z3469" s="28"/>
      <c r="AA3469" s="27"/>
      <c r="AB3469" s="27"/>
      <c r="AC3469" s="27"/>
      <c r="AD3469" s="30"/>
      <c r="AE3469" s="1"/>
      <c r="AF3469" s="23" t="s">
        <v>5331</v>
      </c>
      <c r="AG3469" s="26"/>
      <c r="AH3469" s="53"/>
    </row>
    <row r="3470" spans="1:34" ht="51.6" customHeight="1" x14ac:dyDescent="0.45">
      <c r="A3470" s="23">
        <v>3464</v>
      </c>
      <c r="B3470" s="25"/>
      <c r="C3470" s="25"/>
      <c r="D3470" s="29"/>
      <c r="E3470" s="1"/>
      <c r="F3470" s="1"/>
      <c r="G3470" s="25"/>
      <c r="H3470" s="71"/>
      <c r="I3470" s="83"/>
      <c r="J3470" s="50" t="str">
        <f t="shared" si="110"/>
        <v/>
      </c>
      <c r="K3470" s="23" t="s">
        <v>7120</v>
      </c>
      <c r="L3470" s="49" t="e">
        <f>VLOOKUP(E3470&amp;F3470,団体コード!$A$1:$C$1743,3,FALSE)</f>
        <v>#N/A</v>
      </c>
      <c r="M3470" s="49" t="e">
        <f>VLOOKUP(E3470&amp;F3470,団体コード!$A$1:$C$1743,2,FALSE)</f>
        <v>#N/A</v>
      </c>
      <c r="N3470" s="51" t="e">
        <f>VLOOKUP(E3470,団体コード!$E$1:$F$48,2,FALSE)</f>
        <v>#N/A</v>
      </c>
      <c r="O3470" s="51" t="e">
        <f t="shared" si="111"/>
        <v>#N/A</v>
      </c>
      <c r="P3470" s="51">
        <v>1</v>
      </c>
      <c r="Q3470" s="51" t="s">
        <v>5341</v>
      </c>
      <c r="R3470" s="54" t="b">
        <v>1</v>
      </c>
      <c r="S3470" s="52" t="s">
        <v>7126</v>
      </c>
      <c r="T3470" s="67" t="s">
        <v>7127</v>
      </c>
      <c r="U3470" s="75" t="s">
        <v>5331</v>
      </c>
      <c r="V3470" s="47" t="s">
        <v>5331</v>
      </c>
      <c r="W3470" s="47" t="s">
        <v>5331</v>
      </c>
      <c r="X3470" s="47" t="s">
        <v>5331</v>
      </c>
      <c r="Y3470" s="47" t="s">
        <v>5331</v>
      </c>
      <c r="Z3470" s="28"/>
      <c r="AA3470" s="27"/>
      <c r="AB3470" s="27"/>
      <c r="AC3470" s="27"/>
      <c r="AD3470" s="30"/>
      <c r="AE3470" s="1"/>
      <c r="AF3470" s="23" t="s">
        <v>5331</v>
      </c>
      <c r="AG3470" s="26"/>
      <c r="AH3470" s="53"/>
    </row>
    <row r="3471" spans="1:34" ht="51.6" customHeight="1" x14ac:dyDescent="0.45">
      <c r="A3471" s="23">
        <v>3465</v>
      </c>
      <c r="B3471" s="25"/>
      <c r="C3471" s="25"/>
      <c r="D3471" s="29"/>
      <c r="E3471" s="1"/>
      <c r="F3471" s="1"/>
      <c r="G3471" s="25"/>
      <c r="H3471" s="71"/>
      <c r="I3471" s="83"/>
      <c r="J3471" s="50" t="str">
        <f t="shared" si="110"/>
        <v/>
      </c>
      <c r="K3471" s="23" t="s">
        <v>7120</v>
      </c>
      <c r="L3471" s="49" t="e">
        <f>VLOOKUP(E3471&amp;F3471,団体コード!$A$1:$C$1743,3,FALSE)</f>
        <v>#N/A</v>
      </c>
      <c r="M3471" s="49" t="e">
        <f>VLOOKUP(E3471&amp;F3471,団体コード!$A$1:$C$1743,2,FALSE)</f>
        <v>#N/A</v>
      </c>
      <c r="N3471" s="51" t="e">
        <f>VLOOKUP(E3471,団体コード!$E$1:$F$48,2,FALSE)</f>
        <v>#N/A</v>
      </c>
      <c r="O3471" s="51" t="e">
        <f t="shared" si="111"/>
        <v>#N/A</v>
      </c>
      <c r="P3471" s="51">
        <v>1</v>
      </c>
      <c r="Q3471" s="51" t="s">
        <v>5341</v>
      </c>
      <c r="R3471" s="54" t="b">
        <v>1</v>
      </c>
      <c r="S3471" s="52" t="s">
        <v>7126</v>
      </c>
      <c r="T3471" s="67" t="s">
        <v>7127</v>
      </c>
      <c r="U3471" s="75" t="s">
        <v>5331</v>
      </c>
      <c r="V3471" s="47" t="s">
        <v>5331</v>
      </c>
      <c r="W3471" s="47" t="s">
        <v>5331</v>
      </c>
      <c r="X3471" s="47" t="s">
        <v>5331</v>
      </c>
      <c r="Y3471" s="47" t="s">
        <v>5331</v>
      </c>
      <c r="Z3471" s="28"/>
      <c r="AA3471" s="27"/>
      <c r="AB3471" s="27"/>
      <c r="AC3471" s="27"/>
      <c r="AD3471" s="30"/>
      <c r="AE3471" s="1"/>
      <c r="AF3471" s="23" t="s">
        <v>5331</v>
      </c>
      <c r="AG3471" s="26"/>
      <c r="AH3471" s="53"/>
    </row>
    <row r="3472" spans="1:34" ht="51.6" customHeight="1" x14ac:dyDescent="0.45">
      <c r="A3472" s="23">
        <v>3466</v>
      </c>
      <c r="B3472" s="25"/>
      <c r="C3472" s="25"/>
      <c r="D3472" s="29"/>
      <c r="E3472" s="1"/>
      <c r="F3472" s="1"/>
      <c r="G3472" s="25"/>
      <c r="H3472" s="71"/>
      <c r="I3472" s="83"/>
      <c r="J3472" s="50" t="str">
        <f t="shared" si="110"/>
        <v/>
      </c>
      <c r="K3472" s="23" t="s">
        <v>7120</v>
      </c>
      <c r="L3472" s="49" t="e">
        <f>VLOOKUP(E3472&amp;F3472,団体コード!$A$1:$C$1743,3,FALSE)</f>
        <v>#N/A</v>
      </c>
      <c r="M3472" s="49" t="e">
        <f>VLOOKUP(E3472&amp;F3472,団体コード!$A$1:$C$1743,2,FALSE)</f>
        <v>#N/A</v>
      </c>
      <c r="N3472" s="51" t="e">
        <f>VLOOKUP(E3472,団体コード!$E$1:$F$48,2,FALSE)</f>
        <v>#N/A</v>
      </c>
      <c r="O3472" s="51" t="e">
        <f t="shared" si="111"/>
        <v>#N/A</v>
      </c>
      <c r="P3472" s="51">
        <v>1</v>
      </c>
      <c r="Q3472" s="51" t="s">
        <v>5341</v>
      </c>
      <c r="R3472" s="54" t="b">
        <v>1</v>
      </c>
      <c r="S3472" s="52" t="s">
        <v>7126</v>
      </c>
      <c r="T3472" s="67" t="s">
        <v>7127</v>
      </c>
      <c r="U3472" s="75" t="s">
        <v>5331</v>
      </c>
      <c r="V3472" s="47" t="s">
        <v>5331</v>
      </c>
      <c r="W3472" s="47" t="s">
        <v>5331</v>
      </c>
      <c r="X3472" s="47" t="s">
        <v>5331</v>
      </c>
      <c r="Y3472" s="47" t="s">
        <v>5331</v>
      </c>
      <c r="Z3472" s="28"/>
      <c r="AA3472" s="27"/>
      <c r="AB3472" s="27"/>
      <c r="AC3472" s="27"/>
      <c r="AD3472" s="30"/>
      <c r="AE3472" s="1"/>
      <c r="AF3472" s="23" t="s">
        <v>5331</v>
      </c>
      <c r="AG3472" s="26"/>
      <c r="AH3472" s="53"/>
    </row>
    <row r="3473" spans="1:34" ht="51.6" customHeight="1" x14ac:dyDescent="0.45">
      <c r="A3473" s="23">
        <v>3467</v>
      </c>
      <c r="B3473" s="25"/>
      <c r="C3473" s="25"/>
      <c r="D3473" s="29"/>
      <c r="E3473" s="1"/>
      <c r="F3473" s="1"/>
      <c r="G3473" s="25"/>
      <c r="H3473" s="71"/>
      <c r="I3473" s="83"/>
      <c r="J3473" s="50" t="str">
        <f t="shared" si="110"/>
        <v/>
      </c>
      <c r="K3473" s="23" t="s">
        <v>7120</v>
      </c>
      <c r="L3473" s="49" t="e">
        <f>VLOOKUP(E3473&amp;F3473,団体コード!$A$1:$C$1743,3,FALSE)</f>
        <v>#N/A</v>
      </c>
      <c r="M3473" s="49" t="e">
        <f>VLOOKUP(E3473&amp;F3473,団体コード!$A$1:$C$1743,2,FALSE)</f>
        <v>#N/A</v>
      </c>
      <c r="N3473" s="51" t="e">
        <f>VLOOKUP(E3473,団体コード!$E$1:$F$48,2,FALSE)</f>
        <v>#N/A</v>
      </c>
      <c r="O3473" s="51" t="e">
        <f t="shared" si="111"/>
        <v>#N/A</v>
      </c>
      <c r="P3473" s="51">
        <v>1</v>
      </c>
      <c r="Q3473" s="51" t="s">
        <v>5341</v>
      </c>
      <c r="R3473" s="54" t="b">
        <v>1</v>
      </c>
      <c r="S3473" s="52" t="s">
        <v>7126</v>
      </c>
      <c r="T3473" s="67" t="s">
        <v>7127</v>
      </c>
      <c r="U3473" s="75" t="s">
        <v>5331</v>
      </c>
      <c r="V3473" s="47" t="s">
        <v>5331</v>
      </c>
      <c r="W3473" s="47" t="s">
        <v>5331</v>
      </c>
      <c r="X3473" s="47" t="s">
        <v>5331</v>
      </c>
      <c r="Y3473" s="47" t="s">
        <v>5331</v>
      </c>
      <c r="Z3473" s="28"/>
      <c r="AA3473" s="27"/>
      <c r="AB3473" s="27"/>
      <c r="AC3473" s="27"/>
      <c r="AD3473" s="30"/>
      <c r="AE3473" s="1"/>
      <c r="AF3473" s="23" t="s">
        <v>5331</v>
      </c>
      <c r="AG3473" s="26"/>
      <c r="AH3473" s="53"/>
    </row>
    <row r="3474" spans="1:34" ht="51.6" customHeight="1" x14ac:dyDescent="0.45">
      <c r="A3474" s="23">
        <v>3468</v>
      </c>
      <c r="B3474" s="25"/>
      <c r="C3474" s="25"/>
      <c r="D3474" s="29"/>
      <c r="E3474" s="1"/>
      <c r="F3474" s="1"/>
      <c r="G3474" s="25"/>
      <c r="H3474" s="71"/>
      <c r="I3474" s="83"/>
      <c r="J3474" s="50" t="str">
        <f t="shared" si="110"/>
        <v/>
      </c>
      <c r="K3474" s="23" t="s">
        <v>7120</v>
      </c>
      <c r="L3474" s="49" t="e">
        <f>VLOOKUP(E3474&amp;F3474,団体コード!$A$1:$C$1743,3,FALSE)</f>
        <v>#N/A</v>
      </c>
      <c r="M3474" s="49" t="e">
        <f>VLOOKUP(E3474&amp;F3474,団体コード!$A$1:$C$1743,2,FALSE)</f>
        <v>#N/A</v>
      </c>
      <c r="N3474" s="51" t="e">
        <f>VLOOKUP(E3474,団体コード!$E$1:$F$48,2,FALSE)</f>
        <v>#N/A</v>
      </c>
      <c r="O3474" s="51" t="e">
        <f t="shared" si="111"/>
        <v>#N/A</v>
      </c>
      <c r="P3474" s="51">
        <v>1</v>
      </c>
      <c r="Q3474" s="51" t="s">
        <v>5341</v>
      </c>
      <c r="R3474" s="54" t="b">
        <v>1</v>
      </c>
      <c r="S3474" s="52" t="s">
        <v>7126</v>
      </c>
      <c r="T3474" s="67" t="s">
        <v>7127</v>
      </c>
      <c r="U3474" s="75" t="s">
        <v>5331</v>
      </c>
      <c r="V3474" s="47" t="s">
        <v>5331</v>
      </c>
      <c r="W3474" s="47" t="s">
        <v>5331</v>
      </c>
      <c r="X3474" s="47" t="s">
        <v>5331</v>
      </c>
      <c r="Y3474" s="47" t="s">
        <v>5331</v>
      </c>
      <c r="Z3474" s="28"/>
      <c r="AA3474" s="27"/>
      <c r="AB3474" s="27"/>
      <c r="AC3474" s="27"/>
      <c r="AD3474" s="30"/>
      <c r="AE3474" s="1"/>
      <c r="AF3474" s="23" t="s">
        <v>5331</v>
      </c>
      <c r="AG3474" s="26"/>
      <c r="AH3474" s="53"/>
    </row>
    <row r="3475" spans="1:34" ht="51.6" customHeight="1" x14ac:dyDescent="0.45">
      <c r="A3475" s="23">
        <v>3469</v>
      </c>
      <c r="B3475" s="25"/>
      <c r="C3475" s="25"/>
      <c r="D3475" s="29"/>
      <c r="E3475" s="1"/>
      <c r="F3475" s="1"/>
      <c r="G3475" s="25"/>
      <c r="H3475" s="71"/>
      <c r="I3475" s="83"/>
      <c r="J3475" s="50" t="str">
        <f t="shared" si="110"/>
        <v/>
      </c>
      <c r="K3475" s="23" t="s">
        <v>7120</v>
      </c>
      <c r="L3475" s="49" t="e">
        <f>VLOOKUP(E3475&amp;F3475,団体コード!$A$1:$C$1743,3,FALSE)</f>
        <v>#N/A</v>
      </c>
      <c r="M3475" s="49" t="e">
        <f>VLOOKUP(E3475&amp;F3475,団体コード!$A$1:$C$1743,2,FALSE)</f>
        <v>#N/A</v>
      </c>
      <c r="N3475" s="51" t="e">
        <f>VLOOKUP(E3475,団体コード!$E$1:$F$48,2,FALSE)</f>
        <v>#N/A</v>
      </c>
      <c r="O3475" s="51" t="e">
        <f t="shared" si="111"/>
        <v>#N/A</v>
      </c>
      <c r="P3475" s="51">
        <v>1</v>
      </c>
      <c r="Q3475" s="51" t="s">
        <v>5341</v>
      </c>
      <c r="R3475" s="54" t="b">
        <v>1</v>
      </c>
      <c r="S3475" s="52" t="s">
        <v>7126</v>
      </c>
      <c r="T3475" s="67" t="s">
        <v>7127</v>
      </c>
      <c r="U3475" s="75" t="s">
        <v>5331</v>
      </c>
      <c r="V3475" s="47" t="s">
        <v>5331</v>
      </c>
      <c r="W3475" s="47" t="s">
        <v>5331</v>
      </c>
      <c r="X3475" s="47" t="s">
        <v>5331</v>
      </c>
      <c r="Y3475" s="47" t="s">
        <v>5331</v>
      </c>
      <c r="Z3475" s="28"/>
      <c r="AA3475" s="27"/>
      <c r="AB3475" s="27"/>
      <c r="AC3475" s="27"/>
      <c r="AD3475" s="30"/>
      <c r="AE3475" s="1"/>
      <c r="AF3475" s="23" t="s">
        <v>5331</v>
      </c>
      <c r="AG3475" s="26"/>
      <c r="AH3475" s="53"/>
    </row>
    <row r="3476" spans="1:34" ht="51.6" customHeight="1" x14ac:dyDescent="0.45">
      <c r="A3476" s="23">
        <v>3470</v>
      </c>
      <c r="B3476" s="25"/>
      <c r="C3476" s="25"/>
      <c r="D3476" s="29"/>
      <c r="E3476" s="1"/>
      <c r="F3476" s="1"/>
      <c r="G3476" s="25"/>
      <c r="H3476" s="71"/>
      <c r="I3476" s="83"/>
      <c r="J3476" s="50" t="str">
        <f t="shared" si="110"/>
        <v/>
      </c>
      <c r="K3476" s="23" t="s">
        <v>7120</v>
      </c>
      <c r="L3476" s="49" t="e">
        <f>VLOOKUP(E3476&amp;F3476,団体コード!$A$1:$C$1743,3,FALSE)</f>
        <v>#N/A</v>
      </c>
      <c r="M3476" s="49" t="e">
        <f>VLOOKUP(E3476&amp;F3476,団体コード!$A$1:$C$1743,2,FALSE)</f>
        <v>#N/A</v>
      </c>
      <c r="N3476" s="51" t="e">
        <f>VLOOKUP(E3476,団体コード!$E$1:$F$48,2,FALSE)</f>
        <v>#N/A</v>
      </c>
      <c r="O3476" s="51" t="e">
        <f t="shared" si="111"/>
        <v>#N/A</v>
      </c>
      <c r="P3476" s="51">
        <v>1</v>
      </c>
      <c r="Q3476" s="51" t="s">
        <v>5341</v>
      </c>
      <c r="R3476" s="54" t="b">
        <v>1</v>
      </c>
      <c r="S3476" s="52" t="s">
        <v>7126</v>
      </c>
      <c r="T3476" s="67" t="s">
        <v>7127</v>
      </c>
      <c r="U3476" s="75" t="s">
        <v>5331</v>
      </c>
      <c r="V3476" s="47" t="s">
        <v>5331</v>
      </c>
      <c r="W3476" s="47" t="s">
        <v>5331</v>
      </c>
      <c r="X3476" s="47" t="s">
        <v>5331</v>
      </c>
      <c r="Y3476" s="47" t="s">
        <v>5331</v>
      </c>
      <c r="Z3476" s="28"/>
      <c r="AA3476" s="27"/>
      <c r="AB3476" s="27"/>
      <c r="AC3476" s="27"/>
      <c r="AD3476" s="30"/>
      <c r="AE3476" s="1"/>
      <c r="AF3476" s="23" t="s">
        <v>5331</v>
      </c>
      <c r="AG3476" s="26"/>
      <c r="AH3476" s="53"/>
    </row>
    <row r="3477" spans="1:34" ht="51.6" customHeight="1" x14ac:dyDescent="0.45">
      <c r="A3477" s="23">
        <v>3471</v>
      </c>
      <c r="B3477" s="25"/>
      <c r="C3477" s="25"/>
      <c r="D3477" s="29"/>
      <c r="E3477" s="1"/>
      <c r="F3477" s="1"/>
      <c r="G3477" s="25"/>
      <c r="H3477" s="71"/>
      <c r="I3477" s="83"/>
      <c r="J3477" s="50" t="str">
        <f t="shared" si="110"/>
        <v/>
      </c>
      <c r="K3477" s="23" t="s">
        <v>7120</v>
      </c>
      <c r="L3477" s="49" t="e">
        <f>VLOOKUP(E3477&amp;F3477,団体コード!$A$1:$C$1743,3,FALSE)</f>
        <v>#N/A</v>
      </c>
      <c r="M3477" s="49" t="e">
        <f>VLOOKUP(E3477&amp;F3477,団体コード!$A$1:$C$1743,2,FALSE)</f>
        <v>#N/A</v>
      </c>
      <c r="N3477" s="51" t="e">
        <f>VLOOKUP(E3477,団体コード!$E$1:$F$48,2,FALSE)</f>
        <v>#N/A</v>
      </c>
      <c r="O3477" s="51" t="e">
        <f t="shared" si="111"/>
        <v>#N/A</v>
      </c>
      <c r="P3477" s="51">
        <v>1</v>
      </c>
      <c r="Q3477" s="51" t="s">
        <v>5341</v>
      </c>
      <c r="R3477" s="54" t="b">
        <v>1</v>
      </c>
      <c r="S3477" s="52" t="s">
        <v>7126</v>
      </c>
      <c r="T3477" s="67" t="s">
        <v>7127</v>
      </c>
      <c r="U3477" s="75" t="s">
        <v>5331</v>
      </c>
      <c r="V3477" s="47" t="s">
        <v>5331</v>
      </c>
      <c r="W3477" s="47" t="s">
        <v>5331</v>
      </c>
      <c r="X3477" s="47" t="s">
        <v>5331</v>
      </c>
      <c r="Y3477" s="47" t="s">
        <v>5331</v>
      </c>
      <c r="Z3477" s="28"/>
      <c r="AA3477" s="27"/>
      <c r="AB3477" s="27"/>
      <c r="AC3477" s="27"/>
      <c r="AD3477" s="30"/>
      <c r="AE3477" s="1"/>
      <c r="AF3477" s="23" t="s">
        <v>5331</v>
      </c>
      <c r="AG3477" s="26"/>
      <c r="AH3477" s="53"/>
    </row>
    <row r="3478" spans="1:34" ht="51.6" customHeight="1" x14ac:dyDescent="0.45">
      <c r="A3478" s="23">
        <v>3472</v>
      </c>
      <c r="B3478" s="25"/>
      <c r="C3478" s="25"/>
      <c r="D3478" s="29"/>
      <c r="E3478" s="1"/>
      <c r="F3478" s="1"/>
      <c r="G3478" s="25"/>
      <c r="H3478" s="71"/>
      <c r="I3478" s="83"/>
      <c r="J3478" s="50" t="str">
        <f t="shared" si="110"/>
        <v/>
      </c>
      <c r="K3478" s="23" t="s">
        <v>7120</v>
      </c>
      <c r="L3478" s="49" t="e">
        <f>VLOOKUP(E3478&amp;F3478,団体コード!$A$1:$C$1743,3,FALSE)</f>
        <v>#N/A</v>
      </c>
      <c r="M3478" s="49" t="e">
        <f>VLOOKUP(E3478&amp;F3478,団体コード!$A$1:$C$1743,2,FALSE)</f>
        <v>#N/A</v>
      </c>
      <c r="N3478" s="51" t="e">
        <f>VLOOKUP(E3478,団体コード!$E$1:$F$48,2,FALSE)</f>
        <v>#N/A</v>
      </c>
      <c r="O3478" s="51" t="e">
        <f t="shared" si="111"/>
        <v>#N/A</v>
      </c>
      <c r="P3478" s="51">
        <v>1</v>
      </c>
      <c r="Q3478" s="51" t="s">
        <v>5341</v>
      </c>
      <c r="R3478" s="54" t="b">
        <v>1</v>
      </c>
      <c r="S3478" s="52" t="s">
        <v>7126</v>
      </c>
      <c r="T3478" s="67" t="s">
        <v>7127</v>
      </c>
      <c r="U3478" s="75" t="s">
        <v>5331</v>
      </c>
      <c r="V3478" s="47" t="s">
        <v>5331</v>
      </c>
      <c r="W3478" s="47" t="s">
        <v>5331</v>
      </c>
      <c r="X3478" s="47" t="s">
        <v>5331</v>
      </c>
      <c r="Y3478" s="47" t="s">
        <v>5331</v>
      </c>
      <c r="Z3478" s="28"/>
      <c r="AA3478" s="27"/>
      <c r="AB3478" s="27"/>
      <c r="AC3478" s="27"/>
      <c r="AD3478" s="30"/>
      <c r="AE3478" s="1"/>
      <c r="AF3478" s="23" t="s">
        <v>5331</v>
      </c>
      <c r="AG3478" s="26"/>
      <c r="AH3478" s="53"/>
    </row>
    <row r="3479" spans="1:34" ht="51.6" customHeight="1" x14ac:dyDescent="0.45">
      <c r="A3479" s="23">
        <v>3473</v>
      </c>
      <c r="B3479" s="25"/>
      <c r="C3479" s="25"/>
      <c r="D3479" s="29"/>
      <c r="E3479" s="1"/>
      <c r="F3479" s="1"/>
      <c r="G3479" s="25"/>
      <c r="H3479" s="71"/>
      <c r="I3479" s="83"/>
      <c r="J3479" s="50" t="str">
        <f t="shared" si="110"/>
        <v/>
      </c>
      <c r="K3479" s="23" t="s">
        <v>7120</v>
      </c>
      <c r="L3479" s="49" t="e">
        <f>VLOOKUP(E3479&amp;F3479,団体コード!$A$1:$C$1743,3,FALSE)</f>
        <v>#N/A</v>
      </c>
      <c r="M3479" s="49" t="e">
        <f>VLOOKUP(E3479&amp;F3479,団体コード!$A$1:$C$1743,2,FALSE)</f>
        <v>#N/A</v>
      </c>
      <c r="N3479" s="51" t="e">
        <f>VLOOKUP(E3479,団体コード!$E$1:$F$48,2,FALSE)</f>
        <v>#N/A</v>
      </c>
      <c r="O3479" s="51" t="e">
        <f t="shared" si="111"/>
        <v>#N/A</v>
      </c>
      <c r="P3479" s="51">
        <v>1</v>
      </c>
      <c r="Q3479" s="51" t="s">
        <v>5341</v>
      </c>
      <c r="R3479" s="54" t="b">
        <v>1</v>
      </c>
      <c r="S3479" s="52" t="s">
        <v>7126</v>
      </c>
      <c r="T3479" s="67" t="s">
        <v>7127</v>
      </c>
      <c r="U3479" s="75" t="s">
        <v>5331</v>
      </c>
      <c r="V3479" s="47" t="s">
        <v>5331</v>
      </c>
      <c r="W3479" s="47" t="s">
        <v>5331</v>
      </c>
      <c r="X3479" s="47" t="s">
        <v>5331</v>
      </c>
      <c r="Y3479" s="47" t="s">
        <v>5331</v>
      </c>
      <c r="Z3479" s="28"/>
      <c r="AA3479" s="27"/>
      <c r="AB3479" s="27"/>
      <c r="AC3479" s="27"/>
      <c r="AD3479" s="30"/>
      <c r="AE3479" s="1"/>
      <c r="AF3479" s="23" t="s">
        <v>5331</v>
      </c>
      <c r="AG3479" s="26"/>
      <c r="AH3479" s="53"/>
    </row>
    <row r="3480" spans="1:34" ht="51.6" customHeight="1" x14ac:dyDescent="0.45">
      <c r="A3480" s="23">
        <v>3474</v>
      </c>
      <c r="B3480" s="25"/>
      <c r="C3480" s="25"/>
      <c r="D3480" s="29"/>
      <c r="E3480" s="1"/>
      <c r="F3480" s="1"/>
      <c r="G3480" s="25"/>
      <c r="H3480" s="71"/>
      <c r="I3480" s="83"/>
      <c r="J3480" s="50" t="str">
        <f t="shared" si="110"/>
        <v/>
      </c>
      <c r="K3480" s="23" t="s">
        <v>7120</v>
      </c>
      <c r="L3480" s="49" t="e">
        <f>VLOOKUP(E3480&amp;F3480,団体コード!$A$1:$C$1743,3,FALSE)</f>
        <v>#N/A</v>
      </c>
      <c r="M3480" s="49" t="e">
        <f>VLOOKUP(E3480&amp;F3480,団体コード!$A$1:$C$1743,2,FALSE)</f>
        <v>#N/A</v>
      </c>
      <c r="N3480" s="51" t="e">
        <f>VLOOKUP(E3480,団体コード!$E$1:$F$48,2,FALSE)</f>
        <v>#N/A</v>
      </c>
      <c r="O3480" s="51" t="e">
        <f t="shared" si="111"/>
        <v>#N/A</v>
      </c>
      <c r="P3480" s="51">
        <v>1</v>
      </c>
      <c r="Q3480" s="51" t="s">
        <v>5341</v>
      </c>
      <c r="R3480" s="54" t="b">
        <v>1</v>
      </c>
      <c r="S3480" s="52" t="s">
        <v>7126</v>
      </c>
      <c r="T3480" s="67" t="s">
        <v>7127</v>
      </c>
      <c r="U3480" s="75" t="s">
        <v>5331</v>
      </c>
      <c r="V3480" s="47" t="s">
        <v>5331</v>
      </c>
      <c r="W3480" s="47" t="s">
        <v>5331</v>
      </c>
      <c r="X3480" s="47" t="s">
        <v>5331</v>
      </c>
      <c r="Y3480" s="47" t="s">
        <v>5331</v>
      </c>
      <c r="Z3480" s="28"/>
      <c r="AA3480" s="27"/>
      <c r="AB3480" s="27"/>
      <c r="AC3480" s="27"/>
      <c r="AD3480" s="30"/>
      <c r="AE3480" s="1"/>
      <c r="AF3480" s="23" t="s">
        <v>5331</v>
      </c>
      <c r="AG3480" s="26"/>
      <c r="AH3480" s="53"/>
    </row>
    <row r="3481" spans="1:34" ht="51.6" customHeight="1" x14ac:dyDescent="0.45">
      <c r="A3481" s="23">
        <v>3475</v>
      </c>
      <c r="B3481" s="25"/>
      <c r="C3481" s="25"/>
      <c r="D3481" s="29"/>
      <c r="E3481" s="1"/>
      <c r="F3481" s="1"/>
      <c r="G3481" s="25"/>
      <c r="H3481" s="71"/>
      <c r="I3481" s="83"/>
      <c r="J3481" s="50" t="str">
        <f t="shared" si="110"/>
        <v/>
      </c>
      <c r="K3481" s="23" t="s">
        <v>7120</v>
      </c>
      <c r="L3481" s="49" t="e">
        <f>VLOOKUP(E3481&amp;F3481,団体コード!$A$1:$C$1743,3,FALSE)</f>
        <v>#N/A</v>
      </c>
      <c r="M3481" s="49" t="e">
        <f>VLOOKUP(E3481&amp;F3481,団体コード!$A$1:$C$1743,2,FALSE)</f>
        <v>#N/A</v>
      </c>
      <c r="N3481" s="51" t="e">
        <f>VLOOKUP(E3481,団体コード!$E$1:$F$48,2,FALSE)</f>
        <v>#N/A</v>
      </c>
      <c r="O3481" s="51" t="e">
        <f t="shared" si="111"/>
        <v>#N/A</v>
      </c>
      <c r="P3481" s="51">
        <v>1</v>
      </c>
      <c r="Q3481" s="51" t="s">
        <v>5341</v>
      </c>
      <c r="R3481" s="54" t="b">
        <v>1</v>
      </c>
      <c r="S3481" s="52" t="s">
        <v>7126</v>
      </c>
      <c r="T3481" s="67" t="s">
        <v>7127</v>
      </c>
      <c r="U3481" s="75" t="s">
        <v>5331</v>
      </c>
      <c r="V3481" s="47" t="s">
        <v>5331</v>
      </c>
      <c r="W3481" s="47" t="s">
        <v>5331</v>
      </c>
      <c r="X3481" s="47" t="s">
        <v>5331</v>
      </c>
      <c r="Y3481" s="47" t="s">
        <v>5331</v>
      </c>
      <c r="Z3481" s="28"/>
      <c r="AA3481" s="27"/>
      <c r="AB3481" s="27"/>
      <c r="AC3481" s="27"/>
      <c r="AD3481" s="30"/>
      <c r="AE3481" s="1"/>
      <c r="AF3481" s="23" t="s">
        <v>5331</v>
      </c>
      <c r="AG3481" s="26"/>
      <c r="AH3481" s="53"/>
    </row>
    <row r="3482" spans="1:34" ht="51.6" customHeight="1" x14ac:dyDescent="0.45">
      <c r="A3482" s="23">
        <v>3476</v>
      </c>
      <c r="B3482" s="25"/>
      <c r="C3482" s="25"/>
      <c r="D3482" s="29"/>
      <c r="E3482" s="1"/>
      <c r="F3482" s="1"/>
      <c r="G3482" s="25"/>
      <c r="H3482" s="71"/>
      <c r="I3482" s="83"/>
      <c r="J3482" s="50" t="str">
        <f t="shared" si="110"/>
        <v/>
      </c>
      <c r="K3482" s="23" t="s">
        <v>7120</v>
      </c>
      <c r="L3482" s="49" t="e">
        <f>VLOOKUP(E3482&amp;F3482,団体コード!$A$1:$C$1743,3,FALSE)</f>
        <v>#N/A</v>
      </c>
      <c r="M3482" s="49" t="e">
        <f>VLOOKUP(E3482&amp;F3482,団体コード!$A$1:$C$1743,2,FALSE)</f>
        <v>#N/A</v>
      </c>
      <c r="N3482" s="51" t="e">
        <f>VLOOKUP(E3482,団体コード!$E$1:$F$48,2,FALSE)</f>
        <v>#N/A</v>
      </c>
      <c r="O3482" s="51" t="e">
        <f t="shared" si="111"/>
        <v>#N/A</v>
      </c>
      <c r="P3482" s="51">
        <v>1</v>
      </c>
      <c r="Q3482" s="51" t="s">
        <v>5341</v>
      </c>
      <c r="R3482" s="54" t="b">
        <v>1</v>
      </c>
      <c r="S3482" s="52" t="s">
        <v>7126</v>
      </c>
      <c r="T3482" s="67" t="s">
        <v>7127</v>
      </c>
      <c r="U3482" s="75" t="s">
        <v>5331</v>
      </c>
      <c r="V3482" s="47" t="s">
        <v>5331</v>
      </c>
      <c r="W3482" s="47" t="s">
        <v>5331</v>
      </c>
      <c r="X3482" s="47" t="s">
        <v>5331</v>
      </c>
      <c r="Y3482" s="47" t="s">
        <v>5331</v>
      </c>
      <c r="Z3482" s="28"/>
      <c r="AA3482" s="27"/>
      <c r="AB3482" s="27"/>
      <c r="AC3482" s="27"/>
      <c r="AD3482" s="30"/>
      <c r="AE3482" s="1"/>
      <c r="AF3482" s="23" t="s">
        <v>5331</v>
      </c>
      <c r="AG3482" s="26"/>
      <c r="AH3482" s="53"/>
    </row>
    <row r="3483" spans="1:34" ht="51.6" customHeight="1" x14ac:dyDescent="0.45">
      <c r="A3483" s="23">
        <v>3477</v>
      </c>
      <c r="B3483" s="25"/>
      <c r="C3483" s="25"/>
      <c r="D3483" s="29"/>
      <c r="E3483" s="1"/>
      <c r="F3483" s="1"/>
      <c r="G3483" s="25"/>
      <c r="H3483" s="71"/>
      <c r="I3483" s="83"/>
      <c r="J3483" s="50" t="str">
        <f t="shared" si="110"/>
        <v/>
      </c>
      <c r="K3483" s="23" t="s">
        <v>7120</v>
      </c>
      <c r="L3483" s="49" t="e">
        <f>VLOOKUP(E3483&amp;F3483,団体コード!$A$1:$C$1743,3,FALSE)</f>
        <v>#N/A</v>
      </c>
      <c r="M3483" s="49" t="e">
        <f>VLOOKUP(E3483&amp;F3483,団体コード!$A$1:$C$1743,2,FALSE)</f>
        <v>#N/A</v>
      </c>
      <c r="N3483" s="51" t="e">
        <f>VLOOKUP(E3483,団体コード!$E$1:$F$48,2,FALSE)</f>
        <v>#N/A</v>
      </c>
      <c r="O3483" s="51" t="e">
        <f t="shared" si="111"/>
        <v>#N/A</v>
      </c>
      <c r="P3483" s="51">
        <v>1</v>
      </c>
      <c r="Q3483" s="51" t="s">
        <v>5341</v>
      </c>
      <c r="R3483" s="54" t="b">
        <v>1</v>
      </c>
      <c r="S3483" s="52" t="s">
        <v>7126</v>
      </c>
      <c r="T3483" s="67" t="s">
        <v>7127</v>
      </c>
      <c r="U3483" s="75" t="s">
        <v>5331</v>
      </c>
      <c r="V3483" s="47" t="s">
        <v>5331</v>
      </c>
      <c r="W3483" s="47" t="s">
        <v>5331</v>
      </c>
      <c r="X3483" s="47" t="s">
        <v>5331</v>
      </c>
      <c r="Y3483" s="47" t="s">
        <v>5331</v>
      </c>
      <c r="Z3483" s="28"/>
      <c r="AA3483" s="27"/>
      <c r="AB3483" s="27"/>
      <c r="AC3483" s="27"/>
      <c r="AD3483" s="30"/>
      <c r="AE3483" s="1"/>
      <c r="AF3483" s="23" t="s">
        <v>5331</v>
      </c>
      <c r="AG3483" s="26"/>
      <c r="AH3483" s="53"/>
    </row>
    <row r="3484" spans="1:34" ht="51.6" customHeight="1" x14ac:dyDescent="0.45">
      <c r="A3484" s="23">
        <v>3478</v>
      </c>
      <c r="B3484" s="25"/>
      <c r="C3484" s="25"/>
      <c r="D3484" s="29"/>
      <c r="E3484" s="1"/>
      <c r="F3484" s="1"/>
      <c r="G3484" s="25"/>
      <c r="H3484" s="71"/>
      <c r="I3484" s="83"/>
      <c r="J3484" s="50" t="str">
        <f t="shared" si="110"/>
        <v/>
      </c>
      <c r="K3484" s="23" t="s">
        <v>7120</v>
      </c>
      <c r="L3484" s="49" t="e">
        <f>VLOOKUP(E3484&amp;F3484,団体コード!$A$1:$C$1743,3,FALSE)</f>
        <v>#N/A</v>
      </c>
      <c r="M3484" s="49" t="e">
        <f>VLOOKUP(E3484&amp;F3484,団体コード!$A$1:$C$1743,2,FALSE)</f>
        <v>#N/A</v>
      </c>
      <c r="N3484" s="51" t="e">
        <f>VLOOKUP(E3484,団体コード!$E$1:$F$48,2,FALSE)</f>
        <v>#N/A</v>
      </c>
      <c r="O3484" s="51" t="e">
        <f t="shared" si="111"/>
        <v>#N/A</v>
      </c>
      <c r="P3484" s="51">
        <v>1</v>
      </c>
      <c r="Q3484" s="51" t="s">
        <v>5341</v>
      </c>
      <c r="R3484" s="54" t="b">
        <v>1</v>
      </c>
      <c r="S3484" s="52" t="s">
        <v>7126</v>
      </c>
      <c r="T3484" s="67" t="s">
        <v>7127</v>
      </c>
      <c r="U3484" s="75" t="s">
        <v>5331</v>
      </c>
      <c r="V3484" s="47" t="s">
        <v>5331</v>
      </c>
      <c r="W3484" s="47" t="s">
        <v>5331</v>
      </c>
      <c r="X3484" s="47" t="s">
        <v>5331</v>
      </c>
      <c r="Y3484" s="47" t="s">
        <v>5331</v>
      </c>
      <c r="Z3484" s="28"/>
      <c r="AA3484" s="27"/>
      <c r="AB3484" s="27"/>
      <c r="AC3484" s="27"/>
      <c r="AD3484" s="30"/>
      <c r="AE3484" s="1"/>
      <c r="AF3484" s="23" t="s">
        <v>5331</v>
      </c>
      <c r="AG3484" s="26"/>
      <c r="AH3484" s="53"/>
    </row>
    <row r="3485" spans="1:34" ht="51.6" customHeight="1" x14ac:dyDescent="0.45">
      <c r="A3485" s="23">
        <v>3479</v>
      </c>
      <c r="B3485" s="25"/>
      <c r="C3485" s="25"/>
      <c r="D3485" s="29"/>
      <c r="E3485" s="1"/>
      <c r="F3485" s="1"/>
      <c r="G3485" s="25"/>
      <c r="H3485" s="71"/>
      <c r="I3485" s="83"/>
      <c r="J3485" s="50" t="str">
        <f t="shared" si="110"/>
        <v/>
      </c>
      <c r="K3485" s="23" t="s">
        <v>7120</v>
      </c>
      <c r="L3485" s="49" t="e">
        <f>VLOOKUP(E3485&amp;F3485,団体コード!$A$1:$C$1743,3,FALSE)</f>
        <v>#N/A</v>
      </c>
      <c r="M3485" s="49" t="e">
        <f>VLOOKUP(E3485&amp;F3485,団体コード!$A$1:$C$1743,2,FALSE)</f>
        <v>#N/A</v>
      </c>
      <c r="N3485" s="51" t="e">
        <f>VLOOKUP(E3485,団体コード!$E$1:$F$48,2,FALSE)</f>
        <v>#N/A</v>
      </c>
      <c r="O3485" s="51" t="e">
        <f t="shared" si="111"/>
        <v>#N/A</v>
      </c>
      <c r="P3485" s="51">
        <v>1</v>
      </c>
      <c r="Q3485" s="51" t="s">
        <v>5341</v>
      </c>
      <c r="R3485" s="54" t="b">
        <v>1</v>
      </c>
      <c r="S3485" s="52" t="s">
        <v>7126</v>
      </c>
      <c r="T3485" s="67" t="s">
        <v>7127</v>
      </c>
      <c r="U3485" s="75" t="s">
        <v>5331</v>
      </c>
      <c r="V3485" s="47" t="s">
        <v>5331</v>
      </c>
      <c r="W3485" s="47" t="s">
        <v>5331</v>
      </c>
      <c r="X3485" s="47" t="s">
        <v>5331</v>
      </c>
      <c r="Y3485" s="47" t="s">
        <v>5331</v>
      </c>
      <c r="Z3485" s="28"/>
      <c r="AA3485" s="27"/>
      <c r="AB3485" s="27"/>
      <c r="AC3485" s="27"/>
      <c r="AD3485" s="30"/>
      <c r="AE3485" s="1"/>
      <c r="AF3485" s="23" t="s">
        <v>5331</v>
      </c>
      <c r="AG3485" s="26"/>
      <c r="AH3485" s="53"/>
    </row>
    <row r="3486" spans="1:34" ht="51.6" customHeight="1" x14ac:dyDescent="0.45">
      <c r="A3486" s="23">
        <v>3480</v>
      </c>
      <c r="B3486" s="25"/>
      <c r="C3486" s="25"/>
      <c r="D3486" s="29"/>
      <c r="E3486" s="1"/>
      <c r="F3486" s="1"/>
      <c r="G3486" s="25"/>
      <c r="H3486" s="71"/>
      <c r="I3486" s="83"/>
      <c r="J3486" s="50" t="str">
        <f t="shared" si="110"/>
        <v/>
      </c>
      <c r="K3486" s="23" t="s">
        <v>7120</v>
      </c>
      <c r="L3486" s="49" t="e">
        <f>VLOOKUP(E3486&amp;F3486,団体コード!$A$1:$C$1743,3,FALSE)</f>
        <v>#N/A</v>
      </c>
      <c r="M3486" s="49" t="e">
        <f>VLOOKUP(E3486&amp;F3486,団体コード!$A$1:$C$1743,2,FALSE)</f>
        <v>#N/A</v>
      </c>
      <c r="N3486" s="51" t="e">
        <f>VLOOKUP(E3486,団体コード!$E$1:$F$48,2,FALSE)</f>
        <v>#N/A</v>
      </c>
      <c r="O3486" s="51" t="e">
        <f t="shared" si="111"/>
        <v>#N/A</v>
      </c>
      <c r="P3486" s="51">
        <v>1</v>
      </c>
      <c r="Q3486" s="51" t="s">
        <v>5341</v>
      </c>
      <c r="R3486" s="54" t="b">
        <v>1</v>
      </c>
      <c r="S3486" s="52" t="s">
        <v>7126</v>
      </c>
      <c r="T3486" s="67" t="s">
        <v>7127</v>
      </c>
      <c r="U3486" s="75" t="s">
        <v>5331</v>
      </c>
      <c r="V3486" s="47" t="s">
        <v>5331</v>
      </c>
      <c r="W3486" s="47" t="s">
        <v>5331</v>
      </c>
      <c r="X3486" s="47" t="s">
        <v>5331</v>
      </c>
      <c r="Y3486" s="47" t="s">
        <v>5331</v>
      </c>
      <c r="Z3486" s="28"/>
      <c r="AA3486" s="27"/>
      <c r="AB3486" s="27"/>
      <c r="AC3486" s="27"/>
      <c r="AD3486" s="30"/>
      <c r="AE3486" s="1"/>
      <c r="AF3486" s="23" t="s">
        <v>5331</v>
      </c>
      <c r="AG3486" s="26"/>
      <c r="AH3486" s="53"/>
    </row>
    <row r="3487" spans="1:34" ht="51.6" customHeight="1" x14ac:dyDescent="0.45">
      <c r="A3487" s="23">
        <v>3481</v>
      </c>
      <c r="B3487" s="25"/>
      <c r="C3487" s="25"/>
      <c r="D3487" s="29"/>
      <c r="E3487" s="1"/>
      <c r="F3487" s="1"/>
      <c r="G3487" s="25"/>
      <c r="H3487" s="71"/>
      <c r="I3487" s="83"/>
      <c r="J3487" s="50" t="str">
        <f t="shared" si="110"/>
        <v/>
      </c>
      <c r="K3487" s="23" t="s">
        <v>7120</v>
      </c>
      <c r="L3487" s="49" t="e">
        <f>VLOOKUP(E3487&amp;F3487,団体コード!$A$1:$C$1743,3,FALSE)</f>
        <v>#N/A</v>
      </c>
      <c r="M3487" s="49" t="e">
        <f>VLOOKUP(E3487&amp;F3487,団体コード!$A$1:$C$1743,2,FALSE)</f>
        <v>#N/A</v>
      </c>
      <c r="N3487" s="51" t="e">
        <f>VLOOKUP(E3487,団体コード!$E$1:$F$48,2,FALSE)</f>
        <v>#N/A</v>
      </c>
      <c r="O3487" s="51" t="e">
        <f t="shared" si="111"/>
        <v>#N/A</v>
      </c>
      <c r="P3487" s="51">
        <v>1</v>
      </c>
      <c r="Q3487" s="51" t="s">
        <v>5341</v>
      </c>
      <c r="R3487" s="54" t="b">
        <v>1</v>
      </c>
      <c r="S3487" s="52" t="s">
        <v>7126</v>
      </c>
      <c r="T3487" s="67" t="s">
        <v>7127</v>
      </c>
      <c r="U3487" s="75" t="s">
        <v>5331</v>
      </c>
      <c r="V3487" s="47" t="s">
        <v>5331</v>
      </c>
      <c r="W3487" s="47" t="s">
        <v>5331</v>
      </c>
      <c r="X3487" s="47" t="s">
        <v>5331</v>
      </c>
      <c r="Y3487" s="47" t="s">
        <v>5331</v>
      </c>
      <c r="Z3487" s="28"/>
      <c r="AA3487" s="27"/>
      <c r="AB3487" s="27"/>
      <c r="AC3487" s="27"/>
      <c r="AD3487" s="30"/>
      <c r="AE3487" s="1"/>
      <c r="AF3487" s="23" t="s">
        <v>5331</v>
      </c>
      <c r="AG3487" s="26"/>
      <c r="AH3487" s="53"/>
    </row>
    <row r="3488" spans="1:34" ht="51.6" customHeight="1" x14ac:dyDescent="0.45">
      <c r="A3488" s="23">
        <v>3482</v>
      </c>
      <c r="B3488" s="25"/>
      <c r="C3488" s="25"/>
      <c r="D3488" s="29"/>
      <c r="E3488" s="1"/>
      <c r="F3488" s="1"/>
      <c r="G3488" s="25"/>
      <c r="H3488" s="71"/>
      <c r="I3488" s="83"/>
      <c r="J3488" s="50" t="str">
        <f t="shared" si="110"/>
        <v/>
      </c>
      <c r="K3488" s="23" t="s">
        <v>7120</v>
      </c>
      <c r="L3488" s="49" t="e">
        <f>VLOOKUP(E3488&amp;F3488,団体コード!$A$1:$C$1743,3,FALSE)</f>
        <v>#N/A</v>
      </c>
      <c r="M3488" s="49" t="e">
        <f>VLOOKUP(E3488&amp;F3488,団体コード!$A$1:$C$1743,2,FALSE)</f>
        <v>#N/A</v>
      </c>
      <c r="N3488" s="51" t="e">
        <f>VLOOKUP(E3488,団体コード!$E$1:$F$48,2,FALSE)</f>
        <v>#N/A</v>
      </c>
      <c r="O3488" s="51" t="e">
        <f t="shared" si="111"/>
        <v>#N/A</v>
      </c>
      <c r="P3488" s="51">
        <v>1</v>
      </c>
      <c r="Q3488" s="51" t="s">
        <v>5341</v>
      </c>
      <c r="R3488" s="54" t="b">
        <v>1</v>
      </c>
      <c r="S3488" s="52" t="s">
        <v>7126</v>
      </c>
      <c r="T3488" s="67" t="s">
        <v>7127</v>
      </c>
      <c r="U3488" s="75" t="s">
        <v>5331</v>
      </c>
      <c r="V3488" s="47" t="s">
        <v>5331</v>
      </c>
      <c r="W3488" s="47" t="s">
        <v>5331</v>
      </c>
      <c r="X3488" s="47" t="s">
        <v>5331</v>
      </c>
      <c r="Y3488" s="47" t="s">
        <v>5331</v>
      </c>
      <c r="Z3488" s="28"/>
      <c r="AA3488" s="27"/>
      <c r="AB3488" s="27"/>
      <c r="AC3488" s="27"/>
      <c r="AD3488" s="30"/>
      <c r="AE3488" s="1"/>
      <c r="AF3488" s="23" t="s">
        <v>5331</v>
      </c>
      <c r="AG3488" s="26"/>
      <c r="AH3488" s="53"/>
    </row>
    <row r="3489" spans="1:34" ht="51.6" customHeight="1" x14ac:dyDescent="0.45">
      <c r="A3489" s="23">
        <v>3483</v>
      </c>
      <c r="B3489" s="25"/>
      <c r="C3489" s="25"/>
      <c r="D3489" s="29"/>
      <c r="E3489" s="1"/>
      <c r="F3489" s="1"/>
      <c r="G3489" s="25"/>
      <c r="H3489" s="71"/>
      <c r="I3489" s="83"/>
      <c r="J3489" s="50" t="str">
        <f t="shared" si="110"/>
        <v/>
      </c>
      <c r="K3489" s="23" t="s">
        <v>7120</v>
      </c>
      <c r="L3489" s="49" t="e">
        <f>VLOOKUP(E3489&amp;F3489,団体コード!$A$1:$C$1743,3,FALSE)</f>
        <v>#N/A</v>
      </c>
      <c r="M3489" s="49" t="e">
        <f>VLOOKUP(E3489&amp;F3489,団体コード!$A$1:$C$1743,2,FALSE)</f>
        <v>#N/A</v>
      </c>
      <c r="N3489" s="51" t="e">
        <f>VLOOKUP(E3489,団体コード!$E$1:$F$48,2,FALSE)</f>
        <v>#N/A</v>
      </c>
      <c r="O3489" s="51" t="e">
        <f t="shared" si="111"/>
        <v>#N/A</v>
      </c>
      <c r="P3489" s="51">
        <v>1</v>
      </c>
      <c r="Q3489" s="51" t="s">
        <v>5341</v>
      </c>
      <c r="R3489" s="54" t="b">
        <v>1</v>
      </c>
      <c r="S3489" s="52" t="s">
        <v>7126</v>
      </c>
      <c r="T3489" s="67" t="s">
        <v>7127</v>
      </c>
      <c r="U3489" s="75" t="s">
        <v>5331</v>
      </c>
      <c r="V3489" s="47" t="s">
        <v>5331</v>
      </c>
      <c r="W3489" s="47" t="s">
        <v>5331</v>
      </c>
      <c r="X3489" s="47" t="s">
        <v>5331</v>
      </c>
      <c r="Y3489" s="47" t="s">
        <v>5331</v>
      </c>
      <c r="Z3489" s="28"/>
      <c r="AA3489" s="27"/>
      <c r="AB3489" s="27"/>
      <c r="AC3489" s="27"/>
      <c r="AD3489" s="30"/>
      <c r="AE3489" s="1"/>
      <c r="AF3489" s="23" t="s">
        <v>5331</v>
      </c>
      <c r="AG3489" s="26"/>
      <c r="AH3489" s="53"/>
    </row>
    <row r="3490" spans="1:34" ht="51.6" customHeight="1" x14ac:dyDescent="0.45">
      <c r="A3490" s="23">
        <v>3484</v>
      </c>
      <c r="B3490" s="25"/>
      <c r="C3490" s="25"/>
      <c r="D3490" s="29"/>
      <c r="E3490" s="1"/>
      <c r="F3490" s="1"/>
      <c r="G3490" s="25"/>
      <c r="H3490" s="71"/>
      <c r="I3490" s="83"/>
      <c r="J3490" s="50" t="str">
        <f t="shared" si="110"/>
        <v/>
      </c>
      <c r="K3490" s="23" t="s">
        <v>7120</v>
      </c>
      <c r="L3490" s="49" t="e">
        <f>VLOOKUP(E3490&amp;F3490,団体コード!$A$1:$C$1743,3,FALSE)</f>
        <v>#N/A</v>
      </c>
      <c r="M3490" s="49" t="e">
        <f>VLOOKUP(E3490&amp;F3490,団体コード!$A$1:$C$1743,2,FALSE)</f>
        <v>#N/A</v>
      </c>
      <c r="N3490" s="51" t="e">
        <f>VLOOKUP(E3490,団体コード!$E$1:$F$48,2,FALSE)</f>
        <v>#N/A</v>
      </c>
      <c r="O3490" s="51" t="e">
        <f t="shared" si="111"/>
        <v>#N/A</v>
      </c>
      <c r="P3490" s="51">
        <v>1</v>
      </c>
      <c r="Q3490" s="51" t="s">
        <v>5341</v>
      </c>
      <c r="R3490" s="54" t="b">
        <v>1</v>
      </c>
      <c r="S3490" s="52" t="s">
        <v>7126</v>
      </c>
      <c r="T3490" s="67" t="s">
        <v>7127</v>
      </c>
      <c r="U3490" s="75" t="s">
        <v>5331</v>
      </c>
      <c r="V3490" s="47" t="s">
        <v>5331</v>
      </c>
      <c r="W3490" s="47" t="s">
        <v>5331</v>
      </c>
      <c r="X3490" s="47" t="s">
        <v>5331</v>
      </c>
      <c r="Y3490" s="47" t="s">
        <v>5331</v>
      </c>
      <c r="Z3490" s="28"/>
      <c r="AA3490" s="27"/>
      <c r="AB3490" s="27"/>
      <c r="AC3490" s="27"/>
      <c r="AD3490" s="30"/>
      <c r="AE3490" s="1"/>
      <c r="AF3490" s="23" t="s">
        <v>5331</v>
      </c>
      <c r="AG3490" s="26"/>
      <c r="AH3490" s="53"/>
    </row>
    <row r="3491" spans="1:34" ht="51.6" customHeight="1" x14ac:dyDescent="0.45">
      <c r="A3491" s="23">
        <v>3485</v>
      </c>
      <c r="B3491" s="25"/>
      <c r="C3491" s="25"/>
      <c r="D3491" s="29"/>
      <c r="E3491" s="1"/>
      <c r="F3491" s="1"/>
      <c r="G3491" s="25"/>
      <c r="H3491" s="71"/>
      <c r="I3491" s="83"/>
      <c r="J3491" s="50" t="str">
        <f t="shared" si="110"/>
        <v/>
      </c>
      <c r="K3491" s="23" t="s">
        <v>7120</v>
      </c>
      <c r="L3491" s="49" t="e">
        <f>VLOOKUP(E3491&amp;F3491,団体コード!$A$1:$C$1743,3,FALSE)</f>
        <v>#N/A</v>
      </c>
      <c r="M3491" s="49" t="e">
        <f>VLOOKUP(E3491&amp;F3491,団体コード!$A$1:$C$1743,2,FALSE)</f>
        <v>#N/A</v>
      </c>
      <c r="N3491" s="51" t="e">
        <f>VLOOKUP(E3491,団体コード!$E$1:$F$48,2,FALSE)</f>
        <v>#N/A</v>
      </c>
      <c r="O3491" s="51" t="e">
        <f t="shared" si="111"/>
        <v>#N/A</v>
      </c>
      <c r="P3491" s="51">
        <v>1</v>
      </c>
      <c r="Q3491" s="51" t="s">
        <v>5341</v>
      </c>
      <c r="R3491" s="54" t="b">
        <v>1</v>
      </c>
      <c r="S3491" s="52" t="s">
        <v>7126</v>
      </c>
      <c r="T3491" s="67" t="s">
        <v>7127</v>
      </c>
      <c r="U3491" s="75" t="s">
        <v>5331</v>
      </c>
      <c r="V3491" s="47" t="s">
        <v>5331</v>
      </c>
      <c r="W3491" s="47" t="s">
        <v>5331</v>
      </c>
      <c r="X3491" s="47" t="s">
        <v>5331</v>
      </c>
      <c r="Y3491" s="47" t="s">
        <v>5331</v>
      </c>
      <c r="Z3491" s="28"/>
      <c r="AA3491" s="27"/>
      <c r="AB3491" s="27"/>
      <c r="AC3491" s="27"/>
      <c r="AD3491" s="30"/>
      <c r="AE3491" s="1"/>
      <c r="AF3491" s="23" t="s">
        <v>5331</v>
      </c>
      <c r="AG3491" s="26"/>
      <c r="AH3491" s="53"/>
    </row>
    <row r="3492" spans="1:34" ht="51.6" customHeight="1" x14ac:dyDescent="0.45">
      <c r="A3492" s="23">
        <v>3486</v>
      </c>
      <c r="B3492" s="25"/>
      <c r="C3492" s="25"/>
      <c r="D3492" s="29"/>
      <c r="E3492" s="1"/>
      <c r="F3492" s="1"/>
      <c r="G3492" s="25"/>
      <c r="H3492" s="71"/>
      <c r="I3492" s="83"/>
      <c r="J3492" s="50" t="str">
        <f t="shared" si="110"/>
        <v/>
      </c>
      <c r="K3492" s="23" t="s">
        <v>7120</v>
      </c>
      <c r="L3492" s="49" t="e">
        <f>VLOOKUP(E3492&amp;F3492,団体コード!$A$1:$C$1743,3,FALSE)</f>
        <v>#N/A</v>
      </c>
      <c r="M3492" s="49" t="e">
        <f>VLOOKUP(E3492&amp;F3492,団体コード!$A$1:$C$1743,2,FALSE)</f>
        <v>#N/A</v>
      </c>
      <c r="N3492" s="51" t="e">
        <f>VLOOKUP(E3492,団体コード!$E$1:$F$48,2,FALSE)</f>
        <v>#N/A</v>
      </c>
      <c r="O3492" s="51" t="e">
        <f t="shared" si="111"/>
        <v>#N/A</v>
      </c>
      <c r="P3492" s="51">
        <v>1</v>
      </c>
      <c r="Q3492" s="51" t="s">
        <v>5341</v>
      </c>
      <c r="R3492" s="54" t="b">
        <v>1</v>
      </c>
      <c r="S3492" s="52" t="s">
        <v>7126</v>
      </c>
      <c r="T3492" s="67" t="s">
        <v>7127</v>
      </c>
      <c r="U3492" s="75" t="s">
        <v>5331</v>
      </c>
      <c r="V3492" s="47" t="s">
        <v>5331</v>
      </c>
      <c r="W3492" s="47" t="s">
        <v>5331</v>
      </c>
      <c r="X3492" s="47" t="s">
        <v>5331</v>
      </c>
      <c r="Y3492" s="47" t="s">
        <v>5331</v>
      </c>
      <c r="Z3492" s="28"/>
      <c r="AA3492" s="27"/>
      <c r="AB3492" s="27"/>
      <c r="AC3492" s="27"/>
      <c r="AD3492" s="30"/>
      <c r="AE3492" s="1"/>
      <c r="AF3492" s="23" t="s">
        <v>5331</v>
      </c>
      <c r="AG3492" s="26"/>
      <c r="AH3492" s="53"/>
    </row>
    <row r="3493" spans="1:34" ht="51.6" customHeight="1" x14ac:dyDescent="0.45">
      <c r="A3493" s="23">
        <v>3487</v>
      </c>
      <c r="B3493" s="25"/>
      <c r="C3493" s="25"/>
      <c r="D3493" s="29"/>
      <c r="E3493" s="1"/>
      <c r="F3493" s="1"/>
      <c r="G3493" s="25"/>
      <c r="H3493" s="71"/>
      <c r="I3493" s="83"/>
      <c r="J3493" s="50" t="str">
        <f t="shared" si="110"/>
        <v/>
      </c>
      <c r="K3493" s="23" t="s">
        <v>7120</v>
      </c>
      <c r="L3493" s="49" t="e">
        <f>VLOOKUP(E3493&amp;F3493,団体コード!$A$1:$C$1743,3,FALSE)</f>
        <v>#N/A</v>
      </c>
      <c r="M3493" s="49" t="e">
        <f>VLOOKUP(E3493&amp;F3493,団体コード!$A$1:$C$1743,2,FALSE)</f>
        <v>#N/A</v>
      </c>
      <c r="N3493" s="51" t="e">
        <f>VLOOKUP(E3493,団体コード!$E$1:$F$48,2,FALSE)</f>
        <v>#N/A</v>
      </c>
      <c r="O3493" s="51" t="e">
        <f t="shared" si="111"/>
        <v>#N/A</v>
      </c>
      <c r="P3493" s="51">
        <v>1</v>
      </c>
      <c r="Q3493" s="51" t="s">
        <v>5341</v>
      </c>
      <c r="R3493" s="54" t="b">
        <v>1</v>
      </c>
      <c r="S3493" s="52" t="s">
        <v>7126</v>
      </c>
      <c r="T3493" s="67" t="s">
        <v>7127</v>
      </c>
      <c r="U3493" s="75" t="s">
        <v>5331</v>
      </c>
      <c r="V3493" s="47" t="s">
        <v>5331</v>
      </c>
      <c r="W3493" s="47" t="s">
        <v>5331</v>
      </c>
      <c r="X3493" s="47" t="s">
        <v>5331</v>
      </c>
      <c r="Y3493" s="47" t="s">
        <v>5331</v>
      </c>
      <c r="Z3493" s="28"/>
      <c r="AA3493" s="27"/>
      <c r="AB3493" s="27"/>
      <c r="AC3493" s="27"/>
      <c r="AD3493" s="30"/>
      <c r="AE3493" s="1"/>
      <c r="AF3493" s="23" t="s">
        <v>5331</v>
      </c>
      <c r="AG3493" s="26"/>
      <c r="AH3493" s="53"/>
    </row>
    <row r="3494" spans="1:34" ht="51.6" customHeight="1" x14ac:dyDescent="0.45">
      <c r="A3494" s="23">
        <v>3488</v>
      </c>
      <c r="B3494" s="25"/>
      <c r="C3494" s="25"/>
      <c r="D3494" s="29"/>
      <c r="E3494" s="1"/>
      <c r="F3494" s="1"/>
      <c r="G3494" s="25"/>
      <c r="H3494" s="71"/>
      <c r="I3494" s="83"/>
      <c r="J3494" s="50" t="str">
        <f t="shared" si="110"/>
        <v/>
      </c>
      <c r="K3494" s="23" t="s">
        <v>7120</v>
      </c>
      <c r="L3494" s="49" t="e">
        <f>VLOOKUP(E3494&amp;F3494,団体コード!$A$1:$C$1743,3,FALSE)</f>
        <v>#N/A</v>
      </c>
      <c r="M3494" s="49" t="e">
        <f>VLOOKUP(E3494&amp;F3494,団体コード!$A$1:$C$1743,2,FALSE)</f>
        <v>#N/A</v>
      </c>
      <c r="N3494" s="51" t="e">
        <f>VLOOKUP(E3494,団体コード!$E$1:$F$48,2,FALSE)</f>
        <v>#N/A</v>
      </c>
      <c r="O3494" s="51" t="e">
        <f t="shared" si="111"/>
        <v>#N/A</v>
      </c>
      <c r="P3494" s="51">
        <v>1</v>
      </c>
      <c r="Q3494" s="51" t="s">
        <v>5341</v>
      </c>
      <c r="R3494" s="54" t="b">
        <v>1</v>
      </c>
      <c r="S3494" s="52" t="s">
        <v>7126</v>
      </c>
      <c r="T3494" s="67" t="s">
        <v>7127</v>
      </c>
      <c r="U3494" s="75" t="s">
        <v>5331</v>
      </c>
      <c r="V3494" s="47" t="s">
        <v>5331</v>
      </c>
      <c r="W3494" s="47" t="s">
        <v>5331</v>
      </c>
      <c r="X3494" s="47" t="s">
        <v>5331</v>
      </c>
      <c r="Y3494" s="47" t="s">
        <v>5331</v>
      </c>
      <c r="Z3494" s="28"/>
      <c r="AA3494" s="27"/>
      <c r="AB3494" s="27"/>
      <c r="AC3494" s="27"/>
      <c r="AD3494" s="30"/>
      <c r="AE3494" s="1"/>
      <c r="AF3494" s="23" t="s">
        <v>5331</v>
      </c>
      <c r="AG3494" s="26"/>
      <c r="AH3494" s="53"/>
    </row>
    <row r="3495" spans="1:34" ht="51.6" customHeight="1" x14ac:dyDescent="0.45">
      <c r="A3495" s="23">
        <v>3489</v>
      </c>
      <c r="B3495" s="25"/>
      <c r="C3495" s="25"/>
      <c r="D3495" s="29"/>
      <c r="E3495" s="1"/>
      <c r="F3495" s="1"/>
      <c r="G3495" s="25"/>
      <c r="H3495" s="71"/>
      <c r="I3495" s="83"/>
      <c r="J3495" s="50" t="str">
        <f t="shared" si="110"/>
        <v/>
      </c>
      <c r="K3495" s="23" t="s">
        <v>7120</v>
      </c>
      <c r="L3495" s="49" t="e">
        <f>VLOOKUP(E3495&amp;F3495,団体コード!$A$1:$C$1743,3,FALSE)</f>
        <v>#N/A</v>
      </c>
      <c r="M3495" s="49" t="e">
        <f>VLOOKUP(E3495&amp;F3495,団体コード!$A$1:$C$1743,2,FALSE)</f>
        <v>#N/A</v>
      </c>
      <c r="N3495" s="51" t="e">
        <f>VLOOKUP(E3495,団体コード!$E$1:$F$48,2,FALSE)</f>
        <v>#N/A</v>
      </c>
      <c r="O3495" s="51" t="e">
        <f t="shared" si="111"/>
        <v>#N/A</v>
      </c>
      <c r="P3495" s="51">
        <v>1</v>
      </c>
      <c r="Q3495" s="51" t="s">
        <v>5341</v>
      </c>
      <c r="R3495" s="54" t="b">
        <v>1</v>
      </c>
      <c r="S3495" s="52" t="s">
        <v>7126</v>
      </c>
      <c r="T3495" s="67" t="s">
        <v>7127</v>
      </c>
      <c r="U3495" s="75" t="s">
        <v>5331</v>
      </c>
      <c r="V3495" s="47" t="s">
        <v>5331</v>
      </c>
      <c r="W3495" s="47" t="s">
        <v>5331</v>
      </c>
      <c r="X3495" s="47" t="s">
        <v>5331</v>
      </c>
      <c r="Y3495" s="47" t="s">
        <v>5331</v>
      </c>
      <c r="Z3495" s="28"/>
      <c r="AA3495" s="27"/>
      <c r="AB3495" s="27"/>
      <c r="AC3495" s="27"/>
      <c r="AD3495" s="30"/>
      <c r="AE3495" s="1"/>
      <c r="AF3495" s="23" t="s">
        <v>5331</v>
      </c>
      <c r="AG3495" s="26"/>
      <c r="AH3495" s="53"/>
    </row>
    <row r="3496" spans="1:34" ht="51.6" customHeight="1" x14ac:dyDescent="0.45">
      <c r="A3496" s="23">
        <v>3490</v>
      </c>
      <c r="B3496" s="25"/>
      <c r="C3496" s="25"/>
      <c r="D3496" s="29"/>
      <c r="E3496" s="1"/>
      <c r="F3496" s="1"/>
      <c r="G3496" s="25"/>
      <c r="H3496" s="71"/>
      <c r="I3496" s="83"/>
      <c r="J3496" s="50" t="str">
        <f t="shared" si="110"/>
        <v/>
      </c>
      <c r="K3496" s="23" t="s">
        <v>7120</v>
      </c>
      <c r="L3496" s="49" t="e">
        <f>VLOOKUP(E3496&amp;F3496,団体コード!$A$1:$C$1743,3,FALSE)</f>
        <v>#N/A</v>
      </c>
      <c r="M3496" s="49" t="e">
        <f>VLOOKUP(E3496&amp;F3496,団体コード!$A$1:$C$1743,2,FALSE)</f>
        <v>#N/A</v>
      </c>
      <c r="N3496" s="51" t="e">
        <f>VLOOKUP(E3496,団体コード!$E$1:$F$48,2,FALSE)</f>
        <v>#N/A</v>
      </c>
      <c r="O3496" s="51" t="e">
        <f t="shared" si="111"/>
        <v>#N/A</v>
      </c>
      <c r="P3496" s="51">
        <v>1</v>
      </c>
      <c r="Q3496" s="51" t="s">
        <v>5341</v>
      </c>
      <c r="R3496" s="54" t="b">
        <v>1</v>
      </c>
      <c r="S3496" s="52" t="s">
        <v>7126</v>
      </c>
      <c r="T3496" s="67" t="s">
        <v>7127</v>
      </c>
      <c r="U3496" s="75" t="s">
        <v>5331</v>
      </c>
      <c r="V3496" s="47" t="s">
        <v>5331</v>
      </c>
      <c r="W3496" s="47" t="s">
        <v>5331</v>
      </c>
      <c r="X3496" s="47" t="s">
        <v>5331</v>
      </c>
      <c r="Y3496" s="47" t="s">
        <v>5331</v>
      </c>
      <c r="Z3496" s="28"/>
      <c r="AA3496" s="27"/>
      <c r="AB3496" s="27"/>
      <c r="AC3496" s="27"/>
      <c r="AD3496" s="30"/>
      <c r="AE3496" s="1"/>
      <c r="AF3496" s="23" t="s">
        <v>5331</v>
      </c>
      <c r="AG3496" s="26"/>
      <c r="AH3496" s="53"/>
    </row>
    <row r="3497" spans="1:34" ht="51.6" customHeight="1" x14ac:dyDescent="0.45">
      <c r="A3497" s="23">
        <v>3491</v>
      </c>
      <c r="B3497" s="25"/>
      <c r="C3497" s="25"/>
      <c r="D3497" s="29"/>
      <c r="E3497" s="1"/>
      <c r="F3497" s="1"/>
      <c r="G3497" s="25"/>
      <c r="H3497" s="71"/>
      <c r="I3497" s="83"/>
      <c r="J3497" s="50" t="str">
        <f t="shared" si="110"/>
        <v/>
      </c>
      <c r="K3497" s="23" t="s">
        <v>7120</v>
      </c>
      <c r="L3497" s="49" t="e">
        <f>VLOOKUP(E3497&amp;F3497,団体コード!$A$1:$C$1743,3,FALSE)</f>
        <v>#N/A</v>
      </c>
      <c r="M3497" s="49" t="e">
        <f>VLOOKUP(E3497&amp;F3497,団体コード!$A$1:$C$1743,2,FALSE)</f>
        <v>#N/A</v>
      </c>
      <c r="N3497" s="51" t="e">
        <f>VLOOKUP(E3497,団体コード!$E$1:$F$48,2,FALSE)</f>
        <v>#N/A</v>
      </c>
      <c r="O3497" s="51" t="e">
        <f t="shared" si="111"/>
        <v>#N/A</v>
      </c>
      <c r="P3497" s="51">
        <v>1</v>
      </c>
      <c r="Q3497" s="51" t="s">
        <v>5341</v>
      </c>
      <c r="R3497" s="54" t="b">
        <v>1</v>
      </c>
      <c r="S3497" s="52" t="s">
        <v>7126</v>
      </c>
      <c r="T3497" s="67" t="s">
        <v>7127</v>
      </c>
      <c r="U3497" s="75" t="s">
        <v>5331</v>
      </c>
      <c r="V3497" s="47" t="s">
        <v>5331</v>
      </c>
      <c r="W3497" s="47" t="s">
        <v>5331</v>
      </c>
      <c r="X3497" s="47" t="s">
        <v>5331</v>
      </c>
      <c r="Y3497" s="47" t="s">
        <v>5331</v>
      </c>
      <c r="Z3497" s="28"/>
      <c r="AA3497" s="27"/>
      <c r="AB3497" s="27"/>
      <c r="AC3497" s="27"/>
      <c r="AD3497" s="30"/>
      <c r="AE3497" s="1"/>
      <c r="AF3497" s="23" t="s">
        <v>5331</v>
      </c>
      <c r="AG3497" s="26"/>
      <c r="AH3497" s="53"/>
    </row>
    <row r="3498" spans="1:34" ht="51.6" customHeight="1" x14ac:dyDescent="0.45">
      <c r="A3498" s="23">
        <v>3492</v>
      </c>
      <c r="B3498" s="25"/>
      <c r="C3498" s="25"/>
      <c r="D3498" s="29"/>
      <c r="E3498" s="1"/>
      <c r="F3498" s="1"/>
      <c r="G3498" s="25"/>
      <c r="H3498" s="71"/>
      <c r="I3498" s="83"/>
      <c r="J3498" s="50" t="str">
        <f t="shared" si="110"/>
        <v/>
      </c>
      <c r="K3498" s="23" t="s">
        <v>7120</v>
      </c>
      <c r="L3498" s="49" t="e">
        <f>VLOOKUP(E3498&amp;F3498,団体コード!$A$1:$C$1743,3,FALSE)</f>
        <v>#N/A</v>
      </c>
      <c r="M3498" s="49" t="e">
        <f>VLOOKUP(E3498&amp;F3498,団体コード!$A$1:$C$1743,2,FALSE)</f>
        <v>#N/A</v>
      </c>
      <c r="N3498" s="51" t="e">
        <f>VLOOKUP(E3498,団体コード!$E$1:$F$48,2,FALSE)</f>
        <v>#N/A</v>
      </c>
      <c r="O3498" s="51" t="e">
        <f t="shared" si="111"/>
        <v>#N/A</v>
      </c>
      <c r="P3498" s="51">
        <v>1</v>
      </c>
      <c r="Q3498" s="51" t="s">
        <v>5341</v>
      </c>
      <c r="R3498" s="54" t="b">
        <v>1</v>
      </c>
      <c r="S3498" s="52" t="s">
        <v>7126</v>
      </c>
      <c r="T3498" s="67" t="s">
        <v>7127</v>
      </c>
      <c r="U3498" s="75" t="s">
        <v>5331</v>
      </c>
      <c r="V3498" s="47" t="s">
        <v>5331</v>
      </c>
      <c r="W3498" s="47" t="s">
        <v>5331</v>
      </c>
      <c r="X3498" s="47" t="s">
        <v>5331</v>
      </c>
      <c r="Y3498" s="47" t="s">
        <v>5331</v>
      </c>
      <c r="Z3498" s="28"/>
      <c r="AA3498" s="27"/>
      <c r="AB3498" s="27"/>
      <c r="AC3498" s="27"/>
      <c r="AD3498" s="30"/>
      <c r="AE3498" s="1"/>
      <c r="AF3498" s="23" t="s">
        <v>5331</v>
      </c>
      <c r="AG3498" s="26"/>
      <c r="AH3498" s="53"/>
    </row>
    <row r="3499" spans="1:34" ht="51.6" customHeight="1" x14ac:dyDescent="0.45">
      <c r="A3499" s="23">
        <v>3493</v>
      </c>
      <c r="B3499" s="25"/>
      <c r="C3499" s="25"/>
      <c r="D3499" s="29"/>
      <c r="E3499" s="1"/>
      <c r="F3499" s="1"/>
      <c r="G3499" s="25"/>
      <c r="H3499" s="71"/>
      <c r="I3499" s="83"/>
      <c r="J3499" s="50" t="str">
        <f t="shared" si="110"/>
        <v/>
      </c>
      <c r="K3499" s="23" t="s">
        <v>7120</v>
      </c>
      <c r="L3499" s="49" t="e">
        <f>VLOOKUP(E3499&amp;F3499,団体コード!$A$1:$C$1743,3,FALSE)</f>
        <v>#N/A</v>
      </c>
      <c r="M3499" s="49" t="e">
        <f>VLOOKUP(E3499&amp;F3499,団体コード!$A$1:$C$1743,2,FALSE)</f>
        <v>#N/A</v>
      </c>
      <c r="N3499" s="51" t="e">
        <f>VLOOKUP(E3499,団体コード!$E$1:$F$48,2,FALSE)</f>
        <v>#N/A</v>
      </c>
      <c r="O3499" s="51" t="e">
        <f t="shared" si="111"/>
        <v>#N/A</v>
      </c>
      <c r="P3499" s="51">
        <v>1</v>
      </c>
      <c r="Q3499" s="51" t="s">
        <v>5341</v>
      </c>
      <c r="R3499" s="54" t="b">
        <v>1</v>
      </c>
      <c r="S3499" s="52" t="s">
        <v>7126</v>
      </c>
      <c r="T3499" s="67" t="s">
        <v>7127</v>
      </c>
      <c r="U3499" s="75" t="s">
        <v>5331</v>
      </c>
      <c r="V3499" s="47" t="s">
        <v>5331</v>
      </c>
      <c r="W3499" s="47" t="s">
        <v>5331</v>
      </c>
      <c r="X3499" s="47" t="s">
        <v>5331</v>
      </c>
      <c r="Y3499" s="47" t="s">
        <v>5331</v>
      </c>
      <c r="Z3499" s="28"/>
      <c r="AA3499" s="27"/>
      <c r="AB3499" s="27"/>
      <c r="AC3499" s="27"/>
      <c r="AD3499" s="30"/>
      <c r="AE3499" s="1"/>
      <c r="AF3499" s="23" t="s">
        <v>5331</v>
      </c>
      <c r="AG3499" s="26"/>
      <c r="AH3499" s="53"/>
    </row>
    <row r="3500" spans="1:34" ht="51.6" customHeight="1" x14ac:dyDescent="0.45">
      <c r="A3500" s="23">
        <v>3494</v>
      </c>
      <c r="B3500" s="25"/>
      <c r="C3500" s="25"/>
      <c r="D3500" s="29"/>
      <c r="E3500" s="1"/>
      <c r="F3500" s="1"/>
      <c r="G3500" s="25"/>
      <c r="H3500" s="71"/>
      <c r="I3500" s="83"/>
      <c r="J3500" s="50" t="str">
        <f t="shared" si="110"/>
        <v/>
      </c>
      <c r="K3500" s="23" t="s">
        <v>7120</v>
      </c>
      <c r="L3500" s="49" t="e">
        <f>VLOOKUP(E3500&amp;F3500,団体コード!$A$1:$C$1743,3,FALSE)</f>
        <v>#N/A</v>
      </c>
      <c r="M3500" s="49" t="e">
        <f>VLOOKUP(E3500&amp;F3500,団体コード!$A$1:$C$1743,2,FALSE)</f>
        <v>#N/A</v>
      </c>
      <c r="N3500" s="51" t="e">
        <f>VLOOKUP(E3500,団体コード!$E$1:$F$48,2,FALSE)</f>
        <v>#N/A</v>
      </c>
      <c r="O3500" s="51" t="e">
        <f t="shared" si="111"/>
        <v>#N/A</v>
      </c>
      <c r="P3500" s="51">
        <v>1</v>
      </c>
      <c r="Q3500" s="51" t="s">
        <v>5341</v>
      </c>
      <c r="R3500" s="54" t="b">
        <v>1</v>
      </c>
      <c r="S3500" s="52" t="s">
        <v>7126</v>
      </c>
      <c r="T3500" s="67" t="s">
        <v>7127</v>
      </c>
      <c r="U3500" s="75" t="s">
        <v>5331</v>
      </c>
      <c r="V3500" s="47" t="s">
        <v>5331</v>
      </c>
      <c r="W3500" s="47" t="s">
        <v>5331</v>
      </c>
      <c r="X3500" s="47" t="s">
        <v>5331</v>
      </c>
      <c r="Y3500" s="47" t="s">
        <v>5331</v>
      </c>
      <c r="Z3500" s="28"/>
      <c r="AA3500" s="27"/>
      <c r="AB3500" s="27"/>
      <c r="AC3500" s="27"/>
      <c r="AD3500" s="30"/>
      <c r="AE3500" s="1"/>
      <c r="AF3500" s="23" t="s">
        <v>5331</v>
      </c>
      <c r="AG3500" s="26"/>
      <c r="AH3500" s="53"/>
    </row>
    <row r="3501" spans="1:34" ht="51.6" customHeight="1" x14ac:dyDescent="0.45">
      <c r="A3501" s="23">
        <v>3495</v>
      </c>
      <c r="B3501" s="25"/>
      <c r="C3501" s="25"/>
      <c r="D3501" s="29"/>
      <c r="E3501" s="1"/>
      <c r="F3501" s="1"/>
      <c r="G3501" s="25"/>
      <c r="H3501" s="71"/>
      <c r="I3501" s="83"/>
      <c r="J3501" s="50" t="str">
        <f t="shared" si="110"/>
        <v/>
      </c>
      <c r="K3501" s="23" t="s">
        <v>7120</v>
      </c>
      <c r="L3501" s="49" t="e">
        <f>VLOOKUP(E3501&amp;F3501,団体コード!$A$1:$C$1743,3,FALSE)</f>
        <v>#N/A</v>
      </c>
      <c r="M3501" s="49" t="e">
        <f>VLOOKUP(E3501&amp;F3501,団体コード!$A$1:$C$1743,2,FALSE)</f>
        <v>#N/A</v>
      </c>
      <c r="N3501" s="51" t="e">
        <f>VLOOKUP(E3501,団体コード!$E$1:$F$48,2,FALSE)</f>
        <v>#N/A</v>
      </c>
      <c r="O3501" s="51" t="e">
        <f t="shared" si="111"/>
        <v>#N/A</v>
      </c>
      <c r="P3501" s="51">
        <v>1</v>
      </c>
      <c r="Q3501" s="51" t="s">
        <v>5341</v>
      </c>
      <c r="R3501" s="54" t="b">
        <v>1</v>
      </c>
      <c r="S3501" s="52" t="s">
        <v>7126</v>
      </c>
      <c r="T3501" s="67" t="s">
        <v>7127</v>
      </c>
      <c r="U3501" s="75" t="s">
        <v>5331</v>
      </c>
      <c r="V3501" s="47" t="s">
        <v>5331</v>
      </c>
      <c r="W3501" s="47" t="s">
        <v>5331</v>
      </c>
      <c r="X3501" s="47" t="s">
        <v>5331</v>
      </c>
      <c r="Y3501" s="47" t="s">
        <v>5331</v>
      </c>
      <c r="Z3501" s="28"/>
      <c r="AA3501" s="27"/>
      <c r="AB3501" s="27"/>
      <c r="AC3501" s="27"/>
      <c r="AD3501" s="30"/>
      <c r="AE3501" s="1"/>
      <c r="AF3501" s="23" t="s">
        <v>5331</v>
      </c>
      <c r="AG3501" s="26"/>
      <c r="AH3501" s="53"/>
    </row>
    <row r="3502" spans="1:34" ht="51.6" customHeight="1" x14ac:dyDescent="0.45">
      <c r="A3502" s="23">
        <v>3496</v>
      </c>
      <c r="B3502" s="25"/>
      <c r="C3502" s="25"/>
      <c r="D3502" s="29"/>
      <c r="E3502" s="1"/>
      <c r="F3502" s="1"/>
      <c r="G3502" s="25"/>
      <c r="H3502" s="71"/>
      <c r="I3502" s="83"/>
      <c r="J3502" s="50" t="str">
        <f t="shared" si="110"/>
        <v/>
      </c>
      <c r="K3502" s="23" t="s">
        <v>7120</v>
      </c>
      <c r="L3502" s="49" t="e">
        <f>VLOOKUP(E3502&amp;F3502,団体コード!$A$1:$C$1743,3,FALSE)</f>
        <v>#N/A</v>
      </c>
      <c r="M3502" s="49" t="e">
        <f>VLOOKUP(E3502&amp;F3502,団体コード!$A$1:$C$1743,2,FALSE)</f>
        <v>#N/A</v>
      </c>
      <c r="N3502" s="51" t="e">
        <f>VLOOKUP(E3502,団体コード!$E$1:$F$48,2,FALSE)</f>
        <v>#N/A</v>
      </c>
      <c r="O3502" s="51" t="e">
        <f t="shared" si="111"/>
        <v>#N/A</v>
      </c>
      <c r="P3502" s="51">
        <v>1</v>
      </c>
      <c r="Q3502" s="51" t="s">
        <v>5341</v>
      </c>
      <c r="R3502" s="54" t="b">
        <v>1</v>
      </c>
      <c r="S3502" s="52" t="s">
        <v>7126</v>
      </c>
      <c r="T3502" s="67" t="s">
        <v>7127</v>
      </c>
      <c r="U3502" s="75" t="s">
        <v>5331</v>
      </c>
      <c r="V3502" s="47" t="s">
        <v>5331</v>
      </c>
      <c r="W3502" s="47" t="s">
        <v>5331</v>
      </c>
      <c r="X3502" s="47" t="s">
        <v>5331</v>
      </c>
      <c r="Y3502" s="47" t="s">
        <v>5331</v>
      </c>
      <c r="Z3502" s="28"/>
      <c r="AA3502" s="27"/>
      <c r="AB3502" s="27"/>
      <c r="AC3502" s="27"/>
      <c r="AD3502" s="30"/>
      <c r="AE3502" s="1"/>
      <c r="AF3502" s="23" t="s">
        <v>5331</v>
      </c>
      <c r="AG3502" s="26"/>
      <c r="AH3502" s="53"/>
    </row>
    <row r="3503" spans="1:34" ht="51.6" customHeight="1" x14ac:dyDescent="0.45">
      <c r="A3503" s="23">
        <v>3497</v>
      </c>
      <c r="B3503" s="25"/>
      <c r="C3503" s="25"/>
      <c r="D3503" s="29"/>
      <c r="E3503" s="1"/>
      <c r="F3503" s="1"/>
      <c r="G3503" s="25"/>
      <c r="H3503" s="71"/>
      <c r="I3503" s="83"/>
      <c r="J3503" s="50" t="str">
        <f t="shared" si="110"/>
        <v/>
      </c>
      <c r="K3503" s="23" t="s">
        <v>7120</v>
      </c>
      <c r="L3503" s="49" t="e">
        <f>VLOOKUP(E3503&amp;F3503,団体コード!$A$1:$C$1743,3,FALSE)</f>
        <v>#N/A</v>
      </c>
      <c r="M3503" s="49" t="e">
        <f>VLOOKUP(E3503&amp;F3503,団体コード!$A$1:$C$1743,2,FALSE)</f>
        <v>#N/A</v>
      </c>
      <c r="N3503" s="51" t="e">
        <f>VLOOKUP(E3503,団体コード!$E$1:$F$48,2,FALSE)</f>
        <v>#N/A</v>
      </c>
      <c r="O3503" s="51" t="e">
        <f t="shared" si="111"/>
        <v>#N/A</v>
      </c>
      <c r="P3503" s="51">
        <v>1</v>
      </c>
      <c r="Q3503" s="51" t="s">
        <v>5341</v>
      </c>
      <c r="R3503" s="54" t="b">
        <v>1</v>
      </c>
      <c r="S3503" s="52" t="s">
        <v>7126</v>
      </c>
      <c r="T3503" s="67" t="s">
        <v>7127</v>
      </c>
      <c r="U3503" s="75" t="s">
        <v>5331</v>
      </c>
      <c r="V3503" s="47" t="s">
        <v>5331</v>
      </c>
      <c r="W3503" s="47" t="s">
        <v>5331</v>
      </c>
      <c r="X3503" s="47" t="s">
        <v>5331</v>
      </c>
      <c r="Y3503" s="47" t="s">
        <v>5331</v>
      </c>
      <c r="Z3503" s="28"/>
      <c r="AA3503" s="27"/>
      <c r="AB3503" s="27"/>
      <c r="AC3503" s="27"/>
      <c r="AD3503" s="30"/>
      <c r="AE3503" s="1"/>
      <c r="AF3503" s="23" t="s">
        <v>5331</v>
      </c>
      <c r="AG3503" s="26"/>
      <c r="AH3503" s="53"/>
    </row>
    <row r="3504" spans="1:34" ht="51.6" customHeight="1" x14ac:dyDescent="0.45">
      <c r="A3504" s="23">
        <v>3498</v>
      </c>
      <c r="B3504" s="25"/>
      <c r="C3504" s="25"/>
      <c r="D3504" s="29"/>
      <c r="E3504" s="1"/>
      <c r="F3504" s="1"/>
      <c r="G3504" s="25"/>
      <c r="H3504" s="71"/>
      <c r="I3504" s="83"/>
      <c r="J3504" s="50" t="str">
        <f t="shared" si="110"/>
        <v/>
      </c>
      <c r="K3504" s="23" t="s">
        <v>7120</v>
      </c>
      <c r="L3504" s="49" t="e">
        <f>VLOOKUP(E3504&amp;F3504,団体コード!$A$1:$C$1743,3,FALSE)</f>
        <v>#N/A</v>
      </c>
      <c r="M3504" s="49" t="e">
        <f>VLOOKUP(E3504&amp;F3504,団体コード!$A$1:$C$1743,2,FALSE)</f>
        <v>#N/A</v>
      </c>
      <c r="N3504" s="51" t="e">
        <f>VLOOKUP(E3504,団体コード!$E$1:$F$48,2,FALSE)</f>
        <v>#N/A</v>
      </c>
      <c r="O3504" s="51" t="e">
        <f t="shared" si="111"/>
        <v>#N/A</v>
      </c>
      <c r="P3504" s="51">
        <v>1</v>
      </c>
      <c r="Q3504" s="51" t="s">
        <v>5341</v>
      </c>
      <c r="R3504" s="54" t="b">
        <v>1</v>
      </c>
      <c r="S3504" s="52" t="s">
        <v>7126</v>
      </c>
      <c r="T3504" s="67" t="s">
        <v>7127</v>
      </c>
      <c r="U3504" s="75" t="s">
        <v>5331</v>
      </c>
      <c r="V3504" s="47" t="s">
        <v>5331</v>
      </c>
      <c r="W3504" s="47" t="s">
        <v>5331</v>
      </c>
      <c r="X3504" s="47" t="s">
        <v>5331</v>
      </c>
      <c r="Y3504" s="47" t="s">
        <v>5331</v>
      </c>
      <c r="Z3504" s="28"/>
      <c r="AA3504" s="27"/>
      <c r="AB3504" s="27"/>
      <c r="AC3504" s="27"/>
      <c r="AD3504" s="30"/>
      <c r="AE3504" s="1"/>
      <c r="AF3504" s="23" t="s">
        <v>5331</v>
      </c>
      <c r="AG3504" s="26"/>
      <c r="AH3504" s="53"/>
    </row>
    <row r="3505" spans="1:34" ht="51.6" customHeight="1" x14ac:dyDescent="0.45">
      <c r="A3505" s="23">
        <v>3499</v>
      </c>
      <c r="B3505" s="25"/>
      <c r="C3505" s="25"/>
      <c r="D3505" s="29"/>
      <c r="E3505" s="1"/>
      <c r="F3505" s="1"/>
      <c r="G3505" s="25"/>
      <c r="H3505" s="71"/>
      <c r="I3505" s="83"/>
      <c r="J3505" s="50" t="str">
        <f t="shared" si="110"/>
        <v/>
      </c>
      <c r="K3505" s="23" t="s">
        <v>7120</v>
      </c>
      <c r="L3505" s="49" t="e">
        <f>VLOOKUP(E3505&amp;F3505,団体コード!$A$1:$C$1743,3,FALSE)</f>
        <v>#N/A</v>
      </c>
      <c r="M3505" s="49" t="e">
        <f>VLOOKUP(E3505&amp;F3505,団体コード!$A$1:$C$1743,2,FALSE)</f>
        <v>#N/A</v>
      </c>
      <c r="N3505" s="51" t="e">
        <f>VLOOKUP(E3505,団体コード!$E$1:$F$48,2,FALSE)</f>
        <v>#N/A</v>
      </c>
      <c r="O3505" s="51" t="e">
        <f t="shared" si="111"/>
        <v>#N/A</v>
      </c>
      <c r="P3505" s="51">
        <v>1</v>
      </c>
      <c r="Q3505" s="51" t="s">
        <v>5341</v>
      </c>
      <c r="R3505" s="54" t="b">
        <v>1</v>
      </c>
      <c r="S3505" s="52" t="s">
        <v>7126</v>
      </c>
      <c r="T3505" s="67" t="s">
        <v>7127</v>
      </c>
      <c r="U3505" s="75" t="s">
        <v>5331</v>
      </c>
      <c r="V3505" s="47" t="s">
        <v>5331</v>
      </c>
      <c r="W3505" s="47" t="s">
        <v>5331</v>
      </c>
      <c r="X3505" s="47" t="s">
        <v>5331</v>
      </c>
      <c r="Y3505" s="47" t="s">
        <v>5331</v>
      </c>
      <c r="Z3505" s="28"/>
      <c r="AA3505" s="27"/>
      <c r="AB3505" s="27"/>
      <c r="AC3505" s="27"/>
      <c r="AD3505" s="30"/>
      <c r="AE3505" s="1"/>
      <c r="AF3505" s="23" t="s">
        <v>5331</v>
      </c>
      <c r="AG3505" s="26"/>
      <c r="AH3505" s="53"/>
    </row>
    <row r="3506" spans="1:34" ht="51.6" customHeight="1" x14ac:dyDescent="0.45">
      <c r="A3506" s="23">
        <v>3500</v>
      </c>
      <c r="B3506" s="25"/>
      <c r="C3506" s="25"/>
      <c r="D3506" s="29"/>
      <c r="E3506" s="1"/>
      <c r="F3506" s="1"/>
      <c r="G3506" s="25"/>
      <c r="H3506" s="71"/>
      <c r="I3506" s="83"/>
      <c r="J3506" s="50" t="str">
        <f t="shared" si="110"/>
        <v/>
      </c>
      <c r="K3506" s="23" t="s">
        <v>7120</v>
      </c>
      <c r="L3506" s="49" t="e">
        <f>VLOOKUP(E3506&amp;F3506,団体コード!$A$1:$C$1743,3,FALSE)</f>
        <v>#N/A</v>
      </c>
      <c r="M3506" s="49" t="e">
        <f>VLOOKUP(E3506&amp;F3506,団体コード!$A$1:$C$1743,2,FALSE)</f>
        <v>#N/A</v>
      </c>
      <c r="N3506" s="51" t="e">
        <f>VLOOKUP(E3506,団体コード!$E$1:$F$48,2,FALSE)</f>
        <v>#N/A</v>
      </c>
      <c r="O3506" s="51" t="e">
        <f t="shared" si="111"/>
        <v>#N/A</v>
      </c>
      <c r="P3506" s="51">
        <v>1</v>
      </c>
      <c r="Q3506" s="51" t="s">
        <v>5341</v>
      </c>
      <c r="R3506" s="54" t="b">
        <v>1</v>
      </c>
      <c r="S3506" s="52" t="s">
        <v>7126</v>
      </c>
      <c r="T3506" s="67" t="s">
        <v>7127</v>
      </c>
      <c r="U3506" s="75" t="s">
        <v>5331</v>
      </c>
      <c r="V3506" s="47" t="s">
        <v>5331</v>
      </c>
      <c r="W3506" s="47" t="s">
        <v>5331</v>
      </c>
      <c r="X3506" s="47" t="s">
        <v>5331</v>
      </c>
      <c r="Y3506" s="47" t="s">
        <v>5331</v>
      </c>
      <c r="Z3506" s="28"/>
      <c r="AA3506" s="27"/>
      <c r="AB3506" s="27"/>
      <c r="AC3506" s="27"/>
      <c r="AD3506" s="30"/>
      <c r="AE3506" s="1"/>
      <c r="AF3506" s="23" t="s">
        <v>5331</v>
      </c>
      <c r="AG3506" s="26"/>
      <c r="AH3506" s="53"/>
    </row>
    <row r="3507" spans="1:34" x14ac:dyDescent="0.45"/>
    <row r="3508" spans="1:34" hidden="1" x14ac:dyDescent="0.45"/>
    <row r="3509" spans="1:34" hidden="1" x14ac:dyDescent="0.45"/>
    <row r="3510" spans="1:34" hidden="1" x14ac:dyDescent="0.45"/>
    <row r="3511" spans="1:34" hidden="1" x14ac:dyDescent="0.45"/>
    <row r="3512" spans="1:34" hidden="1" x14ac:dyDescent="0.45"/>
    <row r="3513" spans="1:34" hidden="1" x14ac:dyDescent="0.45"/>
    <row r="3514" spans="1:34" hidden="1" x14ac:dyDescent="0.45"/>
    <row r="3515" spans="1:34" hidden="1" x14ac:dyDescent="0.45"/>
    <row r="3516" spans="1:34" hidden="1" x14ac:dyDescent="0.45"/>
    <row r="3517" spans="1:34" hidden="1" x14ac:dyDescent="0.45"/>
    <row r="3518" spans="1:34" hidden="1" x14ac:dyDescent="0.45"/>
    <row r="3519" spans="1:34" hidden="1" x14ac:dyDescent="0.45"/>
    <row r="3520" spans="1:34" hidden="1" x14ac:dyDescent="0.45"/>
    <row r="3521" hidden="1" x14ac:dyDescent="0.45"/>
    <row r="3522" hidden="1" x14ac:dyDescent="0.45"/>
    <row r="3523" hidden="1" x14ac:dyDescent="0.45"/>
    <row r="3524" hidden="1" x14ac:dyDescent="0.45"/>
    <row r="3525" hidden="1" x14ac:dyDescent="0.45"/>
    <row r="3526" hidden="1" x14ac:dyDescent="0.45"/>
    <row r="3527" hidden="1" x14ac:dyDescent="0.45"/>
    <row r="3528" hidden="1" x14ac:dyDescent="0.45"/>
    <row r="3529" hidden="1" x14ac:dyDescent="0.45"/>
    <row r="3530" hidden="1" x14ac:dyDescent="0.45"/>
    <row r="3531" hidden="1" x14ac:dyDescent="0.45"/>
    <row r="3532" hidden="1" x14ac:dyDescent="0.45"/>
    <row r="3533" hidden="1" x14ac:dyDescent="0.45"/>
    <row r="3534" hidden="1" x14ac:dyDescent="0.45"/>
    <row r="3535" hidden="1" x14ac:dyDescent="0.45"/>
    <row r="3536" hidden="1" x14ac:dyDescent="0.45"/>
    <row r="3537" hidden="1" x14ac:dyDescent="0.45"/>
    <row r="3538" hidden="1" x14ac:dyDescent="0.45"/>
    <row r="3539" hidden="1" x14ac:dyDescent="0.45"/>
    <row r="3540" hidden="1" x14ac:dyDescent="0.45"/>
    <row r="3541" hidden="1" x14ac:dyDescent="0.45"/>
    <row r="3542" hidden="1" x14ac:dyDescent="0.45"/>
    <row r="3543" hidden="1" x14ac:dyDescent="0.45"/>
    <row r="3544" hidden="1" x14ac:dyDescent="0.45"/>
    <row r="3545" hidden="1" x14ac:dyDescent="0.45"/>
    <row r="3546" hidden="1" x14ac:dyDescent="0.45"/>
    <row r="3547" hidden="1" x14ac:dyDescent="0.45"/>
    <row r="3548" hidden="1" x14ac:dyDescent="0.45"/>
    <row r="3549" hidden="1" x14ac:dyDescent="0.45"/>
    <row r="3550" hidden="1" x14ac:dyDescent="0.45"/>
    <row r="3551" hidden="1" x14ac:dyDescent="0.45"/>
    <row r="3552" hidden="1" x14ac:dyDescent="0.45"/>
    <row r="3553" hidden="1" x14ac:dyDescent="0.45"/>
    <row r="3554" hidden="1" x14ac:dyDescent="0.45"/>
    <row r="3555" hidden="1" x14ac:dyDescent="0.45"/>
    <row r="3556" hidden="1" x14ac:dyDescent="0.45"/>
    <row r="3557" hidden="1" x14ac:dyDescent="0.45"/>
    <row r="3558" hidden="1" x14ac:dyDescent="0.45"/>
    <row r="3559" hidden="1" x14ac:dyDescent="0.45"/>
    <row r="3560" hidden="1" x14ac:dyDescent="0.45"/>
    <row r="3561" hidden="1" x14ac:dyDescent="0.45"/>
    <row r="3562" hidden="1" x14ac:dyDescent="0.45"/>
    <row r="3563" hidden="1" x14ac:dyDescent="0.45"/>
    <row r="3564" hidden="1" x14ac:dyDescent="0.45"/>
    <row r="3565" hidden="1" x14ac:dyDescent="0.45"/>
    <row r="3566" hidden="1" x14ac:dyDescent="0.45"/>
    <row r="3567" hidden="1" x14ac:dyDescent="0.45"/>
    <row r="3568" hidden="1" x14ac:dyDescent="0.45"/>
    <row r="3569" hidden="1" x14ac:dyDescent="0.45"/>
    <row r="3570" hidden="1" x14ac:dyDescent="0.45"/>
    <row r="3571" hidden="1" x14ac:dyDescent="0.45"/>
    <row r="3572" hidden="1" x14ac:dyDescent="0.45"/>
    <row r="3573" hidden="1" x14ac:dyDescent="0.45"/>
    <row r="3574" hidden="1" x14ac:dyDescent="0.45"/>
    <row r="3575" hidden="1" x14ac:dyDescent="0.45"/>
    <row r="3576" hidden="1" x14ac:dyDescent="0.45"/>
    <row r="3577" hidden="1" x14ac:dyDescent="0.45"/>
    <row r="3578" hidden="1" x14ac:dyDescent="0.45"/>
    <row r="3579" hidden="1" x14ac:dyDescent="0.45"/>
    <row r="3580" hidden="1" x14ac:dyDescent="0.45"/>
    <row r="3581" hidden="1" x14ac:dyDescent="0.45"/>
    <row r="3582" hidden="1" x14ac:dyDescent="0.45"/>
    <row r="3583" hidden="1" x14ac:dyDescent="0.45"/>
    <row r="3584" hidden="1" x14ac:dyDescent="0.45"/>
    <row r="3585" hidden="1" x14ac:dyDescent="0.45"/>
    <row r="3586" hidden="1" x14ac:dyDescent="0.45"/>
    <row r="3587" hidden="1" x14ac:dyDescent="0.45"/>
    <row r="3588" hidden="1" x14ac:dyDescent="0.45"/>
    <row r="3589" hidden="1" x14ac:dyDescent="0.45"/>
    <row r="3590" hidden="1" x14ac:dyDescent="0.45"/>
    <row r="3591" hidden="1" x14ac:dyDescent="0.45"/>
    <row r="3592" hidden="1" x14ac:dyDescent="0.45"/>
    <row r="3593" hidden="1" x14ac:dyDescent="0.45"/>
    <row r="3594" hidden="1" x14ac:dyDescent="0.45"/>
    <row r="3595" hidden="1" x14ac:dyDescent="0.45"/>
    <row r="3596" hidden="1" x14ac:dyDescent="0.45"/>
    <row r="3597" hidden="1" x14ac:dyDescent="0.45"/>
    <row r="3598" hidden="1" x14ac:dyDescent="0.45"/>
    <row r="3599" hidden="1" x14ac:dyDescent="0.45"/>
    <row r="3600" hidden="1" x14ac:dyDescent="0.45"/>
    <row r="3601" hidden="1" x14ac:dyDescent="0.45"/>
    <row r="3602" hidden="1" x14ac:dyDescent="0.45"/>
    <row r="3603" hidden="1" x14ac:dyDescent="0.45"/>
    <row r="3604" hidden="1" x14ac:dyDescent="0.45"/>
    <row r="3605" hidden="1" x14ac:dyDescent="0.45"/>
    <row r="3606" hidden="1" x14ac:dyDescent="0.45"/>
    <row r="3607" hidden="1" x14ac:dyDescent="0.45"/>
    <row r="3608" hidden="1" x14ac:dyDescent="0.45"/>
    <row r="3609" hidden="1" x14ac:dyDescent="0.45"/>
    <row r="3610" hidden="1" x14ac:dyDescent="0.45"/>
    <row r="3611" hidden="1" x14ac:dyDescent="0.45"/>
    <row r="3612" hidden="1" x14ac:dyDescent="0.45"/>
    <row r="3613" hidden="1" x14ac:dyDescent="0.45"/>
    <row r="3614" hidden="1" x14ac:dyDescent="0.45"/>
    <row r="3615" hidden="1" x14ac:dyDescent="0.45"/>
    <row r="3616" hidden="1" x14ac:dyDescent="0.45"/>
    <row r="3617" hidden="1" x14ac:dyDescent="0.45"/>
    <row r="3618" hidden="1" x14ac:dyDescent="0.45"/>
    <row r="3619" hidden="1" x14ac:dyDescent="0.45"/>
    <row r="3620" hidden="1" x14ac:dyDescent="0.45"/>
    <row r="3621" hidden="1" x14ac:dyDescent="0.45"/>
    <row r="3622" hidden="1" x14ac:dyDescent="0.45"/>
    <row r="3623" hidden="1" x14ac:dyDescent="0.45"/>
    <row r="3624" hidden="1" x14ac:dyDescent="0.45"/>
    <row r="3625" hidden="1" x14ac:dyDescent="0.45"/>
    <row r="3626" hidden="1" x14ac:dyDescent="0.45"/>
    <row r="3627" hidden="1" x14ac:dyDescent="0.45"/>
    <row r="3628" hidden="1" x14ac:dyDescent="0.45"/>
    <row r="3629" hidden="1" x14ac:dyDescent="0.45"/>
    <row r="3630" hidden="1" x14ac:dyDescent="0.45"/>
    <row r="3631" hidden="1" x14ac:dyDescent="0.45"/>
    <row r="3632" hidden="1" x14ac:dyDescent="0.45"/>
    <row r="3633" hidden="1" x14ac:dyDescent="0.45"/>
    <row r="3634" hidden="1" x14ac:dyDescent="0.45"/>
    <row r="3635" hidden="1" x14ac:dyDescent="0.45"/>
    <row r="3636" hidden="1" x14ac:dyDescent="0.45"/>
    <row r="3637" hidden="1" x14ac:dyDescent="0.45"/>
    <row r="3638" hidden="1" x14ac:dyDescent="0.45"/>
    <row r="3639" hidden="1" x14ac:dyDescent="0.45"/>
    <row r="3640" hidden="1" x14ac:dyDescent="0.45"/>
    <row r="3641" hidden="1" x14ac:dyDescent="0.45"/>
    <row r="3642" hidden="1" x14ac:dyDescent="0.45"/>
    <row r="3643" hidden="1" x14ac:dyDescent="0.45"/>
    <row r="3644" hidden="1" x14ac:dyDescent="0.45"/>
    <row r="3645" hidden="1" x14ac:dyDescent="0.45"/>
    <row r="3646" hidden="1" x14ac:dyDescent="0.45"/>
    <row r="3647" hidden="1" x14ac:dyDescent="0.45"/>
    <row r="3648" hidden="1" x14ac:dyDescent="0.45"/>
    <row r="3649" hidden="1" x14ac:dyDescent="0.45"/>
    <row r="3650" hidden="1" x14ac:dyDescent="0.45"/>
    <row r="3651" hidden="1" x14ac:dyDescent="0.45"/>
    <row r="3652" hidden="1" x14ac:dyDescent="0.45"/>
    <row r="3653" hidden="1" x14ac:dyDescent="0.45"/>
    <row r="3654" hidden="1" x14ac:dyDescent="0.45"/>
    <row r="3655" hidden="1" x14ac:dyDescent="0.45"/>
    <row r="3656" hidden="1" x14ac:dyDescent="0.45"/>
    <row r="3657" hidden="1" x14ac:dyDescent="0.45"/>
    <row r="3658" hidden="1" x14ac:dyDescent="0.45"/>
    <row r="3659" hidden="1" x14ac:dyDescent="0.45"/>
    <row r="3660" hidden="1" x14ac:dyDescent="0.45"/>
    <row r="3661" hidden="1" x14ac:dyDescent="0.45"/>
    <row r="3662" hidden="1" x14ac:dyDescent="0.45"/>
    <row r="3663" hidden="1" x14ac:dyDescent="0.45"/>
    <row r="3664" hidden="1" x14ac:dyDescent="0.45"/>
    <row r="3665" hidden="1" x14ac:dyDescent="0.45"/>
    <row r="3666" hidden="1" x14ac:dyDescent="0.45"/>
    <row r="3667" hidden="1" x14ac:dyDescent="0.45"/>
    <row r="3668" hidden="1" x14ac:dyDescent="0.45"/>
    <row r="3669" hidden="1" x14ac:dyDescent="0.45"/>
    <row r="3670" hidden="1" x14ac:dyDescent="0.45"/>
    <row r="3671" hidden="1" x14ac:dyDescent="0.45"/>
    <row r="3672" hidden="1" x14ac:dyDescent="0.45"/>
    <row r="3673" hidden="1" x14ac:dyDescent="0.45"/>
    <row r="3674" hidden="1" x14ac:dyDescent="0.45"/>
    <row r="3675" hidden="1" x14ac:dyDescent="0.45"/>
    <row r="3676" hidden="1" x14ac:dyDescent="0.45"/>
    <row r="3677" hidden="1" x14ac:dyDescent="0.45"/>
    <row r="3678" hidden="1" x14ac:dyDescent="0.45"/>
    <row r="3679" hidden="1" x14ac:dyDescent="0.45"/>
    <row r="3680" hidden="1" x14ac:dyDescent="0.45"/>
    <row r="3681" hidden="1" x14ac:dyDescent="0.45"/>
    <row r="3682" hidden="1" x14ac:dyDescent="0.45"/>
    <row r="3683" hidden="1" x14ac:dyDescent="0.45"/>
    <row r="3684" hidden="1" x14ac:dyDescent="0.45"/>
    <row r="3685" hidden="1" x14ac:dyDescent="0.45"/>
    <row r="3686" hidden="1" x14ac:dyDescent="0.45"/>
    <row r="3687" hidden="1" x14ac:dyDescent="0.45"/>
    <row r="3688" hidden="1" x14ac:dyDescent="0.45"/>
    <row r="3689" hidden="1" x14ac:dyDescent="0.45"/>
    <row r="3690" hidden="1" x14ac:dyDescent="0.45"/>
    <row r="3691" hidden="1" x14ac:dyDescent="0.45"/>
    <row r="3692" hidden="1" x14ac:dyDescent="0.45"/>
    <row r="3693" hidden="1" x14ac:dyDescent="0.45"/>
    <row r="3694" hidden="1" x14ac:dyDescent="0.45"/>
    <row r="3695" hidden="1" x14ac:dyDescent="0.45"/>
    <row r="3696" hidden="1" x14ac:dyDescent="0.45"/>
    <row r="3697" hidden="1" x14ac:dyDescent="0.45"/>
    <row r="3698" hidden="1" x14ac:dyDescent="0.45"/>
    <row r="3699" hidden="1" x14ac:dyDescent="0.45"/>
    <row r="3700" hidden="1" x14ac:dyDescent="0.45"/>
    <row r="3701" hidden="1" x14ac:dyDescent="0.45"/>
    <row r="3702" hidden="1" x14ac:dyDescent="0.45"/>
    <row r="3703" hidden="1" x14ac:dyDescent="0.45"/>
    <row r="3704" hidden="1" x14ac:dyDescent="0.45"/>
    <row r="3705" hidden="1" x14ac:dyDescent="0.45"/>
    <row r="3706" hidden="1" x14ac:dyDescent="0.45"/>
    <row r="3707" hidden="1" x14ac:dyDescent="0.45"/>
    <row r="3708" hidden="1" x14ac:dyDescent="0.45"/>
    <row r="3709" hidden="1" x14ac:dyDescent="0.45"/>
    <row r="3710" hidden="1" x14ac:dyDescent="0.45"/>
    <row r="3711" hidden="1" x14ac:dyDescent="0.45"/>
    <row r="3712" hidden="1" x14ac:dyDescent="0.45"/>
    <row r="3713" hidden="1" x14ac:dyDescent="0.45"/>
    <row r="3714" hidden="1" x14ac:dyDescent="0.45"/>
    <row r="3715" hidden="1" x14ac:dyDescent="0.45"/>
    <row r="3716" hidden="1" x14ac:dyDescent="0.45"/>
    <row r="3717" hidden="1" x14ac:dyDescent="0.45"/>
    <row r="3718" hidden="1" x14ac:dyDescent="0.45"/>
    <row r="3719" hidden="1" x14ac:dyDescent="0.45"/>
    <row r="3720" hidden="1" x14ac:dyDescent="0.45"/>
    <row r="3721" hidden="1" x14ac:dyDescent="0.45"/>
    <row r="3722" hidden="1" x14ac:dyDescent="0.45"/>
    <row r="3723" hidden="1" x14ac:dyDescent="0.45"/>
    <row r="3724" hidden="1" x14ac:dyDescent="0.45"/>
    <row r="3725" hidden="1" x14ac:dyDescent="0.45"/>
    <row r="3726" hidden="1" x14ac:dyDescent="0.45"/>
    <row r="3727" hidden="1" x14ac:dyDescent="0.45"/>
    <row r="3728" hidden="1" x14ac:dyDescent="0.45"/>
    <row r="3729" hidden="1" x14ac:dyDescent="0.45"/>
    <row r="3730" hidden="1" x14ac:dyDescent="0.45"/>
    <row r="3731" hidden="1" x14ac:dyDescent="0.45"/>
    <row r="3732" hidden="1" x14ac:dyDescent="0.45"/>
    <row r="3733" hidden="1" x14ac:dyDescent="0.45"/>
    <row r="3734" hidden="1" x14ac:dyDescent="0.45"/>
    <row r="3735" hidden="1" x14ac:dyDescent="0.45"/>
    <row r="3736" hidden="1" x14ac:dyDescent="0.45"/>
    <row r="3737" hidden="1" x14ac:dyDescent="0.45"/>
    <row r="3738" hidden="1" x14ac:dyDescent="0.45"/>
    <row r="3739" hidden="1" x14ac:dyDescent="0.45"/>
    <row r="3740" hidden="1" x14ac:dyDescent="0.45"/>
    <row r="3741" hidden="1" x14ac:dyDescent="0.45"/>
    <row r="3742" hidden="1" x14ac:dyDescent="0.45"/>
    <row r="3743" hidden="1" x14ac:dyDescent="0.45"/>
    <row r="3744" hidden="1" x14ac:dyDescent="0.45"/>
    <row r="3745" hidden="1" x14ac:dyDescent="0.45"/>
    <row r="3746" hidden="1" x14ac:dyDescent="0.45"/>
    <row r="3747" hidden="1" x14ac:dyDescent="0.45"/>
    <row r="3748" hidden="1" x14ac:dyDescent="0.45"/>
    <row r="3749" hidden="1" x14ac:dyDescent="0.45"/>
    <row r="3750" hidden="1" x14ac:dyDescent="0.45"/>
    <row r="3751" hidden="1" x14ac:dyDescent="0.45"/>
    <row r="3752" hidden="1" x14ac:dyDescent="0.45"/>
    <row r="3753" hidden="1" x14ac:dyDescent="0.45"/>
    <row r="3754" hidden="1" x14ac:dyDescent="0.45"/>
    <row r="3755" hidden="1" x14ac:dyDescent="0.45"/>
    <row r="3756" hidden="1" x14ac:dyDescent="0.45"/>
    <row r="3757" hidden="1" x14ac:dyDescent="0.45"/>
    <row r="3758" hidden="1" x14ac:dyDescent="0.45"/>
    <row r="3759" hidden="1" x14ac:dyDescent="0.45"/>
    <row r="3760" hidden="1" x14ac:dyDescent="0.45"/>
    <row r="3761" hidden="1" x14ac:dyDescent="0.45"/>
    <row r="3762" hidden="1" x14ac:dyDescent="0.45"/>
    <row r="3763" hidden="1" x14ac:dyDescent="0.45"/>
    <row r="3764" hidden="1" x14ac:dyDescent="0.45"/>
    <row r="3765" hidden="1" x14ac:dyDescent="0.45"/>
    <row r="3766" hidden="1" x14ac:dyDescent="0.45"/>
    <row r="3767" hidden="1" x14ac:dyDescent="0.45"/>
    <row r="3768" hidden="1" x14ac:dyDescent="0.45"/>
    <row r="3769" hidden="1" x14ac:dyDescent="0.45"/>
    <row r="3770" hidden="1" x14ac:dyDescent="0.45"/>
    <row r="3771" hidden="1" x14ac:dyDescent="0.45"/>
    <row r="3772" hidden="1" x14ac:dyDescent="0.45"/>
    <row r="3773" hidden="1" x14ac:dyDescent="0.45"/>
    <row r="3774" hidden="1" x14ac:dyDescent="0.45"/>
    <row r="3775" hidden="1" x14ac:dyDescent="0.45"/>
    <row r="3776" hidden="1" x14ac:dyDescent="0.45"/>
    <row r="3777" hidden="1" x14ac:dyDescent="0.45"/>
    <row r="3778" hidden="1" x14ac:dyDescent="0.45"/>
    <row r="3779" hidden="1" x14ac:dyDescent="0.45"/>
    <row r="3780" hidden="1" x14ac:dyDescent="0.45"/>
    <row r="3781" hidden="1" x14ac:dyDescent="0.45"/>
    <row r="3782" hidden="1" x14ac:dyDescent="0.45"/>
    <row r="3783" hidden="1" x14ac:dyDescent="0.45"/>
    <row r="3784" hidden="1" x14ac:dyDescent="0.45"/>
    <row r="3785" hidden="1" x14ac:dyDescent="0.45"/>
    <row r="3786" hidden="1" x14ac:dyDescent="0.45"/>
    <row r="3787" hidden="1" x14ac:dyDescent="0.45"/>
    <row r="3788" hidden="1" x14ac:dyDescent="0.45"/>
    <row r="3789" hidden="1" x14ac:dyDescent="0.45"/>
    <row r="3790" hidden="1" x14ac:dyDescent="0.45"/>
    <row r="3791" hidden="1" x14ac:dyDescent="0.45"/>
    <row r="3792" hidden="1" x14ac:dyDescent="0.45"/>
    <row r="3793" hidden="1" x14ac:dyDescent="0.45"/>
    <row r="3794" hidden="1" x14ac:dyDescent="0.45"/>
    <row r="3795" hidden="1" x14ac:dyDescent="0.45"/>
    <row r="3796" hidden="1" x14ac:dyDescent="0.45"/>
    <row r="3797" hidden="1" x14ac:dyDescent="0.45"/>
    <row r="3798" hidden="1" x14ac:dyDescent="0.45"/>
    <row r="3799" hidden="1" x14ac:dyDescent="0.45"/>
    <row r="3800" hidden="1" x14ac:dyDescent="0.45"/>
    <row r="3801" hidden="1" x14ac:dyDescent="0.45"/>
    <row r="3802" hidden="1" x14ac:dyDescent="0.45"/>
    <row r="3803" hidden="1" x14ac:dyDescent="0.45"/>
    <row r="3804" hidden="1" x14ac:dyDescent="0.45"/>
    <row r="3805" hidden="1" x14ac:dyDescent="0.45"/>
    <row r="3806" hidden="1" x14ac:dyDescent="0.45"/>
    <row r="3807" hidden="1" x14ac:dyDescent="0.45"/>
    <row r="3808" hidden="1" x14ac:dyDescent="0.45"/>
    <row r="3809" hidden="1" x14ac:dyDescent="0.45"/>
    <row r="3810" hidden="1" x14ac:dyDescent="0.45"/>
    <row r="3811" hidden="1" x14ac:dyDescent="0.45"/>
    <row r="3812" hidden="1" x14ac:dyDescent="0.45"/>
    <row r="3813" hidden="1" x14ac:dyDescent="0.45"/>
    <row r="3814" hidden="1" x14ac:dyDescent="0.45"/>
    <row r="3815" hidden="1" x14ac:dyDescent="0.45"/>
    <row r="3816" hidden="1" x14ac:dyDescent="0.45"/>
    <row r="3817" hidden="1" x14ac:dyDescent="0.45"/>
    <row r="3818" hidden="1" x14ac:dyDescent="0.45"/>
    <row r="3819" hidden="1" x14ac:dyDescent="0.45"/>
    <row r="3820" hidden="1" x14ac:dyDescent="0.45"/>
    <row r="3821" hidden="1" x14ac:dyDescent="0.45"/>
    <row r="3822" hidden="1" x14ac:dyDescent="0.45"/>
    <row r="3823" hidden="1" x14ac:dyDescent="0.45"/>
    <row r="3824" hidden="1" x14ac:dyDescent="0.45"/>
    <row r="3825" hidden="1" x14ac:dyDescent="0.45"/>
    <row r="3826" hidden="1" x14ac:dyDescent="0.45"/>
    <row r="3827" hidden="1" x14ac:dyDescent="0.45"/>
    <row r="3828" hidden="1" x14ac:dyDescent="0.45"/>
    <row r="3829" hidden="1" x14ac:dyDescent="0.45"/>
    <row r="3830" hidden="1" x14ac:dyDescent="0.45"/>
    <row r="3831" hidden="1" x14ac:dyDescent="0.45"/>
    <row r="3832" hidden="1" x14ac:dyDescent="0.45"/>
    <row r="3833" hidden="1" x14ac:dyDescent="0.45"/>
    <row r="3834" hidden="1" x14ac:dyDescent="0.45"/>
    <row r="3835" hidden="1" x14ac:dyDescent="0.45"/>
    <row r="3836" hidden="1" x14ac:dyDescent="0.45"/>
    <row r="3837" hidden="1" x14ac:dyDescent="0.45"/>
    <row r="3838" hidden="1" x14ac:dyDescent="0.45"/>
    <row r="3839" hidden="1" x14ac:dyDescent="0.45"/>
    <row r="3840" hidden="1" x14ac:dyDescent="0.45"/>
    <row r="3841" hidden="1" x14ac:dyDescent="0.45"/>
    <row r="3842" hidden="1" x14ac:dyDescent="0.45"/>
    <row r="3843" hidden="1" x14ac:dyDescent="0.45"/>
    <row r="3844" hidden="1" x14ac:dyDescent="0.45"/>
    <row r="3845" hidden="1" x14ac:dyDescent="0.45"/>
    <row r="3846" hidden="1" x14ac:dyDescent="0.45"/>
    <row r="3847" hidden="1" x14ac:dyDescent="0.45"/>
    <row r="3848" hidden="1" x14ac:dyDescent="0.45"/>
    <row r="3849" hidden="1" x14ac:dyDescent="0.45"/>
    <row r="3850" hidden="1" x14ac:dyDescent="0.45"/>
    <row r="3851" hidden="1" x14ac:dyDescent="0.45"/>
    <row r="3852" hidden="1" x14ac:dyDescent="0.45"/>
    <row r="3853" hidden="1" x14ac:dyDescent="0.45"/>
    <row r="3854" hidden="1" x14ac:dyDescent="0.45"/>
    <row r="3855" hidden="1" x14ac:dyDescent="0.45"/>
    <row r="3856" hidden="1" x14ac:dyDescent="0.45"/>
    <row r="3857" hidden="1" x14ac:dyDescent="0.45"/>
    <row r="3858" hidden="1" x14ac:dyDescent="0.45"/>
    <row r="3859" hidden="1" x14ac:dyDescent="0.45"/>
    <row r="3860" hidden="1" x14ac:dyDescent="0.45"/>
    <row r="3861" hidden="1" x14ac:dyDescent="0.45"/>
    <row r="3862" hidden="1" x14ac:dyDescent="0.45"/>
    <row r="3863" hidden="1" x14ac:dyDescent="0.45"/>
    <row r="3864" hidden="1" x14ac:dyDescent="0.45"/>
    <row r="3865" hidden="1" x14ac:dyDescent="0.45"/>
    <row r="3866" hidden="1" x14ac:dyDescent="0.45"/>
    <row r="3867" hidden="1" x14ac:dyDescent="0.45"/>
    <row r="3868" hidden="1" x14ac:dyDescent="0.45"/>
    <row r="3869" hidden="1" x14ac:dyDescent="0.45"/>
    <row r="3870" hidden="1" x14ac:dyDescent="0.45"/>
    <row r="3871" hidden="1" x14ac:dyDescent="0.45"/>
    <row r="3872" hidden="1" x14ac:dyDescent="0.45"/>
    <row r="3873" hidden="1" x14ac:dyDescent="0.45"/>
    <row r="3874" hidden="1" x14ac:dyDescent="0.45"/>
    <row r="3875" hidden="1" x14ac:dyDescent="0.45"/>
    <row r="3876" hidden="1" x14ac:dyDescent="0.45"/>
    <row r="3877" hidden="1" x14ac:dyDescent="0.45"/>
    <row r="3878" hidden="1" x14ac:dyDescent="0.45"/>
    <row r="3879" hidden="1" x14ac:dyDescent="0.45"/>
    <row r="3880" hidden="1" x14ac:dyDescent="0.45"/>
    <row r="3881" hidden="1" x14ac:dyDescent="0.45"/>
    <row r="3882" hidden="1" x14ac:dyDescent="0.45"/>
    <row r="3883" hidden="1" x14ac:dyDescent="0.45"/>
    <row r="3884" hidden="1" x14ac:dyDescent="0.45"/>
    <row r="3885" hidden="1" x14ac:dyDescent="0.45"/>
    <row r="3886" hidden="1" x14ac:dyDescent="0.45"/>
    <row r="3887" hidden="1" x14ac:dyDescent="0.45"/>
    <row r="3888" hidden="1" x14ac:dyDescent="0.45"/>
    <row r="3889" hidden="1" x14ac:dyDescent="0.45"/>
    <row r="3890" hidden="1" x14ac:dyDescent="0.45"/>
    <row r="3891" hidden="1" x14ac:dyDescent="0.45"/>
    <row r="3892" hidden="1" x14ac:dyDescent="0.45"/>
    <row r="3893" hidden="1" x14ac:dyDescent="0.45"/>
    <row r="3894" hidden="1" x14ac:dyDescent="0.45"/>
    <row r="3895" hidden="1" x14ac:dyDescent="0.45"/>
    <row r="3896" hidden="1" x14ac:dyDescent="0.45"/>
    <row r="3897" hidden="1" x14ac:dyDescent="0.45"/>
  </sheetData>
  <sheetProtection password="E9DB" sheet="1"/>
  <phoneticPr fontId="2"/>
  <dataValidations count="7">
    <dataValidation type="list" allowBlank="1" showInputMessage="1" showErrorMessage="1" sqref="O1">
      <formula1>"TRUE"</formula1>
    </dataValidation>
    <dataValidation imeMode="disabled" allowBlank="1" showInputMessage="1" showErrorMessage="1" sqref="D5:D3506 H5:H3506 AH6:AH12 A8:A12 AE7:AE3506"/>
    <dataValidation type="list" allowBlank="1" showInputMessage="1" showErrorMessage="1" sqref="E7:E3506">
      <formula1>都道府県</formula1>
    </dataValidation>
    <dataValidation type="custom" imeMode="off" allowBlank="1" showInputMessage="1" showErrorMessage="1" sqref="AD7:AD3506">
      <formula1>COUNTIF(AD7,"*@*")</formula1>
    </dataValidation>
    <dataValidation type="list" allowBlank="1" showInputMessage="1" showErrorMessage="1" sqref="F7:F3506">
      <formula1>INDIRECT(E7)</formula1>
    </dataValidation>
    <dataValidation type="list" allowBlank="1" showInputMessage="1" showErrorMessage="1" sqref="AG7:AG3506">
      <formula1>"都道府県,その他（地域医師会、財団等）"</formula1>
    </dataValidation>
    <dataValidation type="list" imeMode="disabled" allowBlank="1" showInputMessage="1" showErrorMessage="1" sqref="I6:I3506">
      <formula1>"あり, なし"</formula1>
    </dataValidation>
  </dataValidations>
  <pageMargins left="0.7" right="0.7" top="0.75" bottom="0.75" header="0.3" footer="0.3"/>
  <pageSetup paperSize="9" scale="32" orientation="portrait" r:id="rId1"/>
  <colBreaks count="1" manualBreakCount="1">
    <brk id="33"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D3505"/>
  <sheetViews>
    <sheetView showGridLines="0" zoomScale="85" zoomScaleNormal="85" workbookViewId="0">
      <pane xSplit="2" ySplit="3" topLeftCell="C4" activePane="bottomRight" state="frozen"/>
      <selection pane="topRight" activeCell="C1" sqref="C1"/>
      <selection pane="bottomLeft" activeCell="A6" sqref="A6"/>
      <selection pane="bottomRight" activeCell="E3" sqref="E3"/>
    </sheetView>
  </sheetViews>
  <sheetFormatPr defaultColWidth="0" defaultRowHeight="18" zeroHeight="1" x14ac:dyDescent="0.45"/>
  <cols>
    <col min="1" max="2" width="14.3984375" customWidth="1"/>
    <col min="3" max="10" width="15.69921875" customWidth="1"/>
    <col min="11" max="11" width="1.59765625" customWidth="1"/>
    <col min="12" max="30" width="0" hidden="1" customWidth="1"/>
    <col min="31" max="16384" width="8.69921875" hidden="1"/>
  </cols>
  <sheetData>
    <row r="1" spans="1:10" x14ac:dyDescent="0.45">
      <c r="C1" s="15" t="s">
        <v>5263</v>
      </c>
      <c r="D1" s="15"/>
      <c r="E1" s="16"/>
      <c r="F1" s="9"/>
      <c r="G1" s="8"/>
      <c r="H1" s="8"/>
      <c r="I1" s="8"/>
      <c r="J1" s="8"/>
    </row>
    <row r="2" spans="1:10" ht="54" x14ac:dyDescent="0.45">
      <c r="A2" s="17" t="s">
        <v>7099</v>
      </c>
      <c r="B2" s="7" t="s">
        <v>5313</v>
      </c>
      <c r="C2" s="17" t="s">
        <v>5314</v>
      </c>
      <c r="D2" s="17" t="s">
        <v>5316</v>
      </c>
      <c r="E2" s="18" t="s">
        <v>5267</v>
      </c>
      <c r="F2" s="19" t="s">
        <v>5315</v>
      </c>
      <c r="G2" s="20" t="s">
        <v>5317</v>
      </c>
      <c r="H2" s="20" t="s">
        <v>5318</v>
      </c>
      <c r="I2" s="20" t="s">
        <v>5319</v>
      </c>
      <c r="J2" s="20" t="s">
        <v>5320</v>
      </c>
    </row>
    <row r="3" spans="1:10" ht="39.6" customHeight="1" x14ac:dyDescent="0.45">
      <c r="A3" s="4" t="s">
        <v>7112</v>
      </c>
      <c r="B3" s="4" t="s">
        <v>5321</v>
      </c>
      <c r="C3" s="6" t="s">
        <v>5322</v>
      </c>
      <c r="D3" s="6" t="s">
        <v>5324</v>
      </c>
      <c r="E3" s="14" t="s">
        <v>5326</v>
      </c>
      <c r="F3" s="10" t="s">
        <v>5323</v>
      </c>
      <c r="G3" s="3" t="s">
        <v>5325</v>
      </c>
      <c r="H3" s="5" t="s">
        <v>5327</v>
      </c>
      <c r="I3" s="5" t="s">
        <v>5328</v>
      </c>
      <c r="J3" s="5" t="s">
        <v>5329</v>
      </c>
    </row>
    <row r="4" spans="1:10" ht="51.6" customHeight="1" x14ac:dyDescent="0.45">
      <c r="A4" s="6" t="str">
        <f>'申請書（複数入力用）'!A6</f>
        <v>「申請書」より転記</v>
      </c>
      <c r="B4" s="13">
        <f>'申請書（複数入力用）'!AH6</f>
        <v>0</v>
      </c>
      <c r="C4" s="6">
        <f>'申請書（複数入力用）'!B6</f>
        <v>0</v>
      </c>
      <c r="D4" s="6">
        <f>'申請書（複数入力用）'!D6</f>
        <v>0</v>
      </c>
      <c r="E4" s="14">
        <f>'申請書（複数入力用）'!H6</f>
        <v>0</v>
      </c>
      <c r="F4" s="11" t="str">
        <f>'申請書（複数入力用）'!J6</f>
        <v>000</v>
      </c>
      <c r="G4" s="6" t="str">
        <f>'申請書（複数入力用）'!K6</f>
        <v>a052r000000jS9ZAAU</v>
      </c>
      <c r="H4" s="12" t="e">
        <f>'申請書（複数入力用）'!N6</f>
        <v>#N/A</v>
      </c>
      <c r="I4" s="12" t="e">
        <f>'申請書（複数入力用）'!O6</f>
        <v>#N/A</v>
      </c>
      <c r="J4" s="12">
        <f>'申請書（複数入力用）'!P6</f>
        <v>1</v>
      </c>
    </row>
    <row r="5" spans="1:10" ht="51.6" customHeight="1" x14ac:dyDescent="0.45">
      <c r="A5" s="6">
        <f>'申請書（複数入力用）'!A7</f>
        <v>1</v>
      </c>
      <c r="B5" s="13">
        <f>'申請書（複数入力用）'!AH7</f>
        <v>0</v>
      </c>
      <c r="C5" s="6">
        <f>'申請書（複数入力用）'!B7</f>
        <v>0</v>
      </c>
      <c r="D5" s="6">
        <f>'申請書（複数入力用）'!D7</f>
        <v>0</v>
      </c>
      <c r="E5" s="14">
        <f>'申請書（複数入力用）'!H7</f>
        <v>0</v>
      </c>
      <c r="F5" s="11" t="str">
        <f>'申請書（複数入力用）'!J7</f>
        <v/>
      </c>
      <c r="G5" s="6" t="str">
        <f>'申請書（複数入力用）'!K7</f>
        <v>a052r000000jS9ZAAU</v>
      </c>
      <c r="H5" s="12" t="e">
        <f>'申請書（複数入力用）'!N7</f>
        <v>#N/A</v>
      </c>
      <c r="I5" s="12" t="e">
        <f>'申請書（複数入力用）'!O7</f>
        <v>#N/A</v>
      </c>
      <c r="J5" s="12">
        <f>'申請書（複数入力用）'!P7</f>
        <v>1</v>
      </c>
    </row>
    <row r="6" spans="1:10" ht="51.6" customHeight="1" x14ac:dyDescent="0.45">
      <c r="A6" s="6">
        <f>'申請書（複数入力用）'!A8</f>
        <v>2</v>
      </c>
      <c r="B6" s="13">
        <f>'申請書（複数入力用）'!AH8</f>
        <v>0</v>
      </c>
      <c r="C6" s="6">
        <f>'申請書（複数入力用）'!B8</f>
        <v>0</v>
      </c>
      <c r="D6" s="6">
        <f>'申請書（複数入力用）'!D8</f>
        <v>0</v>
      </c>
      <c r="E6" s="14">
        <f>'申請書（複数入力用）'!H8</f>
        <v>0</v>
      </c>
      <c r="F6" s="11" t="str">
        <f>'申請書（複数入力用）'!J8</f>
        <v/>
      </c>
      <c r="G6" s="6" t="str">
        <f>'申請書（複数入力用）'!K8</f>
        <v>a052r000000jS9ZAAU</v>
      </c>
      <c r="H6" s="12" t="e">
        <f>'申請書（複数入力用）'!N8</f>
        <v>#N/A</v>
      </c>
      <c r="I6" s="12" t="e">
        <f>'申請書（複数入力用）'!O8</f>
        <v>#N/A</v>
      </c>
      <c r="J6" s="12">
        <f>'申請書（複数入力用）'!P8</f>
        <v>1</v>
      </c>
    </row>
    <row r="7" spans="1:10" ht="51.6" customHeight="1" x14ac:dyDescent="0.45">
      <c r="A7" s="6">
        <f>'申請書（複数入力用）'!A9</f>
        <v>3</v>
      </c>
      <c r="B7" s="13">
        <f>'申請書（複数入力用）'!AH9</f>
        <v>0</v>
      </c>
      <c r="C7" s="6">
        <f>'申請書（複数入力用）'!B9</f>
        <v>0</v>
      </c>
      <c r="D7" s="6">
        <f>'申請書（複数入力用）'!D9</f>
        <v>0</v>
      </c>
      <c r="E7" s="14">
        <f>'申請書（複数入力用）'!H9</f>
        <v>0</v>
      </c>
      <c r="F7" s="11" t="str">
        <f>'申請書（複数入力用）'!J9</f>
        <v/>
      </c>
      <c r="G7" s="6" t="str">
        <f>'申請書（複数入力用）'!K9</f>
        <v>a052r000000jS9ZAAU</v>
      </c>
      <c r="H7" s="12" t="e">
        <f>'申請書（複数入力用）'!N9</f>
        <v>#N/A</v>
      </c>
      <c r="I7" s="12" t="e">
        <f>'申請書（複数入力用）'!O9</f>
        <v>#N/A</v>
      </c>
      <c r="J7" s="12">
        <f>'申請書（複数入力用）'!P9</f>
        <v>1</v>
      </c>
    </row>
    <row r="8" spans="1:10" ht="51.6" customHeight="1" x14ac:dyDescent="0.45">
      <c r="A8" s="6">
        <f>'申請書（複数入力用）'!A10</f>
        <v>4</v>
      </c>
      <c r="B8" s="13">
        <f>'申請書（複数入力用）'!AH10</f>
        <v>0</v>
      </c>
      <c r="C8" s="6">
        <f>'申請書（複数入力用）'!B10</f>
        <v>0</v>
      </c>
      <c r="D8" s="6">
        <f>'申請書（複数入力用）'!D10</f>
        <v>0</v>
      </c>
      <c r="E8" s="14">
        <f>'申請書（複数入力用）'!H10</f>
        <v>0</v>
      </c>
      <c r="F8" s="11" t="str">
        <f>'申請書（複数入力用）'!J10</f>
        <v/>
      </c>
      <c r="G8" s="6" t="str">
        <f>'申請書（複数入力用）'!K10</f>
        <v>a052r000000jS9ZAAU</v>
      </c>
      <c r="H8" s="12" t="e">
        <f>'申請書（複数入力用）'!N10</f>
        <v>#N/A</v>
      </c>
      <c r="I8" s="12" t="e">
        <f>'申請書（複数入力用）'!O10</f>
        <v>#N/A</v>
      </c>
      <c r="J8" s="12">
        <f>'申請書（複数入力用）'!P10</f>
        <v>1</v>
      </c>
    </row>
    <row r="9" spans="1:10" ht="51.6" customHeight="1" x14ac:dyDescent="0.45">
      <c r="A9" s="6">
        <f>'申請書（複数入力用）'!A11</f>
        <v>5</v>
      </c>
      <c r="B9" s="13">
        <f>'申請書（複数入力用）'!AH11</f>
        <v>0</v>
      </c>
      <c r="C9" s="6">
        <f>'申請書（複数入力用）'!B11</f>
        <v>0</v>
      </c>
      <c r="D9" s="6">
        <f>'申請書（複数入力用）'!D11</f>
        <v>0</v>
      </c>
      <c r="E9" s="14">
        <f>'申請書（複数入力用）'!H11</f>
        <v>0</v>
      </c>
      <c r="F9" s="11" t="str">
        <f>'申請書（複数入力用）'!J11</f>
        <v/>
      </c>
      <c r="G9" s="6" t="str">
        <f>'申請書（複数入力用）'!K11</f>
        <v>a052r000000jS9ZAAU</v>
      </c>
      <c r="H9" s="12" t="e">
        <f>'申請書（複数入力用）'!N11</f>
        <v>#N/A</v>
      </c>
      <c r="I9" s="12" t="e">
        <f>'申請書（複数入力用）'!O11</f>
        <v>#N/A</v>
      </c>
      <c r="J9" s="12">
        <f>'申請書（複数入力用）'!P11</f>
        <v>1</v>
      </c>
    </row>
    <row r="10" spans="1:10" ht="51.6" customHeight="1" x14ac:dyDescent="0.45">
      <c r="A10" s="6">
        <f>'申請書（複数入力用）'!A12</f>
        <v>6</v>
      </c>
      <c r="B10" s="13">
        <f>'申請書（複数入力用）'!AH12</f>
        <v>0</v>
      </c>
      <c r="C10" s="6">
        <f>'申請書（複数入力用）'!B12</f>
        <v>0</v>
      </c>
      <c r="D10" s="6">
        <f>'申請書（複数入力用）'!D12</f>
        <v>0</v>
      </c>
      <c r="E10" s="14">
        <f>'申請書（複数入力用）'!H12</f>
        <v>0</v>
      </c>
      <c r="F10" s="11" t="str">
        <f>'申請書（複数入力用）'!J12</f>
        <v/>
      </c>
      <c r="G10" s="6" t="str">
        <f>'申請書（複数入力用）'!K12</f>
        <v>a052r000000jS9ZAAU</v>
      </c>
      <c r="H10" s="12" t="e">
        <f>'申請書（複数入力用）'!N12</f>
        <v>#N/A</v>
      </c>
      <c r="I10" s="12" t="e">
        <f>'申請書（複数入力用）'!O12</f>
        <v>#N/A</v>
      </c>
      <c r="J10" s="12">
        <f>'申請書（複数入力用）'!P12</f>
        <v>1</v>
      </c>
    </row>
    <row r="11" spans="1:10" ht="51.6" customHeight="1" x14ac:dyDescent="0.45">
      <c r="A11" s="6">
        <f>'申請書（複数入力用）'!A13</f>
        <v>7</v>
      </c>
      <c r="B11" s="13">
        <f>'申請書（複数入力用）'!AH13</f>
        <v>0</v>
      </c>
      <c r="C11" s="6">
        <f>'申請書（複数入力用）'!B13</f>
        <v>0</v>
      </c>
      <c r="D11" s="6">
        <f>'申請書（複数入力用）'!D13</f>
        <v>0</v>
      </c>
      <c r="E11" s="14">
        <f>'申請書（複数入力用）'!H13</f>
        <v>0</v>
      </c>
      <c r="F11" s="11" t="str">
        <f>'申請書（複数入力用）'!J13</f>
        <v/>
      </c>
      <c r="G11" s="6" t="str">
        <f>'申請書（複数入力用）'!K13</f>
        <v>a052r000000jS9ZAAU</v>
      </c>
      <c r="H11" s="12" t="e">
        <f>'申請書（複数入力用）'!N13</f>
        <v>#N/A</v>
      </c>
      <c r="I11" s="12" t="e">
        <f>'申請書（複数入力用）'!O13</f>
        <v>#N/A</v>
      </c>
      <c r="J11" s="12">
        <f>'申請書（複数入力用）'!P13</f>
        <v>1</v>
      </c>
    </row>
    <row r="12" spans="1:10" ht="51.6" customHeight="1" x14ac:dyDescent="0.45">
      <c r="A12" s="6">
        <f>'申請書（複数入力用）'!A14</f>
        <v>8</v>
      </c>
      <c r="B12" s="13">
        <f>'申請書（複数入力用）'!AH14</f>
        <v>0</v>
      </c>
      <c r="C12" s="6">
        <f>'申請書（複数入力用）'!B14</f>
        <v>0</v>
      </c>
      <c r="D12" s="6">
        <f>'申請書（複数入力用）'!D14</f>
        <v>0</v>
      </c>
      <c r="E12" s="14">
        <f>'申請書（複数入力用）'!H14</f>
        <v>0</v>
      </c>
      <c r="F12" s="11" t="str">
        <f>'申請書（複数入力用）'!J14</f>
        <v/>
      </c>
      <c r="G12" s="6" t="str">
        <f>'申請書（複数入力用）'!K14</f>
        <v>a052r000000jS9ZAAU</v>
      </c>
      <c r="H12" s="12" t="e">
        <f>'申請書（複数入力用）'!N14</f>
        <v>#N/A</v>
      </c>
      <c r="I12" s="12" t="e">
        <f>'申請書（複数入力用）'!O14</f>
        <v>#N/A</v>
      </c>
      <c r="J12" s="12">
        <f>'申請書（複数入力用）'!P14</f>
        <v>1</v>
      </c>
    </row>
    <row r="13" spans="1:10" ht="51.6" customHeight="1" x14ac:dyDescent="0.45">
      <c r="A13" s="6">
        <f>'申請書（複数入力用）'!A15</f>
        <v>9</v>
      </c>
      <c r="B13" s="13">
        <f>'申請書（複数入力用）'!AH15</f>
        <v>0</v>
      </c>
      <c r="C13" s="6">
        <f>'申請書（複数入力用）'!B15</f>
        <v>0</v>
      </c>
      <c r="D13" s="6">
        <f>'申請書（複数入力用）'!D15</f>
        <v>0</v>
      </c>
      <c r="E13" s="14">
        <f>'申請書（複数入力用）'!H15</f>
        <v>0</v>
      </c>
      <c r="F13" s="11" t="str">
        <f>'申請書（複数入力用）'!J15</f>
        <v/>
      </c>
      <c r="G13" s="6" t="str">
        <f>'申請書（複数入力用）'!K15</f>
        <v>a052r000000jS9ZAAU</v>
      </c>
      <c r="H13" s="12" t="e">
        <f>'申請書（複数入力用）'!N15</f>
        <v>#N/A</v>
      </c>
      <c r="I13" s="12" t="e">
        <f>'申請書（複数入力用）'!O15</f>
        <v>#N/A</v>
      </c>
      <c r="J13" s="12">
        <f>'申請書（複数入力用）'!P15</f>
        <v>1</v>
      </c>
    </row>
    <row r="14" spans="1:10" ht="51.6" customHeight="1" x14ac:dyDescent="0.45">
      <c r="A14" s="6">
        <f>'申請書（複数入力用）'!A16</f>
        <v>10</v>
      </c>
      <c r="B14" s="13">
        <f>'申請書（複数入力用）'!AH16</f>
        <v>0</v>
      </c>
      <c r="C14" s="6">
        <f>'申請書（複数入力用）'!B16</f>
        <v>0</v>
      </c>
      <c r="D14" s="6">
        <f>'申請書（複数入力用）'!D16</f>
        <v>0</v>
      </c>
      <c r="E14" s="14">
        <f>'申請書（複数入力用）'!H16</f>
        <v>0</v>
      </c>
      <c r="F14" s="11" t="str">
        <f>'申請書（複数入力用）'!J16</f>
        <v/>
      </c>
      <c r="G14" s="6" t="str">
        <f>'申請書（複数入力用）'!K16</f>
        <v>a052r000000jS9ZAAU</v>
      </c>
      <c r="H14" s="12" t="e">
        <f>'申請書（複数入力用）'!N16</f>
        <v>#N/A</v>
      </c>
      <c r="I14" s="12" t="e">
        <f>'申請書（複数入力用）'!O16</f>
        <v>#N/A</v>
      </c>
      <c r="J14" s="12">
        <f>'申請書（複数入力用）'!P16</f>
        <v>1</v>
      </c>
    </row>
    <row r="15" spans="1:10" ht="51.6" customHeight="1" x14ac:dyDescent="0.45">
      <c r="A15" s="6">
        <f>'申請書（複数入力用）'!A17</f>
        <v>11</v>
      </c>
      <c r="B15" s="13">
        <f>'申請書（複数入力用）'!AH17</f>
        <v>0</v>
      </c>
      <c r="C15" s="6">
        <f>'申請書（複数入力用）'!B17</f>
        <v>0</v>
      </c>
      <c r="D15" s="6">
        <f>'申請書（複数入力用）'!D17</f>
        <v>0</v>
      </c>
      <c r="E15" s="14">
        <f>'申請書（複数入力用）'!H17</f>
        <v>0</v>
      </c>
      <c r="F15" s="11" t="str">
        <f>'申請書（複数入力用）'!J17</f>
        <v/>
      </c>
      <c r="G15" s="6" t="str">
        <f>'申請書（複数入力用）'!K17</f>
        <v>a052r000000jS9ZAAU</v>
      </c>
      <c r="H15" s="12" t="e">
        <f>'申請書（複数入力用）'!N17</f>
        <v>#N/A</v>
      </c>
      <c r="I15" s="12" t="e">
        <f>'申請書（複数入力用）'!O17</f>
        <v>#N/A</v>
      </c>
      <c r="J15" s="12">
        <f>'申請書（複数入力用）'!P17</f>
        <v>1</v>
      </c>
    </row>
    <row r="16" spans="1:10" ht="51.6" customHeight="1" x14ac:dyDescent="0.45">
      <c r="A16" s="6">
        <f>'申請書（複数入力用）'!A18</f>
        <v>12</v>
      </c>
      <c r="B16" s="13">
        <f>'申請書（複数入力用）'!AH18</f>
        <v>0</v>
      </c>
      <c r="C16" s="6">
        <f>'申請書（複数入力用）'!B18</f>
        <v>0</v>
      </c>
      <c r="D16" s="6">
        <f>'申請書（複数入力用）'!D18</f>
        <v>0</v>
      </c>
      <c r="E16" s="14">
        <f>'申請書（複数入力用）'!H18</f>
        <v>0</v>
      </c>
      <c r="F16" s="11" t="str">
        <f>'申請書（複数入力用）'!J18</f>
        <v/>
      </c>
      <c r="G16" s="6" t="str">
        <f>'申請書（複数入力用）'!K18</f>
        <v>a052r000000jS9ZAAU</v>
      </c>
      <c r="H16" s="12" t="e">
        <f>'申請書（複数入力用）'!N18</f>
        <v>#N/A</v>
      </c>
      <c r="I16" s="12" t="e">
        <f>'申請書（複数入力用）'!O18</f>
        <v>#N/A</v>
      </c>
      <c r="J16" s="12">
        <f>'申請書（複数入力用）'!P18</f>
        <v>1</v>
      </c>
    </row>
    <row r="17" spans="1:10" ht="51.6" customHeight="1" x14ac:dyDescent="0.45">
      <c r="A17" s="6">
        <f>'申請書（複数入力用）'!A19</f>
        <v>13</v>
      </c>
      <c r="B17" s="13">
        <f>'申請書（複数入力用）'!AH19</f>
        <v>0</v>
      </c>
      <c r="C17" s="6">
        <f>'申請書（複数入力用）'!B19</f>
        <v>0</v>
      </c>
      <c r="D17" s="6">
        <f>'申請書（複数入力用）'!D19</f>
        <v>0</v>
      </c>
      <c r="E17" s="14">
        <f>'申請書（複数入力用）'!H19</f>
        <v>0</v>
      </c>
      <c r="F17" s="11" t="str">
        <f>'申請書（複数入力用）'!J19</f>
        <v/>
      </c>
      <c r="G17" s="6" t="str">
        <f>'申請書（複数入力用）'!K19</f>
        <v>a052r000000jS9ZAAU</v>
      </c>
      <c r="H17" s="12" t="e">
        <f>'申請書（複数入力用）'!N19</f>
        <v>#N/A</v>
      </c>
      <c r="I17" s="12" t="e">
        <f>'申請書（複数入力用）'!O19</f>
        <v>#N/A</v>
      </c>
      <c r="J17" s="12">
        <f>'申請書（複数入力用）'!P19</f>
        <v>1</v>
      </c>
    </row>
    <row r="18" spans="1:10" ht="51.6" customHeight="1" x14ac:dyDescent="0.45">
      <c r="A18" s="6">
        <f>'申請書（複数入力用）'!A20</f>
        <v>14</v>
      </c>
      <c r="B18" s="13">
        <f>'申請書（複数入力用）'!AH20</f>
        <v>0</v>
      </c>
      <c r="C18" s="6">
        <f>'申請書（複数入力用）'!B20</f>
        <v>0</v>
      </c>
      <c r="D18" s="6">
        <f>'申請書（複数入力用）'!D20</f>
        <v>0</v>
      </c>
      <c r="E18" s="14">
        <f>'申請書（複数入力用）'!H20</f>
        <v>0</v>
      </c>
      <c r="F18" s="11" t="str">
        <f>'申請書（複数入力用）'!J20</f>
        <v/>
      </c>
      <c r="G18" s="6" t="str">
        <f>'申請書（複数入力用）'!K20</f>
        <v>a052r000000jS9ZAAU</v>
      </c>
      <c r="H18" s="12" t="e">
        <f>'申請書（複数入力用）'!N20</f>
        <v>#N/A</v>
      </c>
      <c r="I18" s="12" t="e">
        <f>'申請書（複数入力用）'!O20</f>
        <v>#N/A</v>
      </c>
      <c r="J18" s="12">
        <f>'申請書（複数入力用）'!P20</f>
        <v>1</v>
      </c>
    </row>
    <row r="19" spans="1:10" ht="51.6" customHeight="1" x14ac:dyDescent="0.45">
      <c r="A19" s="6">
        <f>'申請書（複数入力用）'!A21</f>
        <v>15</v>
      </c>
      <c r="B19" s="13">
        <f>'申請書（複数入力用）'!AH21</f>
        <v>0</v>
      </c>
      <c r="C19" s="6">
        <f>'申請書（複数入力用）'!B21</f>
        <v>0</v>
      </c>
      <c r="D19" s="6">
        <f>'申請書（複数入力用）'!D21</f>
        <v>0</v>
      </c>
      <c r="E19" s="14">
        <f>'申請書（複数入力用）'!H21</f>
        <v>0</v>
      </c>
      <c r="F19" s="11" t="str">
        <f>'申請書（複数入力用）'!J21</f>
        <v/>
      </c>
      <c r="G19" s="6" t="str">
        <f>'申請書（複数入力用）'!K21</f>
        <v>a052r000000jS9ZAAU</v>
      </c>
      <c r="H19" s="12" t="e">
        <f>'申請書（複数入力用）'!N21</f>
        <v>#N/A</v>
      </c>
      <c r="I19" s="12" t="e">
        <f>'申請書（複数入力用）'!O21</f>
        <v>#N/A</v>
      </c>
      <c r="J19" s="12">
        <f>'申請書（複数入力用）'!P21</f>
        <v>1</v>
      </c>
    </row>
    <row r="20" spans="1:10" ht="51.6" customHeight="1" x14ac:dyDescent="0.45">
      <c r="A20" s="6">
        <f>'申請書（複数入力用）'!A22</f>
        <v>16</v>
      </c>
      <c r="B20" s="13">
        <f>'申請書（複数入力用）'!AH22</f>
        <v>0</v>
      </c>
      <c r="C20" s="6">
        <f>'申請書（複数入力用）'!B22</f>
        <v>0</v>
      </c>
      <c r="D20" s="6">
        <f>'申請書（複数入力用）'!D22</f>
        <v>0</v>
      </c>
      <c r="E20" s="14">
        <f>'申請書（複数入力用）'!H22</f>
        <v>0</v>
      </c>
      <c r="F20" s="11" t="str">
        <f>'申請書（複数入力用）'!J22</f>
        <v/>
      </c>
      <c r="G20" s="6" t="str">
        <f>'申請書（複数入力用）'!K22</f>
        <v>a052r000000jS9ZAAU</v>
      </c>
      <c r="H20" s="12" t="e">
        <f>'申請書（複数入力用）'!N22</f>
        <v>#N/A</v>
      </c>
      <c r="I20" s="12" t="e">
        <f>'申請書（複数入力用）'!O22</f>
        <v>#N/A</v>
      </c>
      <c r="J20" s="12">
        <f>'申請書（複数入力用）'!P22</f>
        <v>1</v>
      </c>
    </row>
    <row r="21" spans="1:10" ht="51.6" customHeight="1" x14ac:dyDescent="0.45">
      <c r="A21" s="6">
        <f>'申請書（複数入力用）'!A23</f>
        <v>17</v>
      </c>
      <c r="B21" s="13">
        <f>'申請書（複数入力用）'!AH23</f>
        <v>0</v>
      </c>
      <c r="C21" s="6">
        <f>'申請書（複数入力用）'!B23</f>
        <v>0</v>
      </c>
      <c r="D21" s="6">
        <f>'申請書（複数入力用）'!D23</f>
        <v>0</v>
      </c>
      <c r="E21" s="14">
        <f>'申請書（複数入力用）'!H23</f>
        <v>0</v>
      </c>
      <c r="F21" s="11" t="str">
        <f>'申請書（複数入力用）'!J23</f>
        <v/>
      </c>
      <c r="G21" s="6" t="str">
        <f>'申請書（複数入力用）'!K23</f>
        <v>a052r000000jS9ZAAU</v>
      </c>
      <c r="H21" s="12" t="e">
        <f>'申請書（複数入力用）'!N23</f>
        <v>#N/A</v>
      </c>
      <c r="I21" s="12" t="e">
        <f>'申請書（複数入力用）'!O23</f>
        <v>#N/A</v>
      </c>
      <c r="J21" s="12">
        <f>'申請書（複数入力用）'!P23</f>
        <v>1</v>
      </c>
    </row>
    <row r="22" spans="1:10" ht="51.6" customHeight="1" x14ac:dyDescent="0.45">
      <c r="A22" s="6">
        <f>'申請書（複数入力用）'!A24</f>
        <v>18</v>
      </c>
      <c r="B22" s="13">
        <f>'申請書（複数入力用）'!AH24</f>
        <v>0</v>
      </c>
      <c r="C22" s="6">
        <f>'申請書（複数入力用）'!B24</f>
        <v>0</v>
      </c>
      <c r="D22" s="6">
        <f>'申請書（複数入力用）'!D24</f>
        <v>0</v>
      </c>
      <c r="E22" s="14">
        <f>'申請書（複数入力用）'!H24</f>
        <v>0</v>
      </c>
      <c r="F22" s="11" t="str">
        <f>'申請書（複数入力用）'!J24</f>
        <v/>
      </c>
      <c r="G22" s="6" t="str">
        <f>'申請書（複数入力用）'!K24</f>
        <v>a052r000000jS9ZAAU</v>
      </c>
      <c r="H22" s="12" t="e">
        <f>'申請書（複数入力用）'!N24</f>
        <v>#N/A</v>
      </c>
      <c r="I22" s="12" t="e">
        <f>'申請書（複数入力用）'!O24</f>
        <v>#N/A</v>
      </c>
      <c r="J22" s="12">
        <f>'申請書（複数入力用）'!P24</f>
        <v>1</v>
      </c>
    </row>
    <row r="23" spans="1:10" ht="51.6" customHeight="1" x14ac:dyDescent="0.45">
      <c r="A23" s="6">
        <f>'申請書（複数入力用）'!A25</f>
        <v>19</v>
      </c>
      <c r="B23" s="13">
        <f>'申請書（複数入力用）'!AH25</f>
        <v>0</v>
      </c>
      <c r="C23" s="6">
        <f>'申請書（複数入力用）'!B25</f>
        <v>0</v>
      </c>
      <c r="D23" s="6">
        <f>'申請書（複数入力用）'!D25</f>
        <v>0</v>
      </c>
      <c r="E23" s="14">
        <f>'申請書（複数入力用）'!H25</f>
        <v>0</v>
      </c>
      <c r="F23" s="11" t="str">
        <f>'申請書（複数入力用）'!J25</f>
        <v/>
      </c>
      <c r="G23" s="6" t="str">
        <f>'申請書（複数入力用）'!K25</f>
        <v>a052r000000jS9ZAAU</v>
      </c>
      <c r="H23" s="12" t="e">
        <f>'申請書（複数入力用）'!N25</f>
        <v>#N/A</v>
      </c>
      <c r="I23" s="12" t="e">
        <f>'申請書（複数入力用）'!O25</f>
        <v>#N/A</v>
      </c>
      <c r="J23" s="12">
        <f>'申請書（複数入力用）'!P25</f>
        <v>1</v>
      </c>
    </row>
    <row r="24" spans="1:10" ht="51.6" customHeight="1" x14ac:dyDescent="0.45">
      <c r="A24" s="6">
        <f>'申請書（複数入力用）'!A26</f>
        <v>20</v>
      </c>
      <c r="B24" s="13">
        <f>'申請書（複数入力用）'!AH26</f>
        <v>0</v>
      </c>
      <c r="C24" s="6">
        <f>'申請書（複数入力用）'!B26</f>
        <v>0</v>
      </c>
      <c r="D24" s="6">
        <f>'申請書（複数入力用）'!D26</f>
        <v>0</v>
      </c>
      <c r="E24" s="14">
        <f>'申請書（複数入力用）'!H26</f>
        <v>0</v>
      </c>
      <c r="F24" s="11" t="str">
        <f>'申請書（複数入力用）'!J26</f>
        <v/>
      </c>
      <c r="G24" s="6" t="str">
        <f>'申請書（複数入力用）'!K26</f>
        <v>a052r000000jS9ZAAU</v>
      </c>
      <c r="H24" s="12" t="e">
        <f>'申請書（複数入力用）'!N26</f>
        <v>#N/A</v>
      </c>
      <c r="I24" s="12" t="e">
        <f>'申請書（複数入力用）'!O26</f>
        <v>#N/A</v>
      </c>
      <c r="J24" s="12">
        <f>'申請書（複数入力用）'!P26</f>
        <v>1</v>
      </c>
    </row>
    <row r="25" spans="1:10" ht="51.6" customHeight="1" x14ac:dyDescent="0.45">
      <c r="A25" s="6">
        <f>'申請書（複数入力用）'!A27</f>
        <v>21</v>
      </c>
      <c r="B25" s="13">
        <f>'申請書（複数入力用）'!AH27</f>
        <v>0</v>
      </c>
      <c r="C25" s="6">
        <f>'申請書（複数入力用）'!B27</f>
        <v>0</v>
      </c>
      <c r="D25" s="6">
        <f>'申請書（複数入力用）'!D27</f>
        <v>0</v>
      </c>
      <c r="E25" s="14">
        <f>'申請書（複数入力用）'!H27</f>
        <v>0</v>
      </c>
      <c r="F25" s="11" t="str">
        <f>'申請書（複数入力用）'!J27</f>
        <v/>
      </c>
      <c r="G25" s="6" t="str">
        <f>'申請書（複数入力用）'!K27</f>
        <v>a052r000000jS9ZAAU</v>
      </c>
      <c r="H25" s="12" t="e">
        <f>'申請書（複数入力用）'!N27</f>
        <v>#N/A</v>
      </c>
      <c r="I25" s="12" t="e">
        <f>'申請書（複数入力用）'!O27</f>
        <v>#N/A</v>
      </c>
      <c r="J25" s="12">
        <f>'申請書（複数入力用）'!P27</f>
        <v>1</v>
      </c>
    </row>
    <row r="26" spans="1:10" ht="51.6" customHeight="1" x14ac:dyDescent="0.45">
      <c r="A26" s="6">
        <f>'申請書（複数入力用）'!A28</f>
        <v>22</v>
      </c>
      <c r="B26" s="13">
        <f>'申請書（複数入力用）'!AH28</f>
        <v>0</v>
      </c>
      <c r="C26" s="6">
        <f>'申請書（複数入力用）'!B28</f>
        <v>0</v>
      </c>
      <c r="D26" s="6">
        <f>'申請書（複数入力用）'!D28</f>
        <v>0</v>
      </c>
      <c r="E26" s="14">
        <f>'申請書（複数入力用）'!H28</f>
        <v>0</v>
      </c>
      <c r="F26" s="11" t="str">
        <f>'申請書（複数入力用）'!J28</f>
        <v/>
      </c>
      <c r="G26" s="6" t="str">
        <f>'申請書（複数入力用）'!K28</f>
        <v>a052r000000jS9ZAAU</v>
      </c>
      <c r="H26" s="12" t="e">
        <f>'申請書（複数入力用）'!N28</f>
        <v>#N/A</v>
      </c>
      <c r="I26" s="12" t="e">
        <f>'申請書（複数入力用）'!O28</f>
        <v>#N/A</v>
      </c>
      <c r="J26" s="12">
        <f>'申請書（複数入力用）'!P28</f>
        <v>1</v>
      </c>
    </row>
    <row r="27" spans="1:10" ht="51.6" customHeight="1" x14ac:dyDescent="0.45">
      <c r="A27" s="6">
        <f>'申請書（複数入力用）'!A29</f>
        <v>23</v>
      </c>
      <c r="B27" s="13">
        <f>'申請書（複数入力用）'!AH29</f>
        <v>0</v>
      </c>
      <c r="C27" s="6">
        <f>'申請書（複数入力用）'!B29</f>
        <v>0</v>
      </c>
      <c r="D27" s="6">
        <f>'申請書（複数入力用）'!D29</f>
        <v>0</v>
      </c>
      <c r="E27" s="14">
        <f>'申請書（複数入力用）'!H29</f>
        <v>0</v>
      </c>
      <c r="F27" s="11" t="str">
        <f>'申請書（複数入力用）'!J29</f>
        <v/>
      </c>
      <c r="G27" s="6" t="str">
        <f>'申請書（複数入力用）'!K29</f>
        <v>a052r000000jS9ZAAU</v>
      </c>
      <c r="H27" s="12" t="e">
        <f>'申請書（複数入力用）'!N29</f>
        <v>#N/A</v>
      </c>
      <c r="I27" s="12" t="e">
        <f>'申請書（複数入力用）'!O29</f>
        <v>#N/A</v>
      </c>
      <c r="J27" s="12">
        <f>'申請書（複数入力用）'!P29</f>
        <v>1</v>
      </c>
    </row>
    <row r="28" spans="1:10" ht="51.6" customHeight="1" x14ac:dyDescent="0.45">
      <c r="A28" s="6">
        <f>'申請書（複数入力用）'!A30</f>
        <v>24</v>
      </c>
      <c r="B28" s="13">
        <f>'申請書（複数入力用）'!AH30</f>
        <v>0</v>
      </c>
      <c r="C28" s="6">
        <f>'申請書（複数入力用）'!B30</f>
        <v>0</v>
      </c>
      <c r="D28" s="6">
        <f>'申請書（複数入力用）'!D30</f>
        <v>0</v>
      </c>
      <c r="E28" s="14">
        <f>'申請書（複数入力用）'!H30</f>
        <v>0</v>
      </c>
      <c r="F28" s="11" t="str">
        <f>'申請書（複数入力用）'!J30</f>
        <v/>
      </c>
      <c r="G28" s="6" t="str">
        <f>'申請書（複数入力用）'!K30</f>
        <v>a052r000000jS9ZAAU</v>
      </c>
      <c r="H28" s="12" t="e">
        <f>'申請書（複数入力用）'!N30</f>
        <v>#N/A</v>
      </c>
      <c r="I28" s="12" t="e">
        <f>'申請書（複数入力用）'!O30</f>
        <v>#N/A</v>
      </c>
      <c r="J28" s="12">
        <f>'申請書（複数入力用）'!P30</f>
        <v>1</v>
      </c>
    </row>
    <row r="29" spans="1:10" ht="51.6" customHeight="1" x14ac:dyDescent="0.45">
      <c r="A29" s="6">
        <f>'申請書（複数入力用）'!A31</f>
        <v>25</v>
      </c>
      <c r="B29" s="13">
        <f>'申請書（複数入力用）'!AH31</f>
        <v>0</v>
      </c>
      <c r="C29" s="6">
        <f>'申請書（複数入力用）'!B31</f>
        <v>0</v>
      </c>
      <c r="D29" s="6">
        <f>'申請書（複数入力用）'!D31</f>
        <v>0</v>
      </c>
      <c r="E29" s="14">
        <f>'申請書（複数入力用）'!H31</f>
        <v>0</v>
      </c>
      <c r="F29" s="11" t="str">
        <f>'申請書（複数入力用）'!J31</f>
        <v/>
      </c>
      <c r="G29" s="6" t="str">
        <f>'申請書（複数入力用）'!K31</f>
        <v>a052r000000jS9ZAAU</v>
      </c>
      <c r="H29" s="12" t="e">
        <f>'申請書（複数入力用）'!N31</f>
        <v>#N/A</v>
      </c>
      <c r="I29" s="12" t="e">
        <f>'申請書（複数入力用）'!O31</f>
        <v>#N/A</v>
      </c>
      <c r="J29" s="12">
        <f>'申請書（複数入力用）'!P31</f>
        <v>1</v>
      </c>
    </row>
    <row r="30" spans="1:10" ht="51.6" customHeight="1" x14ac:dyDescent="0.45">
      <c r="A30" s="6">
        <f>'申請書（複数入力用）'!A32</f>
        <v>26</v>
      </c>
      <c r="B30" s="13">
        <f>'申請書（複数入力用）'!AH32</f>
        <v>0</v>
      </c>
      <c r="C30" s="6">
        <f>'申請書（複数入力用）'!B32</f>
        <v>0</v>
      </c>
      <c r="D30" s="6">
        <f>'申請書（複数入力用）'!D32</f>
        <v>0</v>
      </c>
      <c r="E30" s="14">
        <f>'申請書（複数入力用）'!H32</f>
        <v>0</v>
      </c>
      <c r="F30" s="11" t="str">
        <f>'申請書（複数入力用）'!J32</f>
        <v/>
      </c>
      <c r="G30" s="6" t="str">
        <f>'申請書（複数入力用）'!K32</f>
        <v>a052r000000jS9ZAAU</v>
      </c>
      <c r="H30" s="12" t="e">
        <f>'申請書（複数入力用）'!N32</f>
        <v>#N/A</v>
      </c>
      <c r="I30" s="12" t="e">
        <f>'申請書（複数入力用）'!O32</f>
        <v>#N/A</v>
      </c>
      <c r="J30" s="12">
        <f>'申請書（複数入力用）'!P32</f>
        <v>1</v>
      </c>
    </row>
    <row r="31" spans="1:10" ht="51.6" customHeight="1" x14ac:dyDescent="0.45">
      <c r="A31" s="6">
        <f>'申請書（複数入力用）'!A33</f>
        <v>27</v>
      </c>
      <c r="B31" s="13">
        <f>'申請書（複数入力用）'!AH33</f>
        <v>0</v>
      </c>
      <c r="C31" s="6">
        <f>'申請書（複数入力用）'!B33</f>
        <v>0</v>
      </c>
      <c r="D31" s="6">
        <f>'申請書（複数入力用）'!D33</f>
        <v>0</v>
      </c>
      <c r="E31" s="14">
        <f>'申請書（複数入力用）'!H33</f>
        <v>0</v>
      </c>
      <c r="F31" s="11" t="str">
        <f>'申請書（複数入力用）'!J33</f>
        <v/>
      </c>
      <c r="G31" s="6" t="str">
        <f>'申請書（複数入力用）'!K33</f>
        <v>a052r000000jS9ZAAU</v>
      </c>
      <c r="H31" s="12" t="e">
        <f>'申請書（複数入力用）'!N33</f>
        <v>#N/A</v>
      </c>
      <c r="I31" s="12" t="e">
        <f>'申請書（複数入力用）'!O33</f>
        <v>#N/A</v>
      </c>
      <c r="J31" s="12">
        <f>'申請書（複数入力用）'!P33</f>
        <v>1</v>
      </c>
    </row>
    <row r="32" spans="1:10" ht="51.6" customHeight="1" x14ac:dyDescent="0.45">
      <c r="A32" s="6">
        <f>'申請書（複数入力用）'!A34</f>
        <v>28</v>
      </c>
      <c r="B32" s="13">
        <f>'申請書（複数入力用）'!AH34</f>
        <v>0</v>
      </c>
      <c r="C32" s="6">
        <f>'申請書（複数入力用）'!B34</f>
        <v>0</v>
      </c>
      <c r="D32" s="6">
        <f>'申請書（複数入力用）'!D34</f>
        <v>0</v>
      </c>
      <c r="E32" s="14">
        <f>'申請書（複数入力用）'!H34</f>
        <v>0</v>
      </c>
      <c r="F32" s="11" t="str">
        <f>'申請書（複数入力用）'!J34</f>
        <v/>
      </c>
      <c r="G32" s="6" t="str">
        <f>'申請書（複数入力用）'!K34</f>
        <v>a052r000000jS9ZAAU</v>
      </c>
      <c r="H32" s="12" t="e">
        <f>'申請書（複数入力用）'!N34</f>
        <v>#N/A</v>
      </c>
      <c r="I32" s="12" t="e">
        <f>'申請書（複数入力用）'!O34</f>
        <v>#N/A</v>
      </c>
      <c r="J32" s="12">
        <f>'申請書（複数入力用）'!P34</f>
        <v>1</v>
      </c>
    </row>
    <row r="33" spans="1:10" ht="51.6" customHeight="1" x14ac:dyDescent="0.45">
      <c r="A33" s="6">
        <f>'申請書（複数入力用）'!A35</f>
        <v>29</v>
      </c>
      <c r="B33" s="13">
        <f>'申請書（複数入力用）'!AH35</f>
        <v>0</v>
      </c>
      <c r="C33" s="6">
        <f>'申請書（複数入力用）'!B35</f>
        <v>0</v>
      </c>
      <c r="D33" s="6">
        <f>'申請書（複数入力用）'!D35</f>
        <v>0</v>
      </c>
      <c r="E33" s="14">
        <f>'申請書（複数入力用）'!H35</f>
        <v>0</v>
      </c>
      <c r="F33" s="11" t="str">
        <f>'申請書（複数入力用）'!J35</f>
        <v/>
      </c>
      <c r="G33" s="6" t="str">
        <f>'申請書（複数入力用）'!K35</f>
        <v>a052r000000jS9ZAAU</v>
      </c>
      <c r="H33" s="12" t="e">
        <f>'申請書（複数入力用）'!N35</f>
        <v>#N/A</v>
      </c>
      <c r="I33" s="12" t="e">
        <f>'申請書（複数入力用）'!O35</f>
        <v>#N/A</v>
      </c>
      <c r="J33" s="12">
        <f>'申請書（複数入力用）'!P35</f>
        <v>1</v>
      </c>
    </row>
    <row r="34" spans="1:10" ht="51.6" customHeight="1" x14ac:dyDescent="0.45">
      <c r="A34" s="6">
        <f>'申請書（複数入力用）'!A36</f>
        <v>30</v>
      </c>
      <c r="B34" s="13">
        <f>'申請書（複数入力用）'!AH36</f>
        <v>0</v>
      </c>
      <c r="C34" s="6">
        <f>'申請書（複数入力用）'!B36</f>
        <v>0</v>
      </c>
      <c r="D34" s="6">
        <f>'申請書（複数入力用）'!D36</f>
        <v>0</v>
      </c>
      <c r="E34" s="14">
        <f>'申請書（複数入力用）'!H36</f>
        <v>0</v>
      </c>
      <c r="F34" s="11" t="str">
        <f>'申請書（複数入力用）'!J36</f>
        <v/>
      </c>
      <c r="G34" s="6" t="str">
        <f>'申請書（複数入力用）'!K36</f>
        <v>a052r000000jS9ZAAU</v>
      </c>
      <c r="H34" s="12" t="e">
        <f>'申請書（複数入力用）'!N36</f>
        <v>#N/A</v>
      </c>
      <c r="I34" s="12" t="e">
        <f>'申請書（複数入力用）'!O36</f>
        <v>#N/A</v>
      </c>
      <c r="J34" s="12">
        <f>'申請書（複数入力用）'!P36</f>
        <v>1</v>
      </c>
    </row>
    <row r="35" spans="1:10" ht="51.6" customHeight="1" x14ac:dyDescent="0.45">
      <c r="A35" s="6">
        <f>'申請書（複数入力用）'!A37</f>
        <v>31</v>
      </c>
      <c r="B35" s="13">
        <f>'申請書（複数入力用）'!AH37</f>
        <v>0</v>
      </c>
      <c r="C35" s="6">
        <f>'申請書（複数入力用）'!B37</f>
        <v>0</v>
      </c>
      <c r="D35" s="6">
        <f>'申請書（複数入力用）'!D37</f>
        <v>0</v>
      </c>
      <c r="E35" s="14">
        <f>'申請書（複数入力用）'!H37</f>
        <v>0</v>
      </c>
      <c r="F35" s="11" t="str">
        <f>'申請書（複数入力用）'!J37</f>
        <v/>
      </c>
      <c r="G35" s="6" t="str">
        <f>'申請書（複数入力用）'!K37</f>
        <v>a052r000000jS9ZAAU</v>
      </c>
      <c r="H35" s="12" t="e">
        <f>'申請書（複数入力用）'!N37</f>
        <v>#N/A</v>
      </c>
      <c r="I35" s="12" t="e">
        <f>'申請書（複数入力用）'!O37</f>
        <v>#N/A</v>
      </c>
      <c r="J35" s="12">
        <f>'申請書（複数入力用）'!P37</f>
        <v>1</v>
      </c>
    </row>
    <row r="36" spans="1:10" ht="51.6" customHeight="1" x14ac:dyDescent="0.45">
      <c r="A36" s="6">
        <f>'申請書（複数入力用）'!A38</f>
        <v>32</v>
      </c>
      <c r="B36" s="13">
        <f>'申請書（複数入力用）'!AH38</f>
        <v>0</v>
      </c>
      <c r="C36" s="6">
        <f>'申請書（複数入力用）'!B38</f>
        <v>0</v>
      </c>
      <c r="D36" s="6">
        <f>'申請書（複数入力用）'!D38</f>
        <v>0</v>
      </c>
      <c r="E36" s="14">
        <f>'申請書（複数入力用）'!H38</f>
        <v>0</v>
      </c>
      <c r="F36" s="11" t="str">
        <f>'申請書（複数入力用）'!J38</f>
        <v/>
      </c>
      <c r="G36" s="6" t="str">
        <f>'申請書（複数入力用）'!K38</f>
        <v>a052r000000jS9ZAAU</v>
      </c>
      <c r="H36" s="12" t="e">
        <f>'申請書（複数入力用）'!N38</f>
        <v>#N/A</v>
      </c>
      <c r="I36" s="12" t="e">
        <f>'申請書（複数入力用）'!O38</f>
        <v>#N/A</v>
      </c>
      <c r="J36" s="12">
        <f>'申請書（複数入力用）'!P38</f>
        <v>1</v>
      </c>
    </row>
    <row r="37" spans="1:10" ht="51.6" customHeight="1" x14ac:dyDescent="0.45">
      <c r="A37" s="6">
        <f>'申請書（複数入力用）'!A39</f>
        <v>33</v>
      </c>
      <c r="B37" s="13">
        <f>'申請書（複数入力用）'!AH39</f>
        <v>0</v>
      </c>
      <c r="C37" s="6">
        <f>'申請書（複数入力用）'!B39</f>
        <v>0</v>
      </c>
      <c r="D37" s="6">
        <f>'申請書（複数入力用）'!D39</f>
        <v>0</v>
      </c>
      <c r="E37" s="14">
        <f>'申請書（複数入力用）'!H39</f>
        <v>0</v>
      </c>
      <c r="F37" s="11" t="str">
        <f>'申請書（複数入力用）'!J39</f>
        <v/>
      </c>
      <c r="G37" s="6" t="str">
        <f>'申請書（複数入力用）'!K39</f>
        <v>a052r000000jS9ZAAU</v>
      </c>
      <c r="H37" s="12" t="e">
        <f>'申請書（複数入力用）'!N39</f>
        <v>#N/A</v>
      </c>
      <c r="I37" s="12" t="e">
        <f>'申請書（複数入力用）'!O39</f>
        <v>#N/A</v>
      </c>
      <c r="J37" s="12">
        <f>'申請書（複数入力用）'!P39</f>
        <v>1</v>
      </c>
    </row>
    <row r="38" spans="1:10" ht="51.6" customHeight="1" x14ac:dyDescent="0.45">
      <c r="A38" s="6">
        <f>'申請書（複数入力用）'!A40</f>
        <v>34</v>
      </c>
      <c r="B38" s="13">
        <f>'申請書（複数入力用）'!AH40</f>
        <v>0</v>
      </c>
      <c r="C38" s="6">
        <f>'申請書（複数入力用）'!B40</f>
        <v>0</v>
      </c>
      <c r="D38" s="6">
        <f>'申請書（複数入力用）'!D40</f>
        <v>0</v>
      </c>
      <c r="E38" s="14">
        <f>'申請書（複数入力用）'!H40</f>
        <v>0</v>
      </c>
      <c r="F38" s="11" t="str">
        <f>'申請書（複数入力用）'!J40</f>
        <v/>
      </c>
      <c r="G38" s="6" t="str">
        <f>'申請書（複数入力用）'!K40</f>
        <v>a052r000000jS9ZAAU</v>
      </c>
      <c r="H38" s="12" t="e">
        <f>'申請書（複数入力用）'!N40</f>
        <v>#N/A</v>
      </c>
      <c r="I38" s="12" t="e">
        <f>'申請書（複数入力用）'!O40</f>
        <v>#N/A</v>
      </c>
      <c r="J38" s="12">
        <f>'申請書（複数入力用）'!P40</f>
        <v>1</v>
      </c>
    </row>
    <row r="39" spans="1:10" ht="51.6" customHeight="1" x14ac:dyDescent="0.45">
      <c r="A39" s="6">
        <f>'申請書（複数入力用）'!A41</f>
        <v>35</v>
      </c>
      <c r="B39" s="13">
        <f>'申請書（複数入力用）'!AH41</f>
        <v>0</v>
      </c>
      <c r="C39" s="6">
        <f>'申請書（複数入力用）'!B41</f>
        <v>0</v>
      </c>
      <c r="D39" s="6">
        <f>'申請書（複数入力用）'!D41</f>
        <v>0</v>
      </c>
      <c r="E39" s="14">
        <f>'申請書（複数入力用）'!H41</f>
        <v>0</v>
      </c>
      <c r="F39" s="11" t="str">
        <f>'申請書（複数入力用）'!J41</f>
        <v/>
      </c>
      <c r="G39" s="6" t="str">
        <f>'申請書（複数入力用）'!K41</f>
        <v>a052r000000jS9ZAAU</v>
      </c>
      <c r="H39" s="12" t="e">
        <f>'申請書（複数入力用）'!N41</f>
        <v>#N/A</v>
      </c>
      <c r="I39" s="12" t="e">
        <f>'申請書（複数入力用）'!O41</f>
        <v>#N/A</v>
      </c>
      <c r="J39" s="12">
        <f>'申請書（複数入力用）'!P41</f>
        <v>1</v>
      </c>
    </row>
    <row r="40" spans="1:10" ht="51.6" customHeight="1" x14ac:dyDescent="0.45">
      <c r="A40" s="6">
        <f>'申請書（複数入力用）'!A42</f>
        <v>36</v>
      </c>
      <c r="B40" s="13">
        <f>'申請書（複数入力用）'!AH42</f>
        <v>0</v>
      </c>
      <c r="C40" s="6">
        <f>'申請書（複数入力用）'!B42</f>
        <v>0</v>
      </c>
      <c r="D40" s="6">
        <f>'申請書（複数入力用）'!D42</f>
        <v>0</v>
      </c>
      <c r="E40" s="14">
        <f>'申請書（複数入力用）'!H42</f>
        <v>0</v>
      </c>
      <c r="F40" s="11" t="str">
        <f>'申請書（複数入力用）'!J42</f>
        <v/>
      </c>
      <c r="G40" s="6" t="str">
        <f>'申請書（複数入力用）'!K42</f>
        <v>a052r000000jS9ZAAU</v>
      </c>
      <c r="H40" s="12" t="e">
        <f>'申請書（複数入力用）'!N42</f>
        <v>#N/A</v>
      </c>
      <c r="I40" s="12" t="e">
        <f>'申請書（複数入力用）'!O42</f>
        <v>#N/A</v>
      </c>
      <c r="J40" s="12">
        <f>'申請書（複数入力用）'!P42</f>
        <v>1</v>
      </c>
    </row>
    <row r="41" spans="1:10" ht="51.6" customHeight="1" x14ac:dyDescent="0.45">
      <c r="A41" s="6">
        <f>'申請書（複数入力用）'!A43</f>
        <v>37</v>
      </c>
      <c r="B41" s="13">
        <f>'申請書（複数入力用）'!AH43</f>
        <v>0</v>
      </c>
      <c r="C41" s="6">
        <f>'申請書（複数入力用）'!B43</f>
        <v>0</v>
      </c>
      <c r="D41" s="6">
        <f>'申請書（複数入力用）'!D43</f>
        <v>0</v>
      </c>
      <c r="E41" s="14">
        <f>'申請書（複数入力用）'!H43</f>
        <v>0</v>
      </c>
      <c r="F41" s="11" t="str">
        <f>'申請書（複数入力用）'!J43</f>
        <v/>
      </c>
      <c r="G41" s="6" t="str">
        <f>'申請書（複数入力用）'!K43</f>
        <v>a052r000000jS9ZAAU</v>
      </c>
      <c r="H41" s="12" t="e">
        <f>'申請書（複数入力用）'!N43</f>
        <v>#N/A</v>
      </c>
      <c r="I41" s="12" t="e">
        <f>'申請書（複数入力用）'!O43</f>
        <v>#N/A</v>
      </c>
      <c r="J41" s="12">
        <f>'申請書（複数入力用）'!P43</f>
        <v>1</v>
      </c>
    </row>
    <row r="42" spans="1:10" ht="51.6" customHeight="1" x14ac:dyDescent="0.45">
      <c r="A42" s="6">
        <f>'申請書（複数入力用）'!A44</f>
        <v>38</v>
      </c>
      <c r="B42" s="13">
        <f>'申請書（複数入力用）'!AH44</f>
        <v>0</v>
      </c>
      <c r="C42" s="6">
        <f>'申請書（複数入力用）'!B44</f>
        <v>0</v>
      </c>
      <c r="D42" s="6">
        <f>'申請書（複数入力用）'!D44</f>
        <v>0</v>
      </c>
      <c r="E42" s="14">
        <f>'申請書（複数入力用）'!H44</f>
        <v>0</v>
      </c>
      <c r="F42" s="11" t="str">
        <f>'申請書（複数入力用）'!J44</f>
        <v/>
      </c>
      <c r="G42" s="6" t="str">
        <f>'申請書（複数入力用）'!K44</f>
        <v>a052r000000jS9ZAAU</v>
      </c>
      <c r="H42" s="12" t="e">
        <f>'申請書（複数入力用）'!N44</f>
        <v>#N/A</v>
      </c>
      <c r="I42" s="12" t="e">
        <f>'申請書（複数入力用）'!O44</f>
        <v>#N/A</v>
      </c>
      <c r="J42" s="12">
        <f>'申請書（複数入力用）'!P44</f>
        <v>1</v>
      </c>
    </row>
    <row r="43" spans="1:10" ht="51.6" customHeight="1" x14ac:dyDescent="0.45">
      <c r="A43" s="6">
        <f>'申請書（複数入力用）'!A45</f>
        <v>39</v>
      </c>
      <c r="B43" s="13">
        <f>'申請書（複数入力用）'!AH45</f>
        <v>0</v>
      </c>
      <c r="C43" s="6">
        <f>'申請書（複数入力用）'!B45</f>
        <v>0</v>
      </c>
      <c r="D43" s="6">
        <f>'申請書（複数入力用）'!D45</f>
        <v>0</v>
      </c>
      <c r="E43" s="14">
        <f>'申請書（複数入力用）'!H45</f>
        <v>0</v>
      </c>
      <c r="F43" s="11" t="str">
        <f>'申請書（複数入力用）'!J45</f>
        <v/>
      </c>
      <c r="G43" s="6" t="str">
        <f>'申請書（複数入力用）'!K45</f>
        <v>a052r000000jS9ZAAU</v>
      </c>
      <c r="H43" s="12" t="e">
        <f>'申請書（複数入力用）'!N45</f>
        <v>#N/A</v>
      </c>
      <c r="I43" s="12" t="e">
        <f>'申請書（複数入力用）'!O45</f>
        <v>#N/A</v>
      </c>
      <c r="J43" s="12">
        <f>'申請書（複数入力用）'!P45</f>
        <v>1</v>
      </c>
    </row>
    <row r="44" spans="1:10" ht="51.6" customHeight="1" x14ac:dyDescent="0.45">
      <c r="A44" s="6">
        <f>'申請書（複数入力用）'!A46</f>
        <v>40</v>
      </c>
      <c r="B44" s="13">
        <f>'申請書（複数入力用）'!AH46</f>
        <v>0</v>
      </c>
      <c r="C44" s="6">
        <f>'申請書（複数入力用）'!B46</f>
        <v>0</v>
      </c>
      <c r="D44" s="6">
        <f>'申請書（複数入力用）'!D46</f>
        <v>0</v>
      </c>
      <c r="E44" s="14">
        <f>'申請書（複数入力用）'!H46</f>
        <v>0</v>
      </c>
      <c r="F44" s="11" t="str">
        <f>'申請書（複数入力用）'!J46</f>
        <v/>
      </c>
      <c r="G44" s="6" t="str">
        <f>'申請書（複数入力用）'!K46</f>
        <v>a052r000000jS9ZAAU</v>
      </c>
      <c r="H44" s="12" t="e">
        <f>'申請書（複数入力用）'!N46</f>
        <v>#N/A</v>
      </c>
      <c r="I44" s="12" t="e">
        <f>'申請書（複数入力用）'!O46</f>
        <v>#N/A</v>
      </c>
      <c r="J44" s="12">
        <f>'申請書（複数入力用）'!P46</f>
        <v>1</v>
      </c>
    </row>
    <row r="45" spans="1:10" ht="51.6" customHeight="1" x14ac:dyDescent="0.45">
      <c r="A45" s="6">
        <f>'申請書（複数入力用）'!A47</f>
        <v>41</v>
      </c>
      <c r="B45" s="13">
        <f>'申請書（複数入力用）'!AH47</f>
        <v>0</v>
      </c>
      <c r="C45" s="6">
        <f>'申請書（複数入力用）'!B47</f>
        <v>0</v>
      </c>
      <c r="D45" s="6">
        <f>'申請書（複数入力用）'!D47</f>
        <v>0</v>
      </c>
      <c r="E45" s="14">
        <f>'申請書（複数入力用）'!H47</f>
        <v>0</v>
      </c>
      <c r="F45" s="11" t="str">
        <f>'申請書（複数入力用）'!J47</f>
        <v/>
      </c>
      <c r="G45" s="6" t="str">
        <f>'申請書（複数入力用）'!K47</f>
        <v>a052r000000jS9ZAAU</v>
      </c>
      <c r="H45" s="12" t="e">
        <f>'申請書（複数入力用）'!N47</f>
        <v>#N/A</v>
      </c>
      <c r="I45" s="12" t="e">
        <f>'申請書（複数入力用）'!O47</f>
        <v>#N/A</v>
      </c>
      <c r="J45" s="12">
        <f>'申請書（複数入力用）'!P47</f>
        <v>1</v>
      </c>
    </row>
    <row r="46" spans="1:10" ht="51.6" customHeight="1" x14ac:dyDescent="0.45">
      <c r="A46" s="6">
        <f>'申請書（複数入力用）'!A48</f>
        <v>42</v>
      </c>
      <c r="B46" s="13">
        <f>'申請書（複数入力用）'!AH48</f>
        <v>0</v>
      </c>
      <c r="C46" s="6">
        <f>'申請書（複数入力用）'!B48</f>
        <v>0</v>
      </c>
      <c r="D46" s="6">
        <f>'申請書（複数入力用）'!D48</f>
        <v>0</v>
      </c>
      <c r="E46" s="14">
        <f>'申請書（複数入力用）'!H48</f>
        <v>0</v>
      </c>
      <c r="F46" s="11" t="str">
        <f>'申請書（複数入力用）'!J48</f>
        <v/>
      </c>
      <c r="G46" s="6" t="str">
        <f>'申請書（複数入力用）'!K48</f>
        <v>a052r000000jS9ZAAU</v>
      </c>
      <c r="H46" s="12" t="e">
        <f>'申請書（複数入力用）'!N48</f>
        <v>#N/A</v>
      </c>
      <c r="I46" s="12" t="e">
        <f>'申請書（複数入力用）'!O48</f>
        <v>#N/A</v>
      </c>
      <c r="J46" s="12">
        <f>'申請書（複数入力用）'!P48</f>
        <v>1</v>
      </c>
    </row>
    <row r="47" spans="1:10" ht="51.6" customHeight="1" x14ac:dyDescent="0.45">
      <c r="A47" s="6">
        <f>'申請書（複数入力用）'!A49</f>
        <v>43</v>
      </c>
      <c r="B47" s="13">
        <f>'申請書（複数入力用）'!AH49</f>
        <v>0</v>
      </c>
      <c r="C47" s="6">
        <f>'申請書（複数入力用）'!B49</f>
        <v>0</v>
      </c>
      <c r="D47" s="6">
        <f>'申請書（複数入力用）'!D49</f>
        <v>0</v>
      </c>
      <c r="E47" s="14">
        <f>'申請書（複数入力用）'!H49</f>
        <v>0</v>
      </c>
      <c r="F47" s="11" t="str">
        <f>'申請書（複数入力用）'!J49</f>
        <v/>
      </c>
      <c r="G47" s="6" t="str">
        <f>'申請書（複数入力用）'!K49</f>
        <v>a052r000000jS9ZAAU</v>
      </c>
      <c r="H47" s="12" t="e">
        <f>'申請書（複数入力用）'!N49</f>
        <v>#N/A</v>
      </c>
      <c r="I47" s="12" t="e">
        <f>'申請書（複数入力用）'!O49</f>
        <v>#N/A</v>
      </c>
      <c r="J47" s="12">
        <f>'申請書（複数入力用）'!P49</f>
        <v>1</v>
      </c>
    </row>
    <row r="48" spans="1:10" ht="51.6" customHeight="1" x14ac:dyDescent="0.45">
      <c r="A48" s="6">
        <f>'申請書（複数入力用）'!A50</f>
        <v>44</v>
      </c>
      <c r="B48" s="13">
        <f>'申請書（複数入力用）'!AH50</f>
        <v>0</v>
      </c>
      <c r="C48" s="6">
        <f>'申請書（複数入力用）'!B50</f>
        <v>0</v>
      </c>
      <c r="D48" s="6">
        <f>'申請書（複数入力用）'!D50</f>
        <v>0</v>
      </c>
      <c r="E48" s="14">
        <f>'申請書（複数入力用）'!H50</f>
        <v>0</v>
      </c>
      <c r="F48" s="11" t="str">
        <f>'申請書（複数入力用）'!J50</f>
        <v/>
      </c>
      <c r="G48" s="6" t="str">
        <f>'申請書（複数入力用）'!K50</f>
        <v>a052r000000jS9ZAAU</v>
      </c>
      <c r="H48" s="12" t="e">
        <f>'申請書（複数入力用）'!N50</f>
        <v>#N/A</v>
      </c>
      <c r="I48" s="12" t="e">
        <f>'申請書（複数入力用）'!O50</f>
        <v>#N/A</v>
      </c>
      <c r="J48" s="12">
        <f>'申請書（複数入力用）'!P50</f>
        <v>1</v>
      </c>
    </row>
    <row r="49" spans="1:10" ht="51.6" customHeight="1" x14ac:dyDescent="0.45">
      <c r="A49" s="6">
        <f>'申請書（複数入力用）'!A51</f>
        <v>45</v>
      </c>
      <c r="B49" s="13">
        <f>'申請書（複数入力用）'!AH51</f>
        <v>0</v>
      </c>
      <c r="C49" s="6">
        <f>'申請書（複数入力用）'!B51</f>
        <v>0</v>
      </c>
      <c r="D49" s="6">
        <f>'申請書（複数入力用）'!D51</f>
        <v>0</v>
      </c>
      <c r="E49" s="14">
        <f>'申請書（複数入力用）'!H51</f>
        <v>0</v>
      </c>
      <c r="F49" s="11" t="str">
        <f>'申請書（複数入力用）'!J51</f>
        <v/>
      </c>
      <c r="G49" s="6" t="str">
        <f>'申請書（複数入力用）'!K51</f>
        <v>a052r000000jS9ZAAU</v>
      </c>
      <c r="H49" s="12" t="e">
        <f>'申請書（複数入力用）'!N51</f>
        <v>#N/A</v>
      </c>
      <c r="I49" s="12" t="e">
        <f>'申請書（複数入力用）'!O51</f>
        <v>#N/A</v>
      </c>
      <c r="J49" s="12">
        <f>'申請書（複数入力用）'!P51</f>
        <v>1</v>
      </c>
    </row>
    <row r="50" spans="1:10" ht="51.6" customHeight="1" x14ac:dyDescent="0.45">
      <c r="A50" s="6">
        <f>'申請書（複数入力用）'!A52</f>
        <v>46</v>
      </c>
      <c r="B50" s="13">
        <f>'申請書（複数入力用）'!AH52</f>
        <v>0</v>
      </c>
      <c r="C50" s="6">
        <f>'申請書（複数入力用）'!B52</f>
        <v>0</v>
      </c>
      <c r="D50" s="6">
        <f>'申請書（複数入力用）'!D52</f>
        <v>0</v>
      </c>
      <c r="E50" s="14">
        <f>'申請書（複数入力用）'!H52</f>
        <v>0</v>
      </c>
      <c r="F50" s="11" t="str">
        <f>'申請書（複数入力用）'!J52</f>
        <v/>
      </c>
      <c r="G50" s="6" t="str">
        <f>'申請書（複数入力用）'!K52</f>
        <v>a052r000000jS9ZAAU</v>
      </c>
      <c r="H50" s="12" t="e">
        <f>'申請書（複数入力用）'!N52</f>
        <v>#N/A</v>
      </c>
      <c r="I50" s="12" t="e">
        <f>'申請書（複数入力用）'!O52</f>
        <v>#N/A</v>
      </c>
      <c r="J50" s="12">
        <f>'申請書（複数入力用）'!P52</f>
        <v>1</v>
      </c>
    </row>
    <row r="51" spans="1:10" ht="51.6" customHeight="1" x14ac:dyDescent="0.45">
      <c r="A51" s="6">
        <f>'申請書（複数入力用）'!A53</f>
        <v>47</v>
      </c>
      <c r="B51" s="13">
        <f>'申請書（複数入力用）'!AH53</f>
        <v>0</v>
      </c>
      <c r="C51" s="6">
        <f>'申請書（複数入力用）'!B53</f>
        <v>0</v>
      </c>
      <c r="D51" s="6">
        <f>'申請書（複数入力用）'!D53</f>
        <v>0</v>
      </c>
      <c r="E51" s="14">
        <f>'申請書（複数入力用）'!H53</f>
        <v>0</v>
      </c>
      <c r="F51" s="11" t="str">
        <f>'申請書（複数入力用）'!J53</f>
        <v/>
      </c>
      <c r="G51" s="6" t="str">
        <f>'申請書（複数入力用）'!K53</f>
        <v>a052r000000jS9ZAAU</v>
      </c>
      <c r="H51" s="12" t="e">
        <f>'申請書（複数入力用）'!N53</f>
        <v>#N/A</v>
      </c>
      <c r="I51" s="12" t="e">
        <f>'申請書（複数入力用）'!O53</f>
        <v>#N/A</v>
      </c>
      <c r="J51" s="12">
        <f>'申請書（複数入力用）'!P53</f>
        <v>1</v>
      </c>
    </row>
    <row r="52" spans="1:10" ht="51.6" customHeight="1" x14ac:dyDescent="0.45">
      <c r="A52" s="6">
        <f>'申請書（複数入力用）'!A54</f>
        <v>48</v>
      </c>
      <c r="B52" s="13">
        <f>'申請書（複数入力用）'!AH54</f>
        <v>0</v>
      </c>
      <c r="C52" s="6">
        <f>'申請書（複数入力用）'!B54</f>
        <v>0</v>
      </c>
      <c r="D52" s="6">
        <f>'申請書（複数入力用）'!D54</f>
        <v>0</v>
      </c>
      <c r="E52" s="14">
        <f>'申請書（複数入力用）'!H54</f>
        <v>0</v>
      </c>
      <c r="F52" s="11" t="str">
        <f>'申請書（複数入力用）'!J54</f>
        <v/>
      </c>
      <c r="G52" s="6" t="str">
        <f>'申請書（複数入力用）'!K54</f>
        <v>a052r000000jS9ZAAU</v>
      </c>
      <c r="H52" s="12" t="e">
        <f>'申請書（複数入力用）'!N54</f>
        <v>#N/A</v>
      </c>
      <c r="I52" s="12" t="e">
        <f>'申請書（複数入力用）'!O54</f>
        <v>#N/A</v>
      </c>
      <c r="J52" s="12">
        <f>'申請書（複数入力用）'!P54</f>
        <v>1</v>
      </c>
    </row>
    <row r="53" spans="1:10" ht="51.6" customHeight="1" x14ac:dyDescent="0.45">
      <c r="A53" s="6">
        <f>'申請書（複数入力用）'!A55</f>
        <v>49</v>
      </c>
      <c r="B53" s="13">
        <f>'申請書（複数入力用）'!AH55</f>
        <v>0</v>
      </c>
      <c r="C53" s="6">
        <f>'申請書（複数入力用）'!B55</f>
        <v>0</v>
      </c>
      <c r="D53" s="6">
        <f>'申請書（複数入力用）'!D55</f>
        <v>0</v>
      </c>
      <c r="E53" s="14">
        <f>'申請書（複数入力用）'!H55</f>
        <v>0</v>
      </c>
      <c r="F53" s="11" t="str">
        <f>'申請書（複数入力用）'!J55</f>
        <v/>
      </c>
      <c r="G53" s="6" t="str">
        <f>'申請書（複数入力用）'!K55</f>
        <v>a052r000000jS9ZAAU</v>
      </c>
      <c r="H53" s="12" t="e">
        <f>'申請書（複数入力用）'!N55</f>
        <v>#N/A</v>
      </c>
      <c r="I53" s="12" t="e">
        <f>'申請書（複数入力用）'!O55</f>
        <v>#N/A</v>
      </c>
      <c r="J53" s="12">
        <f>'申請書（複数入力用）'!P55</f>
        <v>1</v>
      </c>
    </row>
    <row r="54" spans="1:10" ht="51.6" customHeight="1" x14ac:dyDescent="0.45">
      <c r="A54" s="6">
        <f>'申請書（複数入力用）'!A56</f>
        <v>50</v>
      </c>
      <c r="B54" s="13">
        <f>'申請書（複数入力用）'!AH56</f>
        <v>0</v>
      </c>
      <c r="C54" s="6">
        <f>'申請書（複数入力用）'!B56</f>
        <v>0</v>
      </c>
      <c r="D54" s="6">
        <f>'申請書（複数入力用）'!D56</f>
        <v>0</v>
      </c>
      <c r="E54" s="14">
        <f>'申請書（複数入力用）'!H56</f>
        <v>0</v>
      </c>
      <c r="F54" s="11" t="str">
        <f>'申請書（複数入力用）'!J56</f>
        <v/>
      </c>
      <c r="G54" s="6" t="str">
        <f>'申請書（複数入力用）'!K56</f>
        <v>a052r000000jS9ZAAU</v>
      </c>
      <c r="H54" s="12" t="e">
        <f>'申請書（複数入力用）'!N56</f>
        <v>#N/A</v>
      </c>
      <c r="I54" s="12" t="e">
        <f>'申請書（複数入力用）'!O56</f>
        <v>#N/A</v>
      </c>
      <c r="J54" s="12">
        <f>'申請書（複数入力用）'!P56</f>
        <v>1</v>
      </c>
    </row>
    <row r="55" spans="1:10" ht="51.6" customHeight="1" x14ac:dyDescent="0.45">
      <c r="A55" s="6">
        <f>'申請書（複数入力用）'!A57</f>
        <v>51</v>
      </c>
      <c r="B55" s="13">
        <f>'申請書（複数入力用）'!AH57</f>
        <v>0</v>
      </c>
      <c r="C55" s="6">
        <f>'申請書（複数入力用）'!B57</f>
        <v>0</v>
      </c>
      <c r="D55" s="6">
        <f>'申請書（複数入力用）'!D57</f>
        <v>0</v>
      </c>
      <c r="E55" s="14">
        <f>'申請書（複数入力用）'!H57</f>
        <v>0</v>
      </c>
      <c r="F55" s="11" t="str">
        <f>'申請書（複数入力用）'!J57</f>
        <v/>
      </c>
      <c r="G55" s="6" t="str">
        <f>'申請書（複数入力用）'!K57</f>
        <v>a052r000000jS9ZAAU</v>
      </c>
      <c r="H55" s="12" t="e">
        <f>'申請書（複数入力用）'!N57</f>
        <v>#N/A</v>
      </c>
      <c r="I55" s="12" t="e">
        <f>'申請書（複数入力用）'!O57</f>
        <v>#N/A</v>
      </c>
      <c r="J55" s="12">
        <f>'申請書（複数入力用）'!P57</f>
        <v>1</v>
      </c>
    </row>
    <row r="56" spans="1:10" ht="51.6" customHeight="1" x14ac:dyDescent="0.45">
      <c r="A56" s="6">
        <f>'申請書（複数入力用）'!A58</f>
        <v>52</v>
      </c>
      <c r="B56" s="13">
        <f>'申請書（複数入力用）'!AH58</f>
        <v>0</v>
      </c>
      <c r="C56" s="6">
        <f>'申請書（複数入力用）'!B58</f>
        <v>0</v>
      </c>
      <c r="D56" s="6">
        <f>'申請書（複数入力用）'!D58</f>
        <v>0</v>
      </c>
      <c r="E56" s="14">
        <f>'申請書（複数入力用）'!H58</f>
        <v>0</v>
      </c>
      <c r="F56" s="11" t="str">
        <f>'申請書（複数入力用）'!J58</f>
        <v/>
      </c>
      <c r="G56" s="6" t="str">
        <f>'申請書（複数入力用）'!K58</f>
        <v>a052r000000jS9ZAAU</v>
      </c>
      <c r="H56" s="12" t="e">
        <f>'申請書（複数入力用）'!N58</f>
        <v>#N/A</v>
      </c>
      <c r="I56" s="12" t="e">
        <f>'申請書（複数入力用）'!O58</f>
        <v>#N/A</v>
      </c>
      <c r="J56" s="12">
        <f>'申請書（複数入力用）'!P58</f>
        <v>1</v>
      </c>
    </row>
    <row r="57" spans="1:10" ht="51.6" customHeight="1" x14ac:dyDescent="0.45">
      <c r="A57" s="6">
        <f>'申請書（複数入力用）'!A59</f>
        <v>53</v>
      </c>
      <c r="B57" s="13">
        <f>'申請書（複数入力用）'!AH59</f>
        <v>0</v>
      </c>
      <c r="C57" s="6">
        <f>'申請書（複数入力用）'!B59</f>
        <v>0</v>
      </c>
      <c r="D57" s="6">
        <f>'申請書（複数入力用）'!D59</f>
        <v>0</v>
      </c>
      <c r="E57" s="14">
        <f>'申請書（複数入力用）'!H59</f>
        <v>0</v>
      </c>
      <c r="F57" s="11" t="str">
        <f>'申請書（複数入力用）'!J59</f>
        <v/>
      </c>
      <c r="G57" s="6" t="str">
        <f>'申請書（複数入力用）'!K59</f>
        <v>a052r000000jS9ZAAU</v>
      </c>
      <c r="H57" s="12" t="e">
        <f>'申請書（複数入力用）'!N59</f>
        <v>#N/A</v>
      </c>
      <c r="I57" s="12" t="e">
        <f>'申請書（複数入力用）'!O59</f>
        <v>#N/A</v>
      </c>
      <c r="J57" s="12">
        <f>'申請書（複数入力用）'!P59</f>
        <v>1</v>
      </c>
    </row>
    <row r="58" spans="1:10" ht="51.6" customHeight="1" x14ac:dyDescent="0.45">
      <c r="A58" s="6">
        <f>'申請書（複数入力用）'!A60</f>
        <v>54</v>
      </c>
      <c r="B58" s="13">
        <f>'申請書（複数入力用）'!AH60</f>
        <v>0</v>
      </c>
      <c r="C58" s="6">
        <f>'申請書（複数入力用）'!B60</f>
        <v>0</v>
      </c>
      <c r="D58" s="6">
        <f>'申請書（複数入力用）'!D60</f>
        <v>0</v>
      </c>
      <c r="E58" s="14">
        <f>'申請書（複数入力用）'!H60</f>
        <v>0</v>
      </c>
      <c r="F58" s="11" t="str">
        <f>'申請書（複数入力用）'!J60</f>
        <v/>
      </c>
      <c r="G58" s="6" t="str">
        <f>'申請書（複数入力用）'!K60</f>
        <v>a052r000000jS9ZAAU</v>
      </c>
      <c r="H58" s="12" t="e">
        <f>'申請書（複数入力用）'!N60</f>
        <v>#N/A</v>
      </c>
      <c r="I58" s="12" t="e">
        <f>'申請書（複数入力用）'!O60</f>
        <v>#N/A</v>
      </c>
      <c r="J58" s="12">
        <f>'申請書（複数入力用）'!P60</f>
        <v>1</v>
      </c>
    </row>
    <row r="59" spans="1:10" ht="51.6" customHeight="1" x14ac:dyDescent="0.45">
      <c r="A59" s="6">
        <f>'申請書（複数入力用）'!A61</f>
        <v>55</v>
      </c>
      <c r="B59" s="13">
        <f>'申請書（複数入力用）'!AH61</f>
        <v>0</v>
      </c>
      <c r="C59" s="6">
        <f>'申請書（複数入力用）'!B61</f>
        <v>0</v>
      </c>
      <c r="D59" s="6">
        <f>'申請書（複数入力用）'!D61</f>
        <v>0</v>
      </c>
      <c r="E59" s="14">
        <f>'申請書（複数入力用）'!H61</f>
        <v>0</v>
      </c>
      <c r="F59" s="11" t="str">
        <f>'申請書（複数入力用）'!J61</f>
        <v/>
      </c>
      <c r="G59" s="6" t="str">
        <f>'申請書（複数入力用）'!K61</f>
        <v>a052r000000jS9ZAAU</v>
      </c>
      <c r="H59" s="12" t="e">
        <f>'申請書（複数入力用）'!N61</f>
        <v>#N/A</v>
      </c>
      <c r="I59" s="12" t="e">
        <f>'申請書（複数入力用）'!O61</f>
        <v>#N/A</v>
      </c>
      <c r="J59" s="12">
        <f>'申請書（複数入力用）'!P61</f>
        <v>1</v>
      </c>
    </row>
    <row r="60" spans="1:10" ht="51.6" customHeight="1" x14ac:dyDescent="0.45">
      <c r="A60" s="6">
        <f>'申請書（複数入力用）'!A62</f>
        <v>56</v>
      </c>
      <c r="B60" s="13">
        <f>'申請書（複数入力用）'!AH62</f>
        <v>0</v>
      </c>
      <c r="C60" s="6">
        <f>'申請書（複数入力用）'!B62</f>
        <v>0</v>
      </c>
      <c r="D60" s="6">
        <f>'申請書（複数入力用）'!D62</f>
        <v>0</v>
      </c>
      <c r="E60" s="14">
        <f>'申請書（複数入力用）'!H62</f>
        <v>0</v>
      </c>
      <c r="F60" s="11" t="str">
        <f>'申請書（複数入力用）'!J62</f>
        <v/>
      </c>
      <c r="G60" s="6" t="str">
        <f>'申請書（複数入力用）'!K62</f>
        <v>a052r000000jS9ZAAU</v>
      </c>
      <c r="H60" s="12" t="e">
        <f>'申請書（複数入力用）'!N62</f>
        <v>#N/A</v>
      </c>
      <c r="I60" s="12" t="e">
        <f>'申請書（複数入力用）'!O62</f>
        <v>#N/A</v>
      </c>
      <c r="J60" s="12">
        <f>'申請書（複数入力用）'!P62</f>
        <v>1</v>
      </c>
    </row>
    <row r="61" spans="1:10" ht="51.6" customHeight="1" x14ac:dyDescent="0.45">
      <c r="A61" s="6">
        <f>'申請書（複数入力用）'!A63</f>
        <v>57</v>
      </c>
      <c r="B61" s="13">
        <f>'申請書（複数入力用）'!AH63</f>
        <v>0</v>
      </c>
      <c r="C61" s="6">
        <f>'申請書（複数入力用）'!B63</f>
        <v>0</v>
      </c>
      <c r="D61" s="6">
        <f>'申請書（複数入力用）'!D63</f>
        <v>0</v>
      </c>
      <c r="E61" s="14">
        <f>'申請書（複数入力用）'!H63</f>
        <v>0</v>
      </c>
      <c r="F61" s="11" t="str">
        <f>'申請書（複数入力用）'!J63</f>
        <v/>
      </c>
      <c r="G61" s="6" t="str">
        <f>'申請書（複数入力用）'!K63</f>
        <v>a052r000000jS9ZAAU</v>
      </c>
      <c r="H61" s="12" t="e">
        <f>'申請書（複数入力用）'!N63</f>
        <v>#N/A</v>
      </c>
      <c r="I61" s="12" t="e">
        <f>'申請書（複数入力用）'!O63</f>
        <v>#N/A</v>
      </c>
      <c r="J61" s="12">
        <f>'申請書（複数入力用）'!P63</f>
        <v>1</v>
      </c>
    </row>
    <row r="62" spans="1:10" ht="51.6" customHeight="1" x14ac:dyDescent="0.45">
      <c r="A62" s="6">
        <f>'申請書（複数入力用）'!A64</f>
        <v>58</v>
      </c>
      <c r="B62" s="13">
        <f>'申請書（複数入力用）'!AH64</f>
        <v>0</v>
      </c>
      <c r="C62" s="6">
        <f>'申請書（複数入力用）'!B64</f>
        <v>0</v>
      </c>
      <c r="D62" s="6">
        <f>'申請書（複数入力用）'!D64</f>
        <v>0</v>
      </c>
      <c r="E62" s="14">
        <f>'申請書（複数入力用）'!H64</f>
        <v>0</v>
      </c>
      <c r="F62" s="11" t="str">
        <f>'申請書（複数入力用）'!J64</f>
        <v/>
      </c>
      <c r="G62" s="6" t="str">
        <f>'申請書（複数入力用）'!K64</f>
        <v>a052r000000jS9ZAAU</v>
      </c>
      <c r="H62" s="12" t="e">
        <f>'申請書（複数入力用）'!N64</f>
        <v>#N/A</v>
      </c>
      <c r="I62" s="12" t="e">
        <f>'申請書（複数入力用）'!O64</f>
        <v>#N/A</v>
      </c>
      <c r="J62" s="12">
        <f>'申請書（複数入力用）'!P64</f>
        <v>1</v>
      </c>
    </row>
    <row r="63" spans="1:10" ht="51.6" customHeight="1" x14ac:dyDescent="0.45">
      <c r="A63" s="6">
        <f>'申請書（複数入力用）'!A65</f>
        <v>59</v>
      </c>
      <c r="B63" s="13">
        <f>'申請書（複数入力用）'!AH65</f>
        <v>0</v>
      </c>
      <c r="C63" s="6">
        <f>'申請書（複数入力用）'!B65</f>
        <v>0</v>
      </c>
      <c r="D63" s="6">
        <f>'申請書（複数入力用）'!D65</f>
        <v>0</v>
      </c>
      <c r="E63" s="14">
        <f>'申請書（複数入力用）'!H65</f>
        <v>0</v>
      </c>
      <c r="F63" s="11" t="str">
        <f>'申請書（複数入力用）'!J65</f>
        <v/>
      </c>
      <c r="G63" s="6" t="str">
        <f>'申請書（複数入力用）'!K65</f>
        <v>a052r000000jS9ZAAU</v>
      </c>
      <c r="H63" s="12" t="e">
        <f>'申請書（複数入力用）'!N65</f>
        <v>#N/A</v>
      </c>
      <c r="I63" s="12" t="e">
        <f>'申請書（複数入力用）'!O65</f>
        <v>#N/A</v>
      </c>
      <c r="J63" s="12">
        <f>'申請書（複数入力用）'!P65</f>
        <v>1</v>
      </c>
    </row>
    <row r="64" spans="1:10" ht="51.6" customHeight="1" x14ac:dyDescent="0.45">
      <c r="A64" s="6">
        <f>'申請書（複数入力用）'!A66</f>
        <v>60</v>
      </c>
      <c r="B64" s="13">
        <f>'申請書（複数入力用）'!AH66</f>
        <v>0</v>
      </c>
      <c r="C64" s="6">
        <f>'申請書（複数入力用）'!B66</f>
        <v>0</v>
      </c>
      <c r="D64" s="6">
        <f>'申請書（複数入力用）'!D66</f>
        <v>0</v>
      </c>
      <c r="E64" s="14">
        <f>'申請書（複数入力用）'!H66</f>
        <v>0</v>
      </c>
      <c r="F64" s="11" t="str">
        <f>'申請書（複数入力用）'!J66</f>
        <v/>
      </c>
      <c r="G64" s="6" t="str">
        <f>'申請書（複数入力用）'!K66</f>
        <v>a052r000000jS9ZAAU</v>
      </c>
      <c r="H64" s="12" t="e">
        <f>'申請書（複数入力用）'!N66</f>
        <v>#N/A</v>
      </c>
      <c r="I64" s="12" t="e">
        <f>'申請書（複数入力用）'!O66</f>
        <v>#N/A</v>
      </c>
      <c r="J64" s="12">
        <f>'申請書（複数入力用）'!P66</f>
        <v>1</v>
      </c>
    </row>
    <row r="65" spans="1:10" ht="51.6" customHeight="1" x14ac:dyDescent="0.45">
      <c r="A65" s="6">
        <f>'申請書（複数入力用）'!A67</f>
        <v>61</v>
      </c>
      <c r="B65" s="13">
        <f>'申請書（複数入力用）'!AH67</f>
        <v>0</v>
      </c>
      <c r="C65" s="6">
        <f>'申請書（複数入力用）'!B67</f>
        <v>0</v>
      </c>
      <c r="D65" s="6">
        <f>'申請書（複数入力用）'!D67</f>
        <v>0</v>
      </c>
      <c r="E65" s="14">
        <f>'申請書（複数入力用）'!H67</f>
        <v>0</v>
      </c>
      <c r="F65" s="11" t="str">
        <f>'申請書（複数入力用）'!J67</f>
        <v/>
      </c>
      <c r="G65" s="6" t="str">
        <f>'申請書（複数入力用）'!K67</f>
        <v>a052r000000jS9ZAAU</v>
      </c>
      <c r="H65" s="12" t="e">
        <f>'申請書（複数入力用）'!N67</f>
        <v>#N/A</v>
      </c>
      <c r="I65" s="12" t="e">
        <f>'申請書（複数入力用）'!O67</f>
        <v>#N/A</v>
      </c>
      <c r="J65" s="12">
        <f>'申請書（複数入力用）'!P67</f>
        <v>1</v>
      </c>
    </row>
    <row r="66" spans="1:10" ht="51.6" customHeight="1" x14ac:dyDescent="0.45">
      <c r="A66" s="6">
        <f>'申請書（複数入力用）'!A68</f>
        <v>62</v>
      </c>
      <c r="B66" s="13">
        <f>'申請書（複数入力用）'!AH68</f>
        <v>0</v>
      </c>
      <c r="C66" s="6">
        <f>'申請書（複数入力用）'!B68</f>
        <v>0</v>
      </c>
      <c r="D66" s="6">
        <f>'申請書（複数入力用）'!D68</f>
        <v>0</v>
      </c>
      <c r="E66" s="14">
        <f>'申請書（複数入力用）'!H68</f>
        <v>0</v>
      </c>
      <c r="F66" s="11" t="str">
        <f>'申請書（複数入力用）'!J68</f>
        <v/>
      </c>
      <c r="G66" s="6" t="str">
        <f>'申請書（複数入力用）'!K68</f>
        <v>a052r000000jS9ZAAU</v>
      </c>
      <c r="H66" s="12" t="e">
        <f>'申請書（複数入力用）'!N68</f>
        <v>#N/A</v>
      </c>
      <c r="I66" s="12" t="e">
        <f>'申請書（複数入力用）'!O68</f>
        <v>#N/A</v>
      </c>
      <c r="J66" s="12">
        <f>'申請書（複数入力用）'!P68</f>
        <v>1</v>
      </c>
    </row>
    <row r="67" spans="1:10" ht="51.6" customHeight="1" x14ac:dyDescent="0.45">
      <c r="A67" s="6">
        <f>'申請書（複数入力用）'!A69</f>
        <v>63</v>
      </c>
      <c r="B67" s="13">
        <f>'申請書（複数入力用）'!AH69</f>
        <v>0</v>
      </c>
      <c r="C67" s="6">
        <f>'申請書（複数入力用）'!B69</f>
        <v>0</v>
      </c>
      <c r="D67" s="6">
        <f>'申請書（複数入力用）'!D69</f>
        <v>0</v>
      </c>
      <c r="E67" s="14">
        <f>'申請書（複数入力用）'!H69</f>
        <v>0</v>
      </c>
      <c r="F67" s="11" t="str">
        <f>'申請書（複数入力用）'!J69</f>
        <v/>
      </c>
      <c r="G67" s="6" t="str">
        <f>'申請書（複数入力用）'!K69</f>
        <v>a052r000000jS9ZAAU</v>
      </c>
      <c r="H67" s="12" t="e">
        <f>'申請書（複数入力用）'!N69</f>
        <v>#N/A</v>
      </c>
      <c r="I67" s="12" t="e">
        <f>'申請書（複数入力用）'!O69</f>
        <v>#N/A</v>
      </c>
      <c r="J67" s="12">
        <f>'申請書（複数入力用）'!P69</f>
        <v>1</v>
      </c>
    </row>
    <row r="68" spans="1:10" ht="51.6" customHeight="1" x14ac:dyDescent="0.45">
      <c r="A68" s="6">
        <f>'申請書（複数入力用）'!A70</f>
        <v>64</v>
      </c>
      <c r="B68" s="13">
        <f>'申請書（複数入力用）'!AH70</f>
        <v>0</v>
      </c>
      <c r="C68" s="6">
        <f>'申請書（複数入力用）'!B70</f>
        <v>0</v>
      </c>
      <c r="D68" s="6">
        <f>'申請書（複数入力用）'!D70</f>
        <v>0</v>
      </c>
      <c r="E68" s="14">
        <f>'申請書（複数入力用）'!H70</f>
        <v>0</v>
      </c>
      <c r="F68" s="11" t="str">
        <f>'申請書（複数入力用）'!J70</f>
        <v/>
      </c>
      <c r="G68" s="6" t="str">
        <f>'申請書（複数入力用）'!K70</f>
        <v>a052r000000jS9ZAAU</v>
      </c>
      <c r="H68" s="12" t="e">
        <f>'申請書（複数入力用）'!N70</f>
        <v>#N/A</v>
      </c>
      <c r="I68" s="12" t="e">
        <f>'申請書（複数入力用）'!O70</f>
        <v>#N/A</v>
      </c>
      <c r="J68" s="12">
        <f>'申請書（複数入力用）'!P70</f>
        <v>1</v>
      </c>
    </row>
    <row r="69" spans="1:10" ht="51.6" customHeight="1" x14ac:dyDescent="0.45">
      <c r="A69" s="6">
        <f>'申請書（複数入力用）'!A71</f>
        <v>65</v>
      </c>
      <c r="B69" s="13">
        <f>'申請書（複数入力用）'!AH71</f>
        <v>0</v>
      </c>
      <c r="C69" s="6">
        <f>'申請書（複数入力用）'!B71</f>
        <v>0</v>
      </c>
      <c r="D69" s="6">
        <f>'申請書（複数入力用）'!D71</f>
        <v>0</v>
      </c>
      <c r="E69" s="14">
        <f>'申請書（複数入力用）'!H71</f>
        <v>0</v>
      </c>
      <c r="F69" s="11" t="str">
        <f>'申請書（複数入力用）'!J71</f>
        <v/>
      </c>
      <c r="G69" s="6" t="str">
        <f>'申請書（複数入力用）'!K71</f>
        <v>a052r000000jS9ZAAU</v>
      </c>
      <c r="H69" s="12" t="e">
        <f>'申請書（複数入力用）'!N71</f>
        <v>#N/A</v>
      </c>
      <c r="I69" s="12" t="e">
        <f>'申請書（複数入力用）'!O71</f>
        <v>#N/A</v>
      </c>
      <c r="J69" s="12">
        <f>'申請書（複数入力用）'!P71</f>
        <v>1</v>
      </c>
    </row>
    <row r="70" spans="1:10" ht="51.6" customHeight="1" x14ac:dyDescent="0.45">
      <c r="A70" s="6">
        <f>'申請書（複数入力用）'!A72</f>
        <v>66</v>
      </c>
      <c r="B70" s="13">
        <f>'申請書（複数入力用）'!AH72</f>
        <v>0</v>
      </c>
      <c r="C70" s="6">
        <f>'申請書（複数入力用）'!B72</f>
        <v>0</v>
      </c>
      <c r="D70" s="6">
        <f>'申請書（複数入力用）'!D72</f>
        <v>0</v>
      </c>
      <c r="E70" s="14">
        <f>'申請書（複数入力用）'!H72</f>
        <v>0</v>
      </c>
      <c r="F70" s="11" t="str">
        <f>'申請書（複数入力用）'!J72</f>
        <v/>
      </c>
      <c r="G70" s="6" t="str">
        <f>'申請書（複数入力用）'!K72</f>
        <v>a052r000000jS9ZAAU</v>
      </c>
      <c r="H70" s="12" t="e">
        <f>'申請書（複数入力用）'!N72</f>
        <v>#N/A</v>
      </c>
      <c r="I70" s="12" t="e">
        <f>'申請書（複数入力用）'!O72</f>
        <v>#N/A</v>
      </c>
      <c r="J70" s="12">
        <f>'申請書（複数入力用）'!P72</f>
        <v>1</v>
      </c>
    </row>
    <row r="71" spans="1:10" ht="51.6" customHeight="1" x14ac:dyDescent="0.45">
      <c r="A71" s="6">
        <f>'申請書（複数入力用）'!A73</f>
        <v>67</v>
      </c>
      <c r="B71" s="13">
        <f>'申請書（複数入力用）'!AH73</f>
        <v>0</v>
      </c>
      <c r="C71" s="6">
        <f>'申請書（複数入力用）'!B73</f>
        <v>0</v>
      </c>
      <c r="D71" s="6">
        <f>'申請書（複数入力用）'!D73</f>
        <v>0</v>
      </c>
      <c r="E71" s="14">
        <f>'申請書（複数入力用）'!H73</f>
        <v>0</v>
      </c>
      <c r="F71" s="11" t="str">
        <f>'申請書（複数入力用）'!J73</f>
        <v/>
      </c>
      <c r="G71" s="6" t="str">
        <f>'申請書（複数入力用）'!K73</f>
        <v>a052r000000jS9ZAAU</v>
      </c>
      <c r="H71" s="12" t="e">
        <f>'申請書（複数入力用）'!N73</f>
        <v>#N/A</v>
      </c>
      <c r="I71" s="12" t="e">
        <f>'申請書（複数入力用）'!O73</f>
        <v>#N/A</v>
      </c>
      <c r="J71" s="12">
        <f>'申請書（複数入力用）'!P73</f>
        <v>1</v>
      </c>
    </row>
    <row r="72" spans="1:10" ht="51.6" customHeight="1" x14ac:dyDescent="0.45">
      <c r="A72" s="6">
        <f>'申請書（複数入力用）'!A74</f>
        <v>68</v>
      </c>
      <c r="B72" s="13">
        <f>'申請書（複数入力用）'!AH74</f>
        <v>0</v>
      </c>
      <c r="C72" s="6">
        <f>'申請書（複数入力用）'!B74</f>
        <v>0</v>
      </c>
      <c r="D72" s="6">
        <f>'申請書（複数入力用）'!D74</f>
        <v>0</v>
      </c>
      <c r="E72" s="14">
        <f>'申請書（複数入力用）'!H74</f>
        <v>0</v>
      </c>
      <c r="F72" s="11" t="str">
        <f>'申請書（複数入力用）'!J74</f>
        <v/>
      </c>
      <c r="G72" s="6" t="str">
        <f>'申請書（複数入力用）'!K74</f>
        <v>a052r000000jS9ZAAU</v>
      </c>
      <c r="H72" s="12" t="e">
        <f>'申請書（複数入力用）'!N74</f>
        <v>#N/A</v>
      </c>
      <c r="I72" s="12" t="e">
        <f>'申請書（複数入力用）'!O74</f>
        <v>#N/A</v>
      </c>
      <c r="J72" s="12">
        <f>'申請書（複数入力用）'!P74</f>
        <v>1</v>
      </c>
    </row>
    <row r="73" spans="1:10" ht="51.6" customHeight="1" x14ac:dyDescent="0.45">
      <c r="A73" s="6">
        <f>'申請書（複数入力用）'!A75</f>
        <v>69</v>
      </c>
      <c r="B73" s="13">
        <f>'申請書（複数入力用）'!AH75</f>
        <v>0</v>
      </c>
      <c r="C73" s="6">
        <f>'申請書（複数入力用）'!B75</f>
        <v>0</v>
      </c>
      <c r="D73" s="6">
        <f>'申請書（複数入力用）'!D75</f>
        <v>0</v>
      </c>
      <c r="E73" s="14">
        <f>'申請書（複数入力用）'!H75</f>
        <v>0</v>
      </c>
      <c r="F73" s="11" t="str">
        <f>'申請書（複数入力用）'!J75</f>
        <v/>
      </c>
      <c r="G73" s="6" t="str">
        <f>'申請書（複数入力用）'!K75</f>
        <v>a052r000000jS9ZAAU</v>
      </c>
      <c r="H73" s="12" t="e">
        <f>'申請書（複数入力用）'!N75</f>
        <v>#N/A</v>
      </c>
      <c r="I73" s="12" t="e">
        <f>'申請書（複数入力用）'!O75</f>
        <v>#N/A</v>
      </c>
      <c r="J73" s="12">
        <f>'申請書（複数入力用）'!P75</f>
        <v>1</v>
      </c>
    </row>
    <row r="74" spans="1:10" ht="51.6" customHeight="1" x14ac:dyDescent="0.45">
      <c r="A74" s="6">
        <f>'申請書（複数入力用）'!A76</f>
        <v>70</v>
      </c>
      <c r="B74" s="13">
        <f>'申請書（複数入力用）'!AH76</f>
        <v>0</v>
      </c>
      <c r="C74" s="6">
        <f>'申請書（複数入力用）'!B76</f>
        <v>0</v>
      </c>
      <c r="D74" s="6">
        <f>'申請書（複数入力用）'!D76</f>
        <v>0</v>
      </c>
      <c r="E74" s="14">
        <f>'申請書（複数入力用）'!H76</f>
        <v>0</v>
      </c>
      <c r="F74" s="11" t="str">
        <f>'申請書（複数入力用）'!J76</f>
        <v/>
      </c>
      <c r="G74" s="6" t="str">
        <f>'申請書（複数入力用）'!K76</f>
        <v>a052r000000jS9ZAAU</v>
      </c>
      <c r="H74" s="12" t="e">
        <f>'申請書（複数入力用）'!N76</f>
        <v>#N/A</v>
      </c>
      <c r="I74" s="12" t="e">
        <f>'申請書（複数入力用）'!O76</f>
        <v>#N/A</v>
      </c>
      <c r="J74" s="12">
        <f>'申請書（複数入力用）'!P76</f>
        <v>1</v>
      </c>
    </row>
    <row r="75" spans="1:10" ht="51.6" customHeight="1" x14ac:dyDescent="0.45">
      <c r="A75" s="6">
        <f>'申請書（複数入力用）'!A77</f>
        <v>71</v>
      </c>
      <c r="B75" s="13">
        <f>'申請書（複数入力用）'!AH77</f>
        <v>0</v>
      </c>
      <c r="C75" s="6">
        <f>'申請書（複数入力用）'!B77</f>
        <v>0</v>
      </c>
      <c r="D75" s="6">
        <f>'申請書（複数入力用）'!D77</f>
        <v>0</v>
      </c>
      <c r="E75" s="14">
        <f>'申請書（複数入力用）'!H77</f>
        <v>0</v>
      </c>
      <c r="F75" s="11" t="str">
        <f>'申請書（複数入力用）'!J77</f>
        <v/>
      </c>
      <c r="G75" s="6" t="str">
        <f>'申請書（複数入力用）'!K77</f>
        <v>a052r000000jS9ZAAU</v>
      </c>
      <c r="H75" s="12" t="e">
        <f>'申請書（複数入力用）'!N77</f>
        <v>#N/A</v>
      </c>
      <c r="I75" s="12" t="e">
        <f>'申請書（複数入力用）'!O77</f>
        <v>#N/A</v>
      </c>
      <c r="J75" s="12">
        <f>'申請書（複数入力用）'!P77</f>
        <v>1</v>
      </c>
    </row>
    <row r="76" spans="1:10" ht="51.6" customHeight="1" x14ac:dyDescent="0.45">
      <c r="A76" s="6">
        <f>'申請書（複数入力用）'!A78</f>
        <v>72</v>
      </c>
      <c r="B76" s="13">
        <f>'申請書（複数入力用）'!AH78</f>
        <v>0</v>
      </c>
      <c r="C76" s="6">
        <f>'申請書（複数入力用）'!B78</f>
        <v>0</v>
      </c>
      <c r="D76" s="6">
        <f>'申請書（複数入力用）'!D78</f>
        <v>0</v>
      </c>
      <c r="E76" s="14">
        <f>'申請書（複数入力用）'!H78</f>
        <v>0</v>
      </c>
      <c r="F76" s="11" t="str">
        <f>'申請書（複数入力用）'!J78</f>
        <v/>
      </c>
      <c r="G76" s="6" t="str">
        <f>'申請書（複数入力用）'!K78</f>
        <v>a052r000000jS9ZAAU</v>
      </c>
      <c r="H76" s="12" t="e">
        <f>'申請書（複数入力用）'!N78</f>
        <v>#N/A</v>
      </c>
      <c r="I76" s="12" t="e">
        <f>'申請書（複数入力用）'!O78</f>
        <v>#N/A</v>
      </c>
      <c r="J76" s="12">
        <f>'申請書（複数入力用）'!P78</f>
        <v>1</v>
      </c>
    </row>
    <row r="77" spans="1:10" ht="51.6" customHeight="1" x14ac:dyDescent="0.45">
      <c r="A77" s="6">
        <f>'申請書（複数入力用）'!A79</f>
        <v>73</v>
      </c>
      <c r="B77" s="13">
        <f>'申請書（複数入力用）'!AH79</f>
        <v>0</v>
      </c>
      <c r="C77" s="6">
        <f>'申請書（複数入力用）'!B79</f>
        <v>0</v>
      </c>
      <c r="D77" s="6">
        <f>'申請書（複数入力用）'!D79</f>
        <v>0</v>
      </c>
      <c r="E77" s="14">
        <f>'申請書（複数入力用）'!H79</f>
        <v>0</v>
      </c>
      <c r="F77" s="11" t="str">
        <f>'申請書（複数入力用）'!J79</f>
        <v/>
      </c>
      <c r="G77" s="6" t="str">
        <f>'申請書（複数入力用）'!K79</f>
        <v>a052r000000jS9ZAAU</v>
      </c>
      <c r="H77" s="12" t="e">
        <f>'申請書（複数入力用）'!N79</f>
        <v>#N/A</v>
      </c>
      <c r="I77" s="12" t="e">
        <f>'申請書（複数入力用）'!O79</f>
        <v>#N/A</v>
      </c>
      <c r="J77" s="12">
        <f>'申請書（複数入力用）'!P79</f>
        <v>1</v>
      </c>
    </row>
    <row r="78" spans="1:10" ht="51.6" customHeight="1" x14ac:dyDescent="0.45">
      <c r="A78" s="6">
        <f>'申請書（複数入力用）'!A80</f>
        <v>74</v>
      </c>
      <c r="B78" s="13">
        <f>'申請書（複数入力用）'!AH80</f>
        <v>0</v>
      </c>
      <c r="C78" s="6">
        <f>'申請書（複数入力用）'!B80</f>
        <v>0</v>
      </c>
      <c r="D78" s="6">
        <f>'申請書（複数入力用）'!D80</f>
        <v>0</v>
      </c>
      <c r="E78" s="14">
        <f>'申請書（複数入力用）'!H80</f>
        <v>0</v>
      </c>
      <c r="F78" s="11" t="str">
        <f>'申請書（複数入力用）'!J80</f>
        <v/>
      </c>
      <c r="G78" s="6" t="str">
        <f>'申請書（複数入力用）'!K80</f>
        <v>a052r000000jS9ZAAU</v>
      </c>
      <c r="H78" s="12" t="e">
        <f>'申請書（複数入力用）'!N80</f>
        <v>#N/A</v>
      </c>
      <c r="I78" s="12" t="e">
        <f>'申請書（複数入力用）'!O80</f>
        <v>#N/A</v>
      </c>
      <c r="J78" s="12">
        <f>'申請書（複数入力用）'!P80</f>
        <v>1</v>
      </c>
    </row>
    <row r="79" spans="1:10" ht="51.6" customHeight="1" x14ac:dyDescent="0.45">
      <c r="A79" s="6">
        <f>'申請書（複数入力用）'!A81</f>
        <v>75</v>
      </c>
      <c r="B79" s="13">
        <f>'申請書（複数入力用）'!AH81</f>
        <v>0</v>
      </c>
      <c r="C79" s="6">
        <f>'申請書（複数入力用）'!B81</f>
        <v>0</v>
      </c>
      <c r="D79" s="6">
        <f>'申請書（複数入力用）'!D81</f>
        <v>0</v>
      </c>
      <c r="E79" s="14">
        <f>'申請書（複数入力用）'!H81</f>
        <v>0</v>
      </c>
      <c r="F79" s="11" t="str">
        <f>'申請書（複数入力用）'!J81</f>
        <v/>
      </c>
      <c r="G79" s="6" t="str">
        <f>'申請書（複数入力用）'!K81</f>
        <v>a052r000000jS9ZAAU</v>
      </c>
      <c r="H79" s="12" t="e">
        <f>'申請書（複数入力用）'!N81</f>
        <v>#N/A</v>
      </c>
      <c r="I79" s="12" t="e">
        <f>'申請書（複数入力用）'!O81</f>
        <v>#N/A</v>
      </c>
      <c r="J79" s="12">
        <f>'申請書（複数入力用）'!P81</f>
        <v>1</v>
      </c>
    </row>
    <row r="80" spans="1:10" ht="51.6" customHeight="1" x14ac:dyDescent="0.45">
      <c r="A80" s="6">
        <f>'申請書（複数入力用）'!A82</f>
        <v>76</v>
      </c>
      <c r="B80" s="13">
        <f>'申請書（複数入力用）'!AH82</f>
        <v>0</v>
      </c>
      <c r="C80" s="6">
        <f>'申請書（複数入力用）'!B82</f>
        <v>0</v>
      </c>
      <c r="D80" s="6">
        <f>'申請書（複数入力用）'!D82</f>
        <v>0</v>
      </c>
      <c r="E80" s="14">
        <f>'申請書（複数入力用）'!H82</f>
        <v>0</v>
      </c>
      <c r="F80" s="11" t="str">
        <f>'申請書（複数入力用）'!J82</f>
        <v/>
      </c>
      <c r="G80" s="6" t="str">
        <f>'申請書（複数入力用）'!K82</f>
        <v>a052r000000jS9ZAAU</v>
      </c>
      <c r="H80" s="12" t="e">
        <f>'申請書（複数入力用）'!N82</f>
        <v>#N/A</v>
      </c>
      <c r="I80" s="12" t="e">
        <f>'申請書（複数入力用）'!O82</f>
        <v>#N/A</v>
      </c>
      <c r="J80" s="12">
        <f>'申請書（複数入力用）'!P82</f>
        <v>1</v>
      </c>
    </row>
    <row r="81" spans="1:10" ht="51.6" customHeight="1" x14ac:dyDescent="0.45">
      <c r="A81" s="6">
        <f>'申請書（複数入力用）'!A83</f>
        <v>77</v>
      </c>
      <c r="B81" s="13">
        <f>'申請書（複数入力用）'!AH83</f>
        <v>0</v>
      </c>
      <c r="C81" s="6">
        <f>'申請書（複数入力用）'!B83</f>
        <v>0</v>
      </c>
      <c r="D81" s="6">
        <f>'申請書（複数入力用）'!D83</f>
        <v>0</v>
      </c>
      <c r="E81" s="14">
        <f>'申請書（複数入力用）'!H83</f>
        <v>0</v>
      </c>
      <c r="F81" s="11" t="str">
        <f>'申請書（複数入力用）'!J83</f>
        <v/>
      </c>
      <c r="G81" s="6" t="str">
        <f>'申請書（複数入力用）'!K83</f>
        <v>a052r000000jS9ZAAU</v>
      </c>
      <c r="H81" s="12" t="e">
        <f>'申請書（複数入力用）'!N83</f>
        <v>#N/A</v>
      </c>
      <c r="I81" s="12" t="e">
        <f>'申請書（複数入力用）'!O83</f>
        <v>#N/A</v>
      </c>
      <c r="J81" s="12">
        <f>'申請書（複数入力用）'!P83</f>
        <v>1</v>
      </c>
    </row>
    <row r="82" spans="1:10" ht="51.6" customHeight="1" x14ac:dyDescent="0.45">
      <c r="A82" s="6">
        <f>'申請書（複数入力用）'!A84</f>
        <v>78</v>
      </c>
      <c r="B82" s="13">
        <f>'申請書（複数入力用）'!AH84</f>
        <v>0</v>
      </c>
      <c r="C82" s="6">
        <f>'申請書（複数入力用）'!B84</f>
        <v>0</v>
      </c>
      <c r="D82" s="6">
        <f>'申請書（複数入力用）'!D84</f>
        <v>0</v>
      </c>
      <c r="E82" s="14">
        <f>'申請書（複数入力用）'!H84</f>
        <v>0</v>
      </c>
      <c r="F82" s="11" t="str">
        <f>'申請書（複数入力用）'!J84</f>
        <v/>
      </c>
      <c r="G82" s="6" t="str">
        <f>'申請書（複数入力用）'!K84</f>
        <v>a052r000000jS9ZAAU</v>
      </c>
      <c r="H82" s="12" t="e">
        <f>'申請書（複数入力用）'!N84</f>
        <v>#N/A</v>
      </c>
      <c r="I82" s="12" t="e">
        <f>'申請書（複数入力用）'!O84</f>
        <v>#N/A</v>
      </c>
      <c r="J82" s="12">
        <f>'申請書（複数入力用）'!P84</f>
        <v>1</v>
      </c>
    </row>
    <row r="83" spans="1:10" ht="51.6" customHeight="1" x14ac:dyDescent="0.45">
      <c r="A83" s="6">
        <f>'申請書（複数入力用）'!A85</f>
        <v>79</v>
      </c>
      <c r="B83" s="13">
        <f>'申請書（複数入力用）'!AH85</f>
        <v>0</v>
      </c>
      <c r="C83" s="6">
        <f>'申請書（複数入力用）'!B85</f>
        <v>0</v>
      </c>
      <c r="D83" s="6">
        <f>'申請書（複数入力用）'!D85</f>
        <v>0</v>
      </c>
      <c r="E83" s="14">
        <f>'申請書（複数入力用）'!H85</f>
        <v>0</v>
      </c>
      <c r="F83" s="11" t="str">
        <f>'申請書（複数入力用）'!J85</f>
        <v/>
      </c>
      <c r="G83" s="6" t="str">
        <f>'申請書（複数入力用）'!K85</f>
        <v>a052r000000jS9ZAAU</v>
      </c>
      <c r="H83" s="12" t="e">
        <f>'申請書（複数入力用）'!N85</f>
        <v>#N/A</v>
      </c>
      <c r="I83" s="12" t="e">
        <f>'申請書（複数入力用）'!O85</f>
        <v>#N/A</v>
      </c>
      <c r="J83" s="12">
        <f>'申請書（複数入力用）'!P85</f>
        <v>1</v>
      </c>
    </row>
    <row r="84" spans="1:10" ht="51.6" customHeight="1" x14ac:dyDescent="0.45">
      <c r="A84" s="6">
        <f>'申請書（複数入力用）'!A86</f>
        <v>80</v>
      </c>
      <c r="B84" s="13">
        <f>'申請書（複数入力用）'!AH86</f>
        <v>0</v>
      </c>
      <c r="C84" s="6">
        <f>'申請書（複数入力用）'!B86</f>
        <v>0</v>
      </c>
      <c r="D84" s="6">
        <f>'申請書（複数入力用）'!D86</f>
        <v>0</v>
      </c>
      <c r="E84" s="14">
        <f>'申請書（複数入力用）'!H86</f>
        <v>0</v>
      </c>
      <c r="F84" s="11" t="str">
        <f>'申請書（複数入力用）'!J86</f>
        <v/>
      </c>
      <c r="G84" s="6" t="str">
        <f>'申請書（複数入力用）'!K86</f>
        <v>a052r000000jS9ZAAU</v>
      </c>
      <c r="H84" s="12" t="e">
        <f>'申請書（複数入力用）'!N86</f>
        <v>#N/A</v>
      </c>
      <c r="I84" s="12" t="e">
        <f>'申請書（複数入力用）'!O86</f>
        <v>#N/A</v>
      </c>
      <c r="J84" s="12">
        <f>'申請書（複数入力用）'!P86</f>
        <v>1</v>
      </c>
    </row>
    <row r="85" spans="1:10" ht="51.6" customHeight="1" x14ac:dyDescent="0.45">
      <c r="A85" s="6">
        <f>'申請書（複数入力用）'!A87</f>
        <v>81</v>
      </c>
      <c r="B85" s="13">
        <f>'申請書（複数入力用）'!AH87</f>
        <v>0</v>
      </c>
      <c r="C85" s="6">
        <f>'申請書（複数入力用）'!B87</f>
        <v>0</v>
      </c>
      <c r="D85" s="6">
        <f>'申請書（複数入力用）'!D87</f>
        <v>0</v>
      </c>
      <c r="E85" s="14">
        <f>'申請書（複数入力用）'!H87</f>
        <v>0</v>
      </c>
      <c r="F85" s="11" t="str">
        <f>'申請書（複数入力用）'!J87</f>
        <v/>
      </c>
      <c r="G85" s="6" t="str">
        <f>'申請書（複数入力用）'!K87</f>
        <v>a052r000000jS9ZAAU</v>
      </c>
      <c r="H85" s="12" t="e">
        <f>'申請書（複数入力用）'!N87</f>
        <v>#N/A</v>
      </c>
      <c r="I85" s="12" t="e">
        <f>'申請書（複数入力用）'!O87</f>
        <v>#N/A</v>
      </c>
      <c r="J85" s="12">
        <f>'申請書（複数入力用）'!P87</f>
        <v>1</v>
      </c>
    </row>
    <row r="86" spans="1:10" ht="51.6" customHeight="1" x14ac:dyDescent="0.45">
      <c r="A86" s="6">
        <f>'申請書（複数入力用）'!A88</f>
        <v>82</v>
      </c>
      <c r="B86" s="13">
        <f>'申請書（複数入力用）'!AH88</f>
        <v>0</v>
      </c>
      <c r="C86" s="6">
        <f>'申請書（複数入力用）'!B88</f>
        <v>0</v>
      </c>
      <c r="D86" s="6">
        <f>'申請書（複数入力用）'!D88</f>
        <v>0</v>
      </c>
      <c r="E86" s="14">
        <f>'申請書（複数入力用）'!H88</f>
        <v>0</v>
      </c>
      <c r="F86" s="11" t="str">
        <f>'申請書（複数入力用）'!J88</f>
        <v/>
      </c>
      <c r="G86" s="6" t="str">
        <f>'申請書（複数入力用）'!K88</f>
        <v>a052r000000jS9ZAAU</v>
      </c>
      <c r="H86" s="12" t="e">
        <f>'申請書（複数入力用）'!N88</f>
        <v>#N/A</v>
      </c>
      <c r="I86" s="12" t="e">
        <f>'申請書（複数入力用）'!O88</f>
        <v>#N/A</v>
      </c>
      <c r="J86" s="12">
        <f>'申請書（複数入力用）'!P88</f>
        <v>1</v>
      </c>
    </row>
    <row r="87" spans="1:10" ht="51.6" customHeight="1" x14ac:dyDescent="0.45">
      <c r="A87" s="6">
        <f>'申請書（複数入力用）'!A89</f>
        <v>83</v>
      </c>
      <c r="B87" s="13">
        <f>'申請書（複数入力用）'!AH89</f>
        <v>0</v>
      </c>
      <c r="C87" s="6">
        <f>'申請書（複数入力用）'!B89</f>
        <v>0</v>
      </c>
      <c r="D87" s="6">
        <f>'申請書（複数入力用）'!D89</f>
        <v>0</v>
      </c>
      <c r="E87" s="14">
        <f>'申請書（複数入力用）'!H89</f>
        <v>0</v>
      </c>
      <c r="F87" s="11" t="str">
        <f>'申請書（複数入力用）'!J89</f>
        <v/>
      </c>
      <c r="G87" s="6" t="str">
        <f>'申請書（複数入力用）'!K89</f>
        <v>a052r000000jS9ZAAU</v>
      </c>
      <c r="H87" s="12" t="e">
        <f>'申請書（複数入力用）'!N89</f>
        <v>#N/A</v>
      </c>
      <c r="I87" s="12" t="e">
        <f>'申請書（複数入力用）'!O89</f>
        <v>#N/A</v>
      </c>
      <c r="J87" s="12">
        <f>'申請書（複数入力用）'!P89</f>
        <v>1</v>
      </c>
    </row>
    <row r="88" spans="1:10" ht="51.6" customHeight="1" x14ac:dyDescent="0.45">
      <c r="A88" s="6">
        <f>'申請書（複数入力用）'!A90</f>
        <v>84</v>
      </c>
      <c r="B88" s="13">
        <f>'申請書（複数入力用）'!AH90</f>
        <v>0</v>
      </c>
      <c r="C88" s="6">
        <f>'申請書（複数入力用）'!B90</f>
        <v>0</v>
      </c>
      <c r="D88" s="6">
        <f>'申請書（複数入力用）'!D90</f>
        <v>0</v>
      </c>
      <c r="E88" s="14">
        <f>'申請書（複数入力用）'!H90</f>
        <v>0</v>
      </c>
      <c r="F88" s="11" t="str">
        <f>'申請書（複数入力用）'!J90</f>
        <v/>
      </c>
      <c r="G88" s="6" t="str">
        <f>'申請書（複数入力用）'!K90</f>
        <v>a052r000000jS9ZAAU</v>
      </c>
      <c r="H88" s="12" t="e">
        <f>'申請書（複数入力用）'!N90</f>
        <v>#N/A</v>
      </c>
      <c r="I88" s="12" t="e">
        <f>'申請書（複数入力用）'!O90</f>
        <v>#N/A</v>
      </c>
      <c r="J88" s="12">
        <f>'申請書（複数入力用）'!P90</f>
        <v>1</v>
      </c>
    </row>
    <row r="89" spans="1:10" ht="51.6" customHeight="1" x14ac:dyDescent="0.45">
      <c r="A89" s="6">
        <f>'申請書（複数入力用）'!A91</f>
        <v>85</v>
      </c>
      <c r="B89" s="13">
        <f>'申請書（複数入力用）'!AH91</f>
        <v>0</v>
      </c>
      <c r="C89" s="6">
        <f>'申請書（複数入力用）'!B91</f>
        <v>0</v>
      </c>
      <c r="D89" s="6">
        <f>'申請書（複数入力用）'!D91</f>
        <v>0</v>
      </c>
      <c r="E89" s="14">
        <f>'申請書（複数入力用）'!H91</f>
        <v>0</v>
      </c>
      <c r="F89" s="11" t="str">
        <f>'申請書（複数入力用）'!J91</f>
        <v/>
      </c>
      <c r="G89" s="6" t="str">
        <f>'申請書（複数入力用）'!K91</f>
        <v>a052r000000jS9ZAAU</v>
      </c>
      <c r="H89" s="12" t="e">
        <f>'申請書（複数入力用）'!N91</f>
        <v>#N/A</v>
      </c>
      <c r="I89" s="12" t="e">
        <f>'申請書（複数入力用）'!O91</f>
        <v>#N/A</v>
      </c>
      <c r="J89" s="12">
        <f>'申請書（複数入力用）'!P91</f>
        <v>1</v>
      </c>
    </row>
    <row r="90" spans="1:10" ht="51.6" customHeight="1" x14ac:dyDescent="0.45">
      <c r="A90" s="6">
        <f>'申請書（複数入力用）'!A92</f>
        <v>86</v>
      </c>
      <c r="B90" s="13">
        <f>'申請書（複数入力用）'!AH92</f>
        <v>0</v>
      </c>
      <c r="C90" s="6">
        <f>'申請書（複数入力用）'!B92</f>
        <v>0</v>
      </c>
      <c r="D90" s="6">
        <f>'申請書（複数入力用）'!D92</f>
        <v>0</v>
      </c>
      <c r="E90" s="14">
        <f>'申請書（複数入力用）'!H92</f>
        <v>0</v>
      </c>
      <c r="F90" s="11" t="str">
        <f>'申請書（複数入力用）'!J92</f>
        <v/>
      </c>
      <c r="G90" s="6" t="str">
        <f>'申請書（複数入力用）'!K92</f>
        <v>a052r000000jS9ZAAU</v>
      </c>
      <c r="H90" s="12" t="e">
        <f>'申請書（複数入力用）'!N92</f>
        <v>#N/A</v>
      </c>
      <c r="I90" s="12" t="e">
        <f>'申請書（複数入力用）'!O92</f>
        <v>#N/A</v>
      </c>
      <c r="J90" s="12">
        <f>'申請書（複数入力用）'!P92</f>
        <v>1</v>
      </c>
    </row>
    <row r="91" spans="1:10" ht="51.6" customHeight="1" x14ac:dyDescent="0.45">
      <c r="A91" s="6">
        <f>'申請書（複数入力用）'!A93</f>
        <v>87</v>
      </c>
      <c r="B91" s="13">
        <f>'申請書（複数入力用）'!AH93</f>
        <v>0</v>
      </c>
      <c r="C91" s="6">
        <f>'申請書（複数入力用）'!B93</f>
        <v>0</v>
      </c>
      <c r="D91" s="6">
        <f>'申請書（複数入力用）'!D93</f>
        <v>0</v>
      </c>
      <c r="E91" s="14">
        <f>'申請書（複数入力用）'!H93</f>
        <v>0</v>
      </c>
      <c r="F91" s="11" t="str">
        <f>'申請書（複数入力用）'!J93</f>
        <v/>
      </c>
      <c r="G91" s="6" t="str">
        <f>'申請書（複数入力用）'!K93</f>
        <v>a052r000000jS9ZAAU</v>
      </c>
      <c r="H91" s="12" t="e">
        <f>'申請書（複数入力用）'!N93</f>
        <v>#N/A</v>
      </c>
      <c r="I91" s="12" t="e">
        <f>'申請書（複数入力用）'!O93</f>
        <v>#N/A</v>
      </c>
      <c r="J91" s="12">
        <f>'申請書（複数入力用）'!P93</f>
        <v>1</v>
      </c>
    </row>
    <row r="92" spans="1:10" ht="51.6" customHeight="1" x14ac:dyDescent="0.45">
      <c r="A92" s="6">
        <f>'申請書（複数入力用）'!A94</f>
        <v>88</v>
      </c>
      <c r="B92" s="13">
        <f>'申請書（複数入力用）'!AH94</f>
        <v>0</v>
      </c>
      <c r="C92" s="6">
        <f>'申請書（複数入力用）'!B94</f>
        <v>0</v>
      </c>
      <c r="D92" s="6">
        <f>'申請書（複数入力用）'!D94</f>
        <v>0</v>
      </c>
      <c r="E92" s="14">
        <f>'申請書（複数入力用）'!H94</f>
        <v>0</v>
      </c>
      <c r="F92" s="11" t="str">
        <f>'申請書（複数入力用）'!J94</f>
        <v/>
      </c>
      <c r="G92" s="6" t="str">
        <f>'申請書（複数入力用）'!K94</f>
        <v>a052r000000jS9ZAAU</v>
      </c>
      <c r="H92" s="12" t="e">
        <f>'申請書（複数入力用）'!N94</f>
        <v>#N/A</v>
      </c>
      <c r="I92" s="12" t="e">
        <f>'申請書（複数入力用）'!O94</f>
        <v>#N/A</v>
      </c>
      <c r="J92" s="12">
        <f>'申請書（複数入力用）'!P94</f>
        <v>1</v>
      </c>
    </row>
    <row r="93" spans="1:10" ht="51.6" customHeight="1" x14ac:dyDescent="0.45">
      <c r="A93" s="6">
        <f>'申請書（複数入力用）'!A95</f>
        <v>89</v>
      </c>
      <c r="B93" s="13">
        <f>'申請書（複数入力用）'!AH95</f>
        <v>0</v>
      </c>
      <c r="C93" s="6">
        <f>'申請書（複数入力用）'!B95</f>
        <v>0</v>
      </c>
      <c r="D93" s="6">
        <f>'申請書（複数入力用）'!D95</f>
        <v>0</v>
      </c>
      <c r="E93" s="14">
        <f>'申請書（複数入力用）'!H95</f>
        <v>0</v>
      </c>
      <c r="F93" s="11" t="str">
        <f>'申請書（複数入力用）'!J95</f>
        <v/>
      </c>
      <c r="G93" s="6" t="str">
        <f>'申請書（複数入力用）'!K95</f>
        <v>a052r000000jS9ZAAU</v>
      </c>
      <c r="H93" s="12" t="e">
        <f>'申請書（複数入力用）'!N95</f>
        <v>#N/A</v>
      </c>
      <c r="I93" s="12" t="e">
        <f>'申請書（複数入力用）'!O95</f>
        <v>#N/A</v>
      </c>
      <c r="J93" s="12">
        <f>'申請書（複数入力用）'!P95</f>
        <v>1</v>
      </c>
    </row>
    <row r="94" spans="1:10" ht="51.6" customHeight="1" x14ac:dyDescent="0.45">
      <c r="A94" s="6">
        <f>'申請書（複数入力用）'!A96</f>
        <v>90</v>
      </c>
      <c r="B94" s="13">
        <f>'申請書（複数入力用）'!AH96</f>
        <v>0</v>
      </c>
      <c r="C94" s="6">
        <f>'申請書（複数入力用）'!B96</f>
        <v>0</v>
      </c>
      <c r="D94" s="6">
        <f>'申請書（複数入力用）'!D96</f>
        <v>0</v>
      </c>
      <c r="E94" s="14">
        <f>'申請書（複数入力用）'!H96</f>
        <v>0</v>
      </c>
      <c r="F94" s="11" t="str">
        <f>'申請書（複数入力用）'!J96</f>
        <v/>
      </c>
      <c r="G94" s="6" t="str">
        <f>'申請書（複数入力用）'!K96</f>
        <v>a052r000000jS9ZAAU</v>
      </c>
      <c r="H94" s="12" t="e">
        <f>'申請書（複数入力用）'!N96</f>
        <v>#N/A</v>
      </c>
      <c r="I94" s="12" t="e">
        <f>'申請書（複数入力用）'!O96</f>
        <v>#N/A</v>
      </c>
      <c r="J94" s="12">
        <f>'申請書（複数入力用）'!P96</f>
        <v>1</v>
      </c>
    </row>
    <row r="95" spans="1:10" ht="51.6" customHeight="1" x14ac:dyDescent="0.45">
      <c r="A95" s="6">
        <f>'申請書（複数入力用）'!A97</f>
        <v>91</v>
      </c>
      <c r="B95" s="13">
        <f>'申請書（複数入力用）'!AH97</f>
        <v>0</v>
      </c>
      <c r="C95" s="6">
        <f>'申請書（複数入力用）'!B97</f>
        <v>0</v>
      </c>
      <c r="D95" s="6">
        <f>'申請書（複数入力用）'!D97</f>
        <v>0</v>
      </c>
      <c r="E95" s="14">
        <f>'申請書（複数入力用）'!H97</f>
        <v>0</v>
      </c>
      <c r="F95" s="11" t="str">
        <f>'申請書（複数入力用）'!J97</f>
        <v/>
      </c>
      <c r="G95" s="6" t="str">
        <f>'申請書（複数入力用）'!K97</f>
        <v>a052r000000jS9ZAAU</v>
      </c>
      <c r="H95" s="12" t="e">
        <f>'申請書（複数入力用）'!N97</f>
        <v>#N/A</v>
      </c>
      <c r="I95" s="12" t="e">
        <f>'申請書（複数入力用）'!O97</f>
        <v>#N/A</v>
      </c>
      <c r="J95" s="12">
        <f>'申請書（複数入力用）'!P97</f>
        <v>1</v>
      </c>
    </row>
    <row r="96" spans="1:10" ht="51.6" customHeight="1" x14ac:dyDescent="0.45">
      <c r="A96" s="6">
        <f>'申請書（複数入力用）'!A98</f>
        <v>92</v>
      </c>
      <c r="B96" s="13">
        <f>'申請書（複数入力用）'!AH98</f>
        <v>0</v>
      </c>
      <c r="C96" s="6">
        <f>'申請書（複数入力用）'!B98</f>
        <v>0</v>
      </c>
      <c r="D96" s="6">
        <f>'申請書（複数入力用）'!D98</f>
        <v>0</v>
      </c>
      <c r="E96" s="14">
        <f>'申請書（複数入力用）'!H98</f>
        <v>0</v>
      </c>
      <c r="F96" s="11" t="str">
        <f>'申請書（複数入力用）'!J98</f>
        <v/>
      </c>
      <c r="G96" s="6" t="str">
        <f>'申請書（複数入力用）'!K98</f>
        <v>a052r000000jS9ZAAU</v>
      </c>
      <c r="H96" s="12" t="e">
        <f>'申請書（複数入力用）'!N98</f>
        <v>#N/A</v>
      </c>
      <c r="I96" s="12" t="e">
        <f>'申請書（複数入力用）'!O98</f>
        <v>#N/A</v>
      </c>
      <c r="J96" s="12">
        <f>'申請書（複数入力用）'!P98</f>
        <v>1</v>
      </c>
    </row>
    <row r="97" spans="1:10" ht="51.6" customHeight="1" x14ac:dyDescent="0.45">
      <c r="A97" s="6">
        <f>'申請書（複数入力用）'!A99</f>
        <v>93</v>
      </c>
      <c r="B97" s="13">
        <f>'申請書（複数入力用）'!AH99</f>
        <v>0</v>
      </c>
      <c r="C97" s="6">
        <f>'申請書（複数入力用）'!B99</f>
        <v>0</v>
      </c>
      <c r="D97" s="6">
        <f>'申請書（複数入力用）'!D99</f>
        <v>0</v>
      </c>
      <c r="E97" s="14">
        <f>'申請書（複数入力用）'!H99</f>
        <v>0</v>
      </c>
      <c r="F97" s="11" t="str">
        <f>'申請書（複数入力用）'!J99</f>
        <v/>
      </c>
      <c r="G97" s="6" t="str">
        <f>'申請書（複数入力用）'!K99</f>
        <v>a052r000000jS9ZAAU</v>
      </c>
      <c r="H97" s="12" t="e">
        <f>'申請書（複数入力用）'!N99</f>
        <v>#N/A</v>
      </c>
      <c r="I97" s="12" t="e">
        <f>'申請書（複数入力用）'!O99</f>
        <v>#N/A</v>
      </c>
      <c r="J97" s="12">
        <f>'申請書（複数入力用）'!P99</f>
        <v>1</v>
      </c>
    </row>
    <row r="98" spans="1:10" ht="51.6" customHeight="1" x14ac:dyDescent="0.45">
      <c r="A98" s="6">
        <f>'申請書（複数入力用）'!A100</f>
        <v>94</v>
      </c>
      <c r="B98" s="13">
        <f>'申請書（複数入力用）'!AH100</f>
        <v>0</v>
      </c>
      <c r="C98" s="6">
        <f>'申請書（複数入力用）'!B100</f>
        <v>0</v>
      </c>
      <c r="D98" s="6">
        <f>'申請書（複数入力用）'!D100</f>
        <v>0</v>
      </c>
      <c r="E98" s="14">
        <f>'申請書（複数入力用）'!H100</f>
        <v>0</v>
      </c>
      <c r="F98" s="11" t="str">
        <f>'申請書（複数入力用）'!J100</f>
        <v/>
      </c>
      <c r="G98" s="6" t="str">
        <f>'申請書（複数入力用）'!K100</f>
        <v>a052r000000jS9ZAAU</v>
      </c>
      <c r="H98" s="12" t="e">
        <f>'申請書（複数入力用）'!N100</f>
        <v>#N/A</v>
      </c>
      <c r="I98" s="12" t="e">
        <f>'申請書（複数入力用）'!O100</f>
        <v>#N/A</v>
      </c>
      <c r="J98" s="12">
        <f>'申請書（複数入力用）'!P100</f>
        <v>1</v>
      </c>
    </row>
    <row r="99" spans="1:10" ht="51.6" customHeight="1" x14ac:dyDescent="0.45">
      <c r="A99" s="6">
        <f>'申請書（複数入力用）'!A101</f>
        <v>95</v>
      </c>
      <c r="B99" s="13">
        <f>'申請書（複数入力用）'!AH101</f>
        <v>0</v>
      </c>
      <c r="C99" s="6">
        <f>'申請書（複数入力用）'!B101</f>
        <v>0</v>
      </c>
      <c r="D99" s="6">
        <f>'申請書（複数入力用）'!D101</f>
        <v>0</v>
      </c>
      <c r="E99" s="14">
        <f>'申請書（複数入力用）'!H101</f>
        <v>0</v>
      </c>
      <c r="F99" s="11" t="str">
        <f>'申請書（複数入力用）'!J101</f>
        <v/>
      </c>
      <c r="G99" s="6" t="str">
        <f>'申請書（複数入力用）'!K101</f>
        <v>a052r000000jS9ZAAU</v>
      </c>
      <c r="H99" s="12" t="e">
        <f>'申請書（複数入力用）'!N101</f>
        <v>#N/A</v>
      </c>
      <c r="I99" s="12" t="e">
        <f>'申請書（複数入力用）'!O101</f>
        <v>#N/A</v>
      </c>
      <c r="J99" s="12">
        <f>'申請書（複数入力用）'!P101</f>
        <v>1</v>
      </c>
    </row>
    <row r="100" spans="1:10" ht="51.6" customHeight="1" x14ac:dyDescent="0.45">
      <c r="A100" s="6">
        <f>'申請書（複数入力用）'!A102</f>
        <v>96</v>
      </c>
      <c r="B100" s="13">
        <f>'申請書（複数入力用）'!AH102</f>
        <v>0</v>
      </c>
      <c r="C100" s="6">
        <f>'申請書（複数入力用）'!B102</f>
        <v>0</v>
      </c>
      <c r="D100" s="6">
        <f>'申請書（複数入力用）'!D102</f>
        <v>0</v>
      </c>
      <c r="E100" s="14">
        <f>'申請書（複数入力用）'!H102</f>
        <v>0</v>
      </c>
      <c r="F100" s="11" t="str">
        <f>'申請書（複数入力用）'!J102</f>
        <v/>
      </c>
      <c r="G100" s="6" t="str">
        <f>'申請書（複数入力用）'!K102</f>
        <v>a052r000000jS9ZAAU</v>
      </c>
      <c r="H100" s="12" t="e">
        <f>'申請書（複数入力用）'!N102</f>
        <v>#N/A</v>
      </c>
      <c r="I100" s="12" t="e">
        <f>'申請書（複数入力用）'!O102</f>
        <v>#N/A</v>
      </c>
      <c r="J100" s="12">
        <f>'申請書（複数入力用）'!P102</f>
        <v>1</v>
      </c>
    </row>
    <row r="101" spans="1:10" ht="51.6" customHeight="1" x14ac:dyDescent="0.45">
      <c r="A101" s="6">
        <f>'申請書（複数入力用）'!A103</f>
        <v>97</v>
      </c>
      <c r="B101" s="13">
        <f>'申請書（複数入力用）'!AH103</f>
        <v>0</v>
      </c>
      <c r="C101" s="6">
        <f>'申請書（複数入力用）'!B103</f>
        <v>0</v>
      </c>
      <c r="D101" s="6">
        <f>'申請書（複数入力用）'!D103</f>
        <v>0</v>
      </c>
      <c r="E101" s="14">
        <f>'申請書（複数入力用）'!H103</f>
        <v>0</v>
      </c>
      <c r="F101" s="11" t="str">
        <f>'申請書（複数入力用）'!J103</f>
        <v/>
      </c>
      <c r="G101" s="6" t="str">
        <f>'申請書（複数入力用）'!K103</f>
        <v>a052r000000jS9ZAAU</v>
      </c>
      <c r="H101" s="12" t="e">
        <f>'申請書（複数入力用）'!N103</f>
        <v>#N/A</v>
      </c>
      <c r="I101" s="12" t="e">
        <f>'申請書（複数入力用）'!O103</f>
        <v>#N/A</v>
      </c>
      <c r="J101" s="12">
        <f>'申請書（複数入力用）'!P103</f>
        <v>1</v>
      </c>
    </row>
    <row r="102" spans="1:10" ht="51.6" customHeight="1" x14ac:dyDescent="0.45">
      <c r="A102" s="6">
        <f>'申請書（複数入力用）'!A104</f>
        <v>98</v>
      </c>
      <c r="B102" s="13">
        <f>'申請書（複数入力用）'!AH104</f>
        <v>0</v>
      </c>
      <c r="C102" s="6">
        <f>'申請書（複数入力用）'!B104</f>
        <v>0</v>
      </c>
      <c r="D102" s="6">
        <f>'申請書（複数入力用）'!D104</f>
        <v>0</v>
      </c>
      <c r="E102" s="14">
        <f>'申請書（複数入力用）'!H104</f>
        <v>0</v>
      </c>
      <c r="F102" s="11" t="str">
        <f>'申請書（複数入力用）'!J104</f>
        <v/>
      </c>
      <c r="G102" s="6" t="str">
        <f>'申請書（複数入力用）'!K104</f>
        <v>a052r000000jS9ZAAU</v>
      </c>
      <c r="H102" s="12" t="e">
        <f>'申請書（複数入力用）'!N104</f>
        <v>#N/A</v>
      </c>
      <c r="I102" s="12" t="e">
        <f>'申請書（複数入力用）'!O104</f>
        <v>#N/A</v>
      </c>
      <c r="J102" s="12">
        <f>'申請書（複数入力用）'!P104</f>
        <v>1</v>
      </c>
    </row>
    <row r="103" spans="1:10" ht="51.6" customHeight="1" x14ac:dyDescent="0.45">
      <c r="A103" s="6">
        <f>'申請書（複数入力用）'!A105</f>
        <v>99</v>
      </c>
      <c r="B103" s="13">
        <f>'申請書（複数入力用）'!AH105</f>
        <v>0</v>
      </c>
      <c r="C103" s="6">
        <f>'申請書（複数入力用）'!B105</f>
        <v>0</v>
      </c>
      <c r="D103" s="6">
        <f>'申請書（複数入力用）'!D105</f>
        <v>0</v>
      </c>
      <c r="E103" s="14">
        <f>'申請書（複数入力用）'!H105</f>
        <v>0</v>
      </c>
      <c r="F103" s="11" t="str">
        <f>'申請書（複数入力用）'!J105</f>
        <v/>
      </c>
      <c r="G103" s="6" t="str">
        <f>'申請書（複数入力用）'!K105</f>
        <v>a052r000000jS9ZAAU</v>
      </c>
      <c r="H103" s="12" t="e">
        <f>'申請書（複数入力用）'!N105</f>
        <v>#N/A</v>
      </c>
      <c r="I103" s="12" t="e">
        <f>'申請書（複数入力用）'!O105</f>
        <v>#N/A</v>
      </c>
      <c r="J103" s="12">
        <f>'申請書（複数入力用）'!P105</f>
        <v>1</v>
      </c>
    </row>
    <row r="104" spans="1:10" ht="51.6" customHeight="1" x14ac:dyDescent="0.45">
      <c r="A104" s="6">
        <f>'申請書（複数入力用）'!A106</f>
        <v>100</v>
      </c>
      <c r="B104" s="13">
        <f>'申請書（複数入力用）'!AH106</f>
        <v>0</v>
      </c>
      <c r="C104" s="6">
        <f>'申請書（複数入力用）'!B106</f>
        <v>0</v>
      </c>
      <c r="D104" s="6">
        <f>'申請書（複数入力用）'!D106</f>
        <v>0</v>
      </c>
      <c r="E104" s="14">
        <f>'申請書（複数入力用）'!H106</f>
        <v>0</v>
      </c>
      <c r="F104" s="11" t="str">
        <f>'申請書（複数入力用）'!J106</f>
        <v/>
      </c>
      <c r="G104" s="6" t="str">
        <f>'申請書（複数入力用）'!K106</f>
        <v>a052r000000jS9ZAAU</v>
      </c>
      <c r="H104" s="12" t="e">
        <f>'申請書（複数入力用）'!N106</f>
        <v>#N/A</v>
      </c>
      <c r="I104" s="12" t="e">
        <f>'申請書（複数入力用）'!O106</f>
        <v>#N/A</v>
      </c>
      <c r="J104" s="12">
        <f>'申請書（複数入力用）'!P106</f>
        <v>1</v>
      </c>
    </row>
    <row r="105" spans="1:10" ht="51.6" customHeight="1" x14ac:dyDescent="0.45">
      <c r="A105" s="6">
        <f>'申請書（複数入力用）'!A107</f>
        <v>101</v>
      </c>
      <c r="B105" s="13">
        <f>'申請書（複数入力用）'!AH107</f>
        <v>0</v>
      </c>
      <c r="C105" s="6">
        <f>'申請書（複数入力用）'!B107</f>
        <v>0</v>
      </c>
      <c r="D105" s="6">
        <f>'申請書（複数入力用）'!D107</f>
        <v>0</v>
      </c>
      <c r="E105" s="14">
        <f>'申請書（複数入力用）'!H107</f>
        <v>0</v>
      </c>
      <c r="F105" s="11" t="str">
        <f>'申請書（複数入力用）'!J107</f>
        <v/>
      </c>
      <c r="G105" s="6" t="str">
        <f>'申請書（複数入力用）'!K107</f>
        <v>a052r000000jS9ZAAU</v>
      </c>
      <c r="H105" s="12" t="e">
        <f>'申請書（複数入力用）'!N107</f>
        <v>#N/A</v>
      </c>
      <c r="I105" s="12" t="e">
        <f>'申請書（複数入力用）'!O107</f>
        <v>#N/A</v>
      </c>
      <c r="J105" s="12">
        <f>'申請書（複数入力用）'!P107</f>
        <v>1</v>
      </c>
    </row>
    <row r="106" spans="1:10" ht="51.6" customHeight="1" x14ac:dyDescent="0.45">
      <c r="A106" s="6">
        <f>'申請書（複数入力用）'!A108</f>
        <v>102</v>
      </c>
      <c r="B106" s="13">
        <f>'申請書（複数入力用）'!AH108</f>
        <v>0</v>
      </c>
      <c r="C106" s="6">
        <f>'申請書（複数入力用）'!B108</f>
        <v>0</v>
      </c>
      <c r="D106" s="6">
        <f>'申請書（複数入力用）'!D108</f>
        <v>0</v>
      </c>
      <c r="E106" s="14">
        <f>'申請書（複数入力用）'!H108</f>
        <v>0</v>
      </c>
      <c r="F106" s="11" t="str">
        <f>'申請書（複数入力用）'!J108</f>
        <v/>
      </c>
      <c r="G106" s="6" t="str">
        <f>'申請書（複数入力用）'!K108</f>
        <v>a052r000000jS9ZAAU</v>
      </c>
      <c r="H106" s="12" t="e">
        <f>'申請書（複数入力用）'!N108</f>
        <v>#N/A</v>
      </c>
      <c r="I106" s="12" t="e">
        <f>'申請書（複数入力用）'!O108</f>
        <v>#N/A</v>
      </c>
      <c r="J106" s="12">
        <f>'申請書（複数入力用）'!P108</f>
        <v>1</v>
      </c>
    </row>
    <row r="107" spans="1:10" ht="51.6" customHeight="1" x14ac:dyDescent="0.45">
      <c r="A107" s="6">
        <f>'申請書（複数入力用）'!A109</f>
        <v>103</v>
      </c>
      <c r="B107" s="13">
        <f>'申請書（複数入力用）'!AH109</f>
        <v>0</v>
      </c>
      <c r="C107" s="6">
        <f>'申請書（複数入力用）'!B109</f>
        <v>0</v>
      </c>
      <c r="D107" s="6">
        <f>'申請書（複数入力用）'!D109</f>
        <v>0</v>
      </c>
      <c r="E107" s="14">
        <f>'申請書（複数入力用）'!H109</f>
        <v>0</v>
      </c>
      <c r="F107" s="11" t="str">
        <f>'申請書（複数入力用）'!J109</f>
        <v/>
      </c>
      <c r="G107" s="6" t="str">
        <f>'申請書（複数入力用）'!K109</f>
        <v>a052r000000jS9ZAAU</v>
      </c>
      <c r="H107" s="12" t="e">
        <f>'申請書（複数入力用）'!N109</f>
        <v>#N/A</v>
      </c>
      <c r="I107" s="12" t="e">
        <f>'申請書（複数入力用）'!O109</f>
        <v>#N/A</v>
      </c>
      <c r="J107" s="12">
        <f>'申請書（複数入力用）'!P109</f>
        <v>1</v>
      </c>
    </row>
    <row r="108" spans="1:10" ht="51.6" customHeight="1" x14ac:dyDescent="0.45">
      <c r="A108" s="6">
        <f>'申請書（複数入力用）'!A110</f>
        <v>104</v>
      </c>
      <c r="B108" s="13">
        <f>'申請書（複数入力用）'!AH110</f>
        <v>0</v>
      </c>
      <c r="C108" s="6">
        <f>'申請書（複数入力用）'!B110</f>
        <v>0</v>
      </c>
      <c r="D108" s="6">
        <f>'申請書（複数入力用）'!D110</f>
        <v>0</v>
      </c>
      <c r="E108" s="14">
        <f>'申請書（複数入力用）'!H110</f>
        <v>0</v>
      </c>
      <c r="F108" s="11" t="str">
        <f>'申請書（複数入力用）'!J110</f>
        <v/>
      </c>
      <c r="G108" s="6" t="str">
        <f>'申請書（複数入力用）'!K110</f>
        <v>a052r000000jS9ZAAU</v>
      </c>
      <c r="H108" s="12" t="e">
        <f>'申請書（複数入力用）'!N110</f>
        <v>#N/A</v>
      </c>
      <c r="I108" s="12" t="e">
        <f>'申請書（複数入力用）'!O110</f>
        <v>#N/A</v>
      </c>
      <c r="J108" s="12">
        <f>'申請書（複数入力用）'!P110</f>
        <v>1</v>
      </c>
    </row>
    <row r="109" spans="1:10" ht="51.6" customHeight="1" x14ac:dyDescent="0.45">
      <c r="A109" s="6">
        <f>'申請書（複数入力用）'!A111</f>
        <v>105</v>
      </c>
      <c r="B109" s="13">
        <f>'申請書（複数入力用）'!AH111</f>
        <v>0</v>
      </c>
      <c r="C109" s="6">
        <f>'申請書（複数入力用）'!B111</f>
        <v>0</v>
      </c>
      <c r="D109" s="6">
        <f>'申請書（複数入力用）'!D111</f>
        <v>0</v>
      </c>
      <c r="E109" s="14">
        <f>'申請書（複数入力用）'!H111</f>
        <v>0</v>
      </c>
      <c r="F109" s="11" t="str">
        <f>'申請書（複数入力用）'!J111</f>
        <v/>
      </c>
      <c r="G109" s="6" t="str">
        <f>'申請書（複数入力用）'!K111</f>
        <v>a052r000000jS9ZAAU</v>
      </c>
      <c r="H109" s="12" t="e">
        <f>'申請書（複数入力用）'!N111</f>
        <v>#N/A</v>
      </c>
      <c r="I109" s="12" t="e">
        <f>'申請書（複数入力用）'!O111</f>
        <v>#N/A</v>
      </c>
      <c r="J109" s="12">
        <f>'申請書（複数入力用）'!P111</f>
        <v>1</v>
      </c>
    </row>
    <row r="110" spans="1:10" ht="51.6" customHeight="1" x14ac:dyDescent="0.45">
      <c r="A110" s="6">
        <f>'申請書（複数入力用）'!A112</f>
        <v>106</v>
      </c>
      <c r="B110" s="13">
        <f>'申請書（複数入力用）'!AH112</f>
        <v>0</v>
      </c>
      <c r="C110" s="6">
        <f>'申請書（複数入力用）'!B112</f>
        <v>0</v>
      </c>
      <c r="D110" s="6">
        <f>'申請書（複数入力用）'!D112</f>
        <v>0</v>
      </c>
      <c r="E110" s="14">
        <f>'申請書（複数入力用）'!H112</f>
        <v>0</v>
      </c>
      <c r="F110" s="11" t="str">
        <f>'申請書（複数入力用）'!J112</f>
        <v/>
      </c>
      <c r="G110" s="6" t="str">
        <f>'申請書（複数入力用）'!K112</f>
        <v>a052r000000jS9ZAAU</v>
      </c>
      <c r="H110" s="12" t="e">
        <f>'申請書（複数入力用）'!N112</f>
        <v>#N/A</v>
      </c>
      <c r="I110" s="12" t="e">
        <f>'申請書（複数入力用）'!O112</f>
        <v>#N/A</v>
      </c>
      <c r="J110" s="12">
        <f>'申請書（複数入力用）'!P112</f>
        <v>1</v>
      </c>
    </row>
    <row r="111" spans="1:10" ht="51.6" customHeight="1" x14ac:dyDescent="0.45">
      <c r="A111" s="6">
        <f>'申請書（複数入力用）'!A113</f>
        <v>107</v>
      </c>
      <c r="B111" s="13">
        <f>'申請書（複数入力用）'!AH113</f>
        <v>0</v>
      </c>
      <c r="C111" s="6">
        <f>'申請書（複数入力用）'!B113</f>
        <v>0</v>
      </c>
      <c r="D111" s="6">
        <f>'申請書（複数入力用）'!D113</f>
        <v>0</v>
      </c>
      <c r="E111" s="14">
        <f>'申請書（複数入力用）'!H113</f>
        <v>0</v>
      </c>
      <c r="F111" s="11" t="str">
        <f>'申請書（複数入力用）'!J113</f>
        <v/>
      </c>
      <c r="G111" s="6" t="str">
        <f>'申請書（複数入力用）'!K113</f>
        <v>a052r000000jS9ZAAU</v>
      </c>
      <c r="H111" s="12" t="e">
        <f>'申請書（複数入力用）'!N113</f>
        <v>#N/A</v>
      </c>
      <c r="I111" s="12" t="e">
        <f>'申請書（複数入力用）'!O113</f>
        <v>#N/A</v>
      </c>
      <c r="J111" s="12">
        <f>'申請書（複数入力用）'!P113</f>
        <v>1</v>
      </c>
    </row>
    <row r="112" spans="1:10" ht="51.6" customHeight="1" x14ac:dyDescent="0.45">
      <c r="A112" s="6">
        <f>'申請書（複数入力用）'!A114</f>
        <v>108</v>
      </c>
      <c r="B112" s="13">
        <f>'申請書（複数入力用）'!AH114</f>
        <v>0</v>
      </c>
      <c r="C112" s="6">
        <f>'申請書（複数入力用）'!B114</f>
        <v>0</v>
      </c>
      <c r="D112" s="6">
        <f>'申請書（複数入力用）'!D114</f>
        <v>0</v>
      </c>
      <c r="E112" s="14">
        <f>'申請書（複数入力用）'!H114</f>
        <v>0</v>
      </c>
      <c r="F112" s="11" t="str">
        <f>'申請書（複数入力用）'!J114</f>
        <v/>
      </c>
      <c r="G112" s="6" t="str">
        <f>'申請書（複数入力用）'!K114</f>
        <v>a052r000000jS9ZAAU</v>
      </c>
      <c r="H112" s="12" t="e">
        <f>'申請書（複数入力用）'!N114</f>
        <v>#N/A</v>
      </c>
      <c r="I112" s="12" t="e">
        <f>'申請書（複数入力用）'!O114</f>
        <v>#N/A</v>
      </c>
      <c r="J112" s="12">
        <f>'申請書（複数入力用）'!P114</f>
        <v>1</v>
      </c>
    </row>
    <row r="113" spans="1:10" ht="51.6" customHeight="1" x14ac:dyDescent="0.45">
      <c r="A113" s="6">
        <f>'申請書（複数入力用）'!A115</f>
        <v>109</v>
      </c>
      <c r="B113" s="13">
        <f>'申請書（複数入力用）'!AH115</f>
        <v>0</v>
      </c>
      <c r="C113" s="6">
        <f>'申請書（複数入力用）'!B115</f>
        <v>0</v>
      </c>
      <c r="D113" s="6">
        <f>'申請書（複数入力用）'!D115</f>
        <v>0</v>
      </c>
      <c r="E113" s="14">
        <f>'申請書（複数入力用）'!H115</f>
        <v>0</v>
      </c>
      <c r="F113" s="11" t="str">
        <f>'申請書（複数入力用）'!J115</f>
        <v/>
      </c>
      <c r="G113" s="6" t="str">
        <f>'申請書（複数入力用）'!K115</f>
        <v>a052r000000jS9ZAAU</v>
      </c>
      <c r="H113" s="12" t="e">
        <f>'申請書（複数入力用）'!N115</f>
        <v>#N/A</v>
      </c>
      <c r="I113" s="12" t="e">
        <f>'申請書（複数入力用）'!O115</f>
        <v>#N/A</v>
      </c>
      <c r="J113" s="12">
        <f>'申請書（複数入力用）'!P115</f>
        <v>1</v>
      </c>
    </row>
    <row r="114" spans="1:10" ht="51.6" customHeight="1" x14ac:dyDescent="0.45">
      <c r="A114" s="6">
        <f>'申請書（複数入力用）'!A116</f>
        <v>110</v>
      </c>
      <c r="B114" s="13">
        <f>'申請書（複数入力用）'!AH116</f>
        <v>0</v>
      </c>
      <c r="C114" s="6">
        <f>'申請書（複数入力用）'!B116</f>
        <v>0</v>
      </c>
      <c r="D114" s="6">
        <f>'申請書（複数入力用）'!D116</f>
        <v>0</v>
      </c>
      <c r="E114" s="14">
        <f>'申請書（複数入力用）'!H116</f>
        <v>0</v>
      </c>
      <c r="F114" s="11" t="str">
        <f>'申請書（複数入力用）'!J116</f>
        <v/>
      </c>
      <c r="G114" s="6" t="str">
        <f>'申請書（複数入力用）'!K116</f>
        <v>a052r000000jS9ZAAU</v>
      </c>
      <c r="H114" s="12" t="e">
        <f>'申請書（複数入力用）'!N116</f>
        <v>#N/A</v>
      </c>
      <c r="I114" s="12" t="e">
        <f>'申請書（複数入力用）'!O116</f>
        <v>#N/A</v>
      </c>
      <c r="J114" s="12">
        <f>'申請書（複数入力用）'!P116</f>
        <v>1</v>
      </c>
    </row>
    <row r="115" spans="1:10" ht="51.6" customHeight="1" x14ac:dyDescent="0.45">
      <c r="A115" s="6">
        <f>'申請書（複数入力用）'!A117</f>
        <v>111</v>
      </c>
      <c r="B115" s="13">
        <f>'申請書（複数入力用）'!AH117</f>
        <v>0</v>
      </c>
      <c r="C115" s="6">
        <f>'申請書（複数入力用）'!B117</f>
        <v>0</v>
      </c>
      <c r="D115" s="6">
        <f>'申請書（複数入力用）'!D117</f>
        <v>0</v>
      </c>
      <c r="E115" s="14">
        <f>'申請書（複数入力用）'!H117</f>
        <v>0</v>
      </c>
      <c r="F115" s="11" t="str">
        <f>'申請書（複数入力用）'!J117</f>
        <v/>
      </c>
      <c r="G115" s="6" t="str">
        <f>'申請書（複数入力用）'!K117</f>
        <v>a052r000000jS9ZAAU</v>
      </c>
      <c r="H115" s="12" t="e">
        <f>'申請書（複数入力用）'!N117</f>
        <v>#N/A</v>
      </c>
      <c r="I115" s="12" t="e">
        <f>'申請書（複数入力用）'!O117</f>
        <v>#N/A</v>
      </c>
      <c r="J115" s="12">
        <f>'申請書（複数入力用）'!P117</f>
        <v>1</v>
      </c>
    </row>
    <row r="116" spans="1:10" ht="51.6" customHeight="1" x14ac:dyDescent="0.45">
      <c r="A116" s="6">
        <f>'申請書（複数入力用）'!A118</f>
        <v>112</v>
      </c>
      <c r="B116" s="13">
        <f>'申請書（複数入力用）'!AH118</f>
        <v>0</v>
      </c>
      <c r="C116" s="6">
        <f>'申請書（複数入力用）'!B118</f>
        <v>0</v>
      </c>
      <c r="D116" s="6">
        <f>'申請書（複数入力用）'!D118</f>
        <v>0</v>
      </c>
      <c r="E116" s="14">
        <f>'申請書（複数入力用）'!H118</f>
        <v>0</v>
      </c>
      <c r="F116" s="11" t="str">
        <f>'申請書（複数入力用）'!J118</f>
        <v/>
      </c>
      <c r="G116" s="6" t="str">
        <f>'申請書（複数入力用）'!K118</f>
        <v>a052r000000jS9ZAAU</v>
      </c>
      <c r="H116" s="12" t="e">
        <f>'申請書（複数入力用）'!N118</f>
        <v>#N/A</v>
      </c>
      <c r="I116" s="12" t="e">
        <f>'申請書（複数入力用）'!O118</f>
        <v>#N/A</v>
      </c>
      <c r="J116" s="12">
        <f>'申請書（複数入力用）'!P118</f>
        <v>1</v>
      </c>
    </row>
    <row r="117" spans="1:10" ht="51.6" customHeight="1" x14ac:dyDescent="0.45">
      <c r="A117" s="6">
        <f>'申請書（複数入力用）'!A119</f>
        <v>113</v>
      </c>
      <c r="B117" s="13">
        <f>'申請書（複数入力用）'!AH119</f>
        <v>0</v>
      </c>
      <c r="C117" s="6">
        <f>'申請書（複数入力用）'!B119</f>
        <v>0</v>
      </c>
      <c r="D117" s="6">
        <f>'申請書（複数入力用）'!D119</f>
        <v>0</v>
      </c>
      <c r="E117" s="14">
        <f>'申請書（複数入力用）'!H119</f>
        <v>0</v>
      </c>
      <c r="F117" s="11" t="str">
        <f>'申請書（複数入力用）'!J119</f>
        <v/>
      </c>
      <c r="G117" s="6" t="str">
        <f>'申請書（複数入力用）'!K119</f>
        <v>a052r000000jS9ZAAU</v>
      </c>
      <c r="H117" s="12" t="e">
        <f>'申請書（複数入力用）'!N119</f>
        <v>#N/A</v>
      </c>
      <c r="I117" s="12" t="e">
        <f>'申請書（複数入力用）'!O119</f>
        <v>#N/A</v>
      </c>
      <c r="J117" s="12">
        <f>'申請書（複数入力用）'!P119</f>
        <v>1</v>
      </c>
    </row>
    <row r="118" spans="1:10" ht="51.6" customHeight="1" x14ac:dyDescent="0.45">
      <c r="A118" s="6">
        <f>'申請書（複数入力用）'!A120</f>
        <v>114</v>
      </c>
      <c r="B118" s="13">
        <f>'申請書（複数入力用）'!AH120</f>
        <v>0</v>
      </c>
      <c r="C118" s="6">
        <f>'申請書（複数入力用）'!B120</f>
        <v>0</v>
      </c>
      <c r="D118" s="6">
        <f>'申請書（複数入力用）'!D120</f>
        <v>0</v>
      </c>
      <c r="E118" s="14">
        <f>'申請書（複数入力用）'!H120</f>
        <v>0</v>
      </c>
      <c r="F118" s="11" t="str">
        <f>'申請書（複数入力用）'!J120</f>
        <v/>
      </c>
      <c r="G118" s="6" t="str">
        <f>'申請書（複数入力用）'!K120</f>
        <v>a052r000000jS9ZAAU</v>
      </c>
      <c r="H118" s="12" t="e">
        <f>'申請書（複数入力用）'!N120</f>
        <v>#N/A</v>
      </c>
      <c r="I118" s="12" t="e">
        <f>'申請書（複数入力用）'!O120</f>
        <v>#N/A</v>
      </c>
      <c r="J118" s="12">
        <f>'申請書（複数入力用）'!P120</f>
        <v>1</v>
      </c>
    </row>
    <row r="119" spans="1:10" ht="51.6" customHeight="1" x14ac:dyDescent="0.45">
      <c r="A119" s="6">
        <f>'申請書（複数入力用）'!A121</f>
        <v>115</v>
      </c>
      <c r="B119" s="13">
        <f>'申請書（複数入力用）'!AH121</f>
        <v>0</v>
      </c>
      <c r="C119" s="6">
        <f>'申請書（複数入力用）'!B121</f>
        <v>0</v>
      </c>
      <c r="D119" s="6">
        <f>'申請書（複数入力用）'!D121</f>
        <v>0</v>
      </c>
      <c r="E119" s="14">
        <f>'申請書（複数入力用）'!H121</f>
        <v>0</v>
      </c>
      <c r="F119" s="11" t="str">
        <f>'申請書（複数入力用）'!J121</f>
        <v/>
      </c>
      <c r="G119" s="6" t="str">
        <f>'申請書（複数入力用）'!K121</f>
        <v>a052r000000jS9ZAAU</v>
      </c>
      <c r="H119" s="12" t="e">
        <f>'申請書（複数入力用）'!N121</f>
        <v>#N/A</v>
      </c>
      <c r="I119" s="12" t="e">
        <f>'申請書（複数入力用）'!O121</f>
        <v>#N/A</v>
      </c>
      <c r="J119" s="12">
        <f>'申請書（複数入力用）'!P121</f>
        <v>1</v>
      </c>
    </row>
    <row r="120" spans="1:10" ht="51.6" customHeight="1" x14ac:dyDescent="0.45">
      <c r="A120" s="6">
        <f>'申請書（複数入力用）'!A122</f>
        <v>116</v>
      </c>
      <c r="B120" s="13">
        <f>'申請書（複数入力用）'!AH122</f>
        <v>0</v>
      </c>
      <c r="C120" s="6">
        <f>'申請書（複数入力用）'!B122</f>
        <v>0</v>
      </c>
      <c r="D120" s="6">
        <f>'申請書（複数入力用）'!D122</f>
        <v>0</v>
      </c>
      <c r="E120" s="14">
        <f>'申請書（複数入力用）'!H122</f>
        <v>0</v>
      </c>
      <c r="F120" s="11" t="str">
        <f>'申請書（複数入力用）'!J122</f>
        <v/>
      </c>
      <c r="G120" s="6" t="str">
        <f>'申請書（複数入力用）'!K122</f>
        <v>a052r000000jS9ZAAU</v>
      </c>
      <c r="H120" s="12" t="e">
        <f>'申請書（複数入力用）'!N122</f>
        <v>#N/A</v>
      </c>
      <c r="I120" s="12" t="e">
        <f>'申請書（複数入力用）'!O122</f>
        <v>#N/A</v>
      </c>
      <c r="J120" s="12">
        <f>'申請書（複数入力用）'!P122</f>
        <v>1</v>
      </c>
    </row>
    <row r="121" spans="1:10" ht="51.6" customHeight="1" x14ac:dyDescent="0.45">
      <c r="A121" s="6">
        <f>'申請書（複数入力用）'!A123</f>
        <v>117</v>
      </c>
      <c r="B121" s="13">
        <f>'申請書（複数入力用）'!AH123</f>
        <v>0</v>
      </c>
      <c r="C121" s="6">
        <f>'申請書（複数入力用）'!B123</f>
        <v>0</v>
      </c>
      <c r="D121" s="6">
        <f>'申請書（複数入力用）'!D123</f>
        <v>0</v>
      </c>
      <c r="E121" s="14">
        <f>'申請書（複数入力用）'!H123</f>
        <v>0</v>
      </c>
      <c r="F121" s="11" t="str">
        <f>'申請書（複数入力用）'!J123</f>
        <v/>
      </c>
      <c r="G121" s="6" t="str">
        <f>'申請書（複数入力用）'!K123</f>
        <v>a052r000000jS9ZAAU</v>
      </c>
      <c r="H121" s="12" t="e">
        <f>'申請書（複数入力用）'!N123</f>
        <v>#N/A</v>
      </c>
      <c r="I121" s="12" t="e">
        <f>'申請書（複数入力用）'!O123</f>
        <v>#N/A</v>
      </c>
      <c r="J121" s="12">
        <f>'申請書（複数入力用）'!P123</f>
        <v>1</v>
      </c>
    </row>
    <row r="122" spans="1:10" ht="51.6" customHeight="1" x14ac:dyDescent="0.45">
      <c r="A122" s="6">
        <f>'申請書（複数入力用）'!A124</f>
        <v>118</v>
      </c>
      <c r="B122" s="13">
        <f>'申請書（複数入力用）'!AH124</f>
        <v>0</v>
      </c>
      <c r="C122" s="6">
        <f>'申請書（複数入力用）'!B124</f>
        <v>0</v>
      </c>
      <c r="D122" s="6">
        <f>'申請書（複数入力用）'!D124</f>
        <v>0</v>
      </c>
      <c r="E122" s="14">
        <f>'申請書（複数入力用）'!H124</f>
        <v>0</v>
      </c>
      <c r="F122" s="11" t="str">
        <f>'申請書（複数入力用）'!J124</f>
        <v/>
      </c>
      <c r="G122" s="6" t="str">
        <f>'申請書（複数入力用）'!K124</f>
        <v>a052r000000jS9ZAAU</v>
      </c>
      <c r="H122" s="12" t="e">
        <f>'申請書（複数入力用）'!N124</f>
        <v>#N/A</v>
      </c>
      <c r="I122" s="12" t="e">
        <f>'申請書（複数入力用）'!O124</f>
        <v>#N/A</v>
      </c>
      <c r="J122" s="12">
        <f>'申請書（複数入力用）'!P124</f>
        <v>1</v>
      </c>
    </row>
    <row r="123" spans="1:10" ht="51.6" customHeight="1" x14ac:dyDescent="0.45">
      <c r="A123" s="6">
        <f>'申請書（複数入力用）'!A125</f>
        <v>119</v>
      </c>
      <c r="B123" s="13">
        <f>'申請書（複数入力用）'!AH125</f>
        <v>0</v>
      </c>
      <c r="C123" s="6">
        <f>'申請書（複数入力用）'!B125</f>
        <v>0</v>
      </c>
      <c r="D123" s="6">
        <f>'申請書（複数入力用）'!D125</f>
        <v>0</v>
      </c>
      <c r="E123" s="14">
        <f>'申請書（複数入力用）'!H125</f>
        <v>0</v>
      </c>
      <c r="F123" s="11" t="str">
        <f>'申請書（複数入力用）'!J125</f>
        <v/>
      </c>
      <c r="G123" s="6" t="str">
        <f>'申請書（複数入力用）'!K125</f>
        <v>a052r000000jS9ZAAU</v>
      </c>
      <c r="H123" s="12" t="e">
        <f>'申請書（複数入力用）'!N125</f>
        <v>#N/A</v>
      </c>
      <c r="I123" s="12" t="e">
        <f>'申請書（複数入力用）'!O125</f>
        <v>#N/A</v>
      </c>
      <c r="J123" s="12">
        <f>'申請書（複数入力用）'!P125</f>
        <v>1</v>
      </c>
    </row>
    <row r="124" spans="1:10" ht="51.6" customHeight="1" x14ac:dyDescent="0.45">
      <c r="A124" s="6">
        <f>'申請書（複数入力用）'!A126</f>
        <v>120</v>
      </c>
      <c r="B124" s="13">
        <f>'申請書（複数入力用）'!AH126</f>
        <v>0</v>
      </c>
      <c r="C124" s="6">
        <f>'申請書（複数入力用）'!B126</f>
        <v>0</v>
      </c>
      <c r="D124" s="6">
        <f>'申請書（複数入力用）'!D126</f>
        <v>0</v>
      </c>
      <c r="E124" s="14">
        <f>'申請書（複数入力用）'!H126</f>
        <v>0</v>
      </c>
      <c r="F124" s="11" t="str">
        <f>'申請書（複数入力用）'!J126</f>
        <v/>
      </c>
      <c r="G124" s="6" t="str">
        <f>'申請書（複数入力用）'!K126</f>
        <v>a052r000000jS9ZAAU</v>
      </c>
      <c r="H124" s="12" t="e">
        <f>'申請書（複数入力用）'!N126</f>
        <v>#N/A</v>
      </c>
      <c r="I124" s="12" t="e">
        <f>'申請書（複数入力用）'!O126</f>
        <v>#N/A</v>
      </c>
      <c r="J124" s="12">
        <f>'申請書（複数入力用）'!P126</f>
        <v>1</v>
      </c>
    </row>
    <row r="125" spans="1:10" ht="51.6" customHeight="1" x14ac:dyDescent="0.45">
      <c r="A125" s="6">
        <f>'申請書（複数入力用）'!A127</f>
        <v>121</v>
      </c>
      <c r="B125" s="13">
        <f>'申請書（複数入力用）'!AH127</f>
        <v>0</v>
      </c>
      <c r="C125" s="6">
        <f>'申請書（複数入力用）'!B127</f>
        <v>0</v>
      </c>
      <c r="D125" s="6">
        <f>'申請書（複数入力用）'!D127</f>
        <v>0</v>
      </c>
      <c r="E125" s="14">
        <f>'申請書（複数入力用）'!H127</f>
        <v>0</v>
      </c>
      <c r="F125" s="11" t="str">
        <f>'申請書（複数入力用）'!J127</f>
        <v/>
      </c>
      <c r="G125" s="6" t="str">
        <f>'申請書（複数入力用）'!K127</f>
        <v>a052r000000jS9ZAAU</v>
      </c>
      <c r="H125" s="12" t="e">
        <f>'申請書（複数入力用）'!N127</f>
        <v>#N/A</v>
      </c>
      <c r="I125" s="12" t="e">
        <f>'申請書（複数入力用）'!O127</f>
        <v>#N/A</v>
      </c>
      <c r="J125" s="12">
        <f>'申請書（複数入力用）'!P127</f>
        <v>1</v>
      </c>
    </row>
    <row r="126" spans="1:10" ht="51.6" customHeight="1" x14ac:dyDescent="0.45">
      <c r="A126" s="6">
        <f>'申請書（複数入力用）'!A128</f>
        <v>122</v>
      </c>
      <c r="B126" s="13">
        <f>'申請書（複数入力用）'!AH128</f>
        <v>0</v>
      </c>
      <c r="C126" s="6">
        <f>'申請書（複数入力用）'!B128</f>
        <v>0</v>
      </c>
      <c r="D126" s="6">
        <f>'申請書（複数入力用）'!D128</f>
        <v>0</v>
      </c>
      <c r="E126" s="14">
        <f>'申請書（複数入力用）'!H128</f>
        <v>0</v>
      </c>
      <c r="F126" s="11" t="str">
        <f>'申請書（複数入力用）'!J128</f>
        <v/>
      </c>
      <c r="G126" s="6" t="str">
        <f>'申請書（複数入力用）'!K128</f>
        <v>a052r000000jS9ZAAU</v>
      </c>
      <c r="H126" s="12" t="e">
        <f>'申請書（複数入力用）'!N128</f>
        <v>#N/A</v>
      </c>
      <c r="I126" s="12" t="e">
        <f>'申請書（複数入力用）'!O128</f>
        <v>#N/A</v>
      </c>
      <c r="J126" s="12">
        <f>'申請書（複数入力用）'!P128</f>
        <v>1</v>
      </c>
    </row>
    <row r="127" spans="1:10" ht="51.6" customHeight="1" x14ac:dyDescent="0.45">
      <c r="A127" s="6">
        <f>'申請書（複数入力用）'!A129</f>
        <v>123</v>
      </c>
      <c r="B127" s="13">
        <f>'申請書（複数入力用）'!AH129</f>
        <v>0</v>
      </c>
      <c r="C127" s="6">
        <f>'申請書（複数入力用）'!B129</f>
        <v>0</v>
      </c>
      <c r="D127" s="6">
        <f>'申請書（複数入力用）'!D129</f>
        <v>0</v>
      </c>
      <c r="E127" s="14">
        <f>'申請書（複数入力用）'!H129</f>
        <v>0</v>
      </c>
      <c r="F127" s="11" t="str">
        <f>'申請書（複数入力用）'!J129</f>
        <v/>
      </c>
      <c r="G127" s="6" t="str">
        <f>'申請書（複数入力用）'!K129</f>
        <v>a052r000000jS9ZAAU</v>
      </c>
      <c r="H127" s="12" t="e">
        <f>'申請書（複数入力用）'!N129</f>
        <v>#N/A</v>
      </c>
      <c r="I127" s="12" t="e">
        <f>'申請書（複数入力用）'!O129</f>
        <v>#N/A</v>
      </c>
      <c r="J127" s="12">
        <f>'申請書（複数入力用）'!P129</f>
        <v>1</v>
      </c>
    </row>
    <row r="128" spans="1:10" ht="51.6" customHeight="1" x14ac:dyDescent="0.45">
      <c r="A128" s="6">
        <f>'申請書（複数入力用）'!A130</f>
        <v>124</v>
      </c>
      <c r="B128" s="13">
        <f>'申請書（複数入力用）'!AH130</f>
        <v>0</v>
      </c>
      <c r="C128" s="6">
        <f>'申請書（複数入力用）'!B130</f>
        <v>0</v>
      </c>
      <c r="D128" s="6">
        <f>'申請書（複数入力用）'!D130</f>
        <v>0</v>
      </c>
      <c r="E128" s="14">
        <f>'申請書（複数入力用）'!H130</f>
        <v>0</v>
      </c>
      <c r="F128" s="11" t="str">
        <f>'申請書（複数入力用）'!J130</f>
        <v/>
      </c>
      <c r="G128" s="6" t="str">
        <f>'申請書（複数入力用）'!K130</f>
        <v>a052r000000jS9ZAAU</v>
      </c>
      <c r="H128" s="12" t="e">
        <f>'申請書（複数入力用）'!N130</f>
        <v>#N/A</v>
      </c>
      <c r="I128" s="12" t="e">
        <f>'申請書（複数入力用）'!O130</f>
        <v>#N/A</v>
      </c>
      <c r="J128" s="12">
        <f>'申請書（複数入力用）'!P130</f>
        <v>1</v>
      </c>
    </row>
    <row r="129" spans="1:10" ht="51.6" customHeight="1" x14ac:dyDescent="0.45">
      <c r="A129" s="6">
        <f>'申請書（複数入力用）'!A131</f>
        <v>125</v>
      </c>
      <c r="B129" s="13">
        <f>'申請書（複数入力用）'!AH131</f>
        <v>0</v>
      </c>
      <c r="C129" s="6">
        <f>'申請書（複数入力用）'!B131</f>
        <v>0</v>
      </c>
      <c r="D129" s="6">
        <f>'申請書（複数入力用）'!D131</f>
        <v>0</v>
      </c>
      <c r="E129" s="14">
        <f>'申請書（複数入力用）'!H131</f>
        <v>0</v>
      </c>
      <c r="F129" s="11" t="str">
        <f>'申請書（複数入力用）'!J131</f>
        <v/>
      </c>
      <c r="G129" s="6" t="str">
        <f>'申請書（複数入力用）'!K131</f>
        <v>a052r000000jS9ZAAU</v>
      </c>
      <c r="H129" s="12" t="e">
        <f>'申請書（複数入力用）'!N131</f>
        <v>#N/A</v>
      </c>
      <c r="I129" s="12" t="e">
        <f>'申請書（複数入力用）'!O131</f>
        <v>#N/A</v>
      </c>
      <c r="J129" s="12">
        <f>'申請書（複数入力用）'!P131</f>
        <v>1</v>
      </c>
    </row>
    <row r="130" spans="1:10" ht="51.6" customHeight="1" x14ac:dyDescent="0.45">
      <c r="A130" s="6">
        <f>'申請書（複数入力用）'!A132</f>
        <v>126</v>
      </c>
      <c r="B130" s="13">
        <f>'申請書（複数入力用）'!AH132</f>
        <v>0</v>
      </c>
      <c r="C130" s="6">
        <f>'申請書（複数入力用）'!B132</f>
        <v>0</v>
      </c>
      <c r="D130" s="6">
        <f>'申請書（複数入力用）'!D132</f>
        <v>0</v>
      </c>
      <c r="E130" s="14">
        <f>'申請書（複数入力用）'!H132</f>
        <v>0</v>
      </c>
      <c r="F130" s="11" t="str">
        <f>'申請書（複数入力用）'!J132</f>
        <v/>
      </c>
      <c r="G130" s="6" t="str">
        <f>'申請書（複数入力用）'!K132</f>
        <v>a052r000000jS9ZAAU</v>
      </c>
      <c r="H130" s="12" t="e">
        <f>'申請書（複数入力用）'!N132</f>
        <v>#N/A</v>
      </c>
      <c r="I130" s="12" t="e">
        <f>'申請書（複数入力用）'!O132</f>
        <v>#N/A</v>
      </c>
      <c r="J130" s="12">
        <f>'申請書（複数入力用）'!P132</f>
        <v>1</v>
      </c>
    </row>
    <row r="131" spans="1:10" ht="51.6" customHeight="1" x14ac:dyDescent="0.45">
      <c r="A131" s="6">
        <f>'申請書（複数入力用）'!A133</f>
        <v>127</v>
      </c>
      <c r="B131" s="13">
        <f>'申請書（複数入力用）'!AH133</f>
        <v>0</v>
      </c>
      <c r="C131" s="6">
        <f>'申請書（複数入力用）'!B133</f>
        <v>0</v>
      </c>
      <c r="D131" s="6">
        <f>'申請書（複数入力用）'!D133</f>
        <v>0</v>
      </c>
      <c r="E131" s="14">
        <f>'申請書（複数入力用）'!H133</f>
        <v>0</v>
      </c>
      <c r="F131" s="11" t="str">
        <f>'申請書（複数入力用）'!J133</f>
        <v/>
      </c>
      <c r="G131" s="6" t="str">
        <f>'申請書（複数入力用）'!K133</f>
        <v>a052r000000jS9ZAAU</v>
      </c>
      <c r="H131" s="12" t="e">
        <f>'申請書（複数入力用）'!N133</f>
        <v>#N/A</v>
      </c>
      <c r="I131" s="12" t="e">
        <f>'申請書（複数入力用）'!O133</f>
        <v>#N/A</v>
      </c>
      <c r="J131" s="12">
        <f>'申請書（複数入力用）'!P133</f>
        <v>1</v>
      </c>
    </row>
    <row r="132" spans="1:10" ht="51.6" customHeight="1" x14ac:dyDescent="0.45">
      <c r="A132" s="6">
        <f>'申請書（複数入力用）'!A134</f>
        <v>128</v>
      </c>
      <c r="B132" s="13">
        <f>'申請書（複数入力用）'!AH134</f>
        <v>0</v>
      </c>
      <c r="C132" s="6">
        <f>'申請書（複数入力用）'!B134</f>
        <v>0</v>
      </c>
      <c r="D132" s="6">
        <f>'申請書（複数入力用）'!D134</f>
        <v>0</v>
      </c>
      <c r="E132" s="14">
        <f>'申請書（複数入力用）'!H134</f>
        <v>0</v>
      </c>
      <c r="F132" s="11" t="str">
        <f>'申請書（複数入力用）'!J134</f>
        <v/>
      </c>
      <c r="G132" s="6" t="str">
        <f>'申請書（複数入力用）'!K134</f>
        <v>a052r000000jS9ZAAU</v>
      </c>
      <c r="H132" s="12" t="e">
        <f>'申請書（複数入力用）'!N134</f>
        <v>#N/A</v>
      </c>
      <c r="I132" s="12" t="e">
        <f>'申請書（複数入力用）'!O134</f>
        <v>#N/A</v>
      </c>
      <c r="J132" s="12">
        <f>'申請書（複数入力用）'!P134</f>
        <v>1</v>
      </c>
    </row>
    <row r="133" spans="1:10" ht="51.6" customHeight="1" x14ac:dyDescent="0.45">
      <c r="A133" s="6">
        <f>'申請書（複数入力用）'!A135</f>
        <v>129</v>
      </c>
      <c r="B133" s="13">
        <f>'申請書（複数入力用）'!AH135</f>
        <v>0</v>
      </c>
      <c r="C133" s="6">
        <f>'申請書（複数入力用）'!B135</f>
        <v>0</v>
      </c>
      <c r="D133" s="6">
        <f>'申請書（複数入力用）'!D135</f>
        <v>0</v>
      </c>
      <c r="E133" s="14">
        <f>'申請書（複数入力用）'!H135</f>
        <v>0</v>
      </c>
      <c r="F133" s="11" t="str">
        <f>'申請書（複数入力用）'!J135</f>
        <v/>
      </c>
      <c r="G133" s="6" t="str">
        <f>'申請書（複数入力用）'!K135</f>
        <v>a052r000000jS9ZAAU</v>
      </c>
      <c r="H133" s="12" t="e">
        <f>'申請書（複数入力用）'!N135</f>
        <v>#N/A</v>
      </c>
      <c r="I133" s="12" t="e">
        <f>'申請書（複数入力用）'!O135</f>
        <v>#N/A</v>
      </c>
      <c r="J133" s="12">
        <f>'申請書（複数入力用）'!P135</f>
        <v>1</v>
      </c>
    </row>
    <row r="134" spans="1:10" ht="51.6" customHeight="1" x14ac:dyDescent="0.45">
      <c r="A134" s="6">
        <f>'申請書（複数入力用）'!A136</f>
        <v>130</v>
      </c>
      <c r="B134" s="13">
        <f>'申請書（複数入力用）'!AH136</f>
        <v>0</v>
      </c>
      <c r="C134" s="6">
        <f>'申請書（複数入力用）'!B136</f>
        <v>0</v>
      </c>
      <c r="D134" s="6">
        <f>'申請書（複数入力用）'!D136</f>
        <v>0</v>
      </c>
      <c r="E134" s="14">
        <f>'申請書（複数入力用）'!H136</f>
        <v>0</v>
      </c>
      <c r="F134" s="11" t="str">
        <f>'申請書（複数入力用）'!J136</f>
        <v/>
      </c>
      <c r="G134" s="6" t="str">
        <f>'申請書（複数入力用）'!K136</f>
        <v>a052r000000jS9ZAAU</v>
      </c>
      <c r="H134" s="12" t="e">
        <f>'申請書（複数入力用）'!N136</f>
        <v>#N/A</v>
      </c>
      <c r="I134" s="12" t="e">
        <f>'申請書（複数入力用）'!O136</f>
        <v>#N/A</v>
      </c>
      <c r="J134" s="12">
        <f>'申請書（複数入力用）'!P136</f>
        <v>1</v>
      </c>
    </row>
    <row r="135" spans="1:10" ht="51.6" customHeight="1" x14ac:dyDescent="0.45">
      <c r="A135" s="6">
        <f>'申請書（複数入力用）'!A137</f>
        <v>131</v>
      </c>
      <c r="B135" s="13">
        <f>'申請書（複数入力用）'!AH137</f>
        <v>0</v>
      </c>
      <c r="C135" s="6">
        <f>'申請書（複数入力用）'!B137</f>
        <v>0</v>
      </c>
      <c r="D135" s="6">
        <f>'申請書（複数入力用）'!D137</f>
        <v>0</v>
      </c>
      <c r="E135" s="14">
        <f>'申請書（複数入力用）'!H137</f>
        <v>0</v>
      </c>
      <c r="F135" s="11" t="str">
        <f>'申請書（複数入力用）'!J137</f>
        <v/>
      </c>
      <c r="G135" s="6" t="str">
        <f>'申請書（複数入力用）'!K137</f>
        <v>a052r000000jS9ZAAU</v>
      </c>
      <c r="H135" s="12" t="e">
        <f>'申請書（複数入力用）'!N137</f>
        <v>#N/A</v>
      </c>
      <c r="I135" s="12" t="e">
        <f>'申請書（複数入力用）'!O137</f>
        <v>#N/A</v>
      </c>
      <c r="J135" s="12">
        <f>'申請書（複数入力用）'!P137</f>
        <v>1</v>
      </c>
    </row>
    <row r="136" spans="1:10" ht="51.6" customHeight="1" x14ac:dyDescent="0.45">
      <c r="A136" s="6">
        <f>'申請書（複数入力用）'!A138</f>
        <v>132</v>
      </c>
      <c r="B136" s="13">
        <f>'申請書（複数入力用）'!AH138</f>
        <v>0</v>
      </c>
      <c r="C136" s="6">
        <f>'申請書（複数入力用）'!B138</f>
        <v>0</v>
      </c>
      <c r="D136" s="6">
        <f>'申請書（複数入力用）'!D138</f>
        <v>0</v>
      </c>
      <c r="E136" s="14">
        <f>'申請書（複数入力用）'!H138</f>
        <v>0</v>
      </c>
      <c r="F136" s="11" t="str">
        <f>'申請書（複数入力用）'!J138</f>
        <v/>
      </c>
      <c r="G136" s="6" t="str">
        <f>'申請書（複数入力用）'!K138</f>
        <v>a052r000000jS9ZAAU</v>
      </c>
      <c r="H136" s="12" t="e">
        <f>'申請書（複数入力用）'!N138</f>
        <v>#N/A</v>
      </c>
      <c r="I136" s="12" t="e">
        <f>'申請書（複数入力用）'!O138</f>
        <v>#N/A</v>
      </c>
      <c r="J136" s="12">
        <f>'申請書（複数入力用）'!P138</f>
        <v>1</v>
      </c>
    </row>
    <row r="137" spans="1:10" ht="51.6" customHeight="1" x14ac:dyDescent="0.45">
      <c r="A137" s="6">
        <f>'申請書（複数入力用）'!A139</f>
        <v>133</v>
      </c>
      <c r="B137" s="13">
        <f>'申請書（複数入力用）'!AH139</f>
        <v>0</v>
      </c>
      <c r="C137" s="6">
        <f>'申請書（複数入力用）'!B139</f>
        <v>0</v>
      </c>
      <c r="D137" s="6">
        <f>'申請書（複数入力用）'!D139</f>
        <v>0</v>
      </c>
      <c r="E137" s="14">
        <f>'申請書（複数入力用）'!H139</f>
        <v>0</v>
      </c>
      <c r="F137" s="11" t="str">
        <f>'申請書（複数入力用）'!J139</f>
        <v/>
      </c>
      <c r="G137" s="6" t="str">
        <f>'申請書（複数入力用）'!K139</f>
        <v>a052r000000jS9ZAAU</v>
      </c>
      <c r="H137" s="12" t="e">
        <f>'申請書（複数入力用）'!N139</f>
        <v>#N/A</v>
      </c>
      <c r="I137" s="12" t="e">
        <f>'申請書（複数入力用）'!O139</f>
        <v>#N/A</v>
      </c>
      <c r="J137" s="12">
        <f>'申請書（複数入力用）'!P139</f>
        <v>1</v>
      </c>
    </row>
    <row r="138" spans="1:10" ht="51.6" customHeight="1" x14ac:dyDescent="0.45">
      <c r="A138" s="6">
        <f>'申請書（複数入力用）'!A140</f>
        <v>134</v>
      </c>
      <c r="B138" s="13">
        <f>'申請書（複数入力用）'!AH140</f>
        <v>0</v>
      </c>
      <c r="C138" s="6">
        <f>'申請書（複数入力用）'!B140</f>
        <v>0</v>
      </c>
      <c r="D138" s="6">
        <f>'申請書（複数入力用）'!D140</f>
        <v>0</v>
      </c>
      <c r="E138" s="14">
        <f>'申請書（複数入力用）'!H140</f>
        <v>0</v>
      </c>
      <c r="F138" s="11" t="str">
        <f>'申請書（複数入力用）'!J140</f>
        <v/>
      </c>
      <c r="G138" s="6" t="str">
        <f>'申請書（複数入力用）'!K140</f>
        <v>a052r000000jS9ZAAU</v>
      </c>
      <c r="H138" s="12" t="e">
        <f>'申請書（複数入力用）'!N140</f>
        <v>#N/A</v>
      </c>
      <c r="I138" s="12" t="e">
        <f>'申請書（複数入力用）'!O140</f>
        <v>#N/A</v>
      </c>
      <c r="J138" s="12">
        <f>'申請書（複数入力用）'!P140</f>
        <v>1</v>
      </c>
    </row>
    <row r="139" spans="1:10" ht="51.6" customHeight="1" x14ac:dyDescent="0.45">
      <c r="A139" s="6">
        <f>'申請書（複数入力用）'!A141</f>
        <v>135</v>
      </c>
      <c r="B139" s="13">
        <f>'申請書（複数入力用）'!AH141</f>
        <v>0</v>
      </c>
      <c r="C139" s="6">
        <f>'申請書（複数入力用）'!B141</f>
        <v>0</v>
      </c>
      <c r="D139" s="6">
        <f>'申請書（複数入力用）'!D141</f>
        <v>0</v>
      </c>
      <c r="E139" s="14">
        <f>'申請書（複数入力用）'!H141</f>
        <v>0</v>
      </c>
      <c r="F139" s="11" t="str">
        <f>'申請書（複数入力用）'!J141</f>
        <v/>
      </c>
      <c r="G139" s="6" t="str">
        <f>'申請書（複数入力用）'!K141</f>
        <v>a052r000000jS9ZAAU</v>
      </c>
      <c r="H139" s="12" t="e">
        <f>'申請書（複数入力用）'!N141</f>
        <v>#N/A</v>
      </c>
      <c r="I139" s="12" t="e">
        <f>'申請書（複数入力用）'!O141</f>
        <v>#N/A</v>
      </c>
      <c r="J139" s="12">
        <f>'申請書（複数入力用）'!P141</f>
        <v>1</v>
      </c>
    </row>
    <row r="140" spans="1:10" ht="51.6" customHeight="1" x14ac:dyDescent="0.45">
      <c r="A140" s="6">
        <f>'申請書（複数入力用）'!A142</f>
        <v>136</v>
      </c>
      <c r="B140" s="13">
        <f>'申請書（複数入力用）'!AH142</f>
        <v>0</v>
      </c>
      <c r="C140" s="6">
        <f>'申請書（複数入力用）'!B142</f>
        <v>0</v>
      </c>
      <c r="D140" s="6">
        <f>'申請書（複数入力用）'!D142</f>
        <v>0</v>
      </c>
      <c r="E140" s="14">
        <f>'申請書（複数入力用）'!H142</f>
        <v>0</v>
      </c>
      <c r="F140" s="11" t="str">
        <f>'申請書（複数入力用）'!J142</f>
        <v/>
      </c>
      <c r="G140" s="6" t="str">
        <f>'申請書（複数入力用）'!K142</f>
        <v>a052r000000jS9ZAAU</v>
      </c>
      <c r="H140" s="12" t="e">
        <f>'申請書（複数入力用）'!N142</f>
        <v>#N/A</v>
      </c>
      <c r="I140" s="12" t="e">
        <f>'申請書（複数入力用）'!O142</f>
        <v>#N/A</v>
      </c>
      <c r="J140" s="12">
        <f>'申請書（複数入力用）'!P142</f>
        <v>1</v>
      </c>
    </row>
    <row r="141" spans="1:10" ht="51.6" customHeight="1" x14ac:dyDescent="0.45">
      <c r="A141" s="6">
        <f>'申請書（複数入力用）'!A143</f>
        <v>137</v>
      </c>
      <c r="B141" s="13">
        <f>'申請書（複数入力用）'!AH143</f>
        <v>0</v>
      </c>
      <c r="C141" s="6">
        <f>'申請書（複数入力用）'!B143</f>
        <v>0</v>
      </c>
      <c r="D141" s="6">
        <f>'申請書（複数入力用）'!D143</f>
        <v>0</v>
      </c>
      <c r="E141" s="14">
        <f>'申請書（複数入力用）'!H143</f>
        <v>0</v>
      </c>
      <c r="F141" s="11" t="str">
        <f>'申請書（複数入力用）'!J143</f>
        <v/>
      </c>
      <c r="G141" s="6" t="str">
        <f>'申請書（複数入力用）'!K143</f>
        <v>a052r000000jS9ZAAU</v>
      </c>
      <c r="H141" s="12" t="e">
        <f>'申請書（複数入力用）'!N143</f>
        <v>#N/A</v>
      </c>
      <c r="I141" s="12" t="e">
        <f>'申請書（複数入力用）'!O143</f>
        <v>#N/A</v>
      </c>
      <c r="J141" s="12">
        <f>'申請書（複数入力用）'!P143</f>
        <v>1</v>
      </c>
    </row>
    <row r="142" spans="1:10" ht="51.6" customHeight="1" x14ac:dyDescent="0.45">
      <c r="A142" s="6">
        <f>'申請書（複数入力用）'!A144</f>
        <v>138</v>
      </c>
      <c r="B142" s="13">
        <f>'申請書（複数入力用）'!AH144</f>
        <v>0</v>
      </c>
      <c r="C142" s="6">
        <f>'申請書（複数入力用）'!B144</f>
        <v>0</v>
      </c>
      <c r="D142" s="6">
        <f>'申請書（複数入力用）'!D144</f>
        <v>0</v>
      </c>
      <c r="E142" s="14">
        <f>'申請書（複数入力用）'!H144</f>
        <v>0</v>
      </c>
      <c r="F142" s="11" t="str">
        <f>'申請書（複数入力用）'!J144</f>
        <v/>
      </c>
      <c r="G142" s="6" t="str">
        <f>'申請書（複数入力用）'!K144</f>
        <v>a052r000000jS9ZAAU</v>
      </c>
      <c r="H142" s="12" t="e">
        <f>'申請書（複数入力用）'!N144</f>
        <v>#N/A</v>
      </c>
      <c r="I142" s="12" t="e">
        <f>'申請書（複数入力用）'!O144</f>
        <v>#N/A</v>
      </c>
      <c r="J142" s="12">
        <f>'申請書（複数入力用）'!P144</f>
        <v>1</v>
      </c>
    </row>
    <row r="143" spans="1:10" ht="51.6" customHeight="1" x14ac:dyDescent="0.45">
      <c r="A143" s="6">
        <f>'申請書（複数入力用）'!A145</f>
        <v>139</v>
      </c>
      <c r="B143" s="13">
        <f>'申請書（複数入力用）'!AH145</f>
        <v>0</v>
      </c>
      <c r="C143" s="6">
        <f>'申請書（複数入力用）'!B145</f>
        <v>0</v>
      </c>
      <c r="D143" s="6">
        <f>'申請書（複数入力用）'!D145</f>
        <v>0</v>
      </c>
      <c r="E143" s="14">
        <f>'申請書（複数入力用）'!H145</f>
        <v>0</v>
      </c>
      <c r="F143" s="11" t="str">
        <f>'申請書（複数入力用）'!J145</f>
        <v/>
      </c>
      <c r="G143" s="6" t="str">
        <f>'申請書（複数入力用）'!K145</f>
        <v>a052r000000jS9ZAAU</v>
      </c>
      <c r="H143" s="12" t="e">
        <f>'申請書（複数入力用）'!N145</f>
        <v>#N/A</v>
      </c>
      <c r="I143" s="12" t="e">
        <f>'申請書（複数入力用）'!O145</f>
        <v>#N/A</v>
      </c>
      <c r="J143" s="12">
        <f>'申請書（複数入力用）'!P145</f>
        <v>1</v>
      </c>
    </row>
    <row r="144" spans="1:10" ht="51.6" customHeight="1" x14ac:dyDescent="0.45">
      <c r="A144" s="6">
        <f>'申請書（複数入力用）'!A146</f>
        <v>140</v>
      </c>
      <c r="B144" s="13">
        <f>'申請書（複数入力用）'!AH146</f>
        <v>0</v>
      </c>
      <c r="C144" s="6">
        <f>'申請書（複数入力用）'!B146</f>
        <v>0</v>
      </c>
      <c r="D144" s="6">
        <f>'申請書（複数入力用）'!D146</f>
        <v>0</v>
      </c>
      <c r="E144" s="14">
        <f>'申請書（複数入力用）'!H146</f>
        <v>0</v>
      </c>
      <c r="F144" s="11" t="str">
        <f>'申請書（複数入力用）'!J146</f>
        <v/>
      </c>
      <c r="G144" s="6" t="str">
        <f>'申請書（複数入力用）'!K146</f>
        <v>a052r000000jS9ZAAU</v>
      </c>
      <c r="H144" s="12" t="e">
        <f>'申請書（複数入力用）'!N146</f>
        <v>#N/A</v>
      </c>
      <c r="I144" s="12" t="e">
        <f>'申請書（複数入力用）'!O146</f>
        <v>#N/A</v>
      </c>
      <c r="J144" s="12">
        <f>'申請書（複数入力用）'!P146</f>
        <v>1</v>
      </c>
    </row>
    <row r="145" spans="1:10" ht="51.6" customHeight="1" x14ac:dyDescent="0.45">
      <c r="A145" s="6">
        <f>'申請書（複数入力用）'!A147</f>
        <v>141</v>
      </c>
      <c r="B145" s="13">
        <f>'申請書（複数入力用）'!AH147</f>
        <v>0</v>
      </c>
      <c r="C145" s="6">
        <f>'申請書（複数入力用）'!B147</f>
        <v>0</v>
      </c>
      <c r="D145" s="6">
        <f>'申請書（複数入力用）'!D147</f>
        <v>0</v>
      </c>
      <c r="E145" s="14">
        <f>'申請書（複数入力用）'!H147</f>
        <v>0</v>
      </c>
      <c r="F145" s="11" t="str">
        <f>'申請書（複数入力用）'!J147</f>
        <v/>
      </c>
      <c r="G145" s="6" t="str">
        <f>'申請書（複数入力用）'!K147</f>
        <v>a052r000000jS9ZAAU</v>
      </c>
      <c r="H145" s="12" t="e">
        <f>'申請書（複数入力用）'!N147</f>
        <v>#N/A</v>
      </c>
      <c r="I145" s="12" t="e">
        <f>'申請書（複数入力用）'!O147</f>
        <v>#N/A</v>
      </c>
      <c r="J145" s="12">
        <f>'申請書（複数入力用）'!P147</f>
        <v>1</v>
      </c>
    </row>
    <row r="146" spans="1:10" ht="51.6" customHeight="1" x14ac:dyDescent="0.45">
      <c r="A146" s="6">
        <f>'申請書（複数入力用）'!A148</f>
        <v>142</v>
      </c>
      <c r="B146" s="13">
        <f>'申請書（複数入力用）'!AH148</f>
        <v>0</v>
      </c>
      <c r="C146" s="6">
        <f>'申請書（複数入力用）'!B148</f>
        <v>0</v>
      </c>
      <c r="D146" s="6">
        <f>'申請書（複数入力用）'!D148</f>
        <v>0</v>
      </c>
      <c r="E146" s="14">
        <f>'申請書（複数入力用）'!H148</f>
        <v>0</v>
      </c>
      <c r="F146" s="11" t="str">
        <f>'申請書（複数入力用）'!J148</f>
        <v/>
      </c>
      <c r="G146" s="6" t="str">
        <f>'申請書（複数入力用）'!K148</f>
        <v>a052r000000jS9ZAAU</v>
      </c>
      <c r="H146" s="12" t="e">
        <f>'申請書（複数入力用）'!N148</f>
        <v>#N/A</v>
      </c>
      <c r="I146" s="12" t="e">
        <f>'申請書（複数入力用）'!O148</f>
        <v>#N/A</v>
      </c>
      <c r="J146" s="12">
        <f>'申請書（複数入力用）'!P148</f>
        <v>1</v>
      </c>
    </row>
    <row r="147" spans="1:10" ht="51.6" customHeight="1" x14ac:dyDescent="0.45">
      <c r="A147" s="6">
        <f>'申請書（複数入力用）'!A149</f>
        <v>143</v>
      </c>
      <c r="B147" s="13">
        <f>'申請書（複数入力用）'!AH149</f>
        <v>0</v>
      </c>
      <c r="C147" s="6">
        <f>'申請書（複数入力用）'!B149</f>
        <v>0</v>
      </c>
      <c r="D147" s="6">
        <f>'申請書（複数入力用）'!D149</f>
        <v>0</v>
      </c>
      <c r="E147" s="14">
        <f>'申請書（複数入力用）'!H149</f>
        <v>0</v>
      </c>
      <c r="F147" s="11" t="str">
        <f>'申請書（複数入力用）'!J149</f>
        <v/>
      </c>
      <c r="G147" s="6" t="str">
        <f>'申請書（複数入力用）'!K149</f>
        <v>a052r000000jS9ZAAU</v>
      </c>
      <c r="H147" s="12" t="e">
        <f>'申請書（複数入力用）'!N149</f>
        <v>#N/A</v>
      </c>
      <c r="I147" s="12" t="e">
        <f>'申請書（複数入力用）'!O149</f>
        <v>#N/A</v>
      </c>
      <c r="J147" s="12">
        <f>'申請書（複数入力用）'!P149</f>
        <v>1</v>
      </c>
    </row>
    <row r="148" spans="1:10" ht="51.6" customHeight="1" x14ac:dyDescent="0.45">
      <c r="A148" s="6">
        <f>'申請書（複数入力用）'!A150</f>
        <v>144</v>
      </c>
      <c r="B148" s="13">
        <f>'申請書（複数入力用）'!AH150</f>
        <v>0</v>
      </c>
      <c r="C148" s="6">
        <f>'申請書（複数入力用）'!B150</f>
        <v>0</v>
      </c>
      <c r="D148" s="6">
        <f>'申請書（複数入力用）'!D150</f>
        <v>0</v>
      </c>
      <c r="E148" s="14">
        <f>'申請書（複数入力用）'!H150</f>
        <v>0</v>
      </c>
      <c r="F148" s="11" t="str">
        <f>'申請書（複数入力用）'!J150</f>
        <v/>
      </c>
      <c r="G148" s="6" t="str">
        <f>'申請書（複数入力用）'!K150</f>
        <v>a052r000000jS9ZAAU</v>
      </c>
      <c r="H148" s="12" t="e">
        <f>'申請書（複数入力用）'!N150</f>
        <v>#N/A</v>
      </c>
      <c r="I148" s="12" t="e">
        <f>'申請書（複数入力用）'!O150</f>
        <v>#N/A</v>
      </c>
      <c r="J148" s="12">
        <f>'申請書（複数入力用）'!P150</f>
        <v>1</v>
      </c>
    </row>
    <row r="149" spans="1:10" ht="51.6" customHeight="1" x14ac:dyDescent="0.45">
      <c r="A149" s="6">
        <f>'申請書（複数入力用）'!A151</f>
        <v>145</v>
      </c>
      <c r="B149" s="13">
        <f>'申請書（複数入力用）'!AH151</f>
        <v>0</v>
      </c>
      <c r="C149" s="6">
        <f>'申請書（複数入力用）'!B151</f>
        <v>0</v>
      </c>
      <c r="D149" s="6">
        <f>'申請書（複数入力用）'!D151</f>
        <v>0</v>
      </c>
      <c r="E149" s="14">
        <f>'申請書（複数入力用）'!H151</f>
        <v>0</v>
      </c>
      <c r="F149" s="11" t="str">
        <f>'申請書（複数入力用）'!J151</f>
        <v/>
      </c>
      <c r="G149" s="6" t="str">
        <f>'申請書（複数入力用）'!K151</f>
        <v>a052r000000jS9ZAAU</v>
      </c>
      <c r="H149" s="12" t="e">
        <f>'申請書（複数入力用）'!N151</f>
        <v>#N/A</v>
      </c>
      <c r="I149" s="12" t="e">
        <f>'申請書（複数入力用）'!O151</f>
        <v>#N/A</v>
      </c>
      <c r="J149" s="12">
        <f>'申請書（複数入力用）'!P151</f>
        <v>1</v>
      </c>
    </row>
    <row r="150" spans="1:10" ht="51.6" customHeight="1" x14ac:dyDescent="0.45">
      <c r="A150" s="6">
        <f>'申請書（複数入力用）'!A152</f>
        <v>146</v>
      </c>
      <c r="B150" s="13">
        <f>'申請書（複数入力用）'!AH152</f>
        <v>0</v>
      </c>
      <c r="C150" s="6">
        <f>'申請書（複数入力用）'!B152</f>
        <v>0</v>
      </c>
      <c r="D150" s="6">
        <f>'申請書（複数入力用）'!D152</f>
        <v>0</v>
      </c>
      <c r="E150" s="14">
        <f>'申請書（複数入力用）'!H152</f>
        <v>0</v>
      </c>
      <c r="F150" s="11" t="str">
        <f>'申請書（複数入力用）'!J152</f>
        <v/>
      </c>
      <c r="G150" s="6" t="str">
        <f>'申請書（複数入力用）'!K152</f>
        <v>a052r000000jS9ZAAU</v>
      </c>
      <c r="H150" s="12" t="e">
        <f>'申請書（複数入力用）'!N152</f>
        <v>#N/A</v>
      </c>
      <c r="I150" s="12" t="e">
        <f>'申請書（複数入力用）'!O152</f>
        <v>#N/A</v>
      </c>
      <c r="J150" s="12">
        <f>'申請書（複数入力用）'!P152</f>
        <v>1</v>
      </c>
    </row>
    <row r="151" spans="1:10" ht="51.6" customHeight="1" x14ac:dyDescent="0.45">
      <c r="A151" s="6">
        <f>'申請書（複数入力用）'!A153</f>
        <v>147</v>
      </c>
      <c r="B151" s="13">
        <f>'申請書（複数入力用）'!AH153</f>
        <v>0</v>
      </c>
      <c r="C151" s="6">
        <f>'申請書（複数入力用）'!B153</f>
        <v>0</v>
      </c>
      <c r="D151" s="6">
        <f>'申請書（複数入力用）'!D153</f>
        <v>0</v>
      </c>
      <c r="E151" s="14">
        <f>'申請書（複数入力用）'!H153</f>
        <v>0</v>
      </c>
      <c r="F151" s="11" t="str">
        <f>'申請書（複数入力用）'!J153</f>
        <v/>
      </c>
      <c r="G151" s="6" t="str">
        <f>'申請書（複数入力用）'!K153</f>
        <v>a052r000000jS9ZAAU</v>
      </c>
      <c r="H151" s="12" t="e">
        <f>'申請書（複数入力用）'!N153</f>
        <v>#N/A</v>
      </c>
      <c r="I151" s="12" t="e">
        <f>'申請書（複数入力用）'!O153</f>
        <v>#N/A</v>
      </c>
      <c r="J151" s="12">
        <f>'申請書（複数入力用）'!P153</f>
        <v>1</v>
      </c>
    </row>
    <row r="152" spans="1:10" ht="51.6" customHeight="1" x14ac:dyDescent="0.45">
      <c r="A152" s="6">
        <f>'申請書（複数入力用）'!A154</f>
        <v>148</v>
      </c>
      <c r="B152" s="13">
        <f>'申請書（複数入力用）'!AH154</f>
        <v>0</v>
      </c>
      <c r="C152" s="6">
        <f>'申請書（複数入力用）'!B154</f>
        <v>0</v>
      </c>
      <c r="D152" s="6">
        <f>'申請書（複数入力用）'!D154</f>
        <v>0</v>
      </c>
      <c r="E152" s="14">
        <f>'申請書（複数入力用）'!H154</f>
        <v>0</v>
      </c>
      <c r="F152" s="11" t="str">
        <f>'申請書（複数入力用）'!J154</f>
        <v/>
      </c>
      <c r="G152" s="6" t="str">
        <f>'申請書（複数入力用）'!K154</f>
        <v>a052r000000jS9ZAAU</v>
      </c>
      <c r="H152" s="12" t="e">
        <f>'申請書（複数入力用）'!N154</f>
        <v>#N/A</v>
      </c>
      <c r="I152" s="12" t="e">
        <f>'申請書（複数入力用）'!O154</f>
        <v>#N/A</v>
      </c>
      <c r="J152" s="12">
        <f>'申請書（複数入力用）'!P154</f>
        <v>1</v>
      </c>
    </row>
    <row r="153" spans="1:10" ht="51.6" customHeight="1" x14ac:dyDescent="0.45">
      <c r="A153" s="6">
        <f>'申請書（複数入力用）'!A155</f>
        <v>149</v>
      </c>
      <c r="B153" s="13">
        <f>'申請書（複数入力用）'!AH155</f>
        <v>0</v>
      </c>
      <c r="C153" s="6">
        <f>'申請書（複数入力用）'!B155</f>
        <v>0</v>
      </c>
      <c r="D153" s="6">
        <f>'申請書（複数入力用）'!D155</f>
        <v>0</v>
      </c>
      <c r="E153" s="14">
        <f>'申請書（複数入力用）'!H155</f>
        <v>0</v>
      </c>
      <c r="F153" s="11" t="str">
        <f>'申請書（複数入力用）'!J155</f>
        <v/>
      </c>
      <c r="G153" s="6" t="str">
        <f>'申請書（複数入力用）'!K155</f>
        <v>a052r000000jS9ZAAU</v>
      </c>
      <c r="H153" s="12" t="e">
        <f>'申請書（複数入力用）'!N155</f>
        <v>#N/A</v>
      </c>
      <c r="I153" s="12" t="e">
        <f>'申請書（複数入力用）'!O155</f>
        <v>#N/A</v>
      </c>
      <c r="J153" s="12">
        <f>'申請書（複数入力用）'!P155</f>
        <v>1</v>
      </c>
    </row>
    <row r="154" spans="1:10" ht="51.6" customHeight="1" x14ac:dyDescent="0.45">
      <c r="A154" s="6">
        <f>'申請書（複数入力用）'!A156</f>
        <v>150</v>
      </c>
      <c r="B154" s="13">
        <f>'申請書（複数入力用）'!AH156</f>
        <v>0</v>
      </c>
      <c r="C154" s="6">
        <f>'申請書（複数入力用）'!B156</f>
        <v>0</v>
      </c>
      <c r="D154" s="6">
        <f>'申請書（複数入力用）'!D156</f>
        <v>0</v>
      </c>
      <c r="E154" s="14">
        <f>'申請書（複数入力用）'!H156</f>
        <v>0</v>
      </c>
      <c r="F154" s="11" t="str">
        <f>'申請書（複数入力用）'!J156</f>
        <v/>
      </c>
      <c r="G154" s="6" t="str">
        <f>'申請書（複数入力用）'!K156</f>
        <v>a052r000000jS9ZAAU</v>
      </c>
      <c r="H154" s="12" t="e">
        <f>'申請書（複数入力用）'!N156</f>
        <v>#N/A</v>
      </c>
      <c r="I154" s="12" t="e">
        <f>'申請書（複数入力用）'!O156</f>
        <v>#N/A</v>
      </c>
      <c r="J154" s="12">
        <f>'申請書（複数入力用）'!P156</f>
        <v>1</v>
      </c>
    </row>
    <row r="155" spans="1:10" ht="51.6" customHeight="1" x14ac:dyDescent="0.45">
      <c r="A155" s="6">
        <f>'申請書（複数入力用）'!A157</f>
        <v>151</v>
      </c>
      <c r="B155" s="13">
        <f>'申請書（複数入力用）'!AH157</f>
        <v>0</v>
      </c>
      <c r="C155" s="6">
        <f>'申請書（複数入力用）'!B157</f>
        <v>0</v>
      </c>
      <c r="D155" s="6">
        <f>'申請書（複数入力用）'!D157</f>
        <v>0</v>
      </c>
      <c r="E155" s="14">
        <f>'申請書（複数入力用）'!H157</f>
        <v>0</v>
      </c>
      <c r="F155" s="11" t="str">
        <f>'申請書（複数入力用）'!J157</f>
        <v/>
      </c>
      <c r="G155" s="6" t="str">
        <f>'申請書（複数入力用）'!K157</f>
        <v>a052r000000jS9ZAAU</v>
      </c>
      <c r="H155" s="12" t="e">
        <f>'申請書（複数入力用）'!N157</f>
        <v>#N/A</v>
      </c>
      <c r="I155" s="12" t="e">
        <f>'申請書（複数入力用）'!O157</f>
        <v>#N/A</v>
      </c>
      <c r="J155" s="12">
        <f>'申請書（複数入力用）'!P157</f>
        <v>1</v>
      </c>
    </row>
    <row r="156" spans="1:10" ht="51.6" customHeight="1" x14ac:dyDescent="0.45">
      <c r="A156" s="6">
        <f>'申請書（複数入力用）'!A158</f>
        <v>152</v>
      </c>
      <c r="B156" s="13">
        <f>'申請書（複数入力用）'!AH158</f>
        <v>0</v>
      </c>
      <c r="C156" s="6">
        <f>'申請書（複数入力用）'!B158</f>
        <v>0</v>
      </c>
      <c r="D156" s="6">
        <f>'申請書（複数入力用）'!D158</f>
        <v>0</v>
      </c>
      <c r="E156" s="14">
        <f>'申請書（複数入力用）'!H158</f>
        <v>0</v>
      </c>
      <c r="F156" s="11" t="str">
        <f>'申請書（複数入力用）'!J158</f>
        <v/>
      </c>
      <c r="G156" s="6" t="str">
        <f>'申請書（複数入力用）'!K158</f>
        <v>a052r000000jS9ZAAU</v>
      </c>
      <c r="H156" s="12" t="e">
        <f>'申請書（複数入力用）'!N158</f>
        <v>#N/A</v>
      </c>
      <c r="I156" s="12" t="e">
        <f>'申請書（複数入力用）'!O158</f>
        <v>#N/A</v>
      </c>
      <c r="J156" s="12">
        <f>'申請書（複数入力用）'!P158</f>
        <v>1</v>
      </c>
    </row>
    <row r="157" spans="1:10" ht="51.6" customHeight="1" x14ac:dyDescent="0.45">
      <c r="A157" s="6">
        <f>'申請書（複数入力用）'!A159</f>
        <v>153</v>
      </c>
      <c r="B157" s="13">
        <f>'申請書（複数入力用）'!AH159</f>
        <v>0</v>
      </c>
      <c r="C157" s="6">
        <f>'申請書（複数入力用）'!B159</f>
        <v>0</v>
      </c>
      <c r="D157" s="6">
        <f>'申請書（複数入力用）'!D159</f>
        <v>0</v>
      </c>
      <c r="E157" s="14">
        <f>'申請書（複数入力用）'!H159</f>
        <v>0</v>
      </c>
      <c r="F157" s="11" t="str">
        <f>'申請書（複数入力用）'!J159</f>
        <v/>
      </c>
      <c r="G157" s="6" t="str">
        <f>'申請書（複数入力用）'!K159</f>
        <v>a052r000000jS9ZAAU</v>
      </c>
      <c r="H157" s="12" t="e">
        <f>'申請書（複数入力用）'!N159</f>
        <v>#N/A</v>
      </c>
      <c r="I157" s="12" t="e">
        <f>'申請書（複数入力用）'!O159</f>
        <v>#N/A</v>
      </c>
      <c r="J157" s="12">
        <f>'申請書（複数入力用）'!P159</f>
        <v>1</v>
      </c>
    </row>
    <row r="158" spans="1:10" ht="51.6" customHeight="1" x14ac:dyDescent="0.45">
      <c r="A158" s="6">
        <f>'申請書（複数入力用）'!A160</f>
        <v>154</v>
      </c>
      <c r="B158" s="13">
        <f>'申請書（複数入力用）'!AH160</f>
        <v>0</v>
      </c>
      <c r="C158" s="6">
        <f>'申請書（複数入力用）'!B160</f>
        <v>0</v>
      </c>
      <c r="D158" s="6">
        <f>'申請書（複数入力用）'!D160</f>
        <v>0</v>
      </c>
      <c r="E158" s="14">
        <f>'申請書（複数入力用）'!H160</f>
        <v>0</v>
      </c>
      <c r="F158" s="11" t="str">
        <f>'申請書（複数入力用）'!J160</f>
        <v/>
      </c>
      <c r="G158" s="6" t="str">
        <f>'申請書（複数入力用）'!K160</f>
        <v>a052r000000jS9ZAAU</v>
      </c>
      <c r="H158" s="12" t="e">
        <f>'申請書（複数入力用）'!N160</f>
        <v>#N/A</v>
      </c>
      <c r="I158" s="12" t="e">
        <f>'申請書（複数入力用）'!O160</f>
        <v>#N/A</v>
      </c>
      <c r="J158" s="12">
        <f>'申請書（複数入力用）'!P160</f>
        <v>1</v>
      </c>
    </row>
    <row r="159" spans="1:10" ht="51.6" customHeight="1" x14ac:dyDescent="0.45">
      <c r="A159" s="6">
        <f>'申請書（複数入力用）'!A161</f>
        <v>155</v>
      </c>
      <c r="B159" s="13">
        <f>'申請書（複数入力用）'!AH161</f>
        <v>0</v>
      </c>
      <c r="C159" s="6">
        <f>'申請書（複数入力用）'!B161</f>
        <v>0</v>
      </c>
      <c r="D159" s="6">
        <f>'申請書（複数入力用）'!D161</f>
        <v>0</v>
      </c>
      <c r="E159" s="14">
        <f>'申請書（複数入力用）'!H161</f>
        <v>0</v>
      </c>
      <c r="F159" s="11" t="str">
        <f>'申請書（複数入力用）'!J161</f>
        <v/>
      </c>
      <c r="G159" s="6" t="str">
        <f>'申請書（複数入力用）'!K161</f>
        <v>a052r000000jS9ZAAU</v>
      </c>
      <c r="H159" s="12" t="e">
        <f>'申請書（複数入力用）'!N161</f>
        <v>#N/A</v>
      </c>
      <c r="I159" s="12" t="e">
        <f>'申請書（複数入力用）'!O161</f>
        <v>#N/A</v>
      </c>
      <c r="J159" s="12">
        <f>'申請書（複数入力用）'!P161</f>
        <v>1</v>
      </c>
    </row>
    <row r="160" spans="1:10" ht="51.6" customHeight="1" x14ac:dyDescent="0.45">
      <c r="A160" s="6">
        <f>'申請書（複数入力用）'!A162</f>
        <v>156</v>
      </c>
      <c r="B160" s="13">
        <f>'申請書（複数入力用）'!AH162</f>
        <v>0</v>
      </c>
      <c r="C160" s="6">
        <f>'申請書（複数入力用）'!B162</f>
        <v>0</v>
      </c>
      <c r="D160" s="6">
        <f>'申請書（複数入力用）'!D162</f>
        <v>0</v>
      </c>
      <c r="E160" s="14">
        <f>'申請書（複数入力用）'!H162</f>
        <v>0</v>
      </c>
      <c r="F160" s="11" t="str">
        <f>'申請書（複数入力用）'!J162</f>
        <v/>
      </c>
      <c r="G160" s="6" t="str">
        <f>'申請書（複数入力用）'!K162</f>
        <v>a052r000000jS9ZAAU</v>
      </c>
      <c r="H160" s="12" t="e">
        <f>'申請書（複数入力用）'!N162</f>
        <v>#N/A</v>
      </c>
      <c r="I160" s="12" t="e">
        <f>'申請書（複数入力用）'!O162</f>
        <v>#N/A</v>
      </c>
      <c r="J160" s="12">
        <f>'申請書（複数入力用）'!P162</f>
        <v>1</v>
      </c>
    </row>
    <row r="161" spans="1:10" ht="51.6" customHeight="1" x14ac:dyDescent="0.45">
      <c r="A161" s="6">
        <f>'申請書（複数入力用）'!A163</f>
        <v>157</v>
      </c>
      <c r="B161" s="13">
        <f>'申請書（複数入力用）'!AH163</f>
        <v>0</v>
      </c>
      <c r="C161" s="6">
        <f>'申請書（複数入力用）'!B163</f>
        <v>0</v>
      </c>
      <c r="D161" s="6">
        <f>'申請書（複数入力用）'!D163</f>
        <v>0</v>
      </c>
      <c r="E161" s="14">
        <f>'申請書（複数入力用）'!H163</f>
        <v>0</v>
      </c>
      <c r="F161" s="11" t="str">
        <f>'申請書（複数入力用）'!J163</f>
        <v/>
      </c>
      <c r="G161" s="6" t="str">
        <f>'申請書（複数入力用）'!K163</f>
        <v>a052r000000jS9ZAAU</v>
      </c>
      <c r="H161" s="12" t="e">
        <f>'申請書（複数入力用）'!N163</f>
        <v>#N/A</v>
      </c>
      <c r="I161" s="12" t="e">
        <f>'申請書（複数入力用）'!O163</f>
        <v>#N/A</v>
      </c>
      <c r="J161" s="12">
        <f>'申請書（複数入力用）'!P163</f>
        <v>1</v>
      </c>
    </row>
    <row r="162" spans="1:10" ht="51.6" customHeight="1" x14ac:dyDescent="0.45">
      <c r="A162" s="6">
        <f>'申請書（複数入力用）'!A164</f>
        <v>158</v>
      </c>
      <c r="B162" s="13">
        <f>'申請書（複数入力用）'!AH164</f>
        <v>0</v>
      </c>
      <c r="C162" s="6">
        <f>'申請書（複数入力用）'!B164</f>
        <v>0</v>
      </c>
      <c r="D162" s="6">
        <f>'申請書（複数入力用）'!D164</f>
        <v>0</v>
      </c>
      <c r="E162" s="14">
        <f>'申請書（複数入力用）'!H164</f>
        <v>0</v>
      </c>
      <c r="F162" s="11" t="str">
        <f>'申請書（複数入力用）'!J164</f>
        <v/>
      </c>
      <c r="G162" s="6" t="str">
        <f>'申請書（複数入力用）'!K164</f>
        <v>a052r000000jS9ZAAU</v>
      </c>
      <c r="H162" s="12" t="e">
        <f>'申請書（複数入力用）'!N164</f>
        <v>#N/A</v>
      </c>
      <c r="I162" s="12" t="e">
        <f>'申請書（複数入力用）'!O164</f>
        <v>#N/A</v>
      </c>
      <c r="J162" s="12">
        <f>'申請書（複数入力用）'!P164</f>
        <v>1</v>
      </c>
    </row>
    <row r="163" spans="1:10" ht="51.6" customHeight="1" x14ac:dyDescent="0.45">
      <c r="A163" s="6">
        <f>'申請書（複数入力用）'!A165</f>
        <v>159</v>
      </c>
      <c r="B163" s="13">
        <f>'申請書（複数入力用）'!AH165</f>
        <v>0</v>
      </c>
      <c r="C163" s="6">
        <f>'申請書（複数入力用）'!B165</f>
        <v>0</v>
      </c>
      <c r="D163" s="6">
        <f>'申請書（複数入力用）'!D165</f>
        <v>0</v>
      </c>
      <c r="E163" s="14">
        <f>'申請書（複数入力用）'!H165</f>
        <v>0</v>
      </c>
      <c r="F163" s="11" t="str">
        <f>'申請書（複数入力用）'!J165</f>
        <v/>
      </c>
      <c r="G163" s="6" t="str">
        <f>'申請書（複数入力用）'!K165</f>
        <v>a052r000000jS9ZAAU</v>
      </c>
      <c r="H163" s="12" t="e">
        <f>'申請書（複数入力用）'!N165</f>
        <v>#N/A</v>
      </c>
      <c r="I163" s="12" t="e">
        <f>'申請書（複数入力用）'!O165</f>
        <v>#N/A</v>
      </c>
      <c r="J163" s="12">
        <f>'申請書（複数入力用）'!P165</f>
        <v>1</v>
      </c>
    </row>
    <row r="164" spans="1:10" ht="51.6" customHeight="1" x14ac:dyDescent="0.45">
      <c r="A164" s="6">
        <f>'申請書（複数入力用）'!A166</f>
        <v>160</v>
      </c>
      <c r="B164" s="13">
        <f>'申請書（複数入力用）'!AH166</f>
        <v>0</v>
      </c>
      <c r="C164" s="6">
        <f>'申請書（複数入力用）'!B166</f>
        <v>0</v>
      </c>
      <c r="D164" s="6">
        <f>'申請書（複数入力用）'!D166</f>
        <v>0</v>
      </c>
      <c r="E164" s="14">
        <f>'申請書（複数入力用）'!H166</f>
        <v>0</v>
      </c>
      <c r="F164" s="11" t="str">
        <f>'申請書（複数入力用）'!J166</f>
        <v/>
      </c>
      <c r="G164" s="6" t="str">
        <f>'申請書（複数入力用）'!K166</f>
        <v>a052r000000jS9ZAAU</v>
      </c>
      <c r="H164" s="12" t="e">
        <f>'申請書（複数入力用）'!N166</f>
        <v>#N/A</v>
      </c>
      <c r="I164" s="12" t="e">
        <f>'申請書（複数入力用）'!O166</f>
        <v>#N/A</v>
      </c>
      <c r="J164" s="12">
        <f>'申請書（複数入力用）'!P166</f>
        <v>1</v>
      </c>
    </row>
    <row r="165" spans="1:10" ht="51.6" customHeight="1" x14ac:dyDescent="0.45">
      <c r="A165" s="6">
        <f>'申請書（複数入力用）'!A167</f>
        <v>161</v>
      </c>
      <c r="B165" s="13">
        <f>'申請書（複数入力用）'!AH167</f>
        <v>0</v>
      </c>
      <c r="C165" s="6">
        <f>'申請書（複数入力用）'!B167</f>
        <v>0</v>
      </c>
      <c r="D165" s="6">
        <f>'申請書（複数入力用）'!D167</f>
        <v>0</v>
      </c>
      <c r="E165" s="14">
        <f>'申請書（複数入力用）'!H167</f>
        <v>0</v>
      </c>
      <c r="F165" s="11" t="str">
        <f>'申請書（複数入力用）'!J167</f>
        <v/>
      </c>
      <c r="G165" s="6" t="str">
        <f>'申請書（複数入力用）'!K167</f>
        <v>a052r000000jS9ZAAU</v>
      </c>
      <c r="H165" s="12" t="e">
        <f>'申請書（複数入力用）'!N167</f>
        <v>#N/A</v>
      </c>
      <c r="I165" s="12" t="e">
        <f>'申請書（複数入力用）'!O167</f>
        <v>#N/A</v>
      </c>
      <c r="J165" s="12">
        <f>'申請書（複数入力用）'!P167</f>
        <v>1</v>
      </c>
    </row>
    <row r="166" spans="1:10" ht="51.6" customHeight="1" x14ac:dyDescent="0.45">
      <c r="A166" s="6">
        <f>'申請書（複数入力用）'!A168</f>
        <v>162</v>
      </c>
      <c r="B166" s="13">
        <f>'申請書（複数入力用）'!AH168</f>
        <v>0</v>
      </c>
      <c r="C166" s="6">
        <f>'申請書（複数入力用）'!B168</f>
        <v>0</v>
      </c>
      <c r="D166" s="6">
        <f>'申請書（複数入力用）'!D168</f>
        <v>0</v>
      </c>
      <c r="E166" s="14">
        <f>'申請書（複数入力用）'!H168</f>
        <v>0</v>
      </c>
      <c r="F166" s="11" t="str">
        <f>'申請書（複数入力用）'!J168</f>
        <v/>
      </c>
      <c r="G166" s="6" t="str">
        <f>'申請書（複数入力用）'!K168</f>
        <v>a052r000000jS9ZAAU</v>
      </c>
      <c r="H166" s="12" t="e">
        <f>'申請書（複数入力用）'!N168</f>
        <v>#N/A</v>
      </c>
      <c r="I166" s="12" t="e">
        <f>'申請書（複数入力用）'!O168</f>
        <v>#N/A</v>
      </c>
      <c r="J166" s="12">
        <f>'申請書（複数入力用）'!P168</f>
        <v>1</v>
      </c>
    </row>
    <row r="167" spans="1:10" ht="51.6" customHeight="1" x14ac:dyDescent="0.45">
      <c r="A167" s="6">
        <f>'申請書（複数入力用）'!A169</f>
        <v>163</v>
      </c>
      <c r="B167" s="13">
        <f>'申請書（複数入力用）'!AH169</f>
        <v>0</v>
      </c>
      <c r="C167" s="6">
        <f>'申請書（複数入力用）'!B169</f>
        <v>0</v>
      </c>
      <c r="D167" s="6">
        <f>'申請書（複数入力用）'!D169</f>
        <v>0</v>
      </c>
      <c r="E167" s="14">
        <f>'申請書（複数入力用）'!H169</f>
        <v>0</v>
      </c>
      <c r="F167" s="11" t="str">
        <f>'申請書（複数入力用）'!J169</f>
        <v/>
      </c>
      <c r="G167" s="6" t="str">
        <f>'申請書（複数入力用）'!K169</f>
        <v>a052r000000jS9ZAAU</v>
      </c>
      <c r="H167" s="12" t="e">
        <f>'申請書（複数入力用）'!N169</f>
        <v>#N/A</v>
      </c>
      <c r="I167" s="12" t="e">
        <f>'申請書（複数入力用）'!O169</f>
        <v>#N/A</v>
      </c>
      <c r="J167" s="12">
        <f>'申請書（複数入力用）'!P169</f>
        <v>1</v>
      </c>
    </row>
    <row r="168" spans="1:10" ht="51.6" customHeight="1" x14ac:dyDescent="0.45">
      <c r="A168" s="6">
        <f>'申請書（複数入力用）'!A170</f>
        <v>164</v>
      </c>
      <c r="B168" s="13">
        <f>'申請書（複数入力用）'!AH170</f>
        <v>0</v>
      </c>
      <c r="C168" s="6">
        <f>'申請書（複数入力用）'!B170</f>
        <v>0</v>
      </c>
      <c r="D168" s="6">
        <f>'申請書（複数入力用）'!D170</f>
        <v>0</v>
      </c>
      <c r="E168" s="14">
        <f>'申請書（複数入力用）'!H170</f>
        <v>0</v>
      </c>
      <c r="F168" s="11" t="str">
        <f>'申請書（複数入力用）'!J170</f>
        <v/>
      </c>
      <c r="G168" s="6" t="str">
        <f>'申請書（複数入力用）'!K170</f>
        <v>a052r000000jS9ZAAU</v>
      </c>
      <c r="H168" s="12" t="e">
        <f>'申請書（複数入力用）'!N170</f>
        <v>#N/A</v>
      </c>
      <c r="I168" s="12" t="e">
        <f>'申請書（複数入力用）'!O170</f>
        <v>#N/A</v>
      </c>
      <c r="J168" s="12">
        <f>'申請書（複数入力用）'!P170</f>
        <v>1</v>
      </c>
    </row>
    <row r="169" spans="1:10" ht="51.6" customHeight="1" x14ac:dyDescent="0.45">
      <c r="A169" s="6">
        <f>'申請書（複数入力用）'!A171</f>
        <v>165</v>
      </c>
      <c r="B169" s="13">
        <f>'申請書（複数入力用）'!AH171</f>
        <v>0</v>
      </c>
      <c r="C169" s="6">
        <f>'申請書（複数入力用）'!B171</f>
        <v>0</v>
      </c>
      <c r="D169" s="6">
        <f>'申請書（複数入力用）'!D171</f>
        <v>0</v>
      </c>
      <c r="E169" s="14">
        <f>'申請書（複数入力用）'!H171</f>
        <v>0</v>
      </c>
      <c r="F169" s="11" t="str">
        <f>'申請書（複数入力用）'!J171</f>
        <v/>
      </c>
      <c r="G169" s="6" t="str">
        <f>'申請書（複数入力用）'!K171</f>
        <v>a052r000000jS9ZAAU</v>
      </c>
      <c r="H169" s="12" t="e">
        <f>'申請書（複数入力用）'!N171</f>
        <v>#N/A</v>
      </c>
      <c r="I169" s="12" t="e">
        <f>'申請書（複数入力用）'!O171</f>
        <v>#N/A</v>
      </c>
      <c r="J169" s="12">
        <f>'申請書（複数入力用）'!P171</f>
        <v>1</v>
      </c>
    </row>
    <row r="170" spans="1:10" ht="51.6" customHeight="1" x14ac:dyDescent="0.45">
      <c r="A170" s="6">
        <f>'申請書（複数入力用）'!A172</f>
        <v>166</v>
      </c>
      <c r="B170" s="13">
        <f>'申請書（複数入力用）'!AH172</f>
        <v>0</v>
      </c>
      <c r="C170" s="6">
        <f>'申請書（複数入力用）'!B172</f>
        <v>0</v>
      </c>
      <c r="D170" s="6">
        <f>'申請書（複数入力用）'!D172</f>
        <v>0</v>
      </c>
      <c r="E170" s="14">
        <f>'申請書（複数入力用）'!H172</f>
        <v>0</v>
      </c>
      <c r="F170" s="11" t="str">
        <f>'申請書（複数入力用）'!J172</f>
        <v/>
      </c>
      <c r="G170" s="6" t="str">
        <f>'申請書（複数入力用）'!K172</f>
        <v>a052r000000jS9ZAAU</v>
      </c>
      <c r="H170" s="12" t="e">
        <f>'申請書（複数入力用）'!N172</f>
        <v>#N/A</v>
      </c>
      <c r="I170" s="12" t="e">
        <f>'申請書（複数入力用）'!O172</f>
        <v>#N/A</v>
      </c>
      <c r="J170" s="12">
        <f>'申請書（複数入力用）'!P172</f>
        <v>1</v>
      </c>
    </row>
    <row r="171" spans="1:10" ht="51.6" customHeight="1" x14ac:dyDescent="0.45">
      <c r="A171" s="6">
        <f>'申請書（複数入力用）'!A173</f>
        <v>167</v>
      </c>
      <c r="B171" s="13">
        <f>'申請書（複数入力用）'!AH173</f>
        <v>0</v>
      </c>
      <c r="C171" s="6">
        <f>'申請書（複数入力用）'!B173</f>
        <v>0</v>
      </c>
      <c r="D171" s="6">
        <f>'申請書（複数入力用）'!D173</f>
        <v>0</v>
      </c>
      <c r="E171" s="14">
        <f>'申請書（複数入力用）'!H173</f>
        <v>0</v>
      </c>
      <c r="F171" s="11" t="str">
        <f>'申請書（複数入力用）'!J173</f>
        <v/>
      </c>
      <c r="G171" s="6" t="str">
        <f>'申請書（複数入力用）'!K173</f>
        <v>a052r000000jS9ZAAU</v>
      </c>
      <c r="H171" s="12" t="e">
        <f>'申請書（複数入力用）'!N173</f>
        <v>#N/A</v>
      </c>
      <c r="I171" s="12" t="e">
        <f>'申請書（複数入力用）'!O173</f>
        <v>#N/A</v>
      </c>
      <c r="J171" s="12">
        <f>'申請書（複数入力用）'!P173</f>
        <v>1</v>
      </c>
    </row>
    <row r="172" spans="1:10" ht="51.6" customHeight="1" x14ac:dyDescent="0.45">
      <c r="A172" s="6">
        <f>'申請書（複数入力用）'!A174</f>
        <v>168</v>
      </c>
      <c r="B172" s="13">
        <f>'申請書（複数入力用）'!AH174</f>
        <v>0</v>
      </c>
      <c r="C172" s="6">
        <f>'申請書（複数入力用）'!B174</f>
        <v>0</v>
      </c>
      <c r="D172" s="6">
        <f>'申請書（複数入力用）'!D174</f>
        <v>0</v>
      </c>
      <c r="E172" s="14">
        <f>'申請書（複数入力用）'!H174</f>
        <v>0</v>
      </c>
      <c r="F172" s="11" t="str">
        <f>'申請書（複数入力用）'!J174</f>
        <v/>
      </c>
      <c r="G172" s="6" t="str">
        <f>'申請書（複数入力用）'!K174</f>
        <v>a052r000000jS9ZAAU</v>
      </c>
      <c r="H172" s="12" t="e">
        <f>'申請書（複数入力用）'!N174</f>
        <v>#N/A</v>
      </c>
      <c r="I172" s="12" t="e">
        <f>'申請書（複数入力用）'!O174</f>
        <v>#N/A</v>
      </c>
      <c r="J172" s="12">
        <f>'申請書（複数入力用）'!P174</f>
        <v>1</v>
      </c>
    </row>
    <row r="173" spans="1:10" ht="51.6" customHeight="1" x14ac:dyDescent="0.45">
      <c r="A173" s="6">
        <f>'申請書（複数入力用）'!A175</f>
        <v>169</v>
      </c>
      <c r="B173" s="13">
        <f>'申請書（複数入力用）'!AH175</f>
        <v>0</v>
      </c>
      <c r="C173" s="6">
        <f>'申請書（複数入力用）'!B175</f>
        <v>0</v>
      </c>
      <c r="D173" s="6">
        <f>'申請書（複数入力用）'!D175</f>
        <v>0</v>
      </c>
      <c r="E173" s="14">
        <f>'申請書（複数入力用）'!H175</f>
        <v>0</v>
      </c>
      <c r="F173" s="11" t="str">
        <f>'申請書（複数入力用）'!J175</f>
        <v/>
      </c>
      <c r="G173" s="6" t="str">
        <f>'申請書（複数入力用）'!K175</f>
        <v>a052r000000jS9ZAAU</v>
      </c>
      <c r="H173" s="12" t="e">
        <f>'申請書（複数入力用）'!N175</f>
        <v>#N/A</v>
      </c>
      <c r="I173" s="12" t="e">
        <f>'申請書（複数入力用）'!O175</f>
        <v>#N/A</v>
      </c>
      <c r="J173" s="12">
        <f>'申請書（複数入力用）'!P175</f>
        <v>1</v>
      </c>
    </row>
    <row r="174" spans="1:10" ht="51.6" customHeight="1" x14ac:dyDescent="0.45">
      <c r="A174" s="6">
        <f>'申請書（複数入力用）'!A176</f>
        <v>170</v>
      </c>
      <c r="B174" s="13">
        <f>'申請書（複数入力用）'!AH176</f>
        <v>0</v>
      </c>
      <c r="C174" s="6">
        <f>'申請書（複数入力用）'!B176</f>
        <v>0</v>
      </c>
      <c r="D174" s="6">
        <f>'申請書（複数入力用）'!D176</f>
        <v>0</v>
      </c>
      <c r="E174" s="14">
        <f>'申請書（複数入力用）'!H176</f>
        <v>0</v>
      </c>
      <c r="F174" s="11" t="str">
        <f>'申請書（複数入力用）'!J176</f>
        <v/>
      </c>
      <c r="G174" s="6" t="str">
        <f>'申請書（複数入力用）'!K176</f>
        <v>a052r000000jS9ZAAU</v>
      </c>
      <c r="H174" s="12" t="e">
        <f>'申請書（複数入力用）'!N176</f>
        <v>#N/A</v>
      </c>
      <c r="I174" s="12" t="e">
        <f>'申請書（複数入力用）'!O176</f>
        <v>#N/A</v>
      </c>
      <c r="J174" s="12">
        <f>'申請書（複数入力用）'!P176</f>
        <v>1</v>
      </c>
    </row>
    <row r="175" spans="1:10" ht="51.6" customHeight="1" x14ac:dyDescent="0.45">
      <c r="A175" s="6">
        <f>'申請書（複数入力用）'!A177</f>
        <v>171</v>
      </c>
      <c r="B175" s="13">
        <f>'申請書（複数入力用）'!AH177</f>
        <v>0</v>
      </c>
      <c r="C175" s="6">
        <f>'申請書（複数入力用）'!B177</f>
        <v>0</v>
      </c>
      <c r="D175" s="6">
        <f>'申請書（複数入力用）'!D177</f>
        <v>0</v>
      </c>
      <c r="E175" s="14">
        <f>'申請書（複数入力用）'!H177</f>
        <v>0</v>
      </c>
      <c r="F175" s="11" t="str">
        <f>'申請書（複数入力用）'!J177</f>
        <v/>
      </c>
      <c r="G175" s="6" t="str">
        <f>'申請書（複数入力用）'!K177</f>
        <v>a052r000000jS9ZAAU</v>
      </c>
      <c r="H175" s="12" t="e">
        <f>'申請書（複数入力用）'!N177</f>
        <v>#N/A</v>
      </c>
      <c r="I175" s="12" t="e">
        <f>'申請書（複数入力用）'!O177</f>
        <v>#N/A</v>
      </c>
      <c r="J175" s="12">
        <f>'申請書（複数入力用）'!P177</f>
        <v>1</v>
      </c>
    </row>
    <row r="176" spans="1:10" ht="51.6" customHeight="1" x14ac:dyDescent="0.45">
      <c r="A176" s="6">
        <f>'申請書（複数入力用）'!A178</f>
        <v>172</v>
      </c>
      <c r="B176" s="13">
        <f>'申請書（複数入力用）'!AH178</f>
        <v>0</v>
      </c>
      <c r="C176" s="6">
        <f>'申請書（複数入力用）'!B178</f>
        <v>0</v>
      </c>
      <c r="D176" s="6">
        <f>'申請書（複数入力用）'!D178</f>
        <v>0</v>
      </c>
      <c r="E176" s="14">
        <f>'申請書（複数入力用）'!H178</f>
        <v>0</v>
      </c>
      <c r="F176" s="11" t="str">
        <f>'申請書（複数入力用）'!J178</f>
        <v/>
      </c>
      <c r="G176" s="6" t="str">
        <f>'申請書（複数入力用）'!K178</f>
        <v>a052r000000jS9ZAAU</v>
      </c>
      <c r="H176" s="12" t="e">
        <f>'申請書（複数入力用）'!N178</f>
        <v>#N/A</v>
      </c>
      <c r="I176" s="12" t="e">
        <f>'申請書（複数入力用）'!O178</f>
        <v>#N/A</v>
      </c>
      <c r="J176" s="12">
        <f>'申請書（複数入力用）'!P178</f>
        <v>1</v>
      </c>
    </row>
    <row r="177" spans="1:10" ht="51.6" customHeight="1" x14ac:dyDescent="0.45">
      <c r="A177" s="6">
        <f>'申請書（複数入力用）'!A179</f>
        <v>173</v>
      </c>
      <c r="B177" s="13">
        <f>'申請書（複数入力用）'!AH179</f>
        <v>0</v>
      </c>
      <c r="C177" s="6">
        <f>'申請書（複数入力用）'!B179</f>
        <v>0</v>
      </c>
      <c r="D177" s="6">
        <f>'申請書（複数入力用）'!D179</f>
        <v>0</v>
      </c>
      <c r="E177" s="14">
        <f>'申請書（複数入力用）'!H179</f>
        <v>0</v>
      </c>
      <c r="F177" s="11" t="str">
        <f>'申請書（複数入力用）'!J179</f>
        <v/>
      </c>
      <c r="G177" s="6" t="str">
        <f>'申請書（複数入力用）'!K179</f>
        <v>a052r000000jS9ZAAU</v>
      </c>
      <c r="H177" s="12" t="e">
        <f>'申請書（複数入力用）'!N179</f>
        <v>#N/A</v>
      </c>
      <c r="I177" s="12" t="e">
        <f>'申請書（複数入力用）'!O179</f>
        <v>#N/A</v>
      </c>
      <c r="J177" s="12">
        <f>'申請書（複数入力用）'!P179</f>
        <v>1</v>
      </c>
    </row>
    <row r="178" spans="1:10" ht="51.6" customHeight="1" x14ac:dyDescent="0.45">
      <c r="A178" s="6">
        <f>'申請書（複数入力用）'!A180</f>
        <v>174</v>
      </c>
      <c r="B178" s="13">
        <f>'申請書（複数入力用）'!AH180</f>
        <v>0</v>
      </c>
      <c r="C178" s="6">
        <f>'申請書（複数入力用）'!B180</f>
        <v>0</v>
      </c>
      <c r="D178" s="6">
        <f>'申請書（複数入力用）'!D180</f>
        <v>0</v>
      </c>
      <c r="E178" s="14">
        <f>'申請書（複数入力用）'!H180</f>
        <v>0</v>
      </c>
      <c r="F178" s="11" t="str">
        <f>'申請書（複数入力用）'!J180</f>
        <v/>
      </c>
      <c r="G178" s="6" t="str">
        <f>'申請書（複数入力用）'!K180</f>
        <v>a052r000000jS9ZAAU</v>
      </c>
      <c r="H178" s="12" t="e">
        <f>'申請書（複数入力用）'!N180</f>
        <v>#N/A</v>
      </c>
      <c r="I178" s="12" t="e">
        <f>'申請書（複数入力用）'!O180</f>
        <v>#N/A</v>
      </c>
      <c r="J178" s="12">
        <f>'申請書（複数入力用）'!P180</f>
        <v>1</v>
      </c>
    </row>
    <row r="179" spans="1:10" ht="51.6" customHeight="1" x14ac:dyDescent="0.45">
      <c r="A179" s="6">
        <f>'申請書（複数入力用）'!A181</f>
        <v>175</v>
      </c>
      <c r="B179" s="13">
        <f>'申請書（複数入力用）'!AH181</f>
        <v>0</v>
      </c>
      <c r="C179" s="6">
        <f>'申請書（複数入力用）'!B181</f>
        <v>0</v>
      </c>
      <c r="D179" s="6">
        <f>'申請書（複数入力用）'!D181</f>
        <v>0</v>
      </c>
      <c r="E179" s="14">
        <f>'申請書（複数入力用）'!H181</f>
        <v>0</v>
      </c>
      <c r="F179" s="11" t="str">
        <f>'申請書（複数入力用）'!J181</f>
        <v/>
      </c>
      <c r="G179" s="6" t="str">
        <f>'申請書（複数入力用）'!K181</f>
        <v>a052r000000jS9ZAAU</v>
      </c>
      <c r="H179" s="12" t="e">
        <f>'申請書（複数入力用）'!N181</f>
        <v>#N/A</v>
      </c>
      <c r="I179" s="12" t="e">
        <f>'申請書（複数入力用）'!O181</f>
        <v>#N/A</v>
      </c>
      <c r="J179" s="12">
        <f>'申請書（複数入力用）'!P181</f>
        <v>1</v>
      </c>
    </row>
    <row r="180" spans="1:10" ht="51.6" customHeight="1" x14ac:dyDescent="0.45">
      <c r="A180" s="6">
        <f>'申請書（複数入力用）'!A182</f>
        <v>176</v>
      </c>
      <c r="B180" s="13">
        <f>'申請書（複数入力用）'!AH182</f>
        <v>0</v>
      </c>
      <c r="C180" s="6">
        <f>'申請書（複数入力用）'!B182</f>
        <v>0</v>
      </c>
      <c r="D180" s="6">
        <f>'申請書（複数入力用）'!D182</f>
        <v>0</v>
      </c>
      <c r="E180" s="14">
        <f>'申請書（複数入力用）'!H182</f>
        <v>0</v>
      </c>
      <c r="F180" s="11" t="str">
        <f>'申請書（複数入力用）'!J182</f>
        <v/>
      </c>
      <c r="G180" s="6" t="str">
        <f>'申請書（複数入力用）'!K182</f>
        <v>a052r000000jS9ZAAU</v>
      </c>
      <c r="H180" s="12" t="e">
        <f>'申請書（複数入力用）'!N182</f>
        <v>#N/A</v>
      </c>
      <c r="I180" s="12" t="e">
        <f>'申請書（複数入力用）'!O182</f>
        <v>#N/A</v>
      </c>
      <c r="J180" s="12">
        <f>'申請書（複数入力用）'!P182</f>
        <v>1</v>
      </c>
    </row>
    <row r="181" spans="1:10" ht="51.6" customHeight="1" x14ac:dyDescent="0.45">
      <c r="A181" s="6">
        <f>'申請書（複数入力用）'!A183</f>
        <v>177</v>
      </c>
      <c r="B181" s="13">
        <f>'申請書（複数入力用）'!AH183</f>
        <v>0</v>
      </c>
      <c r="C181" s="6">
        <f>'申請書（複数入力用）'!B183</f>
        <v>0</v>
      </c>
      <c r="D181" s="6">
        <f>'申請書（複数入力用）'!D183</f>
        <v>0</v>
      </c>
      <c r="E181" s="14">
        <f>'申請書（複数入力用）'!H183</f>
        <v>0</v>
      </c>
      <c r="F181" s="11" t="str">
        <f>'申請書（複数入力用）'!J183</f>
        <v/>
      </c>
      <c r="G181" s="6" t="str">
        <f>'申請書（複数入力用）'!K183</f>
        <v>a052r000000jS9ZAAU</v>
      </c>
      <c r="H181" s="12" t="e">
        <f>'申請書（複数入力用）'!N183</f>
        <v>#N/A</v>
      </c>
      <c r="I181" s="12" t="e">
        <f>'申請書（複数入力用）'!O183</f>
        <v>#N/A</v>
      </c>
      <c r="J181" s="12">
        <f>'申請書（複数入力用）'!P183</f>
        <v>1</v>
      </c>
    </row>
    <row r="182" spans="1:10" ht="51.6" customHeight="1" x14ac:dyDescent="0.45">
      <c r="A182" s="6">
        <f>'申請書（複数入力用）'!A184</f>
        <v>178</v>
      </c>
      <c r="B182" s="13">
        <f>'申請書（複数入力用）'!AH184</f>
        <v>0</v>
      </c>
      <c r="C182" s="6">
        <f>'申請書（複数入力用）'!B184</f>
        <v>0</v>
      </c>
      <c r="D182" s="6">
        <f>'申請書（複数入力用）'!D184</f>
        <v>0</v>
      </c>
      <c r="E182" s="14">
        <f>'申請書（複数入力用）'!H184</f>
        <v>0</v>
      </c>
      <c r="F182" s="11" t="str">
        <f>'申請書（複数入力用）'!J184</f>
        <v/>
      </c>
      <c r="G182" s="6" t="str">
        <f>'申請書（複数入力用）'!K184</f>
        <v>a052r000000jS9ZAAU</v>
      </c>
      <c r="H182" s="12" t="e">
        <f>'申請書（複数入力用）'!N184</f>
        <v>#N/A</v>
      </c>
      <c r="I182" s="12" t="e">
        <f>'申請書（複数入力用）'!O184</f>
        <v>#N/A</v>
      </c>
      <c r="J182" s="12">
        <f>'申請書（複数入力用）'!P184</f>
        <v>1</v>
      </c>
    </row>
    <row r="183" spans="1:10" ht="51.6" customHeight="1" x14ac:dyDescent="0.45">
      <c r="A183" s="6">
        <f>'申請書（複数入力用）'!A185</f>
        <v>179</v>
      </c>
      <c r="B183" s="13">
        <f>'申請書（複数入力用）'!AH185</f>
        <v>0</v>
      </c>
      <c r="C183" s="6">
        <f>'申請書（複数入力用）'!B185</f>
        <v>0</v>
      </c>
      <c r="D183" s="6">
        <f>'申請書（複数入力用）'!D185</f>
        <v>0</v>
      </c>
      <c r="E183" s="14">
        <f>'申請書（複数入力用）'!H185</f>
        <v>0</v>
      </c>
      <c r="F183" s="11" t="str">
        <f>'申請書（複数入力用）'!J185</f>
        <v/>
      </c>
      <c r="G183" s="6" t="str">
        <f>'申請書（複数入力用）'!K185</f>
        <v>a052r000000jS9ZAAU</v>
      </c>
      <c r="H183" s="12" t="e">
        <f>'申請書（複数入力用）'!N185</f>
        <v>#N/A</v>
      </c>
      <c r="I183" s="12" t="e">
        <f>'申請書（複数入力用）'!O185</f>
        <v>#N/A</v>
      </c>
      <c r="J183" s="12">
        <f>'申請書（複数入力用）'!P185</f>
        <v>1</v>
      </c>
    </row>
    <row r="184" spans="1:10" ht="51.6" customHeight="1" x14ac:dyDescent="0.45">
      <c r="A184" s="6">
        <f>'申請書（複数入力用）'!A186</f>
        <v>180</v>
      </c>
      <c r="B184" s="13">
        <f>'申請書（複数入力用）'!AH186</f>
        <v>0</v>
      </c>
      <c r="C184" s="6">
        <f>'申請書（複数入力用）'!B186</f>
        <v>0</v>
      </c>
      <c r="D184" s="6">
        <f>'申請書（複数入力用）'!D186</f>
        <v>0</v>
      </c>
      <c r="E184" s="14">
        <f>'申請書（複数入力用）'!H186</f>
        <v>0</v>
      </c>
      <c r="F184" s="11" t="str">
        <f>'申請書（複数入力用）'!J186</f>
        <v/>
      </c>
      <c r="G184" s="6" t="str">
        <f>'申請書（複数入力用）'!K186</f>
        <v>a052r000000jS9ZAAU</v>
      </c>
      <c r="H184" s="12" t="e">
        <f>'申請書（複数入力用）'!N186</f>
        <v>#N/A</v>
      </c>
      <c r="I184" s="12" t="e">
        <f>'申請書（複数入力用）'!O186</f>
        <v>#N/A</v>
      </c>
      <c r="J184" s="12">
        <f>'申請書（複数入力用）'!P186</f>
        <v>1</v>
      </c>
    </row>
    <row r="185" spans="1:10" ht="51.6" customHeight="1" x14ac:dyDescent="0.45">
      <c r="A185" s="6">
        <f>'申請書（複数入力用）'!A187</f>
        <v>181</v>
      </c>
      <c r="B185" s="13">
        <f>'申請書（複数入力用）'!AH187</f>
        <v>0</v>
      </c>
      <c r="C185" s="6">
        <f>'申請書（複数入力用）'!B187</f>
        <v>0</v>
      </c>
      <c r="D185" s="6">
        <f>'申請書（複数入力用）'!D187</f>
        <v>0</v>
      </c>
      <c r="E185" s="14">
        <f>'申請書（複数入力用）'!H187</f>
        <v>0</v>
      </c>
      <c r="F185" s="11" t="str">
        <f>'申請書（複数入力用）'!J187</f>
        <v/>
      </c>
      <c r="G185" s="6" t="str">
        <f>'申請書（複数入力用）'!K187</f>
        <v>a052r000000jS9ZAAU</v>
      </c>
      <c r="H185" s="12" t="e">
        <f>'申請書（複数入力用）'!N187</f>
        <v>#N/A</v>
      </c>
      <c r="I185" s="12" t="e">
        <f>'申請書（複数入力用）'!O187</f>
        <v>#N/A</v>
      </c>
      <c r="J185" s="12">
        <f>'申請書（複数入力用）'!P187</f>
        <v>1</v>
      </c>
    </row>
    <row r="186" spans="1:10" ht="51.6" customHeight="1" x14ac:dyDescent="0.45">
      <c r="A186" s="6">
        <f>'申請書（複数入力用）'!A188</f>
        <v>182</v>
      </c>
      <c r="B186" s="13">
        <f>'申請書（複数入力用）'!AH188</f>
        <v>0</v>
      </c>
      <c r="C186" s="6">
        <f>'申請書（複数入力用）'!B188</f>
        <v>0</v>
      </c>
      <c r="D186" s="6">
        <f>'申請書（複数入力用）'!D188</f>
        <v>0</v>
      </c>
      <c r="E186" s="14">
        <f>'申請書（複数入力用）'!H188</f>
        <v>0</v>
      </c>
      <c r="F186" s="11" t="str">
        <f>'申請書（複数入力用）'!J188</f>
        <v/>
      </c>
      <c r="G186" s="6" t="str">
        <f>'申請書（複数入力用）'!K188</f>
        <v>a052r000000jS9ZAAU</v>
      </c>
      <c r="H186" s="12" t="e">
        <f>'申請書（複数入力用）'!N188</f>
        <v>#N/A</v>
      </c>
      <c r="I186" s="12" t="e">
        <f>'申請書（複数入力用）'!O188</f>
        <v>#N/A</v>
      </c>
      <c r="J186" s="12">
        <f>'申請書（複数入力用）'!P188</f>
        <v>1</v>
      </c>
    </row>
    <row r="187" spans="1:10" ht="51.6" customHeight="1" x14ac:dyDescent="0.45">
      <c r="A187" s="6">
        <f>'申請書（複数入力用）'!A189</f>
        <v>183</v>
      </c>
      <c r="B187" s="13">
        <f>'申請書（複数入力用）'!AH189</f>
        <v>0</v>
      </c>
      <c r="C187" s="6">
        <f>'申請書（複数入力用）'!B189</f>
        <v>0</v>
      </c>
      <c r="D187" s="6">
        <f>'申請書（複数入力用）'!D189</f>
        <v>0</v>
      </c>
      <c r="E187" s="14">
        <f>'申請書（複数入力用）'!H189</f>
        <v>0</v>
      </c>
      <c r="F187" s="11" t="str">
        <f>'申請書（複数入力用）'!J189</f>
        <v/>
      </c>
      <c r="G187" s="6" t="str">
        <f>'申請書（複数入力用）'!K189</f>
        <v>a052r000000jS9ZAAU</v>
      </c>
      <c r="H187" s="12" t="e">
        <f>'申請書（複数入力用）'!N189</f>
        <v>#N/A</v>
      </c>
      <c r="I187" s="12" t="e">
        <f>'申請書（複数入力用）'!O189</f>
        <v>#N/A</v>
      </c>
      <c r="J187" s="12">
        <f>'申請書（複数入力用）'!P189</f>
        <v>1</v>
      </c>
    </row>
    <row r="188" spans="1:10" ht="51.6" customHeight="1" x14ac:dyDescent="0.45">
      <c r="A188" s="6">
        <f>'申請書（複数入力用）'!A190</f>
        <v>184</v>
      </c>
      <c r="B188" s="13">
        <f>'申請書（複数入力用）'!AH190</f>
        <v>0</v>
      </c>
      <c r="C188" s="6">
        <f>'申請書（複数入力用）'!B190</f>
        <v>0</v>
      </c>
      <c r="D188" s="6">
        <f>'申請書（複数入力用）'!D190</f>
        <v>0</v>
      </c>
      <c r="E188" s="14">
        <f>'申請書（複数入力用）'!H190</f>
        <v>0</v>
      </c>
      <c r="F188" s="11" t="str">
        <f>'申請書（複数入力用）'!J190</f>
        <v/>
      </c>
      <c r="G188" s="6" t="str">
        <f>'申請書（複数入力用）'!K190</f>
        <v>a052r000000jS9ZAAU</v>
      </c>
      <c r="H188" s="12" t="e">
        <f>'申請書（複数入力用）'!N190</f>
        <v>#N/A</v>
      </c>
      <c r="I188" s="12" t="e">
        <f>'申請書（複数入力用）'!O190</f>
        <v>#N/A</v>
      </c>
      <c r="J188" s="12">
        <f>'申請書（複数入力用）'!P190</f>
        <v>1</v>
      </c>
    </row>
    <row r="189" spans="1:10" ht="51.6" customHeight="1" x14ac:dyDescent="0.45">
      <c r="A189" s="6">
        <f>'申請書（複数入力用）'!A191</f>
        <v>185</v>
      </c>
      <c r="B189" s="13">
        <f>'申請書（複数入力用）'!AH191</f>
        <v>0</v>
      </c>
      <c r="C189" s="6">
        <f>'申請書（複数入力用）'!B191</f>
        <v>0</v>
      </c>
      <c r="D189" s="6">
        <f>'申請書（複数入力用）'!D191</f>
        <v>0</v>
      </c>
      <c r="E189" s="14">
        <f>'申請書（複数入力用）'!H191</f>
        <v>0</v>
      </c>
      <c r="F189" s="11" t="str">
        <f>'申請書（複数入力用）'!J191</f>
        <v/>
      </c>
      <c r="G189" s="6" t="str">
        <f>'申請書（複数入力用）'!K191</f>
        <v>a052r000000jS9ZAAU</v>
      </c>
      <c r="H189" s="12" t="e">
        <f>'申請書（複数入力用）'!N191</f>
        <v>#N/A</v>
      </c>
      <c r="I189" s="12" t="e">
        <f>'申請書（複数入力用）'!O191</f>
        <v>#N/A</v>
      </c>
      <c r="J189" s="12">
        <f>'申請書（複数入力用）'!P191</f>
        <v>1</v>
      </c>
    </row>
    <row r="190" spans="1:10" ht="51.6" customHeight="1" x14ac:dyDescent="0.45">
      <c r="A190" s="6">
        <f>'申請書（複数入力用）'!A192</f>
        <v>186</v>
      </c>
      <c r="B190" s="13">
        <f>'申請書（複数入力用）'!AH192</f>
        <v>0</v>
      </c>
      <c r="C190" s="6">
        <f>'申請書（複数入力用）'!B192</f>
        <v>0</v>
      </c>
      <c r="D190" s="6">
        <f>'申請書（複数入力用）'!D192</f>
        <v>0</v>
      </c>
      <c r="E190" s="14">
        <f>'申請書（複数入力用）'!H192</f>
        <v>0</v>
      </c>
      <c r="F190" s="11" t="str">
        <f>'申請書（複数入力用）'!J192</f>
        <v/>
      </c>
      <c r="G190" s="6" t="str">
        <f>'申請書（複数入力用）'!K192</f>
        <v>a052r000000jS9ZAAU</v>
      </c>
      <c r="H190" s="12" t="e">
        <f>'申請書（複数入力用）'!N192</f>
        <v>#N/A</v>
      </c>
      <c r="I190" s="12" t="e">
        <f>'申請書（複数入力用）'!O192</f>
        <v>#N/A</v>
      </c>
      <c r="J190" s="12">
        <f>'申請書（複数入力用）'!P192</f>
        <v>1</v>
      </c>
    </row>
    <row r="191" spans="1:10" ht="51.6" customHeight="1" x14ac:dyDescent="0.45">
      <c r="A191" s="6">
        <f>'申請書（複数入力用）'!A193</f>
        <v>187</v>
      </c>
      <c r="B191" s="13">
        <f>'申請書（複数入力用）'!AH193</f>
        <v>0</v>
      </c>
      <c r="C191" s="6">
        <f>'申請書（複数入力用）'!B193</f>
        <v>0</v>
      </c>
      <c r="D191" s="6">
        <f>'申請書（複数入力用）'!D193</f>
        <v>0</v>
      </c>
      <c r="E191" s="14">
        <f>'申請書（複数入力用）'!H193</f>
        <v>0</v>
      </c>
      <c r="F191" s="11" t="str">
        <f>'申請書（複数入力用）'!J193</f>
        <v/>
      </c>
      <c r="G191" s="6" t="str">
        <f>'申請書（複数入力用）'!K193</f>
        <v>a052r000000jS9ZAAU</v>
      </c>
      <c r="H191" s="12" t="e">
        <f>'申請書（複数入力用）'!N193</f>
        <v>#N/A</v>
      </c>
      <c r="I191" s="12" t="e">
        <f>'申請書（複数入力用）'!O193</f>
        <v>#N/A</v>
      </c>
      <c r="J191" s="12">
        <f>'申請書（複数入力用）'!P193</f>
        <v>1</v>
      </c>
    </row>
    <row r="192" spans="1:10" ht="51.6" customHeight="1" x14ac:dyDescent="0.45">
      <c r="A192" s="6">
        <f>'申請書（複数入力用）'!A194</f>
        <v>188</v>
      </c>
      <c r="B192" s="13">
        <f>'申請書（複数入力用）'!AH194</f>
        <v>0</v>
      </c>
      <c r="C192" s="6">
        <f>'申請書（複数入力用）'!B194</f>
        <v>0</v>
      </c>
      <c r="D192" s="6">
        <f>'申請書（複数入力用）'!D194</f>
        <v>0</v>
      </c>
      <c r="E192" s="14">
        <f>'申請書（複数入力用）'!H194</f>
        <v>0</v>
      </c>
      <c r="F192" s="11" t="str">
        <f>'申請書（複数入力用）'!J194</f>
        <v/>
      </c>
      <c r="G192" s="6" t="str">
        <f>'申請書（複数入力用）'!K194</f>
        <v>a052r000000jS9ZAAU</v>
      </c>
      <c r="H192" s="12" t="e">
        <f>'申請書（複数入力用）'!N194</f>
        <v>#N/A</v>
      </c>
      <c r="I192" s="12" t="e">
        <f>'申請書（複数入力用）'!O194</f>
        <v>#N/A</v>
      </c>
      <c r="J192" s="12">
        <f>'申請書（複数入力用）'!P194</f>
        <v>1</v>
      </c>
    </row>
    <row r="193" spans="1:10" ht="51.6" customHeight="1" x14ac:dyDescent="0.45">
      <c r="A193" s="6">
        <f>'申請書（複数入力用）'!A195</f>
        <v>189</v>
      </c>
      <c r="B193" s="13">
        <f>'申請書（複数入力用）'!AH195</f>
        <v>0</v>
      </c>
      <c r="C193" s="6">
        <f>'申請書（複数入力用）'!B195</f>
        <v>0</v>
      </c>
      <c r="D193" s="6">
        <f>'申請書（複数入力用）'!D195</f>
        <v>0</v>
      </c>
      <c r="E193" s="14">
        <f>'申請書（複数入力用）'!H195</f>
        <v>0</v>
      </c>
      <c r="F193" s="11" t="str">
        <f>'申請書（複数入力用）'!J195</f>
        <v/>
      </c>
      <c r="G193" s="6" t="str">
        <f>'申請書（複数入力用）'!K195</f>
        <v>a052r000000jS9ZAAU</v>
      </c>
      <c r="H193" s="12" t="e">
        <f>'申請書（複数入力用）'!N195</f>
        <v>#N/A</v>
      </c>
      <c r="I193" s="12" t="e">
        <f>'申請書（複数入力用）'!O195</f>
        <v>#N/A</v>
      </c>
      <c r="J193" s="12">
        <f>'申請書（複数入力用）'!P195</f>
        <v>1</v>
      </c>
    </row>
    <row r="194" spans="1:10" ht="51.6" customHeight="1" x14ac:dyDescent="0.45">
      <c r="A194" s="6">
        <f>'申請書（複数入力用）'!A196</f>
        <v>190</v>
      </c>
      <c r="B194" s="13">
        <f>'申請書（複数入力用）'!AH196</f>
        <v>0</v>
      </c>
      <c r="C194" s="6">
        <f>'申請書（複数入力用）'!B196</f>
        <v>0</v>
      </c>
      <c r="D194" s="6">
        <f>'申請書（複数入力用）'!D196</f>
        <v>0</v>
      </c>
      <c r="E194" s="14">
        <f>'申請書（複数入力用）'!H196</f>
        <v>0</v>
      </c>
      <c r="F194" s="11" t="str">
        <f>'申請書（複数入力用）'!J196</f>
        <v/>
      </c>
      <c r="G194" s="6" t="str">
        <f>'申請書（複数入力用）'!K196</f>
        <v>a052r000000jS9ZAAU</v>
      </c>
      <c r="H194" s="12" t="e">
        <f>'申請書（複数入力用）'!N196</f>
        <v>#N/A</v>
      </c>
      <c r="I194" s="12" t="e">
        <f>'申請書（複数入力用）'!O196</f>
        <v>#N/A</v>
      </c>
      <c r="J194" s="12">
        <f>'申請書（複数入力用）'!P196</f>
        <v>1</v>
      </c>
    </row>
    <row r="195" spans="1:10" ht="51.6" customHeight="1" x14ac:dyDescent="0.45">
      <c r="A195" s="6">
        <f>'申請書（複数入力用）'!A197</f>
        <v>191</v>
      </c>
      <c r="B195" s="13">
        <f>'申請書（複数入力用）'!AH197</f>
        <v>0</v>
      </c>
      <c r="C195" s="6">
        <f>'申請書（複数入力用）'!B197</f>
        <v>0</v>
      </c>
      <c r="D195" s="6">
        <f>'申請書（複数入力用）'!D197</f>
        <v>0</v>
      </c>
      <c r="E195" s="14">
        <f>'申請書（複数入力用）'!H197</f>
        <v>0</v>
      </c>
      <c r="F195" s="11" t="str">
        <f>'申請書（複数入力用）'!J197</f>
        <v/>
      </c>
      <c r="G195" s="6" t="str">
        <f>'申請書（複数入力用）'!K197</f>
        <v>a052r000000jS9ZAAU</v>
      </c>
      <c r="H195" s="12" t="e">
        <f>'申請書（複数入力用）'!N197</f>
        <v>#N/A</v>
      </c>
      <c r="I195" s="12" t="e">
        <f>'申請書（複数入力用）'!O197</f>
        <v>#N/A</v>
      </c>
      <c r="J195" s="12">
        <f>'申請書（複数入力用）'!P197</f>
        <v>1</v>
      </c>
    </row>
    <row r="196" spans="1:10" ht="51.6" customHeight="1" x14ac:dyDescent="0.45">
      <c r="A196" s="6">
        <f>'申請書（複数入力用）'!A198</f>
        <v>192</v>
      </c>
      <c r="B196" s="13">
        <f>'申請書（複数入力用）'!AH198</f>
        <v>0</v>
      </c>
      <c r="C196" s="6">
        <f>'申請書（複数入力用）'!B198</f>
        <v>0</v>
      </c>
      <c r="D196" s="6">
        <f>'申請書（複数入力用）'!D198</f>
        <v>0</v>
      </c>
      <c r="E196" s="14">
        <f>'申請書（複数入力用）'!H198</f>
        <v>0</v>
      </c>
      <c r="F196" s="11" t="str">
        <f>'申請書（複数入力用）'!J198</f>
        <v/>
      </c>
      <c r="G196" s="6" t="str">
        <f>'申請書（複数入力用）'!K198</f>
        <v>a052r000000jS9ZAAU</v>
      </c>
      <c r="H196" s="12" t="e">
        <f>'申請書（複数入力用）'!N198</f>
        <v>#N/A</v>
      </c>
      <c r="I196" s="12" t="e">
        <f>'申請書（複数入力用）'!O198</f>
        <v>#N/A</v>
      </c>
      <c r="J196" s="12">
        <f>'申請書（複数入力用）'!P198</f>
        <v>1</v>
      </c>
    </row>
    <row r="197" spans="1:10" ht="51.6" customHeight="1" x14ac:dyDescent="0.45">
      <c r="A197" s="6">
        <f>'申請書（複数入力用）'!A199</f>
        <v>193</v>
      </c>
      <c r="B197" s="13">
        <f>'申請書（複数入力用）'!AH199</f>
        <v>0</v>
      </c>
      <c r="C197" s="6">
        <f>'申請書（複数入力用）'!B199</f>
        <v>0</v>
      </c>
      <c r="D197" s="6">
        <f>'申請書（複数入力用）'!D199</f>
        <v>0</v>
      </c>
      <c r="E197" s="14">
        <f>'申請書（複数入力用）'!H199</f>
        <v>0</v>
      </c>
      <c r="F197" s="11" t="str">
        <f>'申請書（複数入力用）'!J199</f>
        <v/>
      </c>
      <c r="G197" s="6" t="str">
        <f>'申請書（複数入力用）'!K199</f>
        <v>a052r000000jS9ZAAU</v>
      </c>
      <c r="H197" s="12" t="e">
        <f>'申請書（複数入力用）'!N199</f>
        <v>#N/A</v>
      </c>
      <c r="I197" s="12" t="e">
        <f>'申請書（複数入力用）'!O199</f>
        <v>#N/A</v>
      </c>
      <c r="J197" s="12">
        <f>'申請書（複数入力用）'!P199</f>
        <v>1</v>
      </c>
    </row>
    <row r="198" spans="1:10" ht="51.6" customHeight="1" x14ac:dyDescent="0.45">
      <c r="A198" s="6">
        <f>'申請書（複数入力用）'!A200</f>
        <v>194</v>
      </c>
      <c r="B198" s="13">
        <f>'申請書（複数入力用）'!AH200</f>
        <v>0</v>
      </c>
      <c r="C198" s="6">
        <f>'申請書（複数入力用）'!B200</f>
        <v>0</v>
      </c>
      <c r="D198" s="6">
        <f>'申請書（複数入力用）'!D200</f>
        <v>0</v>
      </c>
      <c r="E198" s="14">
        <f>'申請書（複数入力用）'!H200</f>
        <v>0</v>
      </c>
      <c r="F198" s="11" t="str">
        <f>'申請書（複数入力用）'!J200</f>
        <v/>
      </c>
      <c r="G198" s="6" t="str">
        <f>'申請書（複数入力用）'!K200</f>
        <v>a052r000000jS9ZAAU</v>
      </c>
      <c r="H198" s="12" t="e">
        <f>'申請書（複数入力用）'!N200</f>
        <v>#N/A</v>
      </c>
      <c r="I198" s="12" t="e">
        <f>'申請書（複数入力用）'!O200</f>
        <v>#N/A</v>
      </c>
      <c r="J198" s="12">
        <f>'申請書（複数入力用）'!P200</f>
        <v>1</v>
      </c>
    </row>
    <row r="199" spans="1:10" ht="51.6" customHeight="1" x14ac:dyDescent="0.45">
      <c r="A199" s="6">
        <f>'申請書（複数入力用）'!A201</f>
        <v>195</v>
      </c>
      <c r="B199" s="13">
        <f>'申請書（複数入力用）'!AH201</f>
        <v>0</v>
      </c>
      <c r="C199" s="6">
        <f>'申請書（複数入力用）'!B201</f>
        <v>0</v>
      </c>
      <c r="D199" s="6">
        <f>'申請書（複数入力用）'!D201</f>
        <v>0</v>
      </c>
      <c r="E199" s="14">
        <f>'申請書（複数入力用）'!H201</f>
        <v>0</v>
      </c>
      <c r="F199" s="11" t="str">
        <f>'申請書（複数入力用）'!J201</f>
        <v/>
      </c>
      <c r="G199" s="6" t="str">
        <f>'申請書（複数入力用）'!K201</f>
        <v>a052r000000jS9ZAAU</v>
      </c>
      <c r="H199" s="12" t="e">
        <f>'申請書（複数入力用）'!N201</f>
        <v>#N/A</v>
      </c>
      <c r="I199" s="12" t="e">
        <f>'申請書（複数入力用）'!O201</f>
        <v>#N/A</v>
      </c>
      <c r="J199" s="12">
        <f>'申請書（複数入力用）'!P201</f>
        <v>1</v>
      </c>
    </row>
    <row r="200" spans="1:10" ht="51.6" customHeight="1" x14ac:dyDescent="0.45">
      <c r="A200" s="6">
        <f>'申請書（複数入力用）'!A202</f>
        <v>196</v>
      </c>
      <c r="B200" s="13">
        <f>'申請書（複数入力用）'!AH202</f>
        <v>0</v>
      </c>
      <c r="C200" s="6">
        <f>'申請書（複数入力用）'!B202</f>
        <v>0</v>
      </c>
      <c r="D200" s="6">
        <f>'申請書（複数入力用）'!D202</f>
        <v>0</v>
      </c>
      <c r="E200" s="14">
        <f>'申請書（複数入力用）'!H202</f>
        <v>0</v>
      </c>
      <c r="F200" s="11" t="str">
        <f>'申請書（複数入力用）'!J202</f>
        <v/>
      </c>
      <c r="G200" s="6" t="str">
        <f>'申請書（複数入力用）'!K202</f>
        <v>a052r000000jS9ZAAU</v>
      </c>
      <c r="H200" s="12" t="e">
        <f>'申請書（複数入力用）'!N202</f>
        <v>#N/A</v>
      </c>
      <c r="I200" s="12" t="e">
        <f>'申請書（複数入力用）'!O202</f>
        <v>#N/A</v>
      </c>
      <c r="J200" s="12">
        <f>'申請書（複数入力用）'!P202</f>
        <v>1</v>
      </c>
    </row>
    <row r="201" spans="1:10" ht="51.6" customHeight="1" x14ac:dyDescent="0.45">
      <c r="A201" s="6">
        <f>'申請書（複数入力用）'!A203</f>
        <v>197</v>
      </c>
      <c r="B201" s="13">
        <f>'申請書（複数入力用）'!AH203</f>
        <v>0</v>
      </c>
      <c r="C201" s="6">
        <f>'申請書（複数入力用）'!B203</f>
        <v>0</v>
      </c>
      <c r="D201" s="6">
        <f>'申請書（複数入力用）'!D203</f>
        <v>0</v>
      </c>
      <c r="E201" s="14">
        <f>'申請書（複数入力用）'!H203</f>
        <v>0</v>
      </c>
      <c r="F201" s="11" t="str">
        <f>'申請書（複数入力用）'!J203</f>
        <v/>
      </c>
      <c r="G201" s="6" t="str">
        <f>'申請書（複数入力用）'!K203</f>
        <v>a052r000000jS9ZAAU</v>
      </c>
      <c r="H201" s="12" t="e">
        <f>'申請書（複数入力用）'!N203</f>
        <v>#N/A</v>
      </c>
      <c r="I201" s="12" t="e">
        <f>'申請書（複数入力用）'!O203</f>
        <v>#N/A</v>
      </c>
      <c r="J201" s="12">
        <f>'申請書（複数入力用）'!P203</f>
        <v>1</v>
      </c>
    </row>
    <row r="202" spans="1:10" ht="51.6" customHeight="1" x14ac:dyDescent="0.45">
      <c r="A202" s="6">
        <f>'申請書（複数入力用）'!A204</f>
        <v>198</v>
      </c>
      <c r="B202" s="13">
        <f>'申請書（複数入力用）'!AH204</f>
        <v>0</v>
      </c>
      <c r="C202" s="6">
        <f>'申請書（複数入力用）'!B204</f>
        <v>0</v>
      </c>
      <c r="D202" s="6">
        <f>'申請書（複数入力用）'!D204</f>
        <v>0</v>
      </c>
      <c r="E202" s="14">
        <f>'申請書（複数入力用）'!H204</f>
        <v>0</v>
      </c>
      <c r="F202" s="11" t="str">
        <f>'申請書（複数入力用）'!J204</f>
        <v/>
      </c>
      <c r="G202" s="6" t="str">
        <f>'申請書（複数入力用）'!K204</f>
        <v>a052r000000jS9ZAAU</v>
      </c>
      <c r="H202" s="12" t="e">
        <f>'申請書（複数入力用）'!N204</f>
        <v>#N/A</v>
      </c>
      <c r="I202" s="12" t="e">
        <f>'申請書（複数入力用）'!O204</f>
        <v>#N/A</v>
      </c>
      <c r="J202" s="12">
        <f>'申請書（複数入力用）'!P204</f>
        <v>1</v>
      </c>
    </row>
    <row r="203" spans="1:10" ht="51.6" customHeight="1" x14ac:dyDescent="0.45">
      <c r="A203" s="6">
        <f>'申請書（複数入力用）'!A205</f>
        <v>199</v>
      </c>
      <c r="B203" s="13">
        <f>'申請書（複数入力用）'!AH205</f>
        <v>0</v>
      </c>
      <c r="C203" s="6">
        <f>'申請書（複数入力用）'!B205</f>
        <v>0</v>
      </c>
      <c r="D203" s="6">
        <f>'申請書（複数入力用）'!D205</f>
        <v>0</v>
      </c>
      <c r="E203" s="14">
        <f>'申請書（複数入力用）'!H205</f>
        <v>0</v>
      </c>
      <c r="F203" s="11" t="str">
        <f>'申請書（複数入力用）'!J205</f>
        <v/>
      </c>
      <c r="G203" s="6" t="str">
        <f>'申請書（複数入力用）'!K205</f>
        <v>a052r000000jS9ZAAU</v>
      </c>
      <c r="H203" s="12" t="e">
        <f>'申請書（複数入力用）'!N205</f>
        <v>#N/A</v>
      </c>
      <c r="I203" s="12" t="e">
        <f>'申請書（複数入力用）'!O205</f>
        <v>#N/A</v>
      </c>
      <c r="J203" s="12">
        <f>'申請書（複数入力用）'!P205</f>
        <v>1</v>
      </c>
    </row>
    <row r="204" spans="1:10" ht="51.6" customHeight="1" x14ac:dyDescent="0.45">
      <c r="A204" s="6">
        <f>'申請書（複数入力用）'!A206</f>
        <v>200</v>
      </c>
      <c r="B204" s="13">
        <f>'申請書（複数入力用）'!AH206</f>
        <v>0</v>
      </c>
      <c r="C204" s="6">
        <f>'申請書（複数入力用）'!B206</f>
        <v>0</v>
      </c>
      <c r="D204" s="6">
        <f>'申請書（複数入力用）'!D206</f>
        <v>0</v>
      </c>
      <c r="E204" s="14">
        <f>'申請書（複数入力用）'!H206</f>
        <v>0</v>
      </c>
      <c r="F204" s="11" t="str">
        <f>'申請書（複数入力用）'!J206</f>
        <v/>
      </c>
      <c r="G204" s="6" t="str">
        <f>'申請書（複数入力用）'!K206</f>
        <v>a052r000000jS9ZAAU</v>
      </c>
      <c r="H204" s="12" t="e">
        <f>'申請書（複数入力用）'!N206</f>
        <v>#N/A</v>
      </c>
      <c r="I204" s="12" t="e">
        <f>'申請書（複数入力用）'!O206</f>
        <v>#N/A</v>
      </c>
      <c r="J204" s="12">
        <f>'申請書（複数入力用）'!P206</f>
        <v>1</v>
      </c>
    </row>
    <row r="205" spans="1:10" ht="51.6" customHeight="1" x14ac:dyDescent="0.45">
      <c r="A205" s="6">
        <f>'申請書（複数入力用）'!A207</f>
        <v>201</v>
      </c>
      <c r="B205" s="13">
        <f>'申請書（複数入力用）'!AH207</f>
        <v>0</v>
      </c>
      <c r="C205" s="6">
        <f>'申請書（複数入力用）'!B207</f>
        <v>0</v>
      </c>
      <c r="D205" s="6">
        <f>'申請書（複数入力用）'!D207</f>
        <v>0</v>
      </c>
      <c r="E205" s="14">
        <f>'申請書（複数入力用）'!H207</f>
        <v>0</v>
      </c>
      <c r="F205" s="11" t="str">
        <f>'申請書（複数入力用）'!J207</f>
        <v/>
      </c>
      <c r="G205" s="6" t="str">
        <f>'申請書（複数入力用）'!K207</f>
        <v>a052r000000jS9ZAAU</v>
      </c>
      <c r="H205" s="12" t="e">
        <f>'申請書（複数入力用）'!N207</f>
        <v>#N/A</v>
      </c>
      <c r="I205" s="12" t="e">
        <f>'申請書（複数入力用）'!O207</f>
        <v>#N/A</v>
      </c>
      <c r="J205" s="12">
        <f>'申請書（複数入力用）'!P207</f>
        <v>1</v>
      </c>
    </row>
    <row r="206" spans="1:10" ht="51.6" customHeight="1" x14ac:dyDescent="0.45">
      <c r="A206" s="6">
        <f>'申請書（複数入力用）'!A208</f>
        <v>202</v>
      </c>
      <c r="B206" s="13">
        <f>'申請書（複数入力用）'!AH208</f>
        <v>0</v>
      </c>
      <c r="C206" s="6">
        <f>'申請書（複数入力用）'!B208</f>
        <v>0</v>
      </c>
      <c r="D206" s="6">
        <f>'申請書（複数入力用）'!D208</f>
        <v>0</v>
      </c>
      <c r="E206" s="14">
        <f>'申請書（複数入力用）'!H208</f>
        <v>0</v>
      </c>
      <c r="F206" s="11" t="str">
        <f>'申請書（複数入力用）'!J208</f>
        <v/>
      </c>
      <c r="G206" s="6" t="str">
        <f>'申請書（複数入力用）'!K208</f>
        <v>a052r000000jS9ZAAU</v>
      </c>
      <c r="H206" s="12" t="e">
        <f>'申請書（複数入力用）'!N208</f>
        <v>#N/A</v>
      </c>
      <c r="I206" s="12" t="e">
        <f>'申請書（複数入力用）'!O208</f>
        <v>#N/A</v>
      </c>
      <c r="J206" s="12">
        <f>'申請書（複数入力用）'!P208</f>
        <v>1</v>
      </c>
    </row>
    <row r="207" spans="1:10" ht="51.6" customHeight="1" x14ac:dyDescent="0.45">
      <c r="A207" s="6">
        <f>'申請書（複数入力用）'!A209</f>
        <v>203</v>
      </c>
      <c r="B207" s="13">
        <f>'申請書（複数入力用）'!AH209</f>
        <v>0</v>
      </c>
      <c r="C207" s="6">
        <f>'申請書（複数入力用）'!B209</f>
        <v>0</v>
      </c>
      <c r="D207" s="6">
        <f>'申請書（複数入力用）'!D209</f>
        <v>0</v>
      </c>
      <c r="E207" s="14">
        <f>'申請書（複数入力用）'!H209</f>
        <v>0</v>
      </c>
      <c r="F207" s="11" t="str">
        <f>'申請書（複数入力用）'!J209</f>
        <v/>
      </c>
      <c r="G207" s="6" t="str">
        <f>'申請書（複数入力用）'!K209</f>
        <v>a052r000000jS9ZAAU</v>
      </c>
      <c r="H207" s="12" t="e">
        <f>'申請書（複数入力用）'!N209</f>
        <v>#N/A</v>
      </c>
      <c r="I207" s="12" t="e">
        <f>'申請書（複数入力用）'!O209</f>
        <v>#N/A</v>
      </c>
      <c r="J207" s="12">
        <f>'申請書（複数入力用）'!P209</f>
        <v>1</v>
      </c>
    </row>
    <row r="208" spans="1:10" ht="51.6" customHeight="1" x14ac:dyDescent="0.45">
      <c r="A208" s="6">
        <f>'申請書（複数入力用）'!A210</f>
        <v>204</v>
      </c>
      <c r="B208" s="13">
        <f>'申請書（複数入力用）'!AH210</f>
        <v>0</v>
      </c>
      <c r="C208" s="6">
        <f>'申請書（複数入力用）'!B210</f>
        <v>0</v>
      </c>
      <c r="D208" s="6">
        <f>'申請書（複数入力用）'!D210</f>
        <v>0</v>
      </c>
      <c r="E208" s="14">
        <f>'申請書（複数入力用）'!H210</f>
        <v>0</v>
      </c>
      <c r="F208" s="11" t="str">
        <f>'申請書（複数入力用）'!J210</f>
        <v/>
      </c>
      <c r="G208" s="6" t="str">
        <f>'申請書（複数入力用）'!K210</f>
        <v>a052r000000jS9ZAAU</v>
      </c>
      <c r="H208" s="12" t="e">
        <f>'申請書（複数入力用）'!N210</f>
        <v>#N/A</v>
      </c>
      <c r="I208" s="12" t="e">
        <f>'申請書（複数入力用）'!O210</f>
        <v>#N/A</v>
      </c>
      <c r="J208" s="12">
        <f>'申請書（複数入力用）'!P210</f>
        <v>1</v>
      </c>
    </row>
    <row r="209" spans="1:10" ht="51.6" customHeight="1" x14ac:dyDescent="0.45">
      <c r="A209" s="6">
        <f>'申請書（複数入力用）'!A211</f>
        <v>205</v>
      </c>
      <c r="B209" s="13">
        <f>'申請書（複数入力用）'!AH211</f>
        <v>0</v>
      </c>
      <c r="C209" s="6">
        <f>'申請書（複数入力用）'!B211</f>
        <v>0</v>
      </c>
      <c r="D209" s="6">
        <f>'申請書（複数入力用）'!D211</f>
        <v>0</v>
      </c>
      <c r="E209" s="14">
        <f>'申請書（複数入力用）'!H211</f>
        <v>0</v>
      </c>
      <c r="F209" s="11" t="str">
        <f>'申請書（複数入力用）'!J211</f>
        <v/>
      </c>
      <c r="G209" s="6" t="str">
        <f>'申請書（複数入力用）'!K211</f>
        <v>a052r000000jS9ZAAU</v>
      </c>
      <c r="H209" s="12" t="e">
        <f>'申請書（複数入力用）'!N211</f>
        <v>#N/A</v>
      </c>
      <c r="I209" s="12" t="e">
        <f>'申請書（複数入力用）'!O211</f>
        <v>#N/A</v>
      </c>
      <c r="J209" s="12">
        <f>'申請書（複数入力用）'!P211</f>
        <v>1</v>
      </c>
    </row>
    <row r="210" spans="1:10" ht="51.6" customHeight="1" x14ac:dyDescent="0.45">
      <c r="A210" s="6">
        <f>'申請書（複数入力用）'!A212</f>
        <v>206</v>
      </c>
      <c r="B210" s="13">
        <f>'申請書（複数入力用）'!AH212</f>
        <v>0</v>
      </c>
      <c r="C210" s="6">
        <f>'申請書（複数入力用）'!B212</f>
        <v>0</v>
      </c>
      <c r="D210" s="6">
        <f>'申請書（複数入力用）'!D212</f>
        <v>0</v>
      </c>
      <c r="E210" s="14">
        <f>'申請書（複数入力用）'!H212</f>
        <v>0</v>
      </c>
      <c r="F210" s="11" t="str">
        <f>'申請書（複数入力用）'!J212</f>
        <v/>
      </c>
      <c r="G210" s="6" t="str">
        <f>'申請書（複数入力用）'!K212</f>
        <v>a052r000000jS9ZAAU</v>
      </c>
      <c r="H210" s="12" t="e">
        <f>'申請書（複数入力用）'!N212</f>
        <v>#N/A</v>
      </c>
      <c r="I210" s="12" t="e">
        <f>'申請書（複数入力用）'!O212</f>
        <v>#N/A</v>
      </c>
      <c r="J210" s="12">
        <f>'申請書（複数入力用）'!P212</f>
        <v>1</v>
      </c>
    </row>
    <row r="211" spans="1:10" ht="51.6" customHeight="1" x14ac:dyDescent="0.45">
      <c r="A211" s="6">
        <f>'申請書（複数入力用）'!A213</f>
        <v>207</v>
      </c>
      <c r="B211" s="13">
        <f>'申請書（複数入力用）'!AH213</f>
        <v>0</v>
      </c>
      <c r="C211" s="6">
        <f>'申請書（複数入力用）'!B213</f>
        <v>0</v>
      </c>
      <c r="D211" s="6">
        <f>'申請書（複数入力用）'!D213</f>
        <v>0</v>
      </c>
      <c r="E211" s="14">
        <f>'申請書（複数入力用）'!H213</f>
        <v>0</v>
      </c>
      <c r="F211" s="11" t="str">
        <f>'申請書（複数入力用）'!J213</f>
        <v/>
      </c>
      <c r="G211" s="6" t="str">
        <f>'申請書（複数入力用）'!K213</f>
        <v>a052r000000jS9ZAAU</v>
      </c>
      <c r="H211" s="12" t="e">
        <f>'申請書（複数入力用）'!N213</f>
        <v>#N/A</v>
      </c>
      <c r="I211" s="12" t="e">
        <f>'申請書（複数入力用）'!O213</f>
        <v>#N/A</v>
      </c>
      <c r="J211" s="12">
        <f>'申請書（複数入力用）'!P213</f>
        <v>1</v>
      </c>
    </row>
    <row r="212" spans="1:10" ht="51.6" customHeight="1" x14ac:dyDescent="0.45">
      <c r="A212" s="6">
        <f>'申請書（複数入力用）'!A214</f>
        <v>208</v>
      </c>
      <c r="B212" s="13">
        <f>'申請書（複数入力用）'!AH214</f>
        <v>0</v>
      </c>
      <c r="C212" s="6">
        <f>'申請書（複数入力用）'!B214</f>
        <v>0</v>
      </c>
      <c r="D212" s="6">
        <f>'申請書（複数入力用）'!D214</f>
        <v>0</v>
      </c>
      <c r="E212" s="14">
        <f>'申請書（複数入力用）'!H214</f>
        <v>0</v>
      </c>
      <c r="F212" s="11" t="str">
        <f>'申請書（複数入力用）'!J214</f>
        <v/>
      </c>
      <c r="G212" s="6" t="str">
        <f>'申請書（複数入力用）'!K214</f>
        <v>a052r000000jS9ZAAU</v>
      </c>
      <c r="H212" s="12" t="e">
        <f>'申請書（複数入力用）'!N214</f>
        <v>#N/A</v>
      </c>
      <c r="I212" s="12" t="e">
        <f>'申請書（複数入力用）'!O214</f>
        <v>#N/A</v>
      </c>
      <c r="J212" s="12">
        <f>'申請書（複数入力用）'!P214</f>
        <v>1</v>
      </c>
    </row>
    <row r="213" spans="1:10" ht="51.6" customHeight="1" x14ac:dyDescent="0.45">
      <c r="A213" s="6">
        <f>'申請書（複数入力用）'!A215</f>
        <v>209</v>
      </c>
      <c r="B213" s="13">
        <f>'申請書（複数入力用）'!AH215</f>
        <v>0</v>
      </c>
      <c r="C213" s="6">
        <f>'申請書（複数入力用）'!B215</f>
        <v>0</v>
      </c>
      <c r="D213" s="6">
        <f>'申請書（複数入力用）'!D215</f>
        <v>0</v>
      </c>
      <c r="E213" s="14">
        <f>'申請書（複数入力用）'!H215</f>
        <v>0</v>
      </c>
      <c r="F213" s="11" t="str">
        <f>'申請書（複数入力用）'!J215</f>
        <v/>
      </c>
      <c r="G213" s="6" t="str">
        <f>'申請書（複数入力用）'!K215</f>
        <v>a052r000000jS9ZAAU</v>
      </c>
      <c r="H213" s="12" t="e">
        <f>'申請書（複数入力用）'!N215</f>
        <v>#N/A</v>
      </c>
      <c r="I213" s="12" t="e">
        <f>'申請書（複数入力用）'!O215</f>
        <v>#N/A</v>
      </c>
      <c r="J213" s="12">
        <f>'申請書（複数入力用）'!P215</f>
        <v>1</v>
      </c>
    </row>
    <row r="214" spans="1:10" ht="51.6" customHeight="1" x14ac:dyDescent="0.45">
      <c r="A214" s="6">
        <f>'申請書（複数入力用）'!A216</f>
        <v>210</v>
      </c>
      <c r="B214" s="13">
        <f>'申請書（複数入力用）'!AH216</f>
        <v>0</v>
      </c>
      <c r="C214" s="6">
        <f>'申請書（複数入力用）'!B216</f>
        <v>0</v>
      </c>
      <c r="D214" s="6">
        <f>'申請書（複数入力用）'!D216</f>
        <v>0</v>
      </c>
      <c r="E214" s="14">
        <f>'申請書（複数入力用）'!H216</f>
        <v>0</v>
      </c>
      <c r="F214" s="11" t="str">
        <f>'申請書（複数入力用）'!J216</f>
        <v/>
      </c>
      <c r="G214" s="6" t="str">
        <f>'申請書（複数入力用）'!K216</f>
        <v>a052r000000jS9ZAAU</v>
      </c>
      <c r="H214" s="12" t="e">
        <f>'申請書（複数入力用）'!N216</f>
        <v>#N/A</v>
      </c>
      <c r="I214" s="12" t="e">
        <f>'申請書（複数入力用）'!O216</f>
        <v>#N/A</v>
      </c>
      <c r="J214" s="12">
        <f>'申請書（複数入力用）'!P216</f>
        <v>1</v>
      </c>
    </row>
    <row r="215" spans="1:10" ht="51.6" customHeight="1" x14ac:dyDescent="0.45">
      <c r="A215" s="6">
        <f>'申請書（複数入力用）'!A217</f>
        <v>211</v>
      </c>
      <c r="B215" s="13">
        <f>'申請書（複数入力用）'!AH217</f>
        <v>0</v>
      </c>
      <c r="C215" s="6">
        <f>'申請書（複数入力用）'!B217</f>
        <v>0</v>
      </c>
      <c r="D215" s="6">
        <f>'申請書（複数入力用）'!D217</f>
        <v>0</v>
      </c>
      <c r="E215" s="14">
        <f>'申請書（複数入力用）'!H217</f>
        <v>0</v>
      </c>
      <c r="F215" s="11" t="str">
        <f>'申請書（複数入力用）'!J217</f>
        <v/>
      </c>
      <c r="G215" s="6" t="str">
        <f>'申請書（複数入力用）'!K217</f>
        <v>a052r000000jS9ZAAU</v>
      </c>
      <c r="H215" s="12" t="e">
        <f>'申請書（複数入力用）'!N217</f>
        <v>#N/A</v>
      </c>
      <c r="I215" s="12" t="e">
        <f>'申請書（複数入力用）'!O217</f>
        <v>#N/A</v>
      </c>
      <c r="J215" s="12">
        <f>'申請書（複数入力用）'!P217</f>
        <v>1</v>
      </c>
    </row>
    <row r="216" spans="1:10" ht="51.6" customHeight="1" x14ac:dyDescent="0.45">
      <c r="A216" s="6">
        <f>'申請書（複数入力用）'!A218</f>
        <v>212</v>
      </c>
      <c r="B216" s="13">
        <f>'申請書（複数入力用）'!AH218</f>
        <v>0</v>
      </c>
      <c r="C216" s="6">
        <f>'申請書（複数入力用）'!B218</f>
        <v>0</v>
      </c>
      <c r="D216" s="6">
        <f>'申請書（複数入力用）'!D218</f>
        <v>0</v>
      </c>
      <c r="E216" s="14">
        <f>'申請書（複数入力用）'!H218</f>
        <v>0</v>
      </c>
      <c r="F216" s="11" t="str">
        <f>'申請書（複数入力用）'!J218</f>
        <v/>
      </c>
      <c r="G216" s="6" t="str">
        <f>'申請書（複数入力用）'!K218</f>
        <v>a052r000000jS9ZAAU</v>
      </c>
      <c r="H216" s="12" t="e">
        <f>'申請書（複数入力用）'!N218</f>
        <v>#N/A</v>
      </c>
      <c r="I216" s="12" t="e">
        <f>'申請書（複数入力用）'!O218</f>
        <v>#N/A</v>
      </c>
      <c r="J216" s="12">
        <f>'申請書（複数入力用）'!P218</f>
        <v>1</v>
      </c>
    </row>
    <row r="217" spans="1:10" ht="51.6" customHeight="1" x14ac:dyDescent="0.45">
      <c r="A217" s="6">
        <f>'申請書（複数入力用）'!A219</f>
        <v>213</v>
      </c>
      <c r="B217" s="13">
        <f>'申請書（複数入力用）'!AH219</f>
        <v>0</v>
      </c>
      <c r="C217" s="6">
        <f>'申請書（複数入力用）'!B219</f>
        <v>0</v>
      </c>
      <c r="D217" s="6">
        <f>'申請書（複数入力用）'!D219</f>
        <v>0</v>
      </c>
      <c r="E217" s="14">
        <f>'申請書（複数入力用）'!H219</f>
        <v>0</v>
      </c>
      <c r="F217" s="11" t="str">
        <f>'申請書（複数入力用）'!J219</f>
        <v/>
      </c>
      <c r="G217" s="6" t="str">
        <f>'申請書（複数入力用）'!K219</f>
        <v>a052r000000jS9ZAAU</v>
      </c>
      <c r="H217" s="12" t="e">
        <f>'申請書（複数入力用）'!N219</f>
        <v>#N/A</v>
      </c>
      <c r="I217" s="12" t="e">
        <f>'申請書（複数入力用）'!O219</f>
        <v>#N/A</v>
      </c>
      <c r="J217" s="12">
        <f>'申請書（複数入力用）'!P219</f>
        <v>1</v>
      </c>
    </row>
    <row r="218" spans="1:10" ht="51.6" customHeight="1" x14ac:dyDescent="0.45">
      <c r="A218" s="6">
        <f>'申請書（複数入力用）'!A220</f>
        <v>214</v>
      </c>
      <c r="B218" s="13">
        <f>'申請書（複数入力用）'!AH220</f>
        <v>0</v>
      </c>
      <c r="C218" s="6">
        <f>'申請書（複数入力用）'!B220</f>
        <v>0</v>
      </c>
      <c r="D218" s="6">
        <f>'申請書（複数入力用）'!D220</f>
        <v>0</v>
      </c>
      <c r="E218" s="14">
        <f>'申請書（複数入力用）'!H220</f>
        <v>0</v>
      </c>
      <c r="F218" s="11" t="str">
        <f>'申請書（複数入力用）'!J220</f>
        <v/>
      </c>
      <c r="G218" s="6" t="str">
        <f>'申請書（複数入力用）'!K220</f>
        <v>a052r000000jS9ZAAU</v>
      </c>
      <c r="H218" s="12" t="e">
        <f>'申請書（複数入力用）'!N220</f>
        <v>#N/A</v>
      </c>
      <c r="I218" s="12" t="e">
        <f>'申請書（複数入力用）'!O220</f>
        <v>#N/A</v>
      </c>
      <c r="J218" s="12">
        <f>'申請書（複数入力用）'!P220</f>
        <v>1</v>
      </c>
    </row>
    <row r="219" spans="1:10" ht="51.6" customHeight="1" x14ac:dyDescent="0.45">
      <c r="A219" s="6">
        <f>'申請書（複数入力用）'!A221</f>
        <v>215</v>
      </c>
      <c r="B219" s="13">
        <f>'申請書（複数入力用）'!AH221</f>
        <v>0</v>
      </c>
      <c r="C219" s="6">
        <f>'申請書（複数入力用）'!B221</f>
        <v>0</v>
      </c>
      <c r="D219" s="6">
        <f>'申請書（複数入力用）'!D221</f>
        <v>0</v>
      </c>
      <c r="E219" s="14">
        <f>'申請書（複数入力用）'!H221</f>
        <v>0</v>
      </c>
      <c r="F219" s="11" t="str">
        <f>'申請書（複数入力用）'!J221</f>
        <v/>
      </c>
      <c r="G219" s="6" t="str">
        <f>'申請書（複数入力用）'!K221</f>
        <v>a052r000000jS9ZAAU</v>
      </c>
      <c r="H219" s="12" t="e">
        <f>'申請書（複数入力用）'!N221</f>
        <v>#N/A</v>
      </c>
      <c r="I219" s="12" t="e">
        <f>'申請書（複数入力用）'!O221</f>
        <v>#N/A</v>
      </c>
      <c r="J219" s="12">
        <f>'申請書（複数入力用）'!P221</f>
        <v>1</v>
      </c>
    </row>
    <row r="220" spans="1:10" ht="51.6" customHeight="1" x14ac:dyDescent="0.45">
      <c r="A220" s="6">
        <f>'申請書（複数入力用）'!A222</f>
        <v>216</v>
      </c>
      <c r="B220" s="13">
        <f>'申請書（複数入力用）'!AH222</f>
        <v>0</v>
      </c>
      <c r="C220" s="6">
        <f>'申請書（複数入力用）'!B222</f>
        <v>0</v>
      </c>
      <c r="D220" s="6">
        <f>'申請書（複数入力用）'!D222</f>
        <v>0</v>
      </c>
      <c r="E220" s="14">
        <f>'申請書（複数入力用）'!H222</f>
        <v>0</v>
      </c>
      <c r="F220" s="11" t="str">
        <f>'申請書（複数入力用）'!J222</f>
        <v/>
      </c>
      <c r="G220" s="6" t="str">
        <f>'申請書（複数入力用）'!K222</f>
        <v>a052r000000jS9ZAAU</v>
      </c>
      <c r="H220" s="12" t="e">
        <f>'申請書（複数入力用）'!N222</f>
        <v>#N/A</v>
      </c>
      <c r="I220" s="12" t="e">
        <f>'申請書（複数入力用）'!O222</f>
        <v>#N/A</v>
      </c>
      <c r="J220" s="12">
        <f>'申請書（複数入力用）'!P222</f>
        <v>1</v>
      </c>
    </row>
    <row r="221" spans="1:10" ht="51.6" customHeight="1" x14ac:dyDescent="0.45">
      <c r="A221" s="6">
        <f>'申請書（複数入力用）'!A223</f>
        <v>217</v>
      </c>
      <c r="B221" s="13">
        <f>'申請書（複数入力用）'!AH223</f>
        <v>0</v>
      </c>
      <c r="C221" s="6">
        <f>'申請書（複数入力用）'!B223</f>
        <v>0</v>
      </c>
      <c r="D221" s="6">
        <f>'申請書（複数入力用）'!D223</f>
        <v>0</v>
      </c>
      <c r="E221" s="14">
        <f>'申請書（複数入力用）'!H223</f>
        <v>0</v>
      </c>
      <c r="F221" s="11" t="str">
        <f>'申請書（複数入力用）'!J223</f>
        <v/>
      </c>
      <c r="G221" s="6" t="str">
        <f>'申請書（複数入力用）'!K223</f>
        <v>a052r000000jS9ZAAU</v>
      </c>
      <c r="H221" s="12" t="e">
        <f>'申請書（複数入力用）'!N223</f>
        <v>#N/A</v>
      </c>
      <c r="I221" s="12" t="e">
        <f>'申請書（複数入力用）'!O223</f>
        <v>#N/A</v>
      </c>
      <c r="J221" s="12">
        <f>'申請書（複数入力用）'!P223</f>
        <v>1</v>
      </c>
    </row>
    <row r="222" spans="1:10" ht="51.6" customHeight="1" x14ac:dyDescent="0.45">
      <c r="A222" s="6">
        <f>'申請書（複数入力用）'!A224</f>
        <v>218</v>
      </c>
      <c r="B222" s="13">
        <f>'申請書（複数入力用）'!AH224</f>
        <v>0</v>
      </c>
      <c r="C222" s="6">
        <f>'申請書（複数入力用）'!B224</f>
        <v>0</v>
      </c>
      <c r="D222" s="6">
        <f>'申請書（複数入力用）'!D224</f>
        <v>0</v>
      </c>
      <c r="E222" s="14">
        <f>'申請書（複数入力用）'!H224</f>
        <v>0</v>
      </c>
      <c r="F222" s="11" t="str">
        <f>'申請書（複数入力用）'!J224</f>
        <v/>
      </c>
      <c r="G222" s="6" t="str">
        <f>'申請書（複数入力用）'!K224</f>
        <v>a052r000000jS9ZAAU</v>
      </c>
      <c r="H222" s="12" t="e">
        <f>'申請書（複数入力用）'!N224</f>
        <v>#N/A</v>
      </c>
      <c r="I222" s="12" t="e">
        <f>'申請書（複数入力用）'!O224</f>
        <v>#N/A</v>
      </c>
      <c r="J222" s="12">
        <f>'申請書（複数入力用）'!P224</f>
        <v>1</v>
      </c>
    </row>
    <row r="223" spans="1:10" ht="51.6" customHeight="1" x14ac:dyDescent="0.45">
      <c r="A223" s="6">
        <f>'申請書（複数入力用）'!A225</f>
        <v>219</v>
      </c>
      <c r="B223" s="13">
        <f>'申請書（複数入力用）'!AH225</f>
        <v>0</v>
      </c>
      <c r="C223" s="6">
        <f>'申請書（複数入力用）'!B225</f>
        <v>0</v>
      </c>
      <c r="D223" s="6">
        <f>'申請書（複数入力用）'!D225</f>
        <v>0</v>
      </c>
      <c r="E223" s="14">
        <f>'申請書（複数入力用）'!H225</f>
        <v>0</v>
      </c>
      <c r="F223" s="11" t="str">
        <f>'申請書（複数入力用）'!J225</f>
        <v/>
      </c>
      <c r="G223" s="6" t="str">
        <f>'申請書（複数入力用）'!K225</f>
        <v>a052r000000jS9ZAAU</v>
      </c>
      <c r="H223" s="12" t="e">
        <f>'申請書（複数入力用）'!N225</f>
        <v>#N/A</v>
      </c>
      <c r="I223" s="12" t="e">
        <f>'申請書（複数入力用）'!O225</f>
        <v>#N/A</v>
      </c>
      <c r="J223" s="12">
        <f>'申請書（複数入力用）'!P225</f>
        <v>1</v>
      </c>
    </row>
    <row r="224" spans="1:10" ht="51.6" customHeight="1" x14ac:dyDescent="0.45">
      <c r="A224" s="6">
        <f>'申請書（複数入力用）'!A226</f>
        <v>220</v>
      </c>
      <c r="B224" s="13">
        <f>'申請書（複数入力用）'!AH226</f>
        <v>0</v>
      </c>
      <c r="C224" s="6">
        <f>'申請書（複数入力用）'!B226</f>
        <v>0</v>
      </c>
      <c r="D224" s="6">
        <f>'申請書（複数入力用）'!D226</f>
        <v>0</v>
      </c>
      <c r="E224" s="14">
        <f>'申請書（複数入力用）'!H226</f>
        <v>0</v>
      </c>
      <c r="F224" s="11" t="str">
        <f>'申請書（複数入力用）'!J226</f>
        <v/>
      </c>
      <c r="G224" s="6" t="str">
        <f>'申請書（複数入力用）'!K226</f>
        <v>a052r000000jS9ZAAU</v>
      </c>
      <c r="H224" s="12" t="e">
        <f>'申請書（複数入力用）'!N226</f>
        <v>#N/A</v>
      </c>
      <c r="I224" s="12" t="e">
        <f>'申請書（複数入力用）'!O226</f>
        <v>#N/A</v>
      </c>
      <c r="J224" s="12">
        <f>'申請書（複数入力用）'!P226</f>
        <v>1</v>
      </c>
    </row>
    <row r="225" spans="1:10" ht="51.6" customHeight="1" x14ac:dyDescent="0.45">
      <c r="A225" s="6">
        <f>'申請書（複数入力用）'!A227</f>
        <v>221</v>
      </c>
      <c r="B225" s="13">
        <f>'申請書（複数入力用）'!AH227</f>
        <v>0</v>
      </c>
      <c r="C225" s="6">
        <f>'申請書（複数入力用）'!B227</f>
        <v>0</v>
      </c>
      <c r="D225" s="6">
        <f>'申請書（複数入力用）'!D227</f>
        <v>0</v>
      </c>
      <c r="E225" s="14">
        <f>'申請書（複数入力用）'!H227</f>
        <v>0</v>
      </c>
      <c r="F225" s="11" t="str">
        <f>'申請書（複数入力用）'!J227</f>
        <v/>
      </c>
      <c r="G225" s="6" t="str">
        <f>'申請書（複数入力用）'!K227</f>
        <v>a052r000000jS9ZAAU</v>
      </c>
      <c r="H225" s="12" t="e">
        <f>'申請書（複数入力用）'!N227</f>
        <v>#N/A</v>
      </c>
      <c r="I225" s="12" t="e">
        <f>'申請書（複数入力用）'!O227</f>
        <v>#N/A</v>
      </c>
      <c r="J225" s="12">
        <f>'申請書（複数入力用）'!P227</f>
        <v>1</v>
      </c>
    </row>
    <row r="226" spans="1:10" ht="51.6" customHeight="1" x14ac:dyDescent="0.45">
      <c r="A226" s="6">
        <f>'申請書（複数入力用）'!A228</f>
        <v>222</v>
      </c>
      <c r="B226" s="13">
        <f>'申請書（複数入力用）'!AH228</f>
        <v>0</v>
      </c>
      <c r="C226" s="6">
        <f>'申請書（複数入力用）'!B228</f>
        <v>0</v>
      </c>
      <c r="D226" s="6">
        <f>'申請書（複数入力用）'!D228</f>
        <v>0</v>
      </c>
      <c r="E226" s="14">
        <f>'申請書（複数入力用）'!H228</f>
        <v>0</v>
      </c>
      <c r="F226" s="11" t="str">
        <f>'申請書（複数入力用）'!J228</f>
        <v/>
      </c>
      <c r="G226" s="6" t="str">
        <f>'申請書（複数入力用）'!K228</f>
        <v>a052r000000jS9ZAAU</v>
      </c>
      <c r="H226" s="12" t="e">
        <f>'申請書（複数入力用）'!N228</f>
        <v>#N/A</v>
      </c>
      <c r="I226" s="12" t="e">
        <f>'申請書（複数入力用）'!O228</f>
        <v>#N/A</v>
      </c>
      <c r="J226" s="12">
        <f>'申請書（複数入力用）'!P228</f>
        <v>1</v>
      </c>
    </row>
    <row r="227" spans="1:10" ht="51.6" customHeight="1" x14ac:dyDescent="0.45">
      <c r="A227" s="6">
        <f>'申請書（複数入力用）'!A229</f>
        <v>223</v>
      </c>
      <c r="B227" s="13">
        <f>'申請書（複数入力用）'!AH229</f>
        <v>0</v>
      </c>
      <c r="C227" s="6">
        <f>'申請書（複数入力用）'!B229</f>
        <v>0</v>
      </c>
      <c r="D227" s="6">
        <f>'申請書（複数入力用）'!D229</f>
        <v>0</v>
      </c>
      <c r="E227" s="14">
        <f>'申請書（複数入力用）'!H229</f>
        <v>0</v>
      </c>
      <c r="F227" s="11" t="str">
        <f>'申請書（複数入力用）'!J229</f>
        <v/>
      </c>
      <c r="G227" s="6" t="str">
        <f>'申請書（複数入力用）'!K229</f>
        <v>a052r000000jS9ZAAU</v>
      </c>
      <c r="H227" s="12" t="e">
        <f>'申請書（複数入力用）'!N229</f>
        <v>#N/A</v>
      </c>
      <c r="I227" s="12" t="e">
        <f>'申請書（複数入力用）'!O229</f>
        <v>#N/A</v>
      </c>
      <c r="J227" s="12">
        <f>'申請書（複数入力用）'!P229</f>
        <v>1</v>
      </c>
    </row>
    <row r="228" spans="1:10" ht="51.6" customHeight="1" x14ac:dyDescent="0.45">
      <c r="A228" s="6">
        <f>'申請書（複数入力用）'!A230</f>
        <v>224</v>
      </c>
      <c r="B228" s="13">
        <f>'申請書（複数入力用）'!AH230</f>
        <v>0</v>
      </c>
      <c r="C228" s="6">
        <f>'申請書（複数入力用）'!B230</f>
        <v>0</v>
      </c>
      <c r="D228" s="6">
        <f>'申請書（複数入力用）'!D230</f>
        <v>0</v>
      </c>
      <c r="E228" s="14">
        <f>'申請書（複数入力用）'!H230</f>
        <v>0</v>
      </c>
      <c r="F228" s="11" t="str">
        <f>'申請書（複数入力用）'!J230</f>
        <v/>
      </c>
      <c r="G228" s="6" t="str">
        <f>'申請書（複数入力用）'!K230</f>
        <v>a052r000000jS9ZAAU</v>
      </c>
      <c r="H228" s="12" t="e">
        <f>'申請書（複数入力用）'!N230</f>
        <v>#N/A</v>
      </c>
      <c r="I228" s="12" t="e">
        <f>'申請書（複数入力用）'!O230</f>
        <v>#N/A</v>
      </c>
      <c r="J228" s="12">
        <f>'申請書（複数入力用）'!P230</f>
        <v>1</v>
      </c>
    </row>
    <row r="229" spans="1:10" ht="51.6" customHeight="1" x14ac:dyDescent="0.45">
      <c r="A229" s="6">
        <f>'申請書（複数入力用）'!A231</f>
        <v>225</v>
      </c>
      <c r="B229" s="13">
        <f>'申請書（複数入力用）'!AH231</f>
        <v>0</v>
      </c>
      <c r="C229" s="6">
        <f>'申請書（複数入力用）'!B231</f>
        <v>0</v>
      </c>
      <c r="D229" s="6">
        <f>'申請書（複数入力用）'!D231</f>
        <v>0</v>
      </c>
      <c r="E229" s="14">
        <f>'申請書（複数入力用）'!H231</f>
        <v>0</v>
      </c>
      <c r="F229" s="11" t="str">
        <f>'申請書（複数入力用）'!J231</f>
        <v/>
      </c>
      <c r="G229" s="6" t="str">
        <f>'申請書（複数入力用）'!K231</f>
        <v>a052r000000jS9ZAAU</v>
      </c>
      <c r="H229" s="12" t="e">
        <f>'申請書（複数入力用）'!N231</f>
        <v>#N/A</v>
      </c>
      <c r="I229" s="12" t="e">
        <f>'申請書（複数入力用）'!O231</f>
        <v>#N/A</v>
      </c>
      <c r="J229" s="12">
        <f>'申請書（複数入力用）'!P231</f>
        <v>1</v>
      </c>
    </row>
    <row r="230" spans="1:10" ht="51.6" customHeight="1" x14ac:dyDescent="0.45">
      <c r="A230" s="6">
        <f>'申請書（複数入力用）'!A232</f>
        <v>226</v>
      </c>
      <c r="B230" s="13">
        <f>'申請書（複数入力用）'!AH232</f>
        <v>0</v>
      </c>
      <c r="C230" s="6">
        <f>'申請書（複数入力用）'!B232</f>
        <v>0</v>
      </c>
      <c r="D230" s="6">
        <f>'申請書（複数入力用）'!D232</f>
        <v>0</v>
      </c>
      <c r="E230" s="14">
        <f>'申請書（複数入力用）'!H232</f>
        <v>0</v>
      </c>
      <c r="F230" s="11" t="str">
        <f>'申請書（複数入力用）'!J232</f>
        <v/>
      </c>
      <c r="G230" s="6" t="str">
        <f>'申請書（複数入力用）'!K232</f>
        <v>a052r000000jS9ZAAU</v>
      </c>
      <c r="H230" s="12" t="e">
        <f>'申請書（複数入力用）'!N232</f>
        <v>#N/A</v>
      </c>
      <c r="I230" s="12" t="e">
        <f>'申請書（複数入力用）'!O232</f>
        <v>#N/A</v>
      </c>
      <c r="J230" s="12">
        <f>'申請書（複数入力用）'!P232</f>
        <v>1</v>
      </c>
    </row>
    <row r="231" spans="1:10" ht="51.6" customHeight="1" x14ac:dyDescent="0.45">
      <c r="A231" s="6">
        <f>'申請書（複数入力用）'!A233</f>
        <v>227</v>
      </c>
      <c r="B231" s="13">
        <f>'申請書（複数入力用）'!AH233</f>
        <v>0</v>
      </c>
      <c r="C231" s="6">
        <f>'申請書（複数入力用）'!B233</f>
        <v>0</v>
      </c>
      <c r="D231" s="6">
        <f>'申請書（複数入力用）'!D233</f>
        <v>0</v>
      </c>
      <c r="E231" s="14">
        <f>'申請書（複数入力用）'!H233</f>
        <v>0</v>
      </c>
      <c r="F231" s="11" t="str">
        <f>'申請書（複数入力用）'!J233</f>
        <v/>
      </c>
      <c r="G231" s="6" t="str">
        <f>'申請書（複数入力用）'!K233</f>
        <v>a052r000000jS9ZAAU</v>
      </c>
      <c r="H231" s="12" t="e">
        <f>'申請書（複数入力用）'!N233</f>
        <v>#N/A</v>
      </c>
      <c r="I231" s="12" t="e">
        <f>'申請書（複数入力用）'!O233</f>
        <v>#N/A</v>
      </c>
      <c r="J231" s="12">
        <f>'申請書（複数入力用）'!P233</f>
        <v>1</v>
      </c>
    </row>
    <row r="232" spans="1:10" ht="51.6" customHeight="1" x14ac:dyDescent="0.45">
      <c r="A232" s="6">
        <f>'申請書（複数入力用）'!A234</f>
        <v>228</v>
      </c>
      <c r="B232" s="13">
        <f>'申請書（複数入力用）'!AH234</f>
        <v>0</v>
      </c>
      <c r="C232" s="6">
        <f>'申請書（複数入力用）'!B234</f>
        <v>0</v>
      </c>
      <c r="D232" s="6">
        <f>'申請書（複数入力用）'!D234</f>
        <v>0</v>
      </c>
      <c r="E232" s="14">
        <f>'申請書（複数入力用）'!H234</f>
        <v>0</v>
      </c>
      <c r="F232" s="11" t="str">
        <f>'申請書（複数入力用）'!J234</f>
        <v/>
      </c>
      <c r="G232" s="6" t="str">
        <f>'申請書（複数入力用）'!K234</f>
        <v>a052r000000jS9ZAAU</v>
      </c>
      <c r="H232" s="12" t="e">
        <f>'申請書（複数入力用）'!N234</f>
        <v>#N/A</v>
      </c>
      <c r="I232" s="12" t="e">
        <f>'申請書（複数入力用）'!O234</f>
        <v>#N/A</v>
      </c>
      <c r="J232" s="12">
        <f>'申請書（複数入力用）'!P234</f>
        <v>1</v>
      </c>
    </row>
    <row r="233" spans="1:10" ht="51.6" customHeight="1" x14ac:dyDescent="0.45">
      <c r="A233" s="6">
        <f>'申請書（複数入力用）'!A235</f>
        <v>229</v>
      </c>
      <c r="B233" s="13">
        <f>'申請書（複数入力用）'!AH235</f>
        <v>0</v>
      </c>
      <c r="C233" s="6">
        <f>'申請書（複数入力用）'!B235</f>
        <v>0</v>
      </c>
      <c r="D233" s="6">
        <f>'申請書（複数入力用）'!D235</f>
        <v>0</v>
      </c>
      <c r="E233" s="14">
        <f>'申請書（複数入力用）'!H235</f>
        <v>0</v>
      </c>
      <c r="F233" s="11" t="str">
        <f>'申請書（複数入力用）'!J235</f>
        <v/>
      </c>
      <c r="G233" s="6" t="str">
        <f>'申請書（複数入力用）'!K235</f>
        <v>a052r000000jS9ZAAU</v>
      </c>
      <c r="H233" s="12" t="e">
        <f>'申請書（複数入力用）'!N235</f>
        <v>#N/A</v>
      </c>
      <c r="I233" s="12" t="e">
        <f>'申請書（複数入力用）'!O235</f>
        <v>#N/A</v>
      </c>
      <c r="J233" s="12">
        <f>'申請書（複数入力用）'!P235</f>
        <v>1</v>
      </c>
    </row>
    <row r="234" spans="1:10" ht="51.6" customHeight="1" x14ac:dyDescent="0.45">
      <c r="A234" s="6">
        <f>'申請書（複数入力用）'!A236</f>
        <v>230</v>
      </c>
      <c r="B234" s="13">
        <f>'申請書（複数入力用）'!AH236</f>
        <v>0</v>
      </c>
      <c r="C234" s="6">
        <f>'申請書（複数入力用）'!B236</f>
        <v>0</v>
      </c>
      <c r="D234" s="6">
        <f>'申請書（複数入力用）'!D236</f>
        <v>0</v>
      </c>
      <c r="E234" s="14">
        <f>'申請書（複数入力用）'!H236</f>
        <v>0</v>
      </c>
      <c r="F234" s="11" t="str">
        <f>'申請書（複数入力用）'!J236</f>
        <v/>
      </c>
      <c r="G234" s="6" t="str">
        <f>'申請書（複数入力用）'!K236</f>
        <v>a052r000000jS9ZAAU</v>
      </c>
      <c r="H234" s="12" t="e">
        <f>'申請書（複数入力用）'!N236</f>
        <v>#N/A</v>
      </c>
      <c r="I234" s="12" t="e">
        <f>'申請書（複数入力用）'!O236</f>
        <v>#N/A</v>
      </c>
      <c r="J234" s="12">
        <f>'申請書（複数入力用）'!P236</f>
        <v>1</v>
      </c>
    </row>
    <row r="235" spans="1:10" ht="51.6" customHeight="1" x14ac:dyDescent="0.45">
      <c r="A235" s="6">
        <f>'申請書（複数入力用）'!A237</f>
        <v>231</v>
      </c>
      <c r="B235" s="13">
        <f>'申請書（複数入力用）'!AH237</f>
        <v>0</v>
      </c>
      <c r="C235" s="6">
        <f>'申請書（複数入力用）'!B237</f>
        <v>0</v>
      </c>
      <c r="D235" s="6">
        <f>'申請書（複数入力用）'!D237</f>
        <v>0</v>
      </c>
      <c r="E235" s="14">
        <f>'申請書（複数入力用）'!H237</f>
        <v>0</v>
      </c>
      <c r="F235" s="11" t="str">
        <f>'申請書（複数入力用）'!J237</f>
        <v/>
      </c>
      <c r="G235" s="6" t="str">
        <f>'申請書（複数入力用）'!K237</f>
        <v>a052r000000jS9ZAAU</v>
      </c>
      <c r="H235" s="12" t="e">
        <f>'申請書（複数入力用）'!N237</f>
        <v>#N/A</v>
      </c>
      <c r="I235" s="12" t="e">
        <f>'申請書（複数入力用）'!O237</f>
        <v>#N/A</v>
      </c>
      <c r="J235" s="12">
        <f>'申請書（複数入力用）'!P237</f>
        <v>1</v>
      </c>
    </row>
    <row r="236" spans="1:10" ht="51.6" customHeight="1" x14ac:dyDescent="0.45">
      <c r="A236" s="6">
        <f>'申請書（複数入力用）'!A238</f>
        <v>232</v>
      </c>
      <c r="B236" s="13">
        <f>'申請書（複数入力用）'!AH238</f>
        <v>0</v>
      </c>
      <c r="C236" s="6">
        <f>'申請書（複数入力用）'!B238</f>
        <v>0</v>
      </c>
      <c r="D236" s="6">
        <f>'申請書（複数入力用）'!D238</f>
        <v>0</v>
      </c>
      <c r="E236" s="14">
        <f>'申請書（複数入力用）'!H238</f>
        <v>0</v>
      </c>
      <c r="F236" s="11" t="str">
        <f>'申請書（複数入力用）'!J238</f>
        <v/>
      </c>
      <c r="G236" s="6" t="str">
        <f>'申請書（複数入力用）'!K238</f>
        <v>a052r000000jS9ZAAU</v>
      </c>
      <c r="H236" s="12" t="e">
        <f>'申請書（複数入力用）'!N238</f>
        <v>#N/A</v>
      </c>
      <c r="I236" s="12" t="e">
        <f>'申請書（複数入力用）'!O238</f>
        <v>#N/A</v>
      </c>
      <c r="J236" s="12">
        <f>'申請書（複数入力用）'!P238</f>
        <v>1</v>
      </c>
    </row>
    <row r="237" spans="1:10" ht="51.6" customHeight="1" x14ac:dyDescent="0.45">
      <c r="A237" s="6">
        <f>'申請書（複数入力用）'!A239</f>
        <v>233</v>
      </c>
      <c r="B237" s="13">
        <f>'申請書（複数入力用）'!AH239</f>
        <v>0</v>
      </c>
      <c r="C237" s="6">
        <f>'申請書（複数入力用）'!B239</f>
        <v>0</v>
      </c>
      <c r="D237" s="6">
        <f>'申請書（複数入力用）'!D239</f>
        <v>0</v>
      </c>
      <c r="E237" s="14">
        <f>'申請書（複数入力用）'!H239</f>
        <v>0</v>
      </c>
      <c r="F237" s="11" t="str">
        <f>'申請書（複数入力用）'!J239</f>
        <v/>
      </c>
      <c r="G237" s="6" t="str">
        <f>'申請書（複数入力用）'!K239</f>
        <v>a052r000000jS9ZAAU</v>
      </c>
      <c r="H237" s="12" t="e">
        <f>'申請書（複数入力用）'!N239</f>
        <v>#N/A</v>
      </c>
      <c r="I237" s="12" t="e">
        <f>'申請書（複数入力用）'!O239</f>
        <v>#N/A</v>
      </c>
      <c r="J237" s="12">
        <f>'申請書（複数入力用）'!P239</f>
        <v>1</v>
      </c>
    </row>
    <row r="238" spans="1:10" ht="51.6" customHeight="1" x14ac:dyDescent="0.45">
      <c r="A238" s="6">
        <f>'申請書（複数入力用）'!A240</f>
        <v>234</v>
      </c>
      <c r="B238" s="13">
        <f>'申請書（複数入力用）'!AH240</f>
        <v>0</v>
      </c>
      <c r="C238" s="6">
        <f>'申請書（複数入力用）'!B240</f>
        <v>0</v>
      </c>
      <c r="D238" s="6">
        <f>'申請書（複数入力用）'!D240</f>
        <v>0</v>
      </c>
      <c r="E238" s="14">
        <f>'申請書（複数入力用）'!H240</f>
        <v>0</v>
      </c>
      <c r="F238" s="11" t="str">
        <f>'申請書（複数入力用）'!J240</f>
        <v/>
      </c>
      <c r="G238" s="6" t="str">
        <f>'申請書（複数入力用）'!K240</f>
        <v>a052r000000jS9ZAAU</v>
      </c>
      <c r="H238" s="12" t="e">
        <f>'申請書（複数入力用）'!N240</f>
        <v>#N/A</v>
      </c>
      <c r="I238" s="12" t="e">
        <f>'申請書（複数入力用）'!O240</f>
        <v>#N/A</v>
      </c>
      <c r="J238" s="12">
        <f>'申請書（複数入力用）'!P240</f>
        <v>1</v>
      </c>
    </row>
    <row r="239" spans="1:10" ht="51.6" customHeight="1" x14ac:dyDescent="0.45">
      <c r="A239" s="6">
        <f>'申請書（複数入力用）'!A241</f>
        <v>235</v>
      </c>
      <c r="B239" s="13">
        <f>'申請書（複数入力用）'!AH241</f>
        <v>0</v>
      </c>
      <c r="C239" s="6">
        <f>'申請書（複数入力用）'!B241</f>
        <v>0</v>
      </c>
      <c r="D239" s="6">
        <f>'申請書（複数入力用）'!D241</f>
        <v>0</v>
      </c>
      <c r="E239" s="14">
        <f>'申請書（複数入力用）'!H241</f>
        <v>0</v>
      </c>
      <c r="F239" s="11" t="str">
        <f>'申請書（複数入力用）'!J241</f>
        <v/>
      </c>
      <c r="G239" s="6" t="str">
        <f>'申請書（複数入力用）'!K241</f>
        <v>a052r000000jS9ZAAU</v>
      </c>
      <c r="H239" s="12" t="e">
        <f>'申請書（複数入力用）'!N241</f>
        <v>#N/A</v>
      </c>
      <c r="I239" s="12" t="e">
        <f>'申請書（複数入力用）'!O241</f>
        <v>#N/A</v>
      </c>
      <c r="J239" s="12">
        <f>'申請書（複数入力用）'!P241</f>
        <v>1</v>
      </c>
    </row>
    <row r="240" spans="1:10" ht="51.6" customHeight="1" x14ac:dyDescent="0.45">
      <c r="A240" s="6">
        <f>'申請書（複数入力用）'!A242</f>
        <v>236</v>
      </c>
      <c r="B240" s="13">
        <f>'申請書（複数入力用）'!AH242</f>
        <v>0</v>
      </c>
      <c r="C240" s="6">
        <f>'申請書（複数入力用）'!B242</f>
        <v>0</v>
      </c>
      <c r="D240" s="6">
        <f>'申請書（複数入力用）'!D242</f>
        <v>0</v>
      </c>
      <c r="E240" s="14">
        <f>'申請書（複数入力用）'!H242</f>
        <v>0</v>
      </c>
      <c r="F240" s="11" t="str">
        <f>'申請書（複数入力用）'!J242</f>
        <v/>
      </c>
      <c r="G240" s="6" t="str">
        <f>'申請書（複数入力用）'!K242</f>
        <v>a052r000000jS9ZAAU</v>
      </c>
      <c r="H240" s="12" t="e">
        <f>'申請書（複数入力用）'!N242</f>
        <v>#N/A</v>
      </c>
      <c r="I240" s="12" t="e">
        <f>'申請書（複数入力用）'!O242</f>
        <v>#N/A</v>
      </c>
      <c r="J240" s="12">
        <f>'申請書（複数入力用）'!P242</f>
        <v>1</v>
      </c>
    </row>
    <row r="241" spans="1:10" ht="51.6" customHeight="1" x14ac:dyDescent="0.45">
      <c r="A241" s="6">
        <f>'申請書（複数入力用）'!A243</f>
        <v>237</v>
      </c>
      <c r="B241" s="13">
        <f>'申請書（複数入力用）'!AH243</f>
        <v>0</v>
      </c>
      <c r="C241" s="6">
        <f>'申請書（複数入力用）'!B243</f>
        <v>0</v>
      </c>
      <c r="D241" s="6">
        <f>'申請書（複数入力用）'!D243</f>
        <v>0</v>
      </c>
      <c r="E241" s="14">
        <f>'申請書（複数入力用）'!H243</f>
        <v>0</v>
      </c>
      <c r="F241" s="11" t="str">
        <f>'申請書（複数入力用）'!J243</f>
        <v/>
      </c>
      <c r="G241" s="6" t="str">
        <f>'申請書（複数入力用）'!K243</f>
        <v>a052r000000jS9ZAAU</v>
      </c>
      <c r="H241" s="12" t="e">
        <f>'申請書（複数入力用）'!N243</f>
        <v>#N/A</v>
      </c>
      <c r="I241" s="12" t="e">
        <f>'申請書（複数入力用）'!O243</f>
        <v>#N/A</v>
      </c>
      <c r="J241" s="12">
        <f>'申請書（複数入力用）'!P243</f>
        <v>1</v>
      </c>
    </row>
    <row r="242" spans="1:10" ht="51.6" customHeight="1" x14ac:dyDescent="0.45">
      <c r="A242" s="6">
        <f>'申請書（複数入力用）'!A244</f>
        <v>238</v>
      </c>
      <c r="B242" s="13">
        <f>'申請書（複数入力用）'!AH244</f>
        <v>0</v>
      </c>
      <c r="C242" s="6">
        <f>'申請書（複数入力用）'!B244</f>
        <v>0</v>
      </c>
      <c r="D242" s="6">
        <f>'申請書（複数入力用）'!D244</f>
        <v>0</v>
      </c>
      <c r="E242" s="14">
        <f>'申請書（複数入力用）'!H244</f>
        <v>0</v>
      </c>
      <c r="F242" s="11" t="str">
        <f>'申請書（複数入力用）'!J244</f>
        <v/>
      </c>
      <c r="G242" s="6" t="str">
        <f>'申請書（複数入力用）'!K244</f>
        <v>a052r000000jS9ZAAU</v>
      </c>
      <c r="H242" s="12" t="e">
        <f>'申請書（複数入力用）'!N244</f>
        <v>#N/A</v>
      </c>
      <c r="I242" s="12" t="e">
        <f>'申請書（複数入力用）'!O244</f>
        <v>#N/A</v>
      </c>
      <c r="J242" s="12">
        <f>'申請書（複数入力用）'!P244</f>
        <v>1</v>
      </c>
    </row>
    <row r="243" spans="1:10" ht="51.6" customHeight="1" x14ac:dyDescent="0.45">
      <c r="A243" s="6">
        <f>'申請書（複数入力用）'!A245</f>
        <v>239</v>
      </c>
      <c r="B243" s="13">
        <f>'申請書（複数入力用）'!AH245</f>
        <v>0</v>
      </c>
      <c r="C243" s="6">
        <f>'申請書（複数入力用）'!B245</f>
        <v>0</v>
      </c>
      <c r="D243" s="6">
        <f>'申請書（複数入力用）'!D245</f>
        <v>0</v>
      </c>
      <c r="E243" s="14">
        <f>'申請書（複数入力用）'!H245</f>
        <v>0</v>
      </c>
      <c r="F243" s="11" t="str">
        <f>'申請書（複数入力用）'!J245</f>
        <v/>
      </c>
      <c r="G243" s="6" t="str">
        <f>'申請書（複数入力用）'!K245</f>
        <v>a052r000000jS9ZAAU</v>
      </c>
      <c r="H243" s="12" t="e">
        <f>'申請書（複数入力用）'!N245</f>
        <v>#N/A</v>
      </c>
      <c r="I243" s="12" t="e">
        <f>'申請書（複数入力用）'!O245</f>
        <v>#N/A</v>
      </c>
      <c r="J243" s="12">
        <f>'申請書（複数入力用）'!P245</f>
        <v>1</v>
      </c>
    </row>
    <row r="244" spans="1:10" ht="51.6" customHeight="1" x14ac:dyDescent="0.45">
      <c r="A244" s="6">
        <f>'申請書（複数入力用）'!A246</f>
        <v>240</v>
      </c>
      <c r="B244" s="13">
        <f>'申請書（複数入力用）'!AH246</f>
        <v>0</v>
      </c>
      <c r="C244" s="6">
        <f>'申請書（複数入力用）'!B246</f>
        <v>0</v>
      </c>
      <c r="D244" s="6">
        <f>'申請書（複数入力用）'!D246</f>
        <v>0</v>
      </c>
      <c r="E244" s="14">
        <f>'申請書（複数入力用）'!H246</f>
        <v>0</v>
      </c>
      <c r="F244" s="11" t="str">
        <f>'申請書（複数入力用）'!J246</f>
        <v/>
      </c>
      <c r="G244" s="6" t="str">
        <f>'申請書（複数入力用）'!K246</f>
        <v>a052r000000jS9ZAAU</v>
      </c>
      <c r="H244" s="12" t="e">
        <f>'申請書（複数入力用）'!N246</f>
        <v>#N/A</v>
      </c>
      <c r="I244" s="12" t="e">
        <f>'申請書（複数入力用）'!O246</f>
        <v>#N/A</v>
      </c>
      <c r="J244" s="12">
        <f>'申請書（複数入力用）'!P246</f>
        <v>1</v>
      </c>
    </row>
    <row r="245" spans="1:10" ht="51.6" customHeight="1" x14ac:dyDescent="0.45">
      <c r="A245" s="6">
        <f>'申請書（複数入力用）'!A247</f>
        <v>241</v>
      </c>
      <c r="B245" s="13">
        <f>'申請書（複数入力用）'!AH247</f>
        <v>0</v>
      </c>
      <c r="C245" s="6">
        <f>'申請書（複数入力用）'!B247</f>
        <v>0</v>
      </c>
      <c r="D245" s="6">
        <f>'申請書（複数入力用）'!D247</f>
        <v>0</v>
      </c>
      <c r="E245" s="14">
        <f>'申請書（複数入力用）'!H247</f>
        <v>0</v>
      </c>
      <c r="F245" s="11" t="str">
        <f>'申請書（複数入力用）'!J247</f>
        <v/>
      </c>
      <c r="G245" s="6" t="str">
        <f>'申請書（複数入力用）'!K247</f>
        <v>a052r000000jS9ZAAU</v>
      </c>
      <c r="H245" s="12" t="e">
        <f>'申請書（複数入力用）'!N247</f>
        <v>#N/A</v>
      </c>
      <c r="I245" s="12" t="e">
        <f>'申請書（複数入力用）'!O247</f>
        <v>#N/A</v>
      </c>
      <c r="J245" s="12">
        <f>'申請書（複数入力用）'!P247</f>
        <v>1</v>
      </c>
    </row>
    <row r="246" spans="1:10" ht="51.6" customHeight="1" x14ac:dyDescent="0.45">
      <c r="A246" s="6">
        <f>'申請書（複数入力用）'!A248</f>
        <v>242</v>
      </c>
      <c r="B246" s="13">
        <f>'申請書（複数入力用）'!AH248</f>
        <v>0</v>
      </c>
      <c r="C246" s="6">
        <f>'申請書（複数入力用）'!B248</f>
        <v>0</v>
      </c>
      <c r="D246" s="6">
        <f>'申請書（複数入力用）'!D248</f>
        <v>0</v>
      </c>
      <c r="E246" s="14">
        <f>'申請書（複数入力用）'!H248</f>
        <v>0</v>
      </c>
      <c r="F246" s="11" t="str">
        <f>'申請書（複数入力用）'!J248</f>
        <v/>
      </c>
      <c r="G246" s="6" t="str">
        <f>'申請書（複数入力用）'!K248</f>
        <v>a052r000000jS9ZAAU</v>
      </c>
      <c r="H246" s="12" t="e">
        <f>'申請書（複数入力用）'!N248</f>
        <v>#N/A</v>
      </c>
      <c r="I246" s="12" t="e">
        <f>'申請書（複数入力用）'!O248</f>
        <v>#N/A</v>
      </c>
      <c r="J246" s="12">
        <f>'申請書（複数入力用）'!P248</f>
        <v>1</v>
      </c>
    </row>
    <row r="247" spans="1:10" ht="51.6" customHeight="1" x14ac:dyDescent="0.45">
      <c r="A247" s="6">
        <f>'申請書（複数入力用）'!A249</f>
        <v>243</v>
      </c>
      <c r="B247" s="13">
        <f>'申請書（複数入力用）'!AH249</f>
        <v>0</v>
      </c>
      <c r="C247" s="6">
        <f>'申請書（複数入力用）'!B249</f>
        <v>0</v>
      </c>
      <c r="D247" s="6">
        <f>'申請書（複数入力用）'!D249</f>
        <v>0</v>
      </c>
      <c r="E247" s="14">
        <f>'申請書（複数入力用）'!H249</f>
        <v>0</v>
      </c>
      <c r="F247" s="11" t="str">
        <f>'申請書（複数入力用）'!J249</f>
        <v/>
      </c>
      <c r="G247" s="6" t="str">
        <f>'申請書（複数入力用）'!K249</f>
        <v>a052r000000jS9ZAAU</v>
      </c>
      <c r="H247" s="12" t="e">
        <f>'申請書（複数入力用）'!N249</f>
        <v>#N/A</v>
      </c>
      <c r="I247" s="12" t="e">
        <f>'申請書（複数入力用）'!O249</f>
        <v>#N/A</v>
      </c>
      <c r="J247" s="12">
        <f>'申請書（複数入力用）'!P249</f>
        <v>1</v>
      </c>
    </row>
    <row r="248" spans="1:10" ht="51.6" customHeight="1" x14ac:dyDescent="0.45">
      <c r="A248" s="6">
        <f>'申請書（複数入力用）'!A250</f>
        <v>244</v>
      </c>
      <c r="B248" s="13">
        <f>'申請書（複数入力用）'!AH250</f>
        <v>0</v>
      </c>
      <c r="C248" s="6">
        <f>'申請書（複数入力用）'!B250</f>
        <v>0</v>
      </c>
      <c r="D248" s="6">
        <f>'申請書（複数入力用）'!D250</f>
        <v>0</v>
      </c>
      <c r="E248" s="14">
        <f>'申請書（複数入力用）'!H250</f>
        <v>0</v>
      </c>
      <c r="F248" s="11" t="str">
        <f>'申請書（複数入力用）'!J250</f>
        <v/>
      </c>
      <c r="G248" s="6" t="str">
        <f>'申請書（複数入力用）'!K250</f>
        <v>a052r000000jS9ZAAU</v>
      </c>
      <c r="H248" s="12" t="e">
        <f>'申請書（複数入力用）'!N250</f>
        <v>#N/A</v>
      </c>
      <c r="I248" s="12" t="e">
        <f>'申請書（複数入力用）'!O250</f>
        <v>#N/A</v>
      </c>
      <c r="J248" s="12">
        <f>'申請書（複数入力用）'!P250</f>
        <v>1</v>
      </c>
    </row>
    <row r="249" spans="1:10" ht="51.6" customHeight="1" x14ac:dyDescent="0.45">
      <c r="A249" s="6">
        <f>'申請書（複数入力用）'!A251</f>
        <v>245</v>
      </c>
      <c r="B249" s="13">
        <f>'申請書（複数入力用）'!AH251</f>
        <v>0</v>
      </c>
      <c r="C249" s="6">
        <f>'申請書（複数入力用）'!B251</f>
        <v>0</v>
      </c>
      <c r="D249" s="6">
        <f>'申請書（複数入力用）'!D251</f>
        <v>0</v>
      </c>
      <c r="E249" s="14">
        <f>'申請書（複数入力用）'!H251</f>
        <v>0</v>
      </c>
      <c r="F249" s="11" t="str">
        <f>'申請書（複数入力用）'!J251</f>
        <v/>
      </c>
      <c r="G249" s="6" t="str">
        <f>'申請書（複数入力用）'!K251</f>
        <v>a052r000000jS9ZAAU</v>
      </c>
      <c r="H249" s="12" t="e">
        <f>'申請書（複数入力用）'!N251</f>
        <v>#N/A</v>
      </c>
      <c r="I249" s="12" t="e">
        <f>'申請書（複数入力用）'!O251</f>
        <v>#N/A</v>
      </c>
      <c r="J249" s="12">
        <f>'申請書（複数入力用）'!P251</f>
        <v>1</v>
      </c>
    </row>
    <row r="250" spans="1:10" ht="51.6" customHeight="1" x14ac:dyDescent="0.45">
      <c r="A250" s="6">
        <f>'申請書（複数入力用）'!A252</f>
        <v>246</v>
      </c>
      <c r="B250" s="13">
        <f>'申請書（複数入力用）'!AH252</f>
        <v>0</v>
      </c>
      <c r="C250" s="6">
        <f>'申請書（複数入力用）'!B252</f>
        <v>0</v>
      </c>
      <c r="D250" s="6">
        <f>'申請書（複数入力用）'!D252</f>
        <v>0</v>
      </c>
      <c r="E250" s="14">
        <f>'申請書（複数入力用）'!H252</f>
        <v>0</v>
      </c>
      <c r="F250" s="11" t="str">
        <f>'申請書（複数入力用）'!J252</f>
        <v/>
      </c>
      <c r="G250" s="6" t="str">
        <f>'申請書（複数入力用）'!K252</f>
        <v>a052r000000jS9ZAAU</v>
      </c>
      <c r="H250" s="12" t="e">
        <f>'申請書（複数入力用）'!N252</f>
        <v>#N/A</v>
      </c>
      <c r="I250" s="12" t="e">
        <f>'申請書（複数入力用）'!O252</f>
        <v>#N/A</v>
      </c>
      <c r="J250" s="12">
        <f>'申請書（複数入力用）'!P252</f>
        <v>1</v>
      </c>
    </row>
    <row r="251" spans="1:10" ht="51.6" customHeight="1" x14ac:dyDescent="0.45">
      <c r="A251" s="6">
        <f>'申請書（複数入力用）'!A253</f>
        <v>247</v>
      </c>
      <c r="B251" s="13">
        <f>'申請書（複数入力用）'!AH253</f>
        <v>0</v>
      </c>
      <c r="C251" s="6">
        <f>'申請書（複数入力用）'!B253</f>
        <v>0</v>
      </c>
      <c r="D251" s="6">
        <f>'申請書（複数入力用）'!D253</f>
        <v>0</v>
      </c>
      <c r="E251" s="14">
        <f>'申請書（複数入力用）'!H253</f>
        <v>0</v>
      </c>
      <c r="F251" s="11" t="str">
        <f>'申請書（複数入力用）'!J253</f>
        <v/>
      </c>
      <c r="G251" s="6" t="str">
        <f>'申請書（複数入力用）'!K253</f>
        <v>a052r000000jS9ZAAU</v>
      </c>
      <c r="H251" s="12" t="e">
        <f>'申請書（複数入力用）'!N253</f>
        <v>#N/A</v>
      </c>
      <c r="I251" s="12" t="e">
        <f>'申請書（複数入力用）'!O253</f>
        <v>#N/A</v>
      </c>
      <c r="J251" s="12">
        <f>'申請書（複数入力用）'!P253</f>
        <v>1</v>
      </c>
    </row>
    <row r="252" spans="1:10" ht="51.6" customHeight="1" x14ac:dyDescent="0.45">
      <c r="A252" s="6">
        <f>'申請書（複数入力用）'!A254</f>
        <v>248</v>
      </c>
      <c r="B252" s="13">
        <f>'申請書（複数入力用）'!AH254</f>
        <v>0</v>
      </c>
      <c r="C252" s="6">
        <f>'申請書（複数入力用）'!B254</f>
        <v>0</v>
      </c>
      <c r="D252" s="6">
        <f>'申請書（複数入力用）'!D254</f>
        <v>0</v>
      </c>
      <c r="E252" s="14">
        <f>'申請書（複数入力用）'!H254</f>
        <v>0</v>
      </c>
      <c r="F252" s="11" t="str">
        <f>'申請書（複数入力用）'!J254</f>
        <v/>
      </c>
      <c r="G252" s="6" t="str">
        <f>'申請書（複数入力用）'!K254</f>
        <v>a052r000000jS9ZAAU</v>
      </c>
      <c r="H252" s="12" t="e">
        <f>'申請書（複数入力用）'!N254</f>
        <v>#N/A</v>
      </c>
      <c r="I252" s="12" t="e">
        <f>'申請書（複数入力用）'!O254</f>
        <v>#N/A</v>
      </c>
      <c r="J252" s="12">
        <f>'申請書（複数入力用）'!P254</f>
        <v>1</v>
      </c>
    </row>
    <row r="253" spans="1:10" ht="51.6" customHeight="1" x14ac:dyDescent="0.45">
      <c r="A253" s="6">
        <f>'申請書（複数入力用）'!A255</f>
        <v>249</v>
      </c>
      <c r="B253" s="13">
        <f>'申請書（複数入力用）'!AH255</f>
        <v>0</v>
      </c>
      <c r="C253" s="6">
        <f>'申請書（複数入力用）'!B255</f>
        <v>0</v>
      </c>
      <c r="D253" s="6">
        <f>'申請書（複数入力用）'!D255</f>
        <v>0</v>
      </c>
      <c r="E253" s="14">
        <f>'申請書（複数入力用）'!H255</f>
        <v>0</v>
      </c>
      <c r="F253" s="11" t="str">
        <f>'申請書（複数入力用）'!J255</f>
        <v/>
      </c>
      <c r="G253" s="6" t="str">
        <f>'申請書（複数入力用）'!K255</f>
        <v>a052r000000jS9ZAAU</v>
      </c>
      <c r="H253" s="12" t="e">
        <f>'申請書（複数入力用）'!N255</f>
        <v>#N/A</v>
      </c>
      <c r="I253" s="12" t="e">
        <f>'申請書（複数入力用）'!O255</f>
        <v>#N/A</v>
      </c>
      <c r="J253" s="12">
        <f>'申請書（複数入力用）'!P255</f>
        <v>1</v>
      </c>
    </row>
    <row r="254" spans="1:10" ht="51.6" customHeight="1" x14ac:dyDescent="0.45">
      <c r="A254" s="6">
        <f>'申請書（複数入力用）'!A256</f>
        <v>250</v>
      </c>
      <c r="B254" s="13">
        <f>'申請書（複数入力用）'!AH256</f>
        <v>0</v>
      </c>
      <c r="C254" s="6">
        <f>'申請書（複数入力用）'!B256</f>
        <v>0</v>
      </c>
      <c r="D254" s="6">
        <f>'申請書（複数入力用）'!D256</f>
        <v>0</v>
      </c>
      <c r="E254" s="14">
        <f>'申請書（複数入力用）'!H256</f>
        <v>0</v>
      </c>
      <c r="F254" s="11" t="str">
        <f>'申請書（複数入力用）'!J256</f>
        <v/>
      </c>
      <c r="G254" s="6" t="str">
        <f>'申請書（複数入力用）'!K256</f>
        <v>a052r000000jS9ZAAU</v>
      </c>
      <c r="H254" s="12" t="e">
        <f>'申請書（複数入力用）'!N256</f>
        <v>#N/A</v>
      </c>
      <c r="I254" s="12" t="e">
        <f>'申請書（複数入力用）'!O256</f>
        <v>#N/A</v>
      </c>
      <c r="J254" s="12">
        <f>'申請書（複数入力用）'!P256</f>
        <v>1</v>
      </c>
    </row>
    <row r="255" spans="1:10" ht="51.6" customHeight="1" x14ac:dyDescent="0.45">
      <c r="A255" s="6">
        <f>'申請書（複数入力用）'!A257</f>
        <v>251</v>
      </c>
      <c r="B255" s="13">
        <f>'申請書（複数入力用）'!AH257</f>
        <v>0</v>
      </c>
      <c r="C255" s="6">
        <f>'申請書（複数入力用）'!B257</f>
        <v>0</v>
      </c>
      <c r="D255" s="6">
        <f>'申請書（複数入力用）'!D257</f>
        <v>0</v>
      </c>
      <c r="E255" s="14">
        <f>'申請書（複数入力用）'!H257</f>
        <v>0</v>
      </c>
      <c r="F255" s="11" t="str">
        <f>'申請書（複数入力用）'!J257</f>
        <v/>
      </c>
      <c r="G255" s="6" t="str">
        <f>'申請書（複数入力用）'!K257</f>
        <v>a052r000000jS9ZAAU</v>
      </c>
      <c r="H255" s="12" t="e">
        <f>'申請書（複数入力用）'!N257</f>
        <v>#N/A</v>
      </c>
      <c r="I255" s="12" t="e">
        <f>'申請書（複数入力用）'!O257</f>
        <v>#N/A</v>
      </c>
      <c r="J255" s="12">
        <f>'申請書（複数入力用）'!P257</f>
        <v>1</v>
      </c>
    </row>
    <row r="256" spans="1:10" ht="51.6" customHeight="1" x14ac:dyDescent="0.45">
      <c r="A256" s="6">
        <f>'申請書（複数入力用）'!A258</f>
        <v>252</v>
      </c>
      <c r="B256" s="13">
        <f>'申請書（複数入力用）'!AH258</f>
        <v>0</v>
      </c>
      <c r="C256" s="6">
        <f>'申請書（複数入力用）'!B258</f>
        <v>0</v>
      </c>
      <c r="D256" s="6">
        <f>'申請書（複数入力用）'!D258</f>
        <v>0</v>
      </c>
      <c r="E256" s="14">
        <f>'申請書（複数入力用）'!H258</f>
        <v>0</v>
      </c>
      <c r="F256" s="11" t="str">
        <f>'申請書（複数入力用）'!J258</f>
        <v/>
      </c>
      <c r="G256" s="6" t="str">
        <f>'申請書（複数入力用）'!K258</f>
        <v>a052r000000jS9ZAAU</v>
      </c>
      <c r="H256" s="12" t="e">
        <f>'申請書（複数入力用）'!N258</f>
        <v>#N/A</v>
      </c>
      <c r="I256" s="12" t="e">
        <f>'申請書（複数入力用）'!O258</f>
        <v>#N/A</v>
      </c>
      <c r="J256" s="12">
        <f>'申請書（複数入力用）'!P258</f>
        <v>1</v>
      </c>
    </row>
    <row r="257" spans="1:10" ht="51.6" customHeight="1" x14ac:dyDescent="0.45">
      <c r="A257" s="6">
        <f>'申請書（複数入力用）'!A259</f>
        <v>253</v>
      </c>
      <c r="B257" s="13">
        <f>'申請書（複数入力用）'!AH259</f>
        <v>0</v>
      </c>
      <c r="C257" s="6">
        <f>'申請書（複数入力用）'!B259</f>
        <v>0</v>
      </c>
      <c r="D257" s="6">
        <f>'申請書（複数入力用）'!D259</f>
        <v>0</v>
      </c>
      <c r="E257" s="14">
        <f>'申請書（複数入力用）'!H259</f>
        <v>0</v>
      </c>
      <c r="F257" s="11" t="str">
        <f>'申請書（複数入力用）'!J259</f>
        <v/>
      </c>
      <c r="G257" s="6" t="str">
        <f>'申請書（複数入力用）'!K259</f>
        <v>a052r000000jS9ZAAU</v>
      </c>
      <c r="H257" s="12" t="e">
        <f>'申請書（複数入力用）'!N259</f>
        <v>#N/A</v>
      </c>
      <c r="I257" s="12" t="e">
        <f>'申請書（複数入力用）'!O259</f>
        <v>#N/A</v>
      </c>
      <c r="J257" s="12">
        <f>'申請書（複数入力用）'!P259</f>
        <v>1</v>
      </c>
    </row>
    <row r="258" spans="1:10" ht="51.6" customHeight="1" x14ac:dyDescent="0.45">
      <c r="A258" s="6">
        <f>'申請書（複数入力用）'!A260</f>
        <v>254</v>
      </c>
      <c r="B258" s="13">
        <f>'申請書（複数入力用）'!AH260</f>
        <v>0</v>
      </c>
      <c r="C258" s="6">
        <f>'申請書（複数入力用）'!B260</f>
        <v>0</v>
      </c>
      <c r="D258" s="6">
        <f>'申請書（複数入力用）'!D260</f>
        <v>0</v>
      </c>
      <c r="E258" s="14">
        <f>'申請書（複数入力用）'!H260</f>
        <v>0</v>
      </c>
      <c r="F258" s="11" t="str">
        <f>'申請書（複数入力用）'!J260</f>
        <v/>
      </c>
      <c r="G258" s="6" t="str">
        <f>'申請書（複数入力用）'!K260</f>
        <v>a052r000000jS9ZAAU</v>
      </c>
      <c r="H258" s="12" t="e">
        <f>'申請書（複数入力用）'!N260</f>
        <v>#N/A</v>
      </c>
      <c r="I258" s="12" t="e">
        <f>'申請書（複数入力用）'!O260</f>
        <v>#N/A</v>
      </c>
      <c r="J258" s="12">
        <f>'申請書（複数入力用）'!P260</f>
        <v>1</v>
      </c>
    </row>
    <row r="259" spans="1:10" ht="51.6" customHeight="1" x14ac:dyDescent="0.45">
      <c r="A259" s="6">
        <f>'申請書（複数入力用）'!A261</f>
        <v>255</v>
      </c>
      <c r="B259" s="13">
        <f>'申請書（複数入力用）'!AH261</f>
        <v>0</v>
      </c>
      <c r="C259" s="6">
        <f>'申請書（複数入力用）'!B261</f>
        <v>0</v>
      </c>
      <c r="D259" s="6">
        <f>'申請書（複数入力用）'!D261</f>
        <v>0</v>
      </c>
      <c r="E259" s="14">
        <f>'申請書（複数入力用）'!H261</f>
        <v>0</v>
      </c>
      <c r="F259" s="11" t="str">
        <f>'申請書（複数入力用）'!J261</f>
        <v/>
      </c>
      <c r="G259" s="6" t="str">
        <f>'申請書（複数入力用）'!K261</f>
        <v>a052r000000jS9ZAAU</v>
      </c>
      <c r="H259" s="12" t="e">
        <f>'申請書（複数入力用）'!N261</f>
        <v>#N/A</v>
      </c>
      <c r="I259" s="12" t="e">
        <f>'申請書（複数入力用）'!O261</f>
        <v>#N/A</v>
      </c>
      <c r="J259" s="12">
        <f>'申請書（複数入力用）'!P261</f>
        <v>1</v>
      </c>
    </row>
    <row r="260" spans="1:10" ht="51.6" customHeight="1" x14ac:dyDescent="0.45">
      <c r="A260" s="6">
        <f>'申請書（複数入力用）'!A262</f>
        <v>256</v>
      </c>
      <c r="B260" s="13">
        <f>'申請書（複数入力用）'!AH262</f>
        <v>0</v>
      </c>
      <c r="C260" s="6">
        <f>'申請書（複数入力用）'!B262</f>
        <v>0</v>
      </c>
      <c r="D260" s="6">
        <f>'申請書（複数入力用）'!D262</f>
        <v>0</v>
      </c>
      <c r="E260" s="14">
        <f>'申請書（複数入力用）'!H262</f>
        <v>0</v>
      </c>
      <c r="F260" s="11" t="str">
        <f>'申請書（複数入力用）'!J262</f>
        <v/>
      </c>
      <c r="G260" s="6" t="str">
        <f>'申請書（複数入力用）'!K262</f>
        <v>a052r000000jS9ZAAU</v>
      </c>
      <c r="H260" s="12" t="e">
        <f>'申請書（複数入力用）'!N262</f>
        <v>#N/A</v>
      </c>
      <c r="I260" s="12" t="e">
        <f>'申請書（複数入力用）'!O262</f>
        <v>#N/A</v>
      </c>
      <c r="J260" s="12">
        <f>'申請書（複数入力用）'!P262</f>
        <v>1</v>
      </c>
    </row>
    <row r="261" spans="1:10" ht="51.6" customHeight="1" x14ac:dyDescent="0.45">
      <c r="A261" s="6">
        <f>'申請書（複数入力用）'!A263</f>
        <v>257</v>
      </c>
      <c r="B261" s="13">
        <f>'申請書（複数入力用）'!AH263</f>
        <v>0</v>
      </c>
      <c r="C261" s="6">
        <f>'申請書（複数入力用）'!B263</f>
        <v>0</v>
      </c>
      <c r="D261" s="6">
        <f>'申請書（複数入力用）'!D263</f>
        <v>0</v>
      </c>
      <c r="E261" s="14">
        <f>'申請書（複数入力用）'!H263</f>
        <v>0</v>
      </c>
      <c r="F261" s="11" t="str">
        <f>'申請書（複数入力用）'!J263</f>
        <v/>
      </c>
      <c r="G261" s="6" t="str">
        <f>'申請書（複数入力用）'!K263</f>
        <v>a052r000000jS9ZAAU</v>
      </c>
      <c r="H261" s="12" t="e">
        <f>'申請書（複数入力用）'!N263</f>
        <v>#N/A</v>
      </c>
      <c r="I261" s="12" t="e">
        <f>'申請書（複数入力用）'!O263</f>
        <v>#N/A</v>
      </c>
      <c r="J261" s="12">
        <f>'申請書（複数入力用）'!P263</f>
        <v>1</v>
      </c>
    </row>
    <row r="262" spans="1:10" ht="51.6" customHeight="1" x14ac:dyDescent="0.45">
      <c r="A262" s="6">
        <f>'申請書（複数入力用）'!A264</f>
        <v>258</v>
      </c>
      <c r="B262" s="13">
        <f>'申請書（複数入力用）'!AH264</f>
        <v>0</v>
      </c>
      <c r="C262" s="6">
        <f>'申請書（複数入力用）'!B264</f>
        <v>0</v>
      </c>
      <c r="D262" s="6">
        <f>'申請書（複数入力用）'!D264</f>
        <v>0</v>
      </c>
      <c r="E262" s="14">
        <f>'申請書（複数入力用）'!H264</f>
        <v>0</v>
      </c>
      <c r="F262" s="11" t="str">
        <f>'申請書（複数入力用）'!J264</f>
        <v/>
      </c>
      <c r="G262" s="6" t="str">
        <f>'申請書（複数入力用）'!K264</f>
        <v>a052r000000jS9ZAAU</v>
      </c>
      <c r="H262" s="12" t="e">
        <f>'申請書（複数入力用）'!N264</f>
        <v>#N/A</v>
      </c>
      <c r="I262" s="12" t="e">
        <f>'申請書（複数入力用）'!O264</f>
        <v>#N/A</v>
      </c>
      <c r="J262" s="12">
        <f>'申請書（複数入力用）'!P264</f>
        <v>1</v>
      </c>
    </row>
    <row r="263" spans="1:10" ht="51.6" customHeight="1" x14ac:dyDescent="0.45">
      <c r="A263" s="6">
        <f>'申請書（複数入力用）'!A265</f>
        <v>259</v>
      </c>
      <c r="B263" s="13">
        <f>'申請書（複数入力用）'!AH265</f>
        <v>0</v>
      </c>
      <c r="C263" s="6">
        <f>'申請書（複数入力用）'!B265</f>
        <v>0</v>
      </c>
      <c r="D263" s="6">
        <f>'申請書（複数入力用）'!D265</f>
        <v>0</v>
      </c>
      <c r="E263" s="14">
        <f>'申請書（複数入力用）'!H265</f>
        <v>0</v>
      </c>
      <c r="F263" s="11" t="str">
        <f>'申請書（複数入力用）'!J265</f>
        <v/>
      </c>
      <c r="G263" s="6" t="str">
        <f>'申請書（複数入力用）'!K265</f>
        <v>a052r000000jS9ZAAU</v>
      </c>
      <c r="H263" s="12" t="e">
        <f>'申請書（複数入力用）'!N265</f>
        <v>#N/A</v>
      </c>
      <c r="I263" s="12" t="e">
        <f>'申請書（複数入力用）'!O265</f>
        <v>#N/A</v>
      </c>
      <c r="J263" s="12">
        <f>'申請書（複数入力用）'!P265</f>
        <v>1</v>
      </c>
    </row>
    <row r="264" spans="1:10" ht="51.6" customHeight="1" x14ac:dyDescent="0.45">
      <c r="A264" s="6">
        <f>'申請書（複数入力用）'!A266</f>
        <v>260</v>
      </c>
      <c r="B264" s="13">
        <f>'申請書（複数入力用）'!AH266</f>
        <v>0</v>
      </c>
      <c r="C264" s="6">
        <f>'申請書（複数入力用）'!B266</f>
        <v>0</v>
      </c>
      <c r="D264" s="6">
        <f>'申請書（複数入力用）'!D266</f>
        <v>0</v>
      </c>
      <c r="E264" s="14">
        <f>'申請書（複数入力用）'!H266</f>
        <v>0</v>
      </c>
      <c r="F264" s="11" t="str">
        <f>'申請書（複数入力用）'!J266</f>
        <v/>
      </c>
      <c r="G264" s="6" t="str">
        <f>'申請書（複数入力用）'!K266</f>
        <v>a052r000000jS9ZAAU</v>
      </c>
      <c r="H264" s="12" t="e">
        <f>'申請書（複数入力用）'!N266</f>
        <v>#N/A</v>
      </c>
      <c r="I264" s="12" t="e">
        <f>'申請書（複数入力用）'!O266</f>
        <v>#N/A</v>
      </c>
      <c r="J264" s="12">
        <f>'申請書（複数入力用）'!P266</f>
        <v>1</v>
      </c>
    </row>
    <row r="265" spans="1:10" ht="51.6" customHeight="1" x14ac:dyDescent="0.45">
      <c r="A265" s="6">
        <f>'申請書（複数入力用）'!A267</f>
        <v>261</v>
      </c>
      <c r="B265" s="13">
        <f>'申請書（複数入力用）'!AH267</f>
        <v>0</v>
      </c>
      <c r="C265" s="6">
        <f>'申請書（複数入力用）'!B267</f>
        <v>0</v>
      </c>
      <c r="D265" s="6">
        <f>'申請書（複数入力用）'!D267</f>
        <v>0</v>
      </c>
      <c r="E265" s="14">
        <f>'申請書（複数入力用）'!H267</f>
        <v>0</v>
      </c>
      <c r="F265" s="11" t="str">
        <f>'申請書（複数入力用）'!J267</f>
        <v/>
      </c>
      <c r="G265" s="6" t="str">
        <f>'申請書（複数入力用）'!K267</f>
        <v>a052r000000jS9ZAAU</v>
      </c>
      <c r="H265" s="12" t="e">
        <f>'申請書（複数入力用）'!N267</f>
        <v>#N/A</v>
      </c>
      <c r="I265" s="12" t="e">
        <f>'申請書（複数入力用）'!O267</f>
        <v>#N/A</v>
      </c>
      <c r="J265" s="12">
        <f>'申請書（複数入力用）'!P267</f>
        <v>1</v>
      </c>
    </row>
    <row r="266" spans="1:10" ht="51.6" customHeight="1" x14ac:dyDescent="0.45">
      <c r="A266" s="6">
        <f>'申請書（複数入力用）'!A268</f>
        <v>262</v>
      </c>
      <c r="B266" s="13">
        <f>'申請書（複数入力用）'!AH268</f>
        <v>0</v>
      </c>
      <c r="C266" s="6">
        <f>'申請書（複数入力用）'!B268</f>
        <v>0</v>
      </c>
      <c r="D266" s="6">
        <f>'申請書（複数入力用）'!D268</f>
        <v>0</v>
      </c>
      <c r="E266" s="14">
        <f>'申請書（複数入力用）'!H268</f>
        <v>0</v>
      </c>
      <c r="F266" s="11" t="str">
        <f>'申請書（複数入力用）'!J268</f>
        <v/>
      </c>
      <c r="G266" s="6" t="str">
        <f>'申請書（複数入力用）'!K268</f>
        <v>a052r000000jS9ZAAU</v>
      </c>
      <c r="H266" s="12" t="e">
        <f>'申請書（複数入力用）'!N268</f>
        <v>#N/A</v>
      </c>
      <c r="I266" s="12" t="e">
        <f>'申請書（複数入力用）'!O268</f>
        <v>#N/A</v>
      </c>
      <c r="J266" s="12">
        <f>'申請書（複数入力用）'!P268</f>
        <v>1</v>
      </c>
    </row>
    <row r="267" spans="1:10" ht="51.6" customHeight="1" x14ac:dyDescent="0.45">
      <c r="A267" s="6">
        <f>'申請書（複数入力用）'!A269</f>
        <v>263</v>
      </c>
      <c r="B267" s="13">
        <f>'申請書（複数入力用）'!AH269</f>
        <v>0</v>
      </c>
      <c r="C267" s="6">
        <f>'申請書（複数入力用）'!B269</f>
        <v>0</v>
      </c>
      <c r="D267" s="6">
        <f>'申請書（複数入力用）'!D269</f>
        <v>0</v>
      </c>
      <c r="E267" s="14">
        <f>'申請書（複数入力用）'!H269</f>
        <v>0</v>
      </c>
      <c r="F267" s="11" t="str">
        <f>'申請書（複数入力用）'!J269</f>
        <v/>
      </c>
      <c r="G267" s="6" t="str">
        <f>'申請書（複数入力用）'!K269</f>
        <v>a052r000000jS9ZAAU</v>
      </c>
      <c r="H267" s="12" t="e">
        <f>'申請書（複数入力用）'!N269</f>
        <v>#N/A</v>
      </c>
      <c r="I267" s="12" t="e">
        <f>'申請書（複数入力用）'!O269</f>
        <v>#N/A</v>
      </c>
      <c r="J267" s="12">
        <f>'申請書（複数入力用）'!P269</f>
        <v>1</v>
      </c>
    </row>
    <row r="268" spans="1:10" ht="51.6" customHeight="1" x14ac:dyDescent="0.45">
      <c r="A268" s="6">
        <f>'申請書（複数入力用）'!A270</f>
        <v>264</v>
      </c>
      <c r="B268" s="13">
        <f>'申請書（複数入力用）'!AH270</f>
        <v>0</v>
      </c>
      <c r="C268" s="6">
        <f>'申請書（複数入力用）'!B270</f>
        <v>0</v>
      </c>
      <c r="D268" s="6">
        <f>'申請書（複数入力用）'!D270</f>
        <v>0</v>
      </c>
      <c r="E268" s="14">
        <f>'申請書（複数入力用）'!H270</f>
        <v>0</v>
      </c>
      <c r="F268" s="11" t="str">
        <f>'申請書（複数入力用）'!J270</f>
        <v/>
      </c>
      <c r="G268" s="6" t="str">
        <f>'申請書（複数入力用）'!K270</f>
        <v>a052r000000jS9ZAAU</v>
      </c>
      <c r="H268" s="12" t="e">
        <f>'申請書（複数入力用）'!N270</f>
        <v>#N/A</v>
      </c>
      <c r="I268" s="12" t="e">
        <f>'申請書（複数入力用）'!O270</f>
        <v>#N/A</v>
      </c>
      <c r="J268" s="12">
        <f>'申請書（複数入力用）'!P270</f>
        <v>1</v>
      </c>
    </row>
    <row r="269" spans="1:10" ht="51.6" customHeight="1" x14ac:dyDescent="0.45">
      <c r="A269" s="6">
        <f>'申請書（複数入力用）'!A271</f>
        <v>265</v>
      </c>
      <c r="B269" s="13">
        <f>'申請書（複数入力用）'!AH271</f>
        <v>0</v>
      </c>
      <c r="C269" s="6">
        <f>'申請書（複数入力用）'!B271</f>
        <v>0</v>
      </c>
      <c r="D269" s="6">
        <f>'申請書（複数入力用）'!D271</f>
        <v>0</v>
      </c>
      <c r="E269" s="14">
        <f>'申請書（複数入力用）'!H271</f>
        <v>0</v>
      </c>
      <c r="F269" s="11" t="str">
        <f>'申請書（複数入力用）'!J271</f>
        <v/>
      </c>
      <c r="G269" s="6" t="str">
        <f>'申請書（複数入力用）'!K271</f>
        <v>a052r000000jS9ZAAU</v>
      </c>
      <c r="H269" s="12" t="e">
        <f>'申請書（複数入力用）'!N271</f>
        <v>#N/A</v>
      </c>
      <c r="I269" s="12" t="e">
        <f>'申請書（複数入力用）'!O271</f>
        <v>#N/A</v>
      </c>
      <c r="J269" s="12">
        <f>'申請書（複数入力用）'!P271</f>
        <v>1</v>
      </c>
    </row>
    <row r="270" spans="1:10" ht="51.6" customHeight="1" x14ac:dyDescent="0.45">
      <c r="A270" s="6">
        <f>'申請書（複数入力用）'!A272</f>
        <v>266</v>
      </c>
      <c r="B270" s="13">
        <f>'申請書（複数入力用）'!AH272</f>
        <v>0</v>
      </c>
      <c r="C270" s="6">
        <f>'申請書（複数入力用）'!B272</f>
        <v>0</v>
      </c>
      <c r="D270" s="6">
        <f>'申請書（複数入力用）'!D272</f>
        <v>0</v>
      </c>
      <c r="E270" s="14">
        <f>'申請書（複数入力用）'!H272</f>
        <v>0</v>
      </c>
      <c r="F270" s="11" t="str">
        <f>'申請書（複数入力用）'!J272</f>
        <v/>
      </c>
      <c r="G270" s="6" t="str">
        <f>'申請書（複数入力用）'!K272</f>
        <v>a052r000000jS9ZAAU</v>
      </c>
      <c r="H270" s="12" t="e">
        <f>'申請書（複数入力用）'!N272</f>
        <v>#N/A</v>
      </c>
      <c r="I270" s="12" t="e">
        <f>'申請書（複数入力用）'!O272</f>
        <v>#N/A</v>
      </c>
      <c r="J270" s="12">
        <f>'申請書（複数入力用）'!P272</f>
        <v>1</v>
      </c>
    </row>
    <row r="271" spans="1:10" ht="51.6" customHeight="1" x14ac:dyDescent="0.45">
      <c r="A271" s="6">
        <f>'申請書（複数入力用）'!A273</f>
        <v>267</v>
      </c>
      <c r="B271" s="13">
        <f>'申請書（複数入力用）'!AH273</f>
        <v>0</v>
      </c>
      <c r="C271" s="6">
        <f>'申請書（複数入力用）'!B273</f>
        <v>0</v>
      </c>
      <c r="D271" s="6">
        <f>'申請書（複数入力用）'!D273</f>
        <v>0</v>
      </c>
      <c r="E271" s="14">
        <f>'申請書（複数入力用）'!H273</f>
        <v>0</v>
      </c>
      <c r="F271" s="11" t="str">
        <f>'申請書（複数入力用）'!J273</f>
        <v/>
      </c>
      <c r="G271" s="6" t="str">
        <f>'申請書（複数入力用）'!K273</f>
        <v>a052r000000jS9ZAAU</v>
      </c>
      <c r="H271" s="12" t="e">
        <f>'申請書（複数入力用）'!N273</f>
        <v>#N/A</v>
      </c>
      <c r="I271" s="12" t="e">
        <f>'申請書（複数入力用）'!O273</f>
        <v>#N/A</v>
      </c>
      <c r="J271" s="12">
        <f>'申請書（複数入力用）'!P273</f>
        <v>1</v>
      </c>
    </row>
    <row r="272" spans="1:10" ht="51.6" customHeight="1" x14ac:dyDescent="0.45">
      <c r="A272" s="6">
        <f>'申請書（複数入力用）'!A274</f>
        <v>268</v>
      </c>
      <c r="B272" s="13">
        <f>'申請書（複数入力用）'!AH274</f>
        <v>0</v>
      </c>
      <c r="C272" s="6">
        <f>'申請書（複数入力用）'!B274</f>
        <v>0</v>
      </c>
      <c r="D272" s="6">
        <f>'申請書（複数入力用）'!D274</f>
        <v>0</v>
      </c>
      <c r="E272" s="14">
        <f>'申請書（複数入力用）'!H274</f>
        <v>0</v>
      </c>
      <c r="F272" s="11" t="str">
        <f>'申請書（複数入力用）'!J274</f>
        <v/>
      </c>
      <c r="G272" s="6" t="str">
        <f>'申請書（複数入力用）'!K274</f>
        <v>a052r000000jS9ZAAU</v>
      </c>
      <c r="H272" s="12" t="e">
        <f>'申請書（複数入力用）'!N274</f>
        <v>#N/A</v>
      </c>
      <c r="I272" s="12" t="e">
        <f>'申請書（複数入力用）'!O274</f>
        <v>#N/A</v>
      </c>
      <c r="J272" s="12">
        <f>'申請書（複数入力用）'!P274</f>
        <v>1</v>
      </c>
    </row>
    <row r="273" spans="1:10" ht="51.6" customHeight="1" x14ac:dyDescent="0.45">
      <c r="A273" s="6">
        <f>'申請書（複数入力用）'!A275</f>
        <v>269</v>
      </c>
      <c r="B273" s="13">
        <f>'申請書（複数入力用）'!AH275</f>
        <v>0</v>
      </c>
      <c r="C273" s="6">
        <f>'申請書（複数入力用）'!B275</f>
        <v>0</v>
      </c>
      <c r="D273" s="6">
        <f>'申請書（複数入力用）'!D275</f>
        <v>0</v>
      </c>
      <c r="E273" s="14">
        <f>'申請書（複数入力用）'!H275</f>
        <v>0</v>
      </c>
      <c r="F273" s="11" t="str">
        <f>'申請書（複数入力用）'!J275</f>
        <v/>
      </c>
      <c r="G273" s="6" t="str">
        <f>'申請書（複数入力用）'!K275</f>
        <v>a052r000000jS9ZAAU</v>
      </c>
      <c r="H273" s="12" t="e">
        <f>'申請書（複数入力用）'!N275</f>
        <v>#N/A</v>
      </c>
      <c r="I273" s="12" t="e">
        <f>'申請書（複数入力用）'!O275</f>
        <v>#N/A</v>
      </c>
      <c r="J273" s="12">
        <f>'申請書（複数入力用）'!P275</f>
        <v>1</v>
      </c>
    </row>
    <row r="274" spans="1:10" ht="51.6" customHeight="1" x14ac:dyDescent="0.45">
      <c r="A274" s="6">
        <f>'申請書（複数入力用）'!A276</f>
        <v>270</v>
      </c>
      <c r="B274" s="13">
        <f>'申請書（複数入力用）'!AH276</f>
        <v>0</v>
      </c>
      <c r="C274" s="6">
        <f>'申請書（複数入力用）'!B276</f>
        <v>0</v>
      </c>
      <c r="D274" s="6">
        <f>'申請書（複数入力用）'!D276</f>
        <v>0</v>
      </c>
      <c r="E274" s="14">
        <f>'申請書（複数入力用）'!H276</f>
        <v>0</v>
      </c>
      <c r="F274" s="11" t="str">
        <f>'申請書（複数入力用）'!J276</f>
        <v/>
      </c>
      <c r="G274" s="6" t="str">
        <f>'申請書（複数入力用）'!K276</f>
        <v>a052r000000jS9ZAAU</v>
      </c>
      <c r="H274" s="12" t="e">
        <f>'申請書（複数入力用）'!N276</f>
        <v>#N/A</v>
      </c>
      <c r="I274" s="12" t="e">
        <f>'申請書（複数入力用）'!O276</f>
        <v>#N/A</v>
      </c>
      <c r="J274" s="12">
        <f>'申請書（複数入力用）'!P276</f>
        <v>1</v>
      </c>
    </row>
    <row r="275" spans="1:10" ht="51.6" customHeight="1" x14ac:dyDescent="0.45">
      <c r="A275" s="6">
        <f>'申請書（複数入力用）'!A277</f>
        <v>271</v>
      </c>
      <c r="B275" s="13">
        <f>'申請書（複数入力用）'!AH277</f>
        <v>0</v>
      </c>
      <c r="C275" s="6">
        <f>'申請書（複数入力用）'!B277</f>
        <v>0</v>
      </c>
      <c r="D275" s="6">
        <f>'申請書（複数入力用）'!D277</f>
        <v>0</v>
      </c>
      <c r="E275" s="14">
        <f>'申請書（複数入力用）'!H277</f>
        <v>0</v>
      </c>
      <c r="F275" s="11" t="str">
        <f>'申請書（複数入力用）'!J277</f>
        <v/>
      </c>
      <c r="G275" s="6" t="str">
        <f>'申請書（複数入力用）'!K277</f>
        <v>a052r000000jS9ZAAU</v>
      </c>
      <c r="H275" s="12" t="e">
        <f>'申請書（複数入力用）'!N277</f>
        <v>#N/A</v>
      </c>
      <c r="I275" s="12" t="e">
        <f>'申請書（複数入力用）'!O277</f>
        <v>#N/A</v>
      </c>
      <c r="J275" s="12">
        <f>'申請書（複数入力用）'!P277</f>
        <v>1</v>
      </c>
    </row>
    <row r="276" spans="1:10" ht="51.6" customHeight="1" x14ac:dyDescent="0.45">
      <c r="A276" s="6">
        <f>'申請書（複数入力用）'!A278</f>
        <v>272</v>
      </c>
      <c r="B276" s="13">
        <f>'申請書（複数入力用）'!AH278</f>
        <v>0</v>
      </c>
      <c r="C276" s="6">
        <f>'申請書（複数入力用）'!B278</f>
        <v>0</v>
      </c>
      <c r="D276" s="6">
        <f>'申請書（複数入力用）'!D278</f>
        <v>0</v>
      </c>
      <c r="E276" s="14">
        <f>'申請書（複数入力用）'!H278</f>
        <v>0</v>
      </c>
      <c r="F276" s="11" t="str">
        <f>'申請書（複数入力用）'!J278</f>
        <v/>
      </c>
      <c r="G276" s="6" t="str">
        <f>'申請書（複数入力用）'!K278</f>
        <v>a052r000000jS9ZAAU</v>
      </c>
      <c r="H276" s="12" t="e">
        <f>'申請書（複数入力用）'!N278</f>
        <v>#N/A</v>
      </c>
      <c r="I276" s="12" t="e">
        <f>'申請書（複数入力用）'!O278</f>
        <v>#N/A</v>
      </c>
      <c r="J276" s="12">
        <f>'申請書（複数入力用）'!P278</f>
        <v>1</v>
      </c>
    </row>
    <row r="277" spans="1:10" ht="51.6" customHeight="1" x14ac:dyDescent="0.45">
      <c r="A277" s="6">
        <f>'申請書（複数入力用）'!A279</f>
        <v>273</v>
      </c>
      <c r="B277" s="13">
        <f>'申請書（複数入力用）'!AH279</f>
        <v>0</v>
      </c>
      <c r="C277" s="6">
        <f>'申請書（複数入力用）'!B279</f>
        <v>0</v>
      </c>
      <c r="D277" s="6">
        <f>'申請書（複数入力用）'!D279</f>
        <v>0</v>
      </c>
      <c r="E277" s="14">
        <f>'申請書（複数入力用）'!H279</f>
        <v>0</v>
      </c>
      <c r="F277" s="11" t="str">
        <f>'申請書（複数入力用）'!J279</f>
        <v/>
      </c>
      <c r="G277" s="6" t="str">
        <f>'申請書（複数入力用）'!K279</f>
        <v>a052r000000jS9ZAAU</v>
      </c>
      <c r="H277" s="12" t="e">
        <f>'申請書（複数入力用）'!N279</f>
        <v>#N/A</v>
      </c>
      <c r="I277" s="12" t="e">
        <f>'申請書（複数入力用）'!O279</f>
        <v>#N/A</v>
      </c>
      <c r="J277" s="12">
        <f>'申請書（複数入力用）'!P279</f>
        <v>1</v>
      </c>
    </row>
    <row r="278" spans="1:10" ht="51.6" customHeight="1" x14ac:dyDescent="0.45">
      <c r="A278" s="6">
        <f>'申請書（複数入力用）'!A280</f>
        <v>274</v>
      </c>
      <c r="B278" s="13">
        <f>'申請書（複数入力用）'!AH280</f>
        <v>0</v>
      </c>
      <c r="C278" s="6">
        <f>'申請書（複数入力用）'!B280</f>
        <v>0</v>
      </c>
      <c r="D278" s="6">
        <f>'申請書（複数入力用）'!D280</f>
        <v>0</v>
      </c>
      <c r="E278" s="14">
        <f>'申請書（複数入力用）'!H280</f>
        <v>0</v>
      </c>
      <c r="F278" s="11" t="str">
        <f>'申請書（複数入力用）'!J280</f>
        <v/>
      </c>
      <c r="G278" s="6" t="str">
        <f>'申請書（複数入力用）'!K280</f>
        <v>a052r000000jS9ZAAU</v>
      </c>
      <c r="H278" s="12" t="e">
        <f>'申請書（複数入力用）'!N280</f>
        <v>#N/A</v>
      </c>
      <c r="I278" s="12" t="e">
        <f>'申請書（複数入力用）'!O280</f>
        <v>#N/A</v>
      </c>
      <c r="J278" s="12">
        <f>'申請書（複数入力用）'!P280</f>
        <v>1</v>
      </c>
    </row>
    <row r="279" spans="1:10" ht="51.6" customHeight="1" x14ac:dyDescent="0.45">
      <c r="A279" s="6">
        <f>'申請書（複数入力用）'!A281</f>
        <v>275</v>
      </c>
      <c r="B279" s="13">
        <f>'申請書（複数入力用）'!AH281</f>
        <v>0</v>
      </c>
      <c r="C279" s="6">
        <f>'申請書（複数入力用）'!B281</f>
        <v>0</v>
      </c>
      <c r="D279" s="6">
        <f>'申請書（複数入力用）'!D281</f>
        <v>0</v>
      </c>
      <c r="E279" s="14">
        <f>'申請書（複数入力用）'!H281</f>
        <v>0</v>
      </c>
      <c r="F279" s="11" t="str">
        <f>'申請書（複数入力用）'!J281</f>
        <v/>
      </c>
      <c r="G279" s="6" t="str">
        <f>'申請書（複数入力用）'!K281</f>
        <v>a052r000000jS9ZAAU</v>
      </c>
      <c r="H279" s="12" t="e">
        <f>'申請書（複数入力用）'!N281</f>
        <v>#N/A</v>
      </c>
      <c r="I279" s="12" t="e">
        <f>'申請書（複数入力用）'!O281</f>
        <v>#N/A</v>
      </c>
      <c r="J279" s="12">
        <f>'申請書（複数入力用）'!P281</f>
        <v>1</v>
      </c>
    </row>
    <row r="280" spans="1:10" ht="51.6" customHeight="1" x14ac:dyDescent="0.45">
      <c r="A280" s="6">
        <f>'申請書（複数入力用）'!A282</f>
        <v>276</v>
      </c>
      <c r="B280" s="13">
        <f>'申請書（複数入力用）'!AH282</f>
        <v>0</v>
      </c>
      <c r="C280" s="6">
        <f>'申請書（複数入力用）'!B282</f>
        <v>0</v>
      </c>
      <c r="D280" s="6">
        <f>'申請書（複数入力用）'!D282</f>
        <v>0</v>
      </c>
      <c r="E280" s="14">
        <f>'申請書（複数入力用）'!H282</f>
        <v>0</v>
      </c>
      <c r="F280" s="11" t="str">
        <f>'申請書（複数入力用）'!J282</f>
        <v/>
      </c>
      <c r="G280" s="6" t="str">
        <f>'申請書（複数入力用）'!K282</f>
        <v>a052r000000jS9ZAAU</v>
      </c>
      <c r="H280" s="12" t="e">
        <f>'申請書（複数入力用）'!N282</f>
        <v>#N/A</v>
      </c>
      <c r="I280" s="12" t="e">
        <f>'申請書（複数入力用）'!O282</f>
        <v>#N/A</v>
      </c>
      <c r="J280" s="12">
        <f>'申請書（複数入力用）'!P282</f>
        <v>1</v>
      </c>
    </row>
    <row r="281" spans="1:10" ht="51.6" customHeight="1" x14ac:dyDescent="0.45">
      <c r="A281" s="6">
        <f>'申請書（複数入力用）'!A283</f>
        <v>277</v>
      </c>
      <c r="B281" s="13">
        <f>'申請書（複数入力用）'!AH283</f>
        <v>0</v>
      </c>
      <c r="C281" s="6">
        <f>'申請書（複数入力用）'!B283</f>
        <v>0</v>
      </c>
      <c r="D281" s="6">
        <f>'申請書（複数入力用）'!D283</f>
        <v>0</v>
      </c>
      <c r="E281" s="14">
        <f>'申請書（複数入力用）'!H283</f>
        <v>0</v>
      </c>
      <c r="F281" s="11" t="str">
        <f>'申請書（複数入力用）'!J283</f>
        <v/>
      </c>
      <c r="G281" s="6" t="str">
        <f>'申請書（複数入力用）'!K283</f>
        <v>a052r000000jS9ZAAU</v>
      </c>
      <c r="H281" s="12" t="e">
        <f>'申請書（複数入力用）'!N283</f>
        <v>#N/A</v>
      </c>
      <c r="I281" s="12" t="e">
        <f>'申請書（複数入力用）'!O283</f>
        <v>#N/A</v>
      </c>
      <c r="J281" s="12">
        <f>'申請書（複数入力用）'!P283</f>
        <v>1</v>
      </c>
    </row>
    <row r="282" spans="1:10" ht="51.6" customHeight="1" x14ac:dyDescent="0.45">
      <c r="A282" s="6">
        <f>'申請書（複数入力用）'!A284</f>
        <v>278</v>
      </c>
      <c r="B282" s="13">
        <f>'申請書（複数入力用）'!AH284</f>
        <v>0</v>
      </c>
      <c r="C282" s="6">
        <f>'申請書（複数入力用）'!B284</f>
        <v>0</v>
      </c>
      <c r="D282" s="6">
        <f>'申請書（複数入力用）'!D284</f>
        <v>0</v>
      </c>
      <c r="E282" s="14">
        <f>'申請書（複数入力用）'!H284</f>
        <v>0</v>
      </c>
      <c r="F282" s="11" t="str">
        <f>'申請書（複数入力用）'!J284</f>
        <v/>
      </c>
      <c r="G282" s="6" t="str">
        <f>'申請書（複数入力用）'!K284</f>
        <v>a052r000000jS9ZAAU</v>
      </c>
      <c r="H282" s="12" t="e">
        <f>'申請書（複数入力用）'!N284</f>
        <v>#N/A</v>
      </c>
      <c r="I282" s="12" t="e">
        <f>'申請書（複数入力用）'!O284</f>
        <v>#N/A</v>
      </c>
      <c r="J282" s="12">
        <f>'申請書（複数入力用）'!P284</f>
        <v>1</v>
      </c>
    </row>
    <row r="283" spans="1:10" ht="51.6" customHeight="1" x14ac:dyDescent="0.45">
      <c r="A283" s="6">
        <f>'申請書（複数入力用）'!A285</f>
        <v>279</v>
      </c>
      <c r="B283" s="13">
        <f>'申請書（複数入力用）'!AH285</f>
        <v>0</v>
      </c>
      <c r="C283" s="6">
        <f>'申請書（複数入力用）'!B285</f>
        <v>0</v>
      </c>
      <c r="D283" s="6">
        <f>'申請書（複数入力用）'!D285</f>
        <v>0</v>
      </c>
      <c r="E283" s="14">
        <f>'申請書（複数入力用）'!H285</f>
        <v>0</v>
      </c>
      <c r="F283" s="11" t="str">
        <f>'申請書（複数入力用）'!J285</f>
        <v/>
      </c>
      <c r="G283" s="6" t="str">
        <f>'申請書（複数入力用）'!K285</f>
        <v>a052r000000jS9ZAAU</v>
      </c>
      <c r="H283" s="12" t="e">
        <f>'申請書（複数入力用）'!N285</f>
        <v>#N/A</v>
      </c>
      <c r="I283" s="12" t="e">
        <f>'申請書（複数入力用）'!O285</f>
        <v>#N/A</v>
      </c>
      <c r="J283" s="12">
        <f>'申請書（複数入力用）'!P285</f>
        <v>1</v>
      </c>
    </row>
    <row r="284" spans="1:10" ht="51.6" customHeight="1" x14ac:dyDescent="0.45">
      <c r="A284" s="6">
        <f>'申請書（複数入力用）'!A286</f>
        <v>280</v>
      </c>
      <c r="B284" s="13">
        <f>'申請書（複数入力用）'!AH286</f>
        <v>0</v>
      </c>
      <c r="C284" s="6">
        <f>'申請書（複数入力用）'!B286</f>
        <v>0</v>
      </c>
      <c r="D284" s="6">
        <f>'申請書（複数入力用）'!D286</f>
        <v>0</v>
      </c>
      <c r="E284" s="14">
        <f>'申請書（複数入力用）'!H286</f>
        <v>0</v>
      </c>
      <c r="F284" s="11" t="str">
        <f>'申請書（複数入力用）'!J286</f>
        <v/>
      </c>
      <c r="G284" s="6" t="str">
        <f>'申請書（複数入力用）'!K286</f>
        <v>a052r000000jS9ZAAU</v>
      </c>
      <c r="H284" s="12" t="e">
        <f>'申請書（複数入力用）'!N286</f>
        <v>#N/A</v>
      </c>
      <c r="I284" s="12" t="e">
        <f>'申請書（複数入力用）'!O286</f>
        <v>#N/A</v>
      </c>
      <c r="J284" s="12">
        <f>'申請書（複数入力用）'!P286</f>
        <v>1</v>
      </c>
    </row>
    <row r="285" spans="1:10" ht="51.6" customHeight="1" x14ac:dyDescent="0.45">
      <c r="A285" s="6">
        <f>'申請書（複数入力用）'!A287</f>
        <v>281</v>
      </c>
      <c r="B285" s="13">
        <f>'申請書（複数入力用）'!AH287</f>
        <v>0</v>
      </c>
      <c r="C285" s="6">
        <f>'申請書（複数入力用）'!B287</f>
        <v>0</v>
      </c>
      <c r="D285" s="6">
        <f>'申請書（複数入力用）'!D287</f>
        <v>0</v>
      </c>
      <c r="E285" s="14">
        <f>'申請書（複数入力用）'!H287</f>
        <v>0</v>
      </c>
      <c r="F285" s="11" t="str">
        <f>'申請書（複数入力用）'!J287</f>
        <v/>
      </c>
      <c r="G285" s="6" t="str">
        <f>'申請書（複数入力用）'!K287</f>
        <v>a052r000000jS9ZAAU</v>
      </c>
      <c r="H285" s="12" t="e">
        <f>'申請書（複数入力用）'!N287</f>
        <v>#N/A</v>
      </c>
      <c r="I285" s="12" t="e">
        <f>'申請書（複数入力用）'!O287</f>
        <v>#N/A</v>
      </c>
      <c r="J285" s="12">
        <f>'申請書（複数入力用）'!P287</f>
        <v>1</v>
      </c>
    </row>
    <row r="286" spans="1:10" ht="51.6" customHeight="1" x14ac:dyDescent="0.45">
      <c r="A286" s="6">
        <f>'申請書（複数入力用）'!A288</f>
        <v>282</v>
      </c>
      <c r="B286" s="13">
        <f>'申請書（複数入力用）'!AH288</f>
        <v>0</v>
      </c>
      <c r="C286" s="6">
        <f>'申請書（複数入力用）'!B288</f>
        <v>0</v>
      </c>
      <c r="D286" s="6">
        <f>'申請書（複数入力用）'!D288</f>
        <v>0</v>
      </c>
      <c r="E286" s="14">
        <f>'申請書（複数入力用）'!H288</f>
        <v>0</v>
      </c>
      <c r="F286" s="11" t="str">
        <f>'申請書（複数入力用）'!J288</f>
        <v/>
      </c>
      <c r="G286" s="6" t="str">
        <f>'申請書（複数入力用）'!K288</f>
        <v>a052r000000jS9ZAAU</v>
      </c>
      <c r="H286" s="12" t="e">
        <f>'申請書（複数入力用）'!N288</f>
        <v>#N/A</v>
      </c>
      <c r="I286" s="12" t="e">
        <f>'申請書（複数入力用）'!O288</f>
        <v>#N/A</v>
      </c>
      <c r="J286" s="12">
        <f>'申請書（複数入力用）'!P288</f>
        <v>1</v>
      </c>
    </row>
    <row r="287" spans="1:10" ht="51.6" customHeight="1" x14ac:dyDescent="0.45">
      <c r="A287" s="6">
        <f>'申請書（複数入力用）'!A289</f>
        <v>283</v>
      </c>
      <c r="B287" s="13">
        <f>'申請書（複数入力用）'!AH289</f>
        <v>0</v>
      </c>
      <c r="C287" s="6">
        <f>'申請書（複数入力用）'!B289</f>
        <v>0</v>
      </c>
      <c r="D287" s="6">
        <f>'申請書（複数入力用）'!D289</f>
        <v>0</v>
      </c>
      <c r="E287" s="14">
        <f>'申請書（複数入力用）'!H289</f>
        <v>0</v>
      </c>
      <c r="F287" s="11" t="str">
        <f>'申請書（複数入力用）'!J289</f>
        <v/>
      </c>
      <c r="G287" s="6" t="str">
        <f>'申請書（複数入力用）'!K289</f>
        <v>a052r000000jS9ZAAU</v>
      </c>
      <c r="H287" s="12" t="e">
        <f>'申請書（複数入力用）'!N289</f>
        <v>#N/A</v>
      </c>
      <c r="I287" s="12" t="e">
        <f>'申請書（複数入力用）'!O289</f>
        <v>#N/A</v>
      </c>
      <c r="J287" s="12">
        <f>'申請書（複数入力用）'!P289</f>
        <v>1</v>
      </c>
    </row>
    <row r="288" spans="1:10" ht="51.6" customHeight="1" x14ac:dyDescent="0.45">
      <c r="A288" s="6">
        <f>'申請書（複数入力用）'!A290</f>
        <v>284</v>
      </c>
      <c r="B288" s="13">
        <f>'申請書（複数入力用）'!AH290</f>
        <v>0</v>
      </c>
      <c r="C288" s="6">
        <f>'申請書（複数入力用）'!B290</f>
        <v>0</v>
      </c>
      <c r="D288" s="6">
        <f>'申請書（複数入力用）'!D290</f>
        <v>0</v>
      </c>
      <c r="E288" s="14">
        <f>'申請書（複数入力用）'!H290</f>
        <v>0</v>
      </c>
      <c r="F288" s="11" t="str">
        <f>'申請書（複数入力用）'!J290</f>
        <v/>
      </c>
      <c r="G288" s="6" t="str">
        <f>'申請書（複数入力用）'!K290</f>
        <v>a052r000000jS9ZAAU</v>
      </c>
      <c r="H288" s="12" t="e">
        <f>'申請書（複数入力用）'!N290</f>
        <v>#N/A</v>
      </c>
      <c r="I288" s="12" t="e">
        <f>'申請書（複数入力用）'!O290</f>
        <v>#N/A</v>
      </c>
      <c r="J288" s="12">
        <f>'申請書（複数入力用）'!P290</f>
        <v>1</v>
      </c>
    </row>
    <row r="289" spans="1:10" ht="51.6" customHeight="1" x14ac:dyDescent="0.45">
      <c r="A289" s="6">
        <f>'申請書（複数入力用）'!A291</f>
        <v>285</v>
      </c>
      <c r="B289" s="13">
        <f>'申請書（複数入力用）'!AH291</f>
        <v>0</v>
      </c>
      <c r="C289" s="6">
        <f>'申請書（複数入力用）'!B291</f>
        <v>0</v>
      </c>
      <c r="D289" s="6">
        <f>'申請書（複数入力用）'!D291</f>
        <v>0</v>
      </c>
      <c r="E289" s="14">
        <f>'申請書（複数入力用）'!H291</f>
        <v>0</v>
      </c>
      <c r="F289" s="11" t="str">
        <f>'申請書（複数入力用）'!J291</f>
        <v/>
      </c>
      <c r="G289" s="6" t="str">
        <f>'申請書（複数入力用）'!K291</f>
        <v>a052r000000jS9ZAAU</v>
      </c>
      <c r="H289" s="12" t="e">
        <f>'申請書（複数入力用）'!N291</f>
        <v>#N/A</v>
      </c>
      <c r="I289" s="12" t="e">
        <f>'申請書（複数入力用）'!O291</f>
        <v>#N/A</v>
      </c>
      <c r="J289" s="12">
        <f>'申請書（複数入力用）'!P291</f>
        <v>1</v>
      </c>
    </row>
    <row r="290" spans="1:10" ht="51.6" customHeight="1" x14ac:dyDescent="0.45">
      <c r="A290" s="6">
        <f>'申請書（複数入力用）'!A292</f>
        <v>286</v>
      </c>
      <c r="B290" s="13">
        <f>'申請書（複数入力用）'!AH292</f>
        <v>0</v>
      </c>
      <c r="C290" s="6">
        <f>'申請書（複数入力用）'!B292</f>
        <v>0</v>
      </c>
      <c r="D290" s="6">
        <f>'申請書（複数入力用）'!D292</f>
        <v>0</v>
      </c>
      <c r="E290" s="14">
        <f>'申請書（複数入力用）'!H292</f>
        <v>0</v>
      </c>
      <c r="F290" s="11" t="str">
        <f>'申請書（複数入力用）'!J292</f>
        <v/>
      </c>
      <c r="G290" s="6" t="str">
        <f>'申請書（複数入力用）'!K292</f>
        <v>a052r000000jS9ZAAU</v>
      </c>
      <c r="H290" s="12" t="e">
        <f>'申請書（複数入力用）'!N292</f>
        <v>#N/A</v>
      </c>
      <c r="I290" s="12" t="e">
        <f>'申請書（複数入力用）'!O292</f>
        <v>#N/A</v>
      </c>
      <c r="J290" s="12">
        <f>'申請書（複数入力用）'!P292</f>
        <v>1</v>
      </c>
    </row>
    <row r="291" spans="1:10" ht="51.6" customHeight="1" x14ac:dyDescent="0.45">
      <c r="A291" s="6">
        <f>'申請書（複数入力用）'!A293</f>
        <v>287</v>
      </c>
      <c r="B291" s="13">
        <f>'申請書（複数入力用）'!AH293</f>
        <v>0</v>
      </c>
      <c r="C291" s="6">
        <f>'申請書（複数入力用）'!B293</f>
        <v>0</v>
      </c>
      <c r="D291" s="6">
        <f>'申請書（複数入力用）'!D293</f>
        <v>0</v>
      </c>
      <c r="E291" s="14">
        <f>'申請書（複数入力用）'!H293</f>
        <v>0</v>
      </c>
      <c r="F291" s="11" t="str">
        <f>'申請書（複数入力用）'!J293</f>
        <v/>
      </c>
      <c r="G291" s="6" t="str">
        <f>'申請書（複数入力用）'!K293</f>
        <v>a052r000000jS9ZAAU</v>
      </c>
      <c r="H291" s="12" t="e">
        <f>'申請書（複数入力用）'!N293</f>
        <v>#N/A</v>
      </c>
      <c r="I291" s="12" t="e">
        <f>'申請書（複数入力用）'!O293</f>
        <v>#N/A</v>
      </c>
      <c r="J291" s="12">
        <f>'申請書（複数入力用）'!P293</f>
        <v>1</v>
      </c>
    </row>
    <row r="292" spans="1:10" ht="51.6" customHeight="1" x14ac:dyDescent="0.45">
      <c r="A292" s="6">
        <f>'申請書（複数入力用）'!A294</f>
        <v>288</v>
      </c>
      <c r="B292" s="13">
        <f>'申請書（複数入力用）'!AH294</f>
        <v>0</v>
      </c>
      <c r="C292" s="6">
        <f>'申請書（複数入力用）'!B294</f>
        <v>0</v>
      </c>
      <c r="D292" s="6">
        <f>'申請書（複数入力用）'!D294</f>
        <v>0</v>
      </c>
      <c r="E292" s="14">
        <f>'申請書（複数入力用）'!H294</f>
        <v>0</v>
      </c>
      <c r="F292" s="11" t="str">
        <f>'申請書（複数入力用）'!J294</f>
        <v/>
      </c>
      <c r="G292" s="6" t="str">
        <f>'申請書（複数入力用）'!K294</f>
        <v>a052r000000jS9ZAAU</v>
      </c>
      <c r="H292" s="12" t="e">
        <f>'申請書（複数入力用）'!N294</f>
        <v>#N/A</v>
      </c>
      <c r="I292" s="12" t="e">
        <f>'申請書（複数入力用）'!O294</f>
        <v>#N/A</v>
      </c>
      <c r="J292" s="12">
        <f>'申請書（複数入力用）'!P294</f>
        <v>1</v>
      </c>
    </row>
    <row r="293" spans="1:10" ht="51.6" customHeight="1" x14ac:dyDescent="0.45">
      <c r="A293" s="6">
        <f>'申請書（複数入力用）'!A295</f>
        <v>289</v>
      </c>
      <c r="B293" s="13">
        <f>'申請書（複数入力用）'!AH295</f>
        <v>0</v>
      </c>
      <c r="C293" s="6">
        <f>'申請書（複数入力用）'!B295</f>
        <v>0</v>
      </c>
      <c r="D293" s="6">
        <f>'申請書（複数入力用）'!D295</f>
        <v>0</v>
      </c>
      <c r="E293" s="14">
        <f>'申請書（複数入力用）'!H295</f>
        <v>0</v>
      </c>
      <c r="F293" s="11" t="str">
        <f>'申請書（複数入力用）'!J295</f>
        <v/>
      </c>
      <c r="G293" s="6" t="str">
        <f>'申請書（複数入力用）'!K295</f>
        <v>a052r000000jS9ZAAU</v>
      </c>
      <c r="H293" s="12" t="e">
        <f>'申請書（複数入力用）'!N295</f>
        <v>#N/A</v>
      </c>
      <c r="I293" s="12" t="e">
        <f>'申請書（複数入力用）'!O295</f>
        <v>#N/A</v>
      </c>
      <c r="J293" s="12">
        <f>'申請書（複数入力用）'!P295</f>
        <v>1</v>
      </c>
    </row>
    <row r="294" spans="1:10" ht="51.6" customHeight="1" x14ac:dyDescent="0.45">
      <c r="A294" s="6">
        <f>'申請書（複数入力用）'!A296</f>
        <v>290</v>
      </c>
      <c r="B294" s="13">
        <f>'申請書（複数入力用）'!AH296</f>
        <v>0</v>
      </c>
      <c r="C294" s="6">
        <f>'申請書（複数入力用）'!B296</f>
        <v>0</v>
      </c>
      <c r="D294" s="6">
        <f>'申請書（複数入力用）'!D296</f>
        <v>0</v>
      </c>
      <c r="E294" s="14">
        <f>'申請書（複数入力用）'!H296</f>
        <v>0</v>
      </c>
      <c r="F294" s="11" t="str">
        <f>'申請書（複数入力用）'!J296</f>
        <v/>
      </c>
      <c r="G294" s="6" t="str">
        <f>'申請書（複数入力用）'!K296</f>
        <v>a052r000000jS9ZAAU</v>
      </c>
      <c r="H294" s="12" t="e">
        <f>'申請書（複数入力用）'!N296</f>
        <v>#N/A</v>
      </c>
      <c r="I294" s="12" t="e">
        <f>'申請書（複数入力用）'!O296</f>
        <v>#N/A</v>
      </c>
      <c r="J294" s="12">
        <f>'申請書（複数入力用）'!P296</f>
        <v>1</v>
      </c>
    </row>
    <row r="295" spans="1:10" ht="51.6" customHeight="1" x14ac:dyDescent="0.45">
      <c r="A295" s="6">
        <f>'申請書（複数入力用）'!A297</f>
        <v>291</v>
      </c>
      <c r="B295" s="13">
        <f>'申請書（複数入力用）'!AH297</f>
        <v>0</v>
      </c>
      <c r="C295" s="6">
        <f>'申請書（複数入力用）'!B297</f>
        <v>0</v>
      </c>
      <c r="D295" s="6">
        <f>'申請書（複数入力用）'!D297</f>
        <v>0</v>
      </c>
      <c r="E295" s="14">
        <f>'申請書（複数入力用）'!H297</f>
        <v>0</v>
      </c>
      <c r="F295" s="11" t="str">
        <f>'申請書（複数入力用）'!J297</f>
        <v/>
      </c>
      <c r="G295" s="6" t="str">
        <f>'申請書（複数入力用）'!K297</f>
        <v>a052r000000jS9ZAAU</v>
      </c>
      <c r="H295" s="12" t="e">
        <f>'申請書（複数入力用）'!N297</f>
        <v>#N/A</v>
      </c>
      <c r="I295" s="12" t="e">
        <f>'申請書（複数入力用）'!O297</f>
        <v>#N/A</v>
      </c>
      <c r="J295" s="12">
        <f>'申請書（複数入力用）'!P297</f>
        <v>1</v>
      </c>
    </row>
    <row r="296" spans="1:10" ht="51.6" customHeight="1" x14ac:dyDescent="0.45">
      <c r="A296" s="6">
        <f>'申請書（複数入力用）'!A298</f>
        <v>292</v>
      </c>
      <c r="B296" s="13">
        <f>'申請書（複数入力用）'!AH298</f>
        <v>0</v>
      </c>
      <c r="C296" s="6">
        <f>'申請書（複数入力用）'!B298</f>
        <v>0</v>
      </c>
      <c r="D296" s="6">
        <f>'申請書（複数入力用）'!D298</f>
        <v>0</v>
      </c>
      <c r="E296" s="14">
        <f>'申請書（複数入力用）'!H298</f>
        <v>0</v>
      </c>
      <c r="F296" s="11" t="str">
        <f>'申請書（複数入力用）'!J298</f>
        <v/>
      </c>
      <c r="G296" s="6" t="str">
        <f>'申請書（複数入力用）'!K298</f>
        <v>a052r000000jS9ZAAU</v>
      </c>
      <c r="H296" s="12" t="e">
        <f>'申請書（複数入力用）'!N298</f>
        <v>#N/A</v>
      </c>
      <c r="I296" s="12" t="e">
        <f>'申請書（複数入力用）'!O298</f>
        <v>#N/A</v>
      </c>
      <c r="J296" s="12">
        <f>'申請書（複数入力用）'!P298</f>
        <v>1</v>
      </c>
    </row>
    <row r="297" spans="1:10" ht="51.6" customHeight="1" x14ac:dyDescent="0.45">
      <c r="A297" s="6">
        <f>'申請書（複数入力用）'!A299</f>
        <v>293</v>
      </c>
      <c r="B297" s="13">
        <f>'申請書（複数入力用）'!AH299</f>
        <v>0</v>
      </c>
      <c r="C297" s="6">
        <f>'申請書（複数入力用）'!B299</f>
        <v>0</v>
      </c>
      <c r="D297" s="6">
        <f>'申請書（複数入力用）'!D299</f>
        <v>0</v>
      </c>
      <c r="E297" s="14">
        <f>'申請書（複数入力用）'!H299</f>
        <v>0</v>
      </c>
      <c r="F297" s="11" t="str">
        <f>'申請書（複数入力用）'!J299</f>
        <v/>
      </c>
      <c r="G297" s="6" t="str">
        <f>'申請書（複数入力用）'!K299</f>
        <v>a052r000000jS9ZAAU</v>
      </c>
      <c r="H297" s="12" t="e">
        <f>'申請書（複数入力用）'!N299</f>
        <v>#N/A</v>
      </c>
      <c r="I297" s="12" t="e">
        <f>'申請書（複数入力用）'!O299</f>
        <v>#N/A</v>
      </c>
      <c r="J297" s="12">
        <f>'申請書（複数入力用）'!P299</f>
        <v>1</v>
      </c>
    </row>
    <row r="298" spans="1:10" ht="51.6" customHeight="1" x14ac:dyDescent="0.45">
      <c r="A298" s="6">
        <f>'申請書（複数入力用）'!A300</f>
        <v>294</v>
      </c>
      <c r="B298" s="13">
        <f>'申請書（複数入力用）'!AH300</f>
        <v>0</v>
      </c>
      <c r="C298" s="6">
        <f>'申請書（複数入力用）'!B300</f>
        <v>0</v>
      </c>
      <c r="D298" s="6">
        <f>'申請書（複数入力用）'!D300</f>
        <v>0</v>
      </c>
      <c r="E298" s="14">
        <f>'申請書（複数入力用）'!H300</f>
        <v>0</v>
      </c>
      <c r="F298" s="11" t="str">
        <f>'申請書（複数入力用）'!J300</f>
        <v/>
      </c>
      <c r="G298" s="6" t="str">
        <f>'申請書（複数入力用）'!K300</f>
        <v>a052r000000jS9ZAAU</v>
      </c>
      <c r="H298" s="12" t="e">
        <f>'申請書（複数入力用）'!N300</f>
        <v>#N/A</v>
      </c>
      <c r="I298" s="12" t="e">
        <f>'申請書（複数入力用）'!O300</f>
        <v>#N/A</v>
      </c>
      <c r="J298" s="12">
        <f>'申請書（複数入力用）'!P300</f>
        <v>1</v>
      </c>
    </row>
    <row r="299" spans="1:10" ht="51.6" customHeight="1" x14ac:dyDescent="0.45">
      <c r="A299" s="6">
        <f>'申請書（複数入力用）'!A301</f>
        <v>295</v>
      </c>
      <c r="B299" s="13">
        <f>'申請書（複数入力用）'!AH301</f>
        <v>0</v>
      </c>
      <c r="C299" s="6">
        <f>'申請書（複数入力用）'!B301</f>
        <v>0</v>
      </c>
      <c r="D299" s="6">
        <f>'申請書（複数入力用）'!D301</f>
        <v>0</v>
      </c>
      <c r="E299" s="14">
        <f>'申請書（複数入力用）'!H301</f>
        <v>0</v>
      </c>
      <c r="F299" s="11" t="str">
        <f>'申請書（複数入力用）'!J301</f>
        <v/>
      </c>
      <c r="G299" s="6" t="str">
        <f>'申請書（複数入力用）'!K301</f>
        <v>a052r000000jS9ZAAU</v>
      </c>
      <c r="H299" s="12" t="e">
        <f>'申請書（複数入力用）'!N301</f>
        <v>#N/A</v>
      </c>
      <c r="I299" s="12" t="e">
        <f>'申請書（複数入力用）'!O301</f>
        <v>#N/A</v>
      </c>
      <c r="J299" s="12">
        <f>'申請書（複数入力用）'!P301</f>
        <v>1</v>
      </c>
    </row>
    <row r="300" spans="1:10" ht="51.6" customHeight="1" x14ac:dyDescent="0.45">
      <c r="A300" s="6">
        <f>'申請書（複数入力用）'!A302</f>
        <v>296</v>
      </c>
      <c r="B300" s="13">
        <f>'申請書（複数入力用）'!AH302</f>
        <v>0</v>
      </c>
      <c r="C300" s="6">
        <f>'申請書（複数入力用）'!B302</f>
        <v>0</v>
      </c>
      <c r="D300" s="6">
        <f>'申請書（複数入力用）'!D302</f>
        <v>0</v>
      </c>
      <c r="E300" s="14">
        <f>'申請書（複数入力用）'!H302</f>
        <v>0</v>
      </c>
      <c r="F300" s="11" t="str">
        <f>'申請書（複数入力用）'!J302</f>
        <v/>
      </c>
      <c r="G300" s="6" t="str">
        <f>'申請書（複数入力用）'!K302</f>
        <v>a052r000000jS9ZAAU</v>
      </c>
      <c r="H300" s="12" t="e">
        <f>'申請書（複数入力用）'!N302</f>
        <v>#N/A</v>
      </c>
      <c r="I300" s="12" t="e">
        <f>'申請書（複数入力用）'!O302</f>
        <v>#N/A</v>
      </c>
      <c r="J300" s="12">
        <f>'申請書（複数入力用）'!P302</f>
        <v>1</v>
      </c>
    </row>
    <row r="301" spans="1:10" ht="51.6" customHeight="1" x14ac:dyDescent="0.45">
      <c r="A301" s="6">
        <f>'申請書（複数入力用）'!A303</f>
        <v>297</v>
      </c>
      <c r="B301" s="13">
        <f>'申請書（複数入力用）'!AH303</f>
        <v>0</v>
      </c>
      <c r="C301" s="6">
        <f>'申請書（複数入力用）'!B303</f>
        <v>0</v>
      </c>
      <c r="D301" s="6">
        <f>'申請書（複数入力用）'!D303</f>
        <v>0</v>
      </c>
      <c r="E301" s="14">
        <f>'申請書（複数入力用）'!H303</f>
        <v>0</v>
      </c>
      <c r="F301" s="11" t="str">
        <f>'申請書（複数入力用）'!J303</f>
        <v/>
      </c>
      <c r="G301" s="6" t="str">
        <f>'申請書（複数入力用）'!K303</f>
        <v>a052r000000jS9ZAAU</v>
      </c>
      <c r="H301" s="12" t="e">
        <f>'申請書（複数入力用）'!N303</f>
        <v>#N/A</v>
      </c>
      <c r="I301" s="12" t="e">
        <f>'申請書（複数入力用）'!O303</f>
        <v>#N/A</v>
      </c>
      <c r="J301" s="12">
        <f>'申請書（複数入力用）'!P303</f>
        <v>1</v>
      </c>
    </row>
    <row r="302" spans="1:10" ht="51.6" customHeight="1" x14ac:dyDescent="0.45">
      <c r="A302" s="6">
        <f>'申請書（複数入力用）'!A304</f>
        <v>298</v>
      </c>
      <c r="B302" s="13">
        <f>'申請書（複数入力用）'!AH304</f>
        <v>0</v>
      </c>
      <c r="C302" s="6">
        <f>'申請書（複数入力用）'!B304</f>
        <v>0</v>
      </c>
      <c r="D302" s="6">
        <f>'申請書（複数入力用）'!D304</f>
        <v>0</v>
      </c>
      <c r="E302" s="14">
        <f>'申請書（複数入力用）'!H304</f>
        <v>0</v>
      </c>
      <c r="F302" s="11" t="str">
        <f>'申請書（複数入力用）'!J304</f>
        <v/>
      </c>
      <c r="G302" s="6" t="str">
        <f>'申請書（複数入力用）'!K304</f>
        <v>a052r000000jS9ZAAU</v>
      </c>
      <c r="H302" s="12" t="e">
        <f>'申請書（複数入力用）'!N304</f>
        <v>#N/A</v>
      </c>
      <c r="I302" s="12" t="e">
        <f>'申請書（複数入力用）'!O304</f>
        <v>#N/A</v>
      </c>
      <c r="J302" s="12">
        <f>'申請書（複数入力用）'!P304</f>
        <v>1</v>
      </c>
    </row>
    <row r="303" spans="1:10" ht="51.6" customHeight="1" x14ac:dyDescent="0.45">
      <c r="A303" s="6">
        <f>'申請書（複数入力用）'!A305</f>
        <v>299</v>
      </c>
      <c r="B303" s="13">
        <f>'申請書（複数入力用）'!AH305</f>
        <v>0</v>
      </c>
      <c r="C303" s="6">
        <f>'申請書（複数入力用）'!B305</f>
        <v>0</v>
      </c>
      <c r="D303" s="6">
        <f>'申請書（複数入力用）'!D305</f>
        <v>0</v>
      </c>
      <c r="E303" s="14">
        <f>'申請書（複数入力用）'!H305</f>
        <v>0</v>
      </c>
      <c r="F303" s="11" t="str">
        <f>'申請書（複数入力用）'!J305</f>
        <v/>
      </c>
      <c r="G303" s="6" t="str">
        <f>'申請書（複数入力用）'!K305</f>
        <v>a052r000000jS9ZAAU</v>
      </c>
      <c r="H303" s="12" t="e">
        <f>'申請書（複数入力用）'!N305</f>
        <v>#N/A</v>
      </c>
      <c r="I303" s="12" t="e">
        <f>'申請書（複数入力用）'!O305</f>
        <v>#N/A</v>
      </c>
      <c r="J303" s="12">
        <f>'申請書（複数入力用）'!P305</f>
        <v>1</v>
      </c>
    </row>
    <row r="304" spans="1:10" ht="51.6" customHeight="1" x14ac:dyDescent="0.45">
      <c r="A304" s="6">
        <f>'申請書（複数入力用）'!A306</f>
        <v>300</v>
      </c>
      <c r="B304" s="13">
        <f>'申請書（複数入力用）'!AH306</f>
        <v>0</v>
      </c>
      <c r="C304" s="6">
        <f>'申請書（複数入力用）'!B306</f>
        <v>0</v>
      </c>
      <c r="D304" s="6">
        <f>'申請書（複数入力用）'!D306</f>
        <v>0</v>
      </c>
      <c r="E304" s="14">
        <f>'申請書（複数入力用）'!H306</f>
        <v>0</v>
      </c>
      <c r="F304" s="11" t="str">
        <f>'申請書（複数入力用）'!J306</f>
        <v/>
      </c>
      <c r="G304" s="6" t="str">
        <f>'申請書（複数入力用）'!K306</f>
        <v>a052r000000jS9ZAAU</v>
      </c>
      <c r="H304" s="12" t="e">
        <f>'申請書（複数入力用）'!N306</f>
        <v>#N/A</v>
      </c>
      <c r="I304" s="12" t="e">
        <f>'申請書（複数入力用）'!O306</f>
        <v>#N/A</v>
      </c>
      <c r="J304" s="12">
        <f>'申請書（複数入力用）'!P306</f>
        <v>1</v>
      </c>
    </row>
    <row r="305" spans="1:10" ht="51.6" customHeight="1" x14ac:dyDescent="0.45">
      <c r="A305" s="6">
        <f>'申請書（複数入力用）'!A307</f>
        <v>301</v>
      </c>
      <c r="B305" s="13">
        <f>'申請書（複数入力用）'!AH307</f>
        <v>0</v>
      </c>
      <c r="C305" s="6">
        <f>'申請書（複数入力用）'!B307</f>
        <v>0</v>
      </c>
      <c r="D305" s="6">
        <f>'申請書（複数入力用）'!D307</f>
        <v>0</v>
      </c>
      <c r="E305" s="14">
        <f>'申請書（複数入力用）'!H307</f>
        <v>0</v>
      </c>
      <c r="F305" s="11" t="str">
        <f>'申請書（複数入力用）'!J307</f>
        <v/>
      </c>
      <c r="G305" s="6" t="str">
        <f>'申請書（複数入力用）'!K307</f>
        <v>a052r000000jS9ZAAU</v>
      </c>
      <c r="H305" s="12" t="e">
        <f>'申請書（複数入力用）'!N307</f>
        <v>#N/A</v>
      </c>
      <c r="I305" s="12" t="e">
        <f>'申請書（複数入力用）'!O307</f>
        <v>#N/A</v>
      </c>
      <c r="J305" s="12">
        <f>'申請書（複数入力用）'!P307</f>
        <v>1</v>
      </c>
    </row>
    <row r="306" spans="1:10" ht="51.6" customHeight="1" x14ac:dyDescent="0.45">
      <c r="A306" s="6">
        <f>'申請書（複数入力用）'!A308</f>
        <v>302</v>
      </c>
      <c r="B306" s="13">
        <f>'申請書（複数入力用）'!AH308</f>
        <v>0</v>
      </c>
      <c r="C306" s="6">
        <f>'申請書（複数入力用）'!B308</f>
        <v>0</v>
      </c>
      <c r="D306" s="6">
        <f>'申請書（複数入力用）'!D308</f>
        <v>0</v>
      </c>
      <c r="E306" s="14">
        <f>'申請書（複数入力用）'!H308</f>
        <v>0</v>
      </c>
      <c r="F306" s="11" t="str">
        <f>'申請書（複数入力用）'!J308</f>
        <v/>
      </c>
      <c r="G306" s="6" t="str">
        <f>'申請書（複数入力用）'!K308</f>
        <v>a052r000000jS9ZAAU</v>
      </c>
      <c r="H306" s="12" t="e">
        <f>'申請書（複数入力用）'!N308</f>
        <v>#N/A</v>
      </c>
      <c r="I306" s="12" t="e">
        <f>'申請書（複数入力用）'!O308</f>
        <v>#N/A</v>
      </c>
      <c r="J306" s="12">
        <f>'申請書（複数入力用）'!P308</f>
        <v>1</v>
      </c>
    </row>
    <row r="307" spans="1:10" ht="51.6" customHeight="1" x14ac:dyDescent="0.45">
      <c r="A307" s="6">
        <f>'申請書（複数入力用）'!A309</f>
        <v>303</v>
      </c>
      <c r="B307" s="13">
        <f>'申請書（複数入力用）'!AH309</f>
        <v>0</v>
      </c>
      <c r="C307" s="6">
        <f>'申請書（複数入力用）'!B309</f>
        <v>0</v>
      </c>
      <c r="D307" s="6">
        <f>'申請書（複数入力用）'!D309</f>
        <v>0</v>
      </c>
      <c r="E307" s="14">
        <f>'申請書（複数入力用）'!H309</f>
        <v>0</v>
      </c>
      <c r="F307" s="11" t="str">
        <f>'申請書（複数入力用）'!J309</f>
        <v/>
      </c>
      <c r="G307" s="6" t="str">
        <f>'申請書（複数入力用）'!K309</f>
        <v>a052r000000jS9ZAAU</v>
      </c>
      <c r="H307" s="12" t="e">
        <f>'申請書（複数入力用）'!N309</f>
        <v>#N/A</v>
      </c>
      <c r="I307" s="12" t="e">
        <f>'申請書（複数入力用）'!O309</f>
        <v>#N/A</v>
      </c>
      <c r="J307" s="12">
        <f>'申請書（複数入力用）'!P309</f>
        <v>1</v>
      </c>
    </row>
    <row r="308" spans="1:10" ht="51.6" customHeight="1" x14ac:dyDescent="0.45">
      <c r="A308" s="6">
        <f>'申請書（複数入力用）'!A310</f>
        <v>304</v>
      </c>
      <c r="B308" s="13">
        <f>'申請書（複数入力用）'!AH310</f>
        <v>0</v>
      </c>
      <c r="C308" s="6">
        <f>'申請書（複数入力用）'!B310</f>
        <v>0</v>
      </c>
      <c r="D308" s="6">
        <f>'申請書（複数入力用）'!D310</f>
        <v>0</v>
      </c>
      <c r="E308" s="14">
        <f>'申請書（複数入力用）'!H310</f>
        <v>0</v>
      </c>
      <c r="F308" s="11" t="str">
        <f>'申請書（複数入力用）'!J310</f>
        <v/>
      </c>
      <c r="G308" s="6" t="str">
        <f>'申請書（複数入力用）'!K310</f>
        <v>a052r000000jS9ZAAU</v>
      </c>
      <c r="H308" s="12" t="e">
        <f>'申請書（複数入力用）'!N310</f>
        <v>#N/A</v>
      </c>
      <c r="I308" s="12" t="e">
        <f>'申請書（複数入力用）'!O310</f>
        <v>#N/A</v>
      </c>
      <c r="J308" s="12">
        <f>'申請書（複数入力用）'!P310</f>
        <v>1</v>
      </c>
    </row>
    <row r="309" spans="1:10" ht="51.6" customHeight="1" x14ac:dyDescent="0.45">
      <c r="A309" s="6">
        <f>'申請書（複数入力用）'!A311</f>
        <v>305</v>
      </c>
      <c r="B309" s="13">
        <f>'申請書（複数入力用）'!AH311</f>
        <v>0</v>
      </c>
      <c r="C309" s="6">
        <f>'申請書（複数入力用）'!B311</f>
        <v>0</v>
      </c>
      <c r="D309" s="6">
        <f>'申請書（複数入力用）'!D311</f>
        <v>0</v>
      </c>
      <c r="E309" s="14">
        <f>'申請書（複数入力用）'!H311</f>
        <v>0</v>
      </c>
      <c r="F309" s="11" t="str">
        <f>'申請書（複数入力用）'!J311</f>
        <v/>
      </c>
      <c r="G309" s="6" t="str">
        <f>'申請書（複数入力用）'!K311</f>
        <v>a052r000000jS9ZAAU</v>
      </c>
      <c r="H309" s="12" t="e">
        <f>'申請書（複数入力用）'!N311</f>
        <v>#N/A</v>
      </c>
      <c r="I309" s="12" t="e">
        <f>'申請書（複数入力用）'!O311</f>
        <v>#N/A</v>
      </c>
      <c r="J309" s="12">
        <f>'申請書（複数入力用）'!P311</f>
        <v>1</v>
      </c>
    </row>
    <row r="310" spans="1:10" ht="51.6" customHeight="1" x14ac:dyDescent="0.45">
      <c r="A310" s="6">
        <f>'申請書（複数入力用）'!A312</f>
        <v>306</v>
      </c>
      <c r="B310" s="13">
        <f>'申請書（複数入力用）'!AH312</f>
        <v>0</v>
      </c>
      <c r="C310" s="6">
        <f>'申請書（複数入力用）'!B312</f>
        <v>0</v>
      </c>
      <c r="D310" s="6">
        <f>'申請書（複数入力用）'!D312</f>
        <v>0</v>
      </c>
      <c r="E310" s="14">
        <f>'申請書（複数入力用）'!H312</f>
        <v>0</v>
      </c>
      <c r="F310" s="11" t="str">
        <f>'申請書（複数入力用）'!J312</f>
        <v/>
      </c>
      <c r="G310" s="6" t="str">
        <f>'申請書（複数入力用）'!K312</f>
        <v>a052r000000jS9ZAAU</v>
      </c>
      <c r="H310" s="12" t="e">
        <f>'申請書（複数入力用）'!N312</f>
        <v>#N/A</v>
      </c>
      <c r="I310" s="12" t="e">
        <f>'申請書（複数入力用）'!O312</f>
        <v>#N/A</v>
      </c>
      <c r="J310" s="12">
        <f>'申請書（複数入力用）'!P312</f>
        <v>1</v>
      </c>
    </row>
    <row r="311" spans="1:10" ht="51.6" customHeight="1" x14ac:dyDescent="0.45">
      <c r="A311" s="6">
        <f>'申請書（複数入力用）'!A313</f>
        <v>307</v>
      </c>
      <c r="B311" s="13">
        <f>'申請書（複数入力用）'!AH313</f>
        <v>0</v>
      </c>
      <c r="C311" s="6">
        <f>'申請書（複数入力用）'!B313</f>
        <v>0</v>
      </c>
      <c r="D311" s="6">
        <f>'申請書（複数入力用）'!D313</f>
        <v>0</v>
      </c>
      <c r="E311" s="14">
        <f>'申請書（複数入力用）'!H313</f>
        <v>0</v>
      </c>
      <c r="F311" s="11" t="str">
        <f>'申請書（複数入力用）'!J313</f>
        <v/>
      </c>
      <c r="G311" s="6" t="str">
        <f>'申請書（複数入力用）'!K313</f>
        <v>a052r000000jS9ZAAU</v>
      </c>
      <c r="H311" s="12" t="e">
        <f>'申請書（複数入力用）'!N313</f>
        <v>#N/A</v>
      </c>
      <c r="I311" s="12" t="e">
        <f>'申請書（複数入力用）'!O313</f>
        <v>#N/A</v>
      </c>
      <c r="J311" s="12">
        <f>'申請書（複数入力用）'!P313</f>
        <v>1</v>
      </c>
    </row>
    <row r="312" spans="1:10" ht="51.6" customHeight="1" x14ac:dyDescent="0.45">
      <c r="A312" s="6">
        <f>'申請書（複数入力用）'!A314</f>
        <v>308</v>
      </c>
      <c r="B312" s="13">
        <f>'申請書（複数入力用）'!AH314</f>
        <v>0</v>
      </c>
      <c r="C312" s="6">
        <f>'申請書（複数入力用）'!B314</f>
        <v>0</v>
      </c>
      <c r="D312" s="6">
        <f>'申請書（複数入力用）'!D314</f>
        <v>0</v>
      </c>
      <c r="E312" s="14">
        <f>'申請書（複数入力用）'!H314</f>
        <v>0</v>
      </c>
      <c r="F312" s="11" t="str">
        <f>'申請書（複数入力用）'!J314</f>
        <v/>
      </c>
      <c r="G312" s="6" t="str">
        <f>'申請書（複数入力用）'!K314</f>
        <v>a052r000000jS9ZAAU</v>
      </c>
      <c r="H312" s="12" t="e">
        <f>'申請書（複数入力用）'!N314</f>
        <v>#N/A</v>
      </c>
      <c r="I312" s="12" t="e">
        <f>'申請書（複数入力用）'!O314</f>
        <v>#N/A</v>
      </c>
      <c r="J312" s="12">
        <f>'申請書（複数入力用）'!P314</f>
        <v>1</v>
      </c>
    </row>
    <row r="313" spans="1:10" ht="51.6" customHeight="1" x14ac:dyDescent="0.45">
      <c r="A313" s="6">
        <f>'申請書（複数入力用）'!A315</f>
        <v>309</v>
      </c>
      <c r="B313" s="13">
        <f>'申請書（複数入力用）'!AH315</f>
        <v>0</v>
      </c>
      <c r="C313" s="6">
        <f>'申請書（複数入力用）'!B315</f>
        <v>0</v>
      </c>
      <c r="D313" s="6">
        <f>'申請書（複数入力用）'!D315</f>
        <v>0</v>
      </c>
      <c r="E313" s="14">
        <f>'申請書（複数入力用）'!H315</f>
        <v>0</v>
      </c>
      <c r="F313" s="11" t="str">
        <f>'申請書（複数入力用）'!J315</f>
        <v/>
      </c>
      <c r="G313" s="6" t="str">
        <f>'申請書（複数入力用）'!K315</f>
        <v>a052r000000jS9ZAAU</v>
      </c>
      <c r="H313" s="12" t="e">
        <f>'申請書（複数入力用）'!N315</f>
        <v>#N/A</v>
      </c>
      <c r="I313" s="12" t="e">
        <f>'申請書（複数入力用）'!O315</f>
        <v>#N/A</v>
      </c>
      <c r="J313" s="12">
        <f>'申請書（複数入力用）'!P315</f>
        <v>1</v>
      </c>
    </row>
    <row r="314" spans="1:10" ht="51.6" customHeight="1" x14ac:dyDescent="0.45">
      <c r="A314" s="6">
        <f>'申請書（複数入力用）'!A316</f>
        <v>310</v>
      </c>
      <c r="B314" s="13">
        <f>'申請書（複数入力用）'!AH316</f>
        <v>0</v>
      </c>
      <c r="C314" s="6">
        <f>'申請書（複数入力用）'!B316</f>
        <v>0</v>
      </c>
      <c r="D314" s="6">
        <f>'申請書（複数入力用）'!D316</f>
        <v>0</v>
      </c>
      <c r="E314" s="14">
        <f>'申請書（複数入力用）'!H316</f>
        <v>0</v>
      </c>
      <c r="F314" s="11" t="str">
        <f>'申請書（複数入力用）'!J316</f>
        <v/>
      </c>
      <c r="G314" s="6" t="str">
        <f>'申請書（複数入力用）'!K316</f>
        <v>a052r000000jS9ZAAU</v>
      </c>
      <c r="H314" s="12" t="e">
        <f>'申請書（複数入力用）'!N316</f>
        <v>#N/A</v>
      </c>
      <c r="I314" s="12" t="e">
        <f>'申請書（複数入力用）'!O316</f>
        <v>#N/A</v>
      </c>
      <c r="J314" s="12">
        <f>'申請書（複数入力用）'!P316</f>
        <v>1</v>
      </c>
    </row>
    <row r="315" spans="1:10" ht="51.6" customHeight="1" x14ac:dyDescent="0.45">
      <c r="A315" s="6">
        <f>'申請書（複数入力用）'!A317</f>
        <v>311</v>
      </c>
      <c r="B315" s="13">
        <f>'申請書（複数入力用）'!AH317</f>
        <v>0</v>
      </c>
      <c r="C315" s="6">
        <f>'申請書（複数入力用）'!B317</f>
        <v>0</v>
      </c>
      <c r="D315" s="6">
        <f>'申請書（複数入力用）'!D317</f>
        <v>0</v>
      </c>
      <c r="E315" s="14">
        <f>'申請書（複数入力用）'!H317</f>
        <v>0</v>
      </c>
      <c r="F315" s="11" t="str">
        <f>'申請書（複数入力用）'!J317</f>
        <v/>
      </c>
      <c r="G315" s="6" t="str">
        <f>'申請書（複数入力用）'!K317</f>
        <v>a052r000000jS9ZAAU</v>
      </c>
      <c r="H315" s="12" t="e">
        <f>'申請書（複数入力用）'!N317</f>
        <v>#N/A</v>
      </c>
      <c r="I315" s="12" t="e">
        <f>'申請書（複数入力用）'!O317</f>
        <v>#N/A</v>
      </c>
      <c r="J315" s="12">
        <f>'申請書（複数入力用）'!P317</f>
        <v>1</v>
      </c>
    </row>
    <row r="316" spans="1:10" ht="51.6" customHeight="1" x14ac:dyDescent="0.45">
      <c r="A316" s="6">
        <f>'申請書（複数入力用）'!A318</f>
        <v>312</v>
      </c>
      <c r="B316" s="13">
        <f>'申請書（複数入力用）'!AH318</f>
        <v>0</v>
      </c>
      <c r="C316" s="6">
        <f>'申請書（複数入力用）'!B318</f>
        <v>0</v>
      </c>
      <c r="D316" s="6">
        <f>'申請書（複数入力用）'!D318</f>
        <v>0</v>
      </c>
      <c r="E316" s="14">
        <f>'申請書（複数入力用）'!H318</f>
        <v>0</v>
      </c>
      <c r="F316" s="11" t="str">
        <f>'申請書（複数入力用）'!J318</f>
        <v/>
      </c>
      <c r="G316" s="6" t="str">
        <f>'申請書（複数入力用）'!K318</f>
        <v>a052r000000jS9ZAAU</v>
      </c>
      <c r="H316" s="12" t="e">
        <f>'申請書（複数入力用）'!N318</f>
        <v>#N/A</v>
      </c>
      <c r="I316" s="12" t="e">
        <f>'申請書（複数入力用）'!O318</f>
        <v>#N/A</v>
      </c>
      <c r="J316" s="12">
        <f>'申請書（複数入力用）'!P318</f>
        <v>1</v>
      </c>
    </row>
    <row r="317" spans="1:10" ht="51.6" customHeight="1" x14ac:dyDescent="0.45">
      <c r="A317" s="6">
        <f>'申請書（複数入力用）'!A319</f>
        <v>313</v>
      </c>
      <c r="B317" s="13">
        <f>'申請書（複数入力用）'!AH319</f>
        <v>0</v>
      </c>
      <c r="C317" s="6">
        <f>'申請書（複数入力用）'!B319</f>
        <v>0</v>
      </c>
      <c r="D317" s="6">
        <f>'申請書（複数入力用）'!D319</f>
        <v>0</v>
      </c>
      <c r="E317" s="14">
        <f>'申請書（複数入力用）'!H319</f>
        <v>0</v>
      </c>
      <c r="F317" s="11" t="str">
        <f>'申請書（複数入力用）'!J319</f>
        <v/>
      </c>
      <c r="G317" s="6" t="str">
        <f>'申請書（複数入力用）'!K319</f>
        <v>a052r000000jS9ZAAU</v>
      </c>
      <c r="H317" s="12" t="e">
        <f>'申請書（複数入力用）'!N319</f>
        <v>#N/A</v>
      </c>
      <c r="I317" s="12" t="e">
        <f>'申請書（複数入力用）'!O319</f>
        <v>#N/A</v>
      </c>
      <c r="J317" s="12">
        <f>'申請書（複数入力用）'!P319</f>
        <v>1</v>
      </c>
    </row>
    <row r="318" spans="1:10" ht="51.6" customHeight="1" x14ac:dyDescent="0.45">
      <c r="A318" s="6">
        <f>'申請書（複数入力用）'!A320</f>
        <v>314</v>
      </c>
      <c r="B318" s="13">
        <f>'申請書（複数入力用）'!AH320</f>
        <v>0</v>
      </c>
      <c r="C318" s="6">
        <f>'申請書（複数入力用）'!B320</f>
        <v>0</v>
      </c>
      <c r="D318" s="6">
        <f>'申請書（複数入力用）'!D320</f>
        <v>0</v>
      </c>
      <c r="E318" s="14">
        <f>'申請書（複数入力用）'!H320</f>
        <v>0</v>
      </c>
      <c r="F318" s="11" t="str">
        <f>'申請書（複数入力用）'!J320</f>
        <v/>
      </c>
      <c r="G318" s="6" t="str">
        <f>'申請書（複数入力用）'!K320</f>
        <v>a052r000000jS9ZAAU</v>
      </c>
      <c r="H318" s="12" t="e">
        <f>'申請書（複数入力用）'!N320</f>
        <v>#N/A</v>
      </c>
      <c r="I318" s="12" t="e">
        <f>'申請書（複数入力用）'!O320</f>
        <v>#N/A</v>
      </c>
      <c r="J318" s="12">
        <f>'申請書（複数入力用）'!P320</f>
        <v>1</v>
      </c>
    </row>
    <row r="319" spans="1:10" ht="51.6" customHeight="1" x14ac:dyDescent="0.45">
      <c r="A319" s="6">
        <f>'申請書（複数入力用）'!A321</f>
        <v>315</v>
      </c>
      <c r="B319" s="13">
        <f>'申請書（複数入力用）'!AH321</f>
        <v>0</v>
      </c>
      <c r="C319" s="6">
        <f>'申請書（複数入力用）'!B321</f>
        <v>0</v>
      </c>
      <c r="D319" s="6">
        <f>'申請書（複数入力用）'!D321</f>
        <v>0</v>
      </c>
      <c r="E319" s="14">
        <f>'申請書（複数入力用）'!H321</f>
        <v>0</v>
      </c>
      <c r="F319" s="11" t="str">
        <f>'申請書（複数入力用）'!J321</f>
        <v/>
      </c>
      <c r="G319" s="6" t="str">
        <f>'申請書（複数入力用）'!K321</f>
        <v>a052r000000jS9ZAAU</v>
      </c>
      <c r="H319" s="12" t="e">
        <f>'申請書（複数入力用）'!N321</f>
        <v>#N/A</v>
      </c>
      <c r="I319" s="12" t="e">
        <f>'申請書（複数入力用）'!O321</f>
        <v>#N/A</v>
      </c>
      <c r="J319" s="12">
        <f>'申請書（複数入力用）'!P321</f>
        <v>1</v>
      </c>
    </row>
    <row r="320" spans="1:10" ht="51.6" customHeight="1" x14ac:dyDescent="0.45">
      <c r="A320" s="6">
        <f>'申請書（複数入力用）'!A322</f>
        <v>316</v>
      </c>
      <c r="B320" s="13">
        <f>'申請書（複数入力用）'!AH322</f>
        <v>0</v>
      </c>
      <c r="C320" s="6">
        <f>'申請書（複数入力用）'!B322</f>
        <v>0</v>
      </c>
      <c r="D320" s="6">
        <f>'申請書（複数入力用）'!D322</f>
        <v>0</v>
      </c>
      <c r="E320" s="14">
        <f>'申請書（複数入力用）'!H322</f>
        <v>0</v>
      </c>
      <c r="F320" s="11" t="str">
        <f>'申請書（複数入力用）'!J322</f>
        <v/>
      </c>
      <c r="G320" s="6" t="str">
        <f>'申請書（複数入力用）'!K322</f>
        <v>a052r000000jS9ZAAU</v>
      </c>
      <c r="H320" s="12" t="e">
        <f>'申請書（複数入力用）'!N322</f>
        <v>#N/A</v>
      </c>
      <c r="I320" s="12" t="e">
        <f>'申請書（複数入力用）'!O322</f>
        <v>#N/A</v>
      </c>
      <c r="J320" s="12">
        <f>'申請書（複数入力用）'!P322</f>
        <v>1</v>
      </c>
    </row>
    <row r="321" spans="1:10" ht="51.6" customHeight="1" x14ac:dyDescent="0.45">
      <c r="A321" s="6">
        <f>'申請書（複数入力用）'!A323</f>
        <v>317</v>
      </c>
      <c r="B321" s="13">
        <f>'申請書（複数入力用）'!AH323</f>
        <v>0</v>
      </c>
      <c r="C321" s="6">
        <f>'申請書（複数入力用）'!B323</f>
        <v>0</v>
      </c>
      <c r="D321" s="6">
        <f>'申請書（複数入力用）'!D323</f>
        <v>0</v>
      </c>
      <c r="E321" s="14">
        <f>'申請書（複数入力用）'!H323</f>
        <v>0</v>
      </c>
      <c r="F321" s="11" t="str">
        <f>'申請書（複数入力用）'!J323</f>
        <v/>
      </c>
      <c r="G321" s="6" t="str">
        <f>'申請書（複数入力用）'!K323</f>
        <v>a052r000000jS9ZAAU</v>
      </c>
      <c r="H321" s="12" t="e">
        <f>'申請書（複数入力用）'!N323</f>
        <v>#N/A</v>
      </c>
      <c r="I321" s="12" t="e">
        <f>'申請書（複数入力用）'!O323</f>
        <v>#N/A</v>
      </c>
      <c r="J321" s="12">
        <f>'申請書（複数入力用）'!P323</f>
        <v>1</v>
      </c>
    </row>
    <row r="322" spans="1:10" ht="51.6" customHeight="1" x14ac:dyDescent="0.45">
      <c r="A322" s="6">
        <f>'申請書（複数入力用）'!A324</f>
        <v>318</v>
      </c>
      <c r="B322" s="13">
        <f>'申請書（複数入力用）'!AH324</f>
        <v>0</v>
      </c>
      <c r="C322" s="6">
        <f>'申請書（複数入力用）'!B324</f>
        <v>0</v>
      </c>
      <c r="D322" s="6">
        <f>'申請書（複数入力用）'!D324</f>
        <v>0</v>
      </c>
      <c r="E322" s="14">
        <f>'申請書（複数入力用）'!H324</f>
        <v>0</v>
      </c>
      <c r="F322" s="11" t="str">
        <f>'申請書（複数入力用）'!J324</f>
        <v/>
      </c>
      <c r="G322" s="6" t="str">
        <f>'申請書（複数入力用）'!K324</f>
        <v>a052r000000jS9ZAAU</v>
      </c>
      <c r="H322" s="12" t="e">
        <f>'申請書（複数入力用）'!N324</f>
        <v>#N/A</v>
      </c>
      <c r="I322" s="12" t="e">
        <f>'申請書（複数入力用）'!O324</f>
        <v>#N/A</v>
      </c>
      <c r="J322" s="12">
        <f>'申請書（複数入力用）'!P324</f>
        <v>1</v>
      </c>
    </row>
    <row r="323" spans="1:10" ht="51.6" customHeight="1" x14ac:dyDescent="0.45">
      <c r="A323" s="6">
        <f>'申請書（複数入力用）'!A325</f>
        <v>319</v>
      </c>
      <c r="B323" s="13">
        <f>'申請書（複数入力用）'!AH325</f>
        <v>0</v>
      </c>
      <c r="C323" s="6">
        <f>'申請書（複数入力用）'!B325</f>
        <v>0</v>
      </c>
      <c r="D323" s="6">
        <f>'申請書（複数入力用）'!D325</f>
        <v>0</v>
      </c>
      <c r="E323" s="14">
        <f>'申請書（複数入力用）'!H325</f>
        <v>0</v>
      </c>
      <c r="F323" s="11" t="str">
        <f>'申請書（複数入力用）'!J325</f>
        <v/>
      </c>
      <c r="G323" s="6" t="str">
        <f>'申請書（複数入力用）'!K325</f>
        <v>a052r000000jS9ZAAU</v>
      </c>
      <c r="H323" s="12" t="e">
        <f>'申請書（複数入力用）'!N325</f>
        <v>#N/A</v>
      </c>
      <c r="I323" s="12" t="e">
        <f>'申請書（複数入力用）'!O325</f>
        <v>#N/A</v>
      </c>
      <c r="J323" s="12">
        <f>'申請書（複数入力用）'!P325</f>
        <v>1</v>
      </c>
    </row>
    <row r="324" spans="1:10" ht="51.6" customHeight="1" x14ac:dyDescent="0.45">
      <c r="A324" s="6">
        <f>'申請書（複数入力用）'!A326</f>
        <v>320</v>
      </c>
      <c r="B324" s="13">
        <f>'申請書（複数入力用）'!AH326</f>
        <v>0</v>
      </c>
      <c r="C324" s="6">
        <f>'申請書（複数入力用）'!B326</f>
        <v>0</v>
      </c>
      <c r="D324" s="6">
        <f>'申請書（複数入力用）'!D326</f>
        <v>0</v>
      </c>
      <c r="E324" s="14">
        <f>'申請書（複数入力用）'!H326</f>
        <v>0</v>
      </c>
      <c r="F324" s="11" t="str">
        <f>'申請書（複数入力用）'!J326</f>
        <v/>
      </c>
      <c r="G324" s="6" t="str">
        <f>'申請書（複数入力用）'!K326</f>
        <v>a052r000000jS9ZAAU</v>
      </c>
      <c r="H324" s="12" t="e">
        <f>'申請書（複数入力用）'!N326</f>
        <v>#N/A</v>
      </c>
      <c r="I324" s="12" t="e">
        <f>'申請書（複数入力用）'!O326</f>
        <v>#N/A</v>
      </c>
      <c r="J324" s="12">
        <f>'申請書（複数入力用）'!P326</f>
        <v>1</v>
      </c>
    </row>
    <row r="325" spans="1:10" ht="51.6" customHeight="1" x14ac:dyDescent="0.45">
      <c r="A325" s="6">
        <f>'申請書（複数入力用）'!A327</f>
        <v>321</v>
      </c>
      <c r="B325" s="13">
        <f>'申請書（複数入力用）'!AH327</f>
        <v>0</v>
      </c>
      <c r="C325" s="6">
        <f>'申請書（複数入力用）'!B327</f>
        <v>0</v>
      </c>
      <c r="D325" s="6">
        <f>'申請書（複数入力用）'!D327</f>
        <v>0</v>
      </c>
      <c r="E325" s="14">
        <f>'申請書（複数入力用）'!H327</f>
        <v>0</v>
      </c>
      <c r="F325" s="11" t="str">
        <f>'申請書（複数入力用）'!J327</f>
        <v/>
      </c>
      <c r="G325" s="6" t="str">
        <f>'申請書（複数入力用）'!K327</f>
        <v>a052r000000jS9ZAAU</v>
      </c>
      <c r="H325" s="12" t="e">
        <f>'申請書（複数入力用）'!N327</f>
        <v>#N/A</v>
      </c>
      <c r="I325" s="12" t="e">
        <f>'申請書（複数入力用）'!O327</f>
        <v>#N/A</v>
      </c>
      <c r="J325" s="12">
        <f>'申請書（複数入力用）'!P327</f>
        <v>1</v>
      </c>
    </row>
    <row r="326" spans="1:10" ht="51.6" customHeight="1" x14ac:dyDescent="0.45">
      <c r="A326" s="6">
        <f>'申請書（複数入力用）'!A328</f>
        <v>322</v>
      </c>
      <c r="B326" s="13">
        <f>'申請書（複数入力用）'!AH328</f>
        <v>0</v>
      </c>
      <c r="C326" s="6">
        <f>'申請書（複数入力用）'!B328</f>
        <v>0</v>
      </c>
      <c r="D326" s="6">
        <f>'申請書（複数入力用）'!D328</f>
        <v>0</v>
      </c>
      <c r="E326" s="14">
        <f>'申請書（複数入力用）'!H328</f>
        <v>0</v>
      </c>
      <c r="F326" s="11" t="str">
        <f>'申請書（複数入力用）'!J328</f>
        <v/>
      </c>
      <c r="G326" s="6" t="str">
        <f>'申請書（複数入力用）'!K328</f>
        <v>a052r000000jS9ZAAU</v>
      </c>
      <c r="H326" s="12" t="e">
        <f>'申請書（複数入力用）'!N328</f>
        <v>#N/A</v>
      </c>
      <c r="I326" s="12" t="e">
        <f>'申請書（複数入力用）'!O328</f>
        <v>#N/A</v>
      </c>
      <c r="J326" s="12">
        <f>'申請書（複数入力用）'!P328</f>
        <v>1</v>
      </c>
    </row>
    <row r="327" spans="1:10" ht="51.6" customHeight="1" x14ac:dyDescent="0.45">
      <c r="A327" s="6">
        <f>'申請書（複数入力用）'!A329</f>
        <v>323</v>
      </c>
      <c r="B327" s="13">
        <f>'申請書（複数入力用）'!AH329</f>
        <v>0</v>
      </c>
      <c r="C327" s="6">
        <f>'申請書（複数入力用）'!B329</f>
        <v>0</v>
      </c>
      <c r="D327" s="6">
        <f>'申請書（複数入力用）'!D329</f>
        <v>0</v>
      </c>
      <c r="E327" s="14">
        <f>'申請書（複数入力用）'!H329</f>
        <v>0</v>
      </c>
      <c r="F327" s="11" t="str">
        <f>'申請書（複数入力用）'!J329</f>
        <v/>
      </c>
      <c r="G327" s="6" t="str">
        <f>'申請書（複数入力用）'!K329</f>
        <v>a052r000000jS9ZAAU</v>
      </c>
      <c r="H327" s="12" t="e">
        <f>'申請書（複数入力用）'!N329</f>
        <v>#N/A</v>
      </c>
      <c r="I327" s="12" t="e">
        <f>'申請書（複数入力用）'!O329</f>
        <v>#N/A</v>
      </c>
      <c r="J327" s="12">
        <f>'申請書（複数入力用）'!P329</f>
        <v>1</v>
      </c>
    </row>
    <row r="328" spans="1:10" ht="51.6" customHeight="1" x14ac:dyDescent="0.45">
      <c r="A328" s="6">
        <f>'申請書（複数入力用）'!A330</f>
        <v>324</v>
      </c>
      <c r="B328" s="13">
        <f>'申請書（複数入力用）'!AH330</f>
        <v>0</v>
      </c>
      <c r="C328" s="6">
        <f>'申請書（複数入力用）'!B330</f>
        <v>0</v>
      </c>
      <c r="D328" s="6">
        <f>'申請書（複数入力用）'!D330</f>
        <v>0</v>
      </c>
      <c r="E328" s="14">
        <f>'申請書（複数入力用）'!H330</f>
        <v>0</v>
      </c>
      <c r="F328" s="11" t="str">
        <f>'申請書（複数入力用）'!J330</f>
        <v/>
      </c>
      <c r="G328" s="6" t="str">
        <f>'申請書（複数入力用）'!K330</f>
        <v>a052r000000jS9ZAAU</v>
      </c>
      <c r="H328" s="12" t="e">
        <f>'申請書（複数入力用）'!N330</f>
        <v>#N/A</v>
      </c>
      <c r="I328" s="12" t="e">
        <f>'申請書（複数入力用）'!O330</f>
        <v>#N/A</v>
      </c>
      <c r="J328" s="12">
        <f>'申請書（複数入力用）'!P330</f>
        <v>1</v>
      </c>
    </row>
    <row r="329" spans="1:10" ht="51.6" customHeight="1" x14ac:dyDescent="0.45">
      <c r="A329" s="6">
        <f>'申請書（複数入力用）'!A331</f>
        <v>325</v>
      </c>
      <c r="B329" s="13">
        <f>'申請書（複数入力用）'!AH331</f>
        <v>0</v>
      </c>
      <c r="C329" s="6">
        <f>'申請書（複数入力用）'!B331</f>
        <v>0</v>
      </c>
      <c r="D329" s="6">
        <f>'申請書（複数入力用）'!D331</f>
        <v>0</v>
      </c>
      <c r="E329" s="14">
        <f>'申請書（複数入力用）'!H331</f>
        <v>0</v>
      </c>
      <c r="F329" s="11" t="str">
        <f>'申請書（複数入力用）'!J331</f>
        <v/>
      </c>
      <c r="G329" s="6" t="str">
        <f>'申請書（複数入力用）'!K331</f>
        <v>a052r000000jS9ZAAU</v>
      </c>
      <c r="H329" s="12" t="e">
        <f>'申請書（複数入力用）'!N331</f>
        <v>#N/A</v>
      </c>
      <c r="I329" s="12" t="e">
        <f>'申請書（複数入力用）'!O331</f>
        <v>#N/A</v>
      </c>
      <c r="J329" s="12">
        <f>'申請書（複数入力用）'!P331</f>
        <v>1</v>
      </c>
    </row>
    <row r="330" spans="1:10" ht="51.6" customHeight="1" x14ac:dyDescent="0.45">
      <c r="A330" s="6">
        <f>'申請書（複数入力用）'!A332</f>
        <v>326</v>
      </c>
      <c r="B330" s="13">
        <f>'申請書（複数入力用）'!AH332</f>
        <v>0</v>
      </c>
      <c r="C330" s="6">
        <f>'申請書（複数入力用）'!B332</f>
        <v>0</v>
      </c>
      <c r="D330" s="6">
        <f>'申請書（複数入力用）'!D332</f>
        <v>0</v>
      </c>
      <c r="E330" s="14">
        <f>'申請書（複数入力用）'!H332</f>
        <v>0</v>
      </c>
      <c r="F330" s="11" t="str">
        <f>'申請書（複数入力用）'!J332</f>
        <v/>
      </c>
      <c r="G330" s="6" t="str">
        <f>'申請書（複数入力用）'!K332</f>
        <v>a052r000000jS9ZAAU</v>
      </c>
      <c r="H330" s="12" t="e">
        <f>'申請書（複数入力用）'!N332</f>
        <v>#N/A</v>
      </c>
      <c r="I330" s="12" t="e">
        <f>'申請書（複数入力用）'!O332</f>
        <v>#N/A</v>
      </c>
      <c r="J330" s="12">
        <f>'申請書（複数入力用）'!P332</f>
        <v>1</v>
      </c>
    </row>
    <row r="331" spans="1:10" ht="51.6" customHeight="1" x14ac:dyDescent="0.45">
      <c r="A331" s="6">
        <f>'申請書（複数入力用）'!A333</f>
        <v>327</v>
      </c>
      <c r="B331" s="13">
        <f>'申請書（複数入力用）'!AH333</f>
        <v>0</v>
      </c>
      <c r="C331" s="6">
        <f>'申請書（複数入力用）'!B333</f>
        <v>0</v>
      </c>
      <c r="D331" s="6">
        <f>'申請書（複数入力用）'!D333</f>
        <v>0</v>
      </c>
      <c r="E331" s="14">
        <f>'申請書（複数入力用）'!H333</f>
        <v>0</v>
      </c>
      <c r="F331" s="11" t="str">
        <f>'申請書（複数入力用）'!J333</f>
        <v/>
      </c>
      <c r="G331" s="6" t="str">
        <f>'申請書（複数入力用）'!K333</f>
        <v>a052r000000jS9ZAAU</v>
      </c>
      <c r="H331" s="12" t="e">
        <f>'申請書（複数入力用）'!N333</f>
        <v>#N/A</v>
      </c>
      <c r="I331" s="12" t="e">
        <f>'申請書（複数入力用）'!O333</f>
        <v>#N/A</v>
      </c>
      <c r="J331" s="12">
        <f>'申請書（複数入力用）'!P333</f>
        <v>1</v>
      </c>
    </row>
    <row r="332" spans="1:10" ht="51.6" customHeight="1" x14ac:dyDescent="0.45">
      <c r="A332" s="6">
        <f>'申請書（複数入力用）'!A334</f>
        <v>328</v>
      </c>
      <c r="B332" s="13">
        <f>'申請書（複数入力用）'!AH334</f>
        <v>0</v>
      </c>
      <c r="C332" s="6">
        <f>'申請書（複数入力用）'!B334</f>
        <v>0</v>
      </c>
      <c r="D332" s="6">
        <f>'申請書（複数入力用）'!D334</f>
        <v>0</v>
      </c>
      <c r="E332" s="14">
        <f>'申請書（複数入力用）'!H334</f>
        <v>0</v>
      </c>
      <c r="F332" s="11" t="str">
        <f>'申請書（複数入力用）'!J334</f>
        <v/>
      </c>
      <c r="G332" s="6" t="str">
        <f>'申請書（複数入力用）'!K334</f>
        <v>a052r000000jS9ZAAU</v>
      </c>
      <c r="H332" s="12" t="e">
        <f>'申請書（複数入力用）'!N334</f>
        <v>#N/A</v>
      </c>
      <c r="I332" s="12" t="e">
        <f>'申請書（複数入力用）'!O334</f>
        <v>#N/A</v>
      </c>
      <c r="J332" s="12">
        <f>'申請書（複数入力用）'!P334</f>
        <v>1</v>
      </c>
    </row>
    <row r="333" spans="1:10" ht="51.6" customHeight="1" x14ac:dyDescent="0.45">
      <c r="A333" s="6">
        <f>'申請書（複数入力用）'!A335</f>
        <v>329</v>
      </c>
      <c r="B333" s="13">
        <f>'申請書（複数入力用）'!AH335</f>
        <v>0</v>
      </c>
      <c r="C333" s="6">
        <f>'申請書（複数入力用）'!B335</f>
        <v>0</v>
      </c>
      <c r="D333" s="6">
        <f>'申請書（複数入力用）'!D335</f>
        <v>0</v>
      </c>
      <c r="E333" s="14">
        <f>'申請書（複数入力用）'!H335</f>
        <v>0</v>
      </c>
      <c r="F333" s="11" t="str">
        <f>'申請書（複数入力用）'!J335</f>
        <v/>
      </c>
      <c r="G333" s="6" t="str">
        <f>'申請書（複数入力用）'!K335</f>
        <v>a052r000000jS9ZAAU</v>
      </c>
      <c r="H333" s="12" t="e">
        <f>'申請書（複数入力用）'!N335</f>
        <v>#N/A</v>
      </c>
      <c r="I333" s="12" t="e">
        <f>'申請書（複数入力用）'!O335</f>
        <v>#N/A</v>
      </c>
      <c r="J333" s="12">
        <f>'申請書（複数入力用）'!P335</f>
        <v>1</v>
      </c>
    </row>
    <row r="334" spans="1:10" ht="51.6" customHeight="1" x14ac:dyDescent="0.45">
      <c r="A334" s="6">
        <f>'申請書（複数入力用）'!A336</f>
        <v>330</v>
      </c>
      <c r="B334" s="13">
        <f>'申請書（複数入力用）'!AH336</f>
        <v>0</v>
      </c>
      <c r="C334" s="6">
        <f>'申請書（複数入力用）'!B336</f>
        <v>0</v>
      </c>
      <c r="D334" s="6">
        <f>'申請書（複数入力用）'!D336</f>
        <v>0</v>
      </c>
      <c r="E334" s="14">
        <f>'申請書（複数入力用）'!H336</f>
        <v>0</v>
      </c>
      <c r="F334" s="11" t="str">
        <f>'申請書（複数入力用）'!J336</f>
        <v/>
      </c>
      <c r="G334" s="6" t="str">
        <f>'申請書（複数入力用）'!K336</f>
        <v>a052r000000jS9ZAAU</v>
      </c>
      <c r="H334" s="12" t="e">
        <f>'申請書（複数入力用）'!N336</f>
        <v>#N/A</v>
      </c>
      <c r="I334" s="12" t="e">
        <f>'申請書（複数入力用）'!O336</f>
        <v>#N/A</v>
      </c>
      <c r="J334" s="12">
        <f>'申請書（複数入力用）'!P336</f>
        <v>1</v>
      </c>
    </row>
    <row r="335" spans="1:10" ht="51.6" customHeight="1" x14ac:dyDescent="0.45">
      <c r="A335" s="6">
        <f>'申請書（複数入力用）'!A337</f>
        <v>331</v>
      </c>
      <c r="B335" s="13">
        <f>'申請書（複数入力用）'!AH337</f>
        <v>0</v>
      </c>
      <c r="C335" s="6">
        <f>'申請書（複数入力用）'!B337</f>
        <v>0</v>
      </c>
      <c r="D335" s="6">
        <f>'申請書（複数入力用）'!D337</f>
        <v>0</v>
      </c>
      <c r="E335" s="14">
        <f>'申請書（複数入力用）'!H337</f>
        <v>0</v>
      </c>
      <c r="F335" s="11" t="str">
        <f>'申請書（複数入力用）'!J337</f>
        <v/>
      </c>
      <c r="G335" s="6" t="str">
        <f>'申請書（複数入力用）'!K337</f>
        <v>a052r000000jS9ZAAU</v>
      </c>
      <c r="H335" s="12" t="e">
        <f>'申請書（複数入力用）'!N337</f>
        <v>#N/A</v>
      </c>
      <c r="I335" s="12" t="e">
        <f>'申請書（複数入力用）'!O337</f>
        <v>#N/A</v>
      </c>
      <c r="J335" s="12">
        <f>'申請書（複数入力用）'!P337</f>
        <v>1</v>
      </c>
    </row>
    <row r="336" spans="1:10" ht="51.6" customHeight="1" x14ac:dyDescent="0.45">
      <c r="A336" s="6">
        <f>'申請書（複数入力用）'!A338</f>
        <v>332</v>
      </c>
      <c r="B336" s="13">
        <f>'申請書（複数入力用）'!AH338</f>
        <v>0</v>
      </c>
      <c r="C336" s="6">
        <f>'申請書（複数入力用）'!B338</f>
        <v>0</v>
      </c>
      <c r="D336" s="6">
        <f>'申請書（複数入力用）'!D338</f>
        <v>0</v>
      </c>
      <c r="E336" s="14">
        <f>'申請書（複数入力用）'!H338</f>
        <v>0</v>
      </c>
      <c r="F336" s="11" t="str">
        <f>'申請書（複数入力用）'!J338</f>
        <v/>
      </c>
      <c r="G336" s="6" t="str">
        <f>'申請書（複数入力用）'!K338</f>
        <v>a052r000000jS9ZAAU</v>
      </c>
      <c r="H336" s="12" t="e">
        <f>'申請書（複数入力用）'!N338</f>
        <v>#N/A</v>
      </c>
      <c r="I336" s="12" t="e">
        <f>'申請書（複数入力用）'!O338</f>
        <v>#N/A</v>
      </c>
      <c r="J336" s="12">
        <f>'申請書（複数入力用）'!P338</f>
        <v>1</v>
      </c>
    </row>
    <row r="337" spans="1:10" ht="51.6" customHeight="1" x14ac:dyDescent="0.45">
      <c r="A337" s="6">
        <f>'申請書（複数入力用）'!A339</f>
        <v>333</v>
      </c>
      <c r="B337" s="13">
        <f>'申請書（複数入力用）'!AH339</f>
        <v>0</v>
      </c>
      <c r="C337" s="6">
        <f>'申請書（複数入力用）'!B339</f>
        <v>0</v>
      </c>
      <c r="D337" s="6">
        <f>'申請書（複数入力用）'!D339</f>
        <v>0</v>
      </c>
      <c r="E337" s="14">
        <f>'申請書（複数入力用）'!H339</f>
        <v>0</v>
      </c>
      <c r="F337" s="11" t="str">
        <f>'申請書（複数入力用）'!J339</f>
        <v/>
      </c>
      <c r="G337" s="6" t="str">
        <f>'申請書（複数入力用）'!K339</f>
        <v>a052r000000jS9ZAAU</v>
      </c>
      <c r="H337" s="12" t="e">
        <f>'申請書（複数入力用）'!N339</f>
        <v>#N/A</v>
      </c>
      <c r="I337" s="12" t="e">
        <f>'申請書（複数入力用）'!O339</f>
        <v>#N/A</v>
      </c>
      <c r="J337" s="12">
        <f>'申請書（複数入力用）'!P339</f>
        <v>1</v>
      </c>
    </row>
    <row r="338" spans="1:10" ht="51.6" customHeight="1" x14ac:dyDescent="0.45">
      <c r="A338" s="6">
        <f>'申請書（複数入力用）'!A340</f>
        <v>334</v>
      </c>
      <c r="B338" s="13">
        <f>'申請書（複数入力用）'!AH340</f>
        <v>0</v>
      </c>
      <c r="C338" s="6">
        <f>'申請書（複数入力用）'!B340</f>
        <v>0</v>
      </c>
      <c r="D338" s="6">
        <f>'申請書（複数入力用）'!D340</f>
        <v>0</v>
      </c>
      <c r="E338" s="14">
        <f>'申請書（複数入力用）'!H340</f>
        <v>0</v>
      </c>
      <c r="F338" s="11" t="str">
        <f>'申請書（複数入力用）'!J340</f>
        <v/>
      </c>
      <c r="G338" s="6" t="str">
        <f>'申請書（複数入力用）'!K340</f>
        <v>a052r000000jS9ZAAU</v>
      </c>
      <c r="H338" s="12" t="e">
        <f>'申請書（複数入力用）'!N340</f>
        <v>#N/A</v>
      </c>
      <c r="I338" s="12" t="e">
        <f>'申請書（複数入力用）'!O340</f>
        <v>#N/A</v>
      </c>
      <c r="J338" s="12">
        <f>'申請書（複数入力用）'!P340</f>
        <v>1</v>
      </c>
    </row>
    <row r="339" spans="1:10" ht="51.6" customHeight="1" x14ac:dyDescent="0.45">
      <c r="A339" s="6">
        <f>'申請書（複数入力用）'!A341</f>
        <v>335</v>
      </c>
      <c r="B339" s="13">
        <f>'申請書（複数入力用）'!AH341</f>
        <v>0</v>
      </c>
      <c r="C339" s="6">
        <f>'申請書（複数入力用）'!B341</f>
        <v>0</v>
      </c>
      <c r="D339" s="6">
        <f>'申請書（複数入力用）'!D341</f>
        <v>0</v>
      </c>
      <c r="E339" s="14">
        <f>'申請書（複数入力用）'!H341</f>
        <v>0</v>
      </c>
      <c r="F339" s="11" t="str">
        <f>'申請書（複数入力用）'!J341</f>
        <v/>
      </c>
      <c r="G339" s="6" t="str">
        <f>'申請書（複数入力用）'!K341</f>
        <v>a052r000000jS9ZAAU</v>
      </c>
      <c r="H339" s="12" t="e">
        <f>'申請書（複数入力用）'!N341</f>
        <v>#N/A</v>
      </c>
      <c r="I339" s="12" t="e">
        <f>'申請書（複数入力用）'!O341</f>
        <v>#N/A</v>
      </c>
      <c r="J339" s="12">
        <f>'申請書（複数入力用）'!P341</f>
        <v>1</v>
      </c>
    </row>
    <row r="340" spans="1:10" ht="51.6" customHeight="1" x14ac:dyDescent="0.45">
      <c r="A340" s="6">
        <f>'申請書（複数入力用）'!A342</f>
        <v>336</v>
      </c>
      <c r="B340" s="13">
        <f>'申請書（複数入力用）'!AH342</f>
        <v>0</v>
      </c>
      <c r="C340" s="6">
        <f>'申請書（複数入力用）'!B342</f>
        <v>0</v>
      </c>
      <c r="D340" s="6">
        <f>'申請書（複数入力用）'!D342</f>
        <v>0</v>
      </c>
      <c r="E340" s="14">
        <f>'申請書（複数入力用）'!H342</f>
        <v>0</v>
      </c>
      <c r="F340" s="11" t="str">
        <f>'申請書（複数入力用）'!J342</f>
        <v/>
      </c>
      <c r="G340" s="6" t="str">
        <f>'申請書（複数入力用）'!K342</f>
        <v>a052r000000jS9ZAAU</v>
      </c>
      <c r="H340" s="12" t="e">
        <f>'申請書（複数入力用）'!N342</f>
        <v>#N/A</v>
      </c>
      <c r="I340" s="12" t="e">
        <f>'申請書（複数入力用）'!O342</f>
        <v>#N/A</v>
      </c>
      <c r="J340" s="12">
        <f>'申請書（複数入力用）'!P342</f>
        <v>1</v>
      </c>
    </row>
    <row r="341" spans="1:10" ht="51.6" customHeight="1" x14ac:dyDescent="0.45">
      <c r="A341" s="6">
        <f>'申請書（複数入力用）'!A343</f>
        <v>337</v>
      </c>
      <c r="B341" s="13">
        <f>'申請書（複数入力用）'!AH343</f>
        <v>0</v>
      </c>
      <c r="C341" s="6">
        <f>'申請書（複数入力用）'!B343</f>
        <v>0</v>
      </c>
      <c r="D341" s="6">
        <f>'申請書（複数入力用）'!D343</f>
        <v>0</v>
      </c>
      <c r="E341" s="14">
        <f>'申請書（複数入力用）'!H343</f>
        <v>0</v>
      </c>
      <c r="F341" s="11" t="str">
        <f>'申請書（複数入力用）'!J343</f>
        <v/>
      </c>
      <c r="G341" s="6" t="str">
        <f>'申請書（複数入力用）'!K343</f>
        <v>a052r000000jS9ZAAU</v>
      </c>
      <c r="H341" s="12" t="e">
        <f>'申請書（複数入力用）'!N343</f>
        <v>#N/A</v>
      </c>
      <c r="I341" s="12" t="e">
        <f>'申請書（複数入力用）'!O343</f>
        <v>#N/A</v>
      </c>
      <c r="J341" s="12">
        <f>'申請書（複数入力用）'!P343</f>
        <v>1</v>
      </c>
    </row>
    <row r="342" spans="1:10" ht="51.6" customHeight="1" x14ac:dyDescent="0.45">
      <c r="A342" s="6">
        <f>'申請書（複数入力用）'!A344</f>
        <v>338</v>
      </c>
      <c r="B342" s="13">
        <f>'申請書（複数入力用）'!AH344</f>
        <v>0</v>
      </c>
      <c r="C342" s="6">
        <f>'申請書（複数入力用）'!B344</f>
        <v>0</v>
      </c>
      <c r="D342" s="6">
        <f>'申請書（複数入力用）'!D344</f>
        <v>0</v>
      </c>
      <c r="E342" s="14">
        <f>'申請書（複数入力用）'!H344</f>
        <v>0</v>
      </c>
      <c r="F342" s="11" t="str">
        <f>'申請書（複数入力用）'!J344</f>
        <v/>
      </c>
      <c r="G342" s="6" t="str">
        <f>'申請書（複数入力用）'!K344</f>
        <v>a052r000000jS9ZAAU</v>
      </c>
      <c r="H342" s="12" t="e">
        <f>'申請書（複数入力用）'!N344</f>
        <v>#N/A</v>
      </c>
      <c r="I342" s="12" t="e">
        <f>'申請書（複数入力用）'!O344</f>
        <v>#N/A</v>
      </c>
      <c r="J342" s="12">
        <f>'申請書（複数入力用）'!P344</f>
        <v>1</v>
      </c>
    </row>
    <row r="343" spans="1:10" ht="51.6" customHeight="1" x14ac:dyDescent="0.45">
      <c r="A343" s="6">
        <f>'申請書（複数入力用）'!A345</f>
        <v>339</v>
      </c>
      <c r="B343" s="13">
        <f>'申請書（複数入力用）'!AH345</f>
        <v>0</v>
      </c>
      <c r="C343" s="6">
        <f>'申請書（複数入力用）'!B345</f>
        <v>0</v>
      </c>
      <c r="D343" s="6">
        <f>'申請書（複数入力用）'!D345</f>
        <v>0</v>
      </c>
      <c r="E343" s="14">
        <f>'申請書（複数入力用）'!H345</f>
        <v>0</v>
      </c>
      <c r="F343" s="11" t="str">
        <f>'申請書（複数入力用）'!J345</f>
        <v/>
      </c>
      <c r="G343" s="6" t="str">
        <f>'申請書（複数入力用）'!K345</f>
        <v>a052r000000jS9ZAAU</v>
      </c>
      <c r="H343" s="12" t="e">
        <f>'申請書（複数入力用）'!N345</f>
        <v>#N/A</v>
      </c>
      <c r="I343" s="12" t="e">
        <f>'申請書（複数入力用）'!O345</f>
        <v>#N/A</v>
      </c>
      <c r="J343" s="12">
        <f>'申請書（複数入力用）'!P345</f>
        <v>1</v>
      </c>
    </row>
    <row r="344" spans="1:10" ht="51.6" customHeight="1" x14ac:dyDescent="0.45">
      <c r="A344" s="6">
        <f>'申請書（複数入力用）'!A346</f>
        <v>340</v>
      </c>
      <c r="B344" s="13">
        <f>'申請書（複数入力用）'!AH346</f>
        <v>0</v>
      </c>
      <c r="C344" s="6">
        <f>'申請書（複数入力用）'!B346</f>
        <v>0</v>
      </c>
      <c r="D344" s="6">
        <f>'申請書（複数入力用）'!D346</f>
        <v>0</v>
      </c>
      <c r="E344" s="14">
        <f>'申請書（複数入力用）'!H346</f>
        <v>0</v>
      </c>
      <c r="F344" s="11" t="str">
        <f>'申請書（複数入力用）'!J346</f>
        <v/>
      </c>
      <c r="G344" s="6" t="str">
        <f>'申請書（複数入力用）'!K346</f>
        <v>a052r000000jS9ZAAU</v>
      </c>
      <c r="H344" s="12" t="e">
        <f>'申請書（複数入力用）'!N346</f>
        <v>#N/A</v>
      </c>
      <c r="I344" s="12" t="e">
        <f>'申請書（複数入力用）'!O346</f>
        <v>#N/A</v>
      </c>
      <c r="J344" s="12">
        <f>'申請書（複数入力用）'!P346</f>
        <v>1</v>
      </c>
    </row>
    <row r="345" spans="1:10" ht="51.6" customHeight="1" x14ac:dyDescent="0.45">
      <c r="A345" s="6">
        <f>'申請書（複数入力用）'!A347</f>
        <v>341</v>
      </c>
      <c r="B345" s="13">
        <f>'申請書（複数入力用）'!AH347</f>
        <v>0</v>
      </c>
      <c r="C345" s="6">
        <f>'申請書（複数入力用）'!B347</f>
        <v>0</v>
      </c>
      <c r="D345" s="6">
        <f>'申請書（複数入力用）'!D347</f>
        <v>0</v>
      </c>
      <c r="E345" s="14">
        <f>'申請書（複数入力用）'!H347</f>
        <v>0</v>
      </c>
      <c r="F345" s="11" t="str">
        <f>'申請書（複数入力用）'!J347</f>
        <v/>
      </c>
      <c r="G345" s="6" t="str">
        <f>'申請書（複数入力用）'!K347</f>
        <v>a052r000000jS9ZAAU</v>
      </c>
      <c r="H345" s="12" t="e">
        <f>'申請書（複数入力用）'!N347</f>
        <v>#N/A</v>
      </c>
      <c r="I345" s="12" t="e">
        <f>'申請書（複数入力用）'!O347</f>
        <v>#N/A</v>
      </c>
      <c r="J345" s="12">
        <f>'申請書（複数入力用）'!P347</f>
        <v>1</v>
      </c>
    </row>
    <row r="346" spans="1:10" ht="51.6" customHeight="1" x14ac:dyDescent="0.45">
      <c r="A346" s="6">
        <f>'申請書（複数入力用）'!A348</f>
        <v>342</v>
      </c>
      <c r="B346" s="13">
        <f>'申請書（複数入力用）'!AH348</f>
        <v>0</v>
      </c>
      <c r="C346" s="6">
        <f>'申請書（複数入力用）'!B348</f>
        <v>0</v>
      </c>
      <c r="D346" s="6">
        <f>'申請書（複数入力用）'!D348</f>
        <v>0</v>
      </c>
      <c r="E346" s="14">
        <f>'申請書（複数入力用）'!H348</f>
        <v>0</v>
      </c>
      <c r="F346" s="11" t="str">
        <f>'申請書（複数入力用）'!J348</f>
        <v/>
      </c>
      <c r="G346" s="6" t="str">
        <f>'申請書（複数入力用）'!K348</f>
        <v>a052r000000jS9ZAAU</v>
      </c>
      <c r="H346" s="12" t="e">
        <f>'申請書（複数入力用）'!N348</f>
        <v>#N/A</v>
      </c>
      <c r="I346" s="12" t="e">
        <f>'申請書（複数入力用）'!O348</f>
        <v>#N/A</v>
      </c>
      <c r="J346" s="12">
        <f>'申請書（複数入力用）'!P348</f>
        <v>1</v>
      </c>
    </row>
    <row r="347" spans="1:10" ht="51.6" customHeight="1" x14ac:dyDescent="0.45">
      <c r="A347" s="6">
        <f>'申請書（複数入力用）'!A349</f>
        <v>343</v>
      </c>
      <c r="B347" s="13">
        <f>'申請書（複数入力用）'!AH349</f>
        <v>0</v>
      </c>
      <c r="C347" s="6">
        <f>'申請書（複数入力用）'!B349</f>
        <v>0</v>
      </c>
      <c r="D347" s="6">
        <f>'申請書（複数入力用）'!D349</f>
        <v>0</v>
      </c>
      <c r="E347" s="14">
        <f>'申請書（複数入力用）'!H349</f>
        <v>0</v>
      </c>
      <c r="F347" s="11" t="str">
        <f>'申請書（複数入力用）'!J349</f>
        <v/>
      </c>
      <c r="G347" s="6" t="str">
        <f>'申請書（複数入力用）'!K349</f>
        <v>a052r000000jS9ZAAU</v>
      </c>
      <c r="H347" s="12" t="e">
        <f>'申請書（複数入力用）'!N349</f>
        <v>#N/A</v>
      </c>
      <c r="I347" s="12" t="e">
        <f>'申請書（複数入力用）'!O349</f>
        <v>#N/A</v>
      </c>
      <c r="J347" s="12">
        <f>'申請書（複数入力用）'!P349</f>
        <v>1</v>
      </c>
    </row>
    <row r="348" spans="1:10" ht="51.6" customHeight="1" x14ac:dyDescent="0.45">
      <c r="A348" s="6">
        <f>'申請書（複数入力用）'!A350</f>
        <v>344</v>
      </c>
      <c r="B348" s="13">
        <f>'申請書（複数入力用）'!AH350</f>
        <v>0</v>
      </c>
      <c r="C348" s="6">
        <f>'申請書（複数入力用）'!B350</f>
        <v>0</v>
      </c>
      <c r="D348" s="6">
        <f>'申請書（複数入力用）'!D350</f>
        <v>0</v>
      </c>
      <c r="E348" s="14">
        <f>'申請書（複数入力用）'!H350</f>
        <v>0</v>
      </c>
      <c r="F348" s="11" t="str">
        <f>'申請書（複数入力用）'!J350</f>
        <v/>
      </c>
      <c r="G348" s="6" t="str">
        <f>'申請書（複数入力用）'!K350</f>
        <v>a052r000000jS9ZAAU</v>
      </c>
      <c r="H348" s="12" t="e">
        <f>'申請書（複数入力用）'!N350</f>
        <v>#N/A</v>
      </c>
      <c r="I348" s="12" t="e">
        <f>'申請書（複数入力用）'!O350</f>
        <v>#N/A</v>
      </c>
      <c r="J348" s="12">
        <f>'申請書（複数入力用）'!P350</f>
        <v>1</v>
      </c>
    </row>
    <row r="349" spans="1:10" ht="51.6" customHeight="1" x14ac:dyDescent="0.45">
      <c r="A349" s="6">
        <f>'申請書（複数入力用）'!A351</f>
        <v>345</v>
      </c>
      <c r="B349" s="13">
        <f>'申請書（複数入力用）'!AH351</f>
        <v>0</v>
      </c>
      <c r="C349" s="6">
        <f>'申請書（複数入力用）'!B351</f>
        <v>0</v>
      </c>
      <c r="D349" s="6">
        <f>'申請書（複数入力用）'!D351</f>
        <v>0</v>
      </c>
      <c r="E349" s="14">
        <f>'申請書（複数入力用）'!H351</f>
        <v>0</v>
      </c>
      <c r="F349" s="11" t="str">
        <f>'申請書（複数入力用）'!J351</f>
        <v/>
      </c>
      <c r="G349" s="6" t="str">
        <f>'申請書（複数入力用）'!K351</f>
        <v>a052r000000jS9ZAAU</v>
      </c>
      <c r="H349" s="12" t="e">
        <f>'申請書（複数入力用）'!N351</f>
        <v>#N/A</v>
      </c>
      <c r="I349" s="12" t="e">
        <f>'申請書（複数入力用）'!O351</f>
        <v>#N/A</v>
      </c>
      <c r="J349" s="12">
        <f>'申請書（複数入力用）'!P351</f>
        <v>1</v>
      </c>
    </row>
    <row r="350" spans="1:10" ht="51.6" customHeight="1" x14ac:dyDescent="0.45">
      <c r="A350" s="6">
        <f>'申請書（複数入力用）'!A352</f>
        <v>346</v>
      </c>
      <c r="B350" s="13">
        <f>'申請書（複数入力用）'!AH352</f>
        <v>0</v>
      </c>
      <c r="C350" s="6">
        <f>'申請書（複数入力用）'!B352</f>
        <v>0</v>
      </c>
      <c r="D350" s="6">
        <f>'申請書（複数入力用）'!D352</f>
        <v>0</v>
      </c>
      <c r="E350" s="14">
        <f>'申請書（複数入力用）'!H352</f>
        <v>0</v>
      </c>
      <c r="F350" s="11" t="str">
        <f>'申請書（複数入力用）'!J352</f>
        <v/>
      </c>
      <c r="G350" s="6" t="str">
        <f>'申請書（複数入力用）'!K352</f>
        <v>a052r000000jS9ZAAU</v>
      </c>
      <c r="H350" s="12" t="e">
        <f>'申請書（複数入力用）'!N352</f>
        <v>#N/A</v>
      </c>
      <c r="I350" s="12" t="e">
        <f>'申請書（複数入力用）'!O352</f>
        <v>#N/A</v>
      </c>
      <c r="J350" s="12">
        <f>'申請書（複数入力用）'!P352</f>
        <v>1</v>
      </c>
    </row>
    <row r="351" spans="1:10" ht="51.6" customHeight="1" x14ac:dyDescent="0.45">
      <c r="A351" s="6">
        <f>'申請書（複数入力用）'!A353</f>
        <v>347</v>
      </c>
      <c r="B351" s="13">
        <f>'申請書（複数入力用）'!AH353</f>
        <v>0</v>
      </c>
      <c r="C351" s="6">
        <f>'申請書（複数入力用）'!B353</f>
        <v>0</v>
      </c>
      <c r="D351" s="6">
        <f>'申請書（複数入力用）'!D353</f>
        <v>0</v>
      </c>
      <c r="E351" s="14">
        <f>'申請書（複数入力用）'!H353</f>
        <v>0</v>
      </c>
      <c r="F351" s="11" t="str">
        <f>'申請書（複数入力用）'!J353</f>
        <v/>
      </c>
      <c r="G351" s="6" t="str">
        <f>'申請書（複数入力用）'!K353</f>
        <v>a052r000000jS9ZAAU</v>
      </c>
      <c r="H351" s="12" t="e">
        <f>'申請書（複数入力用）'!N353</f>
        <v>#N/A</v>
      </c>
      <c r="I351" s="12" t="e">
        <f>'申請書（複数入力用）'!O353</f>
        <v>#N/A</v>
      </c>
      <c r="J351" s="12">
        <f>'申請書（複数入力用）'!P353</f>
        <v>1</v>
      </c>
    </row>
    <row r="352" spans="1:10" ht="51.6" customHeight="1" x14ac:dyDescent="0.45">
      <c r="A352" s="6">
        <f>'申請書（複数入力用）'!A354</f>
        <v>348</v>
      </c>
      <c r="B352" s="13">
        <f>'申請書（複数入力用）'!AH354</f>
        <v>0</v>
      </c>
      <c r="C352" s="6">
        <f>'申請書（複数入力用）'!B354</f>
        <v>0</v>
      </c>
      <c r="D352" s="6">
        <f>'申請書（複数入力用）'!D354</f>
        <v>0</v>
      </c>
      <c r="E352" s="14">
        <f>'申請書（複数入力用）'!H354</f>
        <v>0</v>
      </c>
      <c r="F352" s="11" t="str">
        <f>'申請書（複数入力用）'!J354</f>
        <v/>
      </c>
      <c r="G352" s="6" t="str">
        <f>'申請書（複数入力用）'!K354</f>
        <v>a052r000000jS9ZAAU</v>
      </c>
      <c r="H352" s="12" t="e">
        <f>'申請書（複数入力用）'!N354</f>
        <v>#N/A</v>
      </c>
      <c r="I352" s="12" t="e">
        <f>'申請書（複数入力用）'!O354</f>
        <v>#N/A</v>
      </c>
      <c r="J352" s="12">
        <f>'申請書（複数入力用）'!P354</f>
        <v>1</v>
      </c>
    </row>
    <row r="353" spans="1:10" ht="51.6" customHeight="1" x14ac:dyDescent="0.45">
      <c r="A353" s="6">
        <f>'申請書（複数入力用）'!A355</f>
        <v>349</v>
      </c>
      <c r="B353" s="13">
        <f>'申請書（複数入力用）'!AH355</f>
        <v>0</v>
      </c>
      <c r="C353" s="6">
        <f>'申請書（複数入力用）'!B355</f>
        <v>0</v>
      </c>
      <c r="D353" s="6">
        <f>'申請書（複数入力用）'!D355</f>
        <v>0</v>
      </c>
      <c r="E353" s="14">
        <f>'申請書（複数入力用）'!H355</f>
        <v>0</v>
      </c>
      <c r="F353" s="11" t="str">
        <f>'申請書（複数入力用）'!J355</f>
        <v/>
      </c>
      <c r="G353" s="6" t="str">
        <f>'申請書（複数入力用）'!K355</f>
        <v>a052r000000jS9ZAAU</v>
      </c>
      <c r="H353" s="12" t="e">
        <f>'申請書（複数入力用）'!N355</f>
        <v>#N/A</v>
      </c>
      <c r="I353" s="12" t="e">
        <f>'申請書（複数入力用）'!O355</f>
        <v>#N/A</v>
      </c>
      <c r="J353" s="12">
        <f>'申請書（複数入力用）'!P355</f>
        <v>1</v>
      </c>
    </row>
    <row r="354" spans="1:10" ht="51.6" customHeight="1" x14ac:dyDescent="0.45">
      <c r="A354" s="6">
        <f>'申請書（複数入力用）'!A356</f>
        <v>350</v>
      </c>
      <c r="B354" s="13">
        <f>'申請書（複数入力用）'!AH356</f>
        <v>0</v>
      </c>
      <c r="C354" s="6">
        <f>'申請書（複数入力用）'!B356</f>
        <v>0</v>
      </c>
      <c r="D354" s="6">
        <f>'申請書（複数入力用）'!D356</f>
        <v>0</v>
      </c>
      <c r="E354" s="14">
        <f>'申請書（複数入力用）'!H356</f>
        <v>0</v>
      </c>
      <c r="F354" s="11" t="str">
        <f>'申請書（複数入力用）'!J356</f>
        <v/>
      </c>
      <c r="G354" s="6" t="str">
        <f>'申請書（複数入力用）'!K356</f>
        <v>a052r000000jS9ZAAU</v>
      </c>
      <c r="H354" s="12" t="e">
        <f>'申請書（複数入力用）'!N356</f>
        <v>#N/A</v>
      </c>
      <c r="I354" s="12" t="e">
        <f>'申請書（複数入力用）'!O356</f>
        <v>#N/A</v>
      </c>
      <c r="J354" s="12">
        <f>'申請書（複数入力用）'!P356</f>
        <v>1</v>
      </c>
    </row>
    <row r="355" spans="1:10" ht="51.6" customHeight="1" x14ac:dyDescent="0.45">
      <c r="A355" s="6">
        <f>'申請書（複数入力用）'!A357</f>
        <v>351</v>
      </c>
      <c r="B355" s="13">
        <f>'申請書（複数入力用）'!AH357</f>
        <v>0</v>
      </c>
      <c r="C355" s="6">
        <f>'申請書（複数入力用）'!B357</f>
        <v>0</v>
      </c>
      <c r="D355" s="6">
        <f>'申請書（複数入力用）'!D357</f>
        <v>0</v>
      </c>
      <c r="E355" s="14">
        <f>'申請書（複数入力用）'!H357</f>
        <v>0</v>
      </c>
      <c r="F355" s="11" t="str">
        <f>'申請書（複数入力用）'!J357</f>
        <v/>
      </c>
      <c r="G355" s="6" t="str">
        <f>'申請書（複数入力用）'!K357</f>
        <v>a052r000000jS9ZAAU</v>
      </c>
      <c r="H355" s="12" t="e">
        <f>'申請書（複数入力用）'!N357</f>
        <v>#N/A</v>
      </c>
      <c r="I355" s="12" t="e">
        <f>'申請書（複数入力用）'!O357</f>
        <v>#N/A</v>
      </c>
      <c r="J355" s="12">
        <f>'申請書（複数入力用）'!P357</f>
        <v>1</v>
      </c>
    </row>
    <row r="356" spans="1:10" ht="51.6" customHeight="1" x14ac:dyDescent="0.45">
      <c r="A356" s="6">
        <f>'申請書（複数入力用）'!A358</f>
        <v>352</v>
      </c>
      <c r="B356" s="13">
        <f>'申請書（複数入力用）'!AH358</f>
        <v>0</v>
      </c>
      <c r="C356" s="6">
        <f>'申請書（複数入力用）'!B358</f>
        <v>0</v>
      </c>
      <c r="D356" s="6">
        <f>'申請書（複数入力用）'!D358</f>
        <v>0</v>
      </c>
      <c r="E356" s="14">
        <f>'申請書（複数入力用）'!H358</f>
        <v>0</v>
      </c>
      <c r="F356" s="11" t="str">
        <f>'申請書（複数入力用）'!J358</f>
        <v/>
      </c>
      <c r="G356" s="6" t="str">
        <f>'申請書（複数入力用）'!K358</f>
        <v>a052r000000jS9ZAAU</v>
      </c>
      <c r="H356" s="12" t="e">
        <f>'申請書（複数入力用）'!N358</f>
        <v>#N/A</v>
      </c>
      <c r="I356" s="12" t="e">
        <f>'申請書（複数入力用）'!O358</f>
        <v>#N/A</v>
      </c>
      <c r="J356" s="12">
        <f>'申請書（複数入力用）'!P358</f>
        <v>1</v>
      </c>
    </row>
    <row r="357" spans="1:10" ht="51.6" customHeight="1" x14ac:dyDescent="0.45">
      <c r="A357" s="6">
        <f>'申請書（複数入力用）'!A359</f>
        <v>353</v>
      </c>
      <c r="B357" s="13">
        <f>'申請書（複数入力用）'!AH359</f>
        <v>0</v>
      </c>
      <c r="C357" s="6">
        <f>'申請書（複数入力用）'!B359</f>
        <v>0</v>
      </c>
      <c r="D357" s="6">
        <f>'申請書（複数入力用）'!D359</f>
        <v>0</v>
      </c>
      <c r="E357" s="14">
        <f>'申請書（複数入力用）'!H359</f>
        <v>0</v>
      </c>
      <c r="F357" s="11" t="str">
        <f>'申請書（複数入力用）'!J359</f>
        <v/>
      </c>
      <c r="G357" s="6" t="str">
        <f>'申請書（複数入力用）'!K359</f>
        <v>a052r000000jS9ZAAU</v>
      </c>
      <c r="H357" s="12" t="e">
        <f>'申請書（複数入力用）'!N359</f>
        <v>#N/A</v>
      </c>
      <c r="I357" s="12" t="e">
        <f>'申請書（複数入力用）'!O359</f>
        <v>#N/A</v>
      </c>
      <c r="J357" s="12">
        <f>'申請書（複数入力用）'!P359</f>
        <v>1</v>
      </c>
    </row>
    <row r="358" spans="1:10" ht="51.6" customHeight="1" x14ac:dyDescent="0.45">
      <c r="A358" s="6">
        <f>'申請書（複数入力用）'!A360</f>
        <v>354</v>
      </c>
      <c r="B358" s="13">
        <f>'申請書（複数入力用）'!AH360</f>
        <v>0</v>
      </c>
      <c r="C358" s="6">
        <f>'申請書（複数入力用）'!B360</f>
        <v>0</v>
      </c>
      <c r="D358" s="6">
        <f>'申請書（複数入力用）'!D360</f>
        <v>0</v>
      </c>
      <c r="E358" s="14">
        <f>'申請書（複数入力用）'!H360</f>
        <v>0</v>
      </c>
      <c r="F358" s="11" t="str">
        <f>'申請書（複数入力用）'!J360</f>
        <v/>
      </c>
      <c r="G358" s="6" t="str">
        <f>'申請書（複数入力用）'!K360</f>
        <v>a052r000000jS9ZAAU</v>
      </c>
      <c r="H358" s="12" t="e">
        <f>'申請書（複数入力用）'!N360</f>
        <v>#N/A</v>
      </c>
      <c r="I358" s="12" t="e">
        <f>'申請書（複数入力用）'!O360</f>
        <v>#N/A</v>
      </c>
      <c r="J358" s="12">
        <f>'申請書（複数入力用）'!P360</f>
        <v>1</v>
      </c>
    </row>
    <row r="359" spans="1:10" ht="51.6" customHeight="1" x14ac:dyDescent="0.45">
      <c r="A359" s="6">
        <f>'申請書（複数入力用）'!A361</f>
        <v>355</v>
      </c>
      <c r="B359" s="13">
        <f>'申請書（複数入力用）'!AH361</f>
        <v>0</v>
      </c>
      <c r="C359" s="6">
        <f>'申請書（複数入力用）'!B361</f>
        <v>0</v>
      </c>
      <c r="D359" s="6">
        <f>'申請書（複数入力用）'!D361</f>
        <v>0</v>
      </c>
      <c r="E359" s="14">
        <f>'申請書（複数入力用）'!H361</f>
        <v>0</v>
      </c>
      <c r="F359" s="11" t="str">
        <f>'申請書（複数入力用）'!J361</f>
        <v/>
      </c>
      <c r="G359" s="6" t="str">
        <f>'申請書（複数入力用）'!K361</f>
        <v>a052r000000jS9ZAAU</v>
      </c>
      <c r="H359" s="12" t="e">
        <f>'申請書（複数入力用）'!N361</f>
        <v>#N/A</v>
      </c>
      <c r="I359" s="12" t="e">
        <f>'申請書（複数入力用）'!O361</f>
        <v>#N/A</v>
      </c>
      <c r="J359" s="12">
        <f>'申請書（複数入力用）'!P361</f>
        <v>1</v>
      </c>
    </row>
    <row r="360" spans="1:10" ht="51.6" customHeight="1" x14ac:dyDescent="0.45">
      <c r="A360" s="6">
        <f>'申請書（複数入力用）'!A362</f>
        <v>356</v>
      </c>
      <c r="B360" s="13">
        <f>'申請書（複数入力用）'!AH362</f>
        <v>0</v>
      </c>
      <c r="C360" s="6">
        <f>'申請書（複数入力用）'!B362</f>
        <v>0</v>
      </c>
      <c r="D360" s="6">
        <f>'申請書（複数入力用）'!D362</f>
        <v>0</v>
      </c>
      <c r="E360" s="14">
        <f>'申請書（複数入力用）'!H362</f>
        <v>0</v>
      </c>
      <c r="F360" s="11" t="str">
        <f>'申請書（複数入力用）'!J362</f>
        <v/>
      </c>
      <c r="G360" s="6" t="str">
        <f>'申請書（複数入力用）'!K362</f>
        <v>a052r000000jS9ZAAU</v>
      </c>
      <c r="H360" s="12" t="e">
        <f>'申請書（複数入力用）'!N362</f>
        <v>#N/A</v>
      </c>
      <c r="I360" s="12" t="e">
        <f>'申請書（複数入力用）'!O362</f>
        <v>#N/A</v>
      </c>
      <c r="J360" s="12">
        <f>'申請書（複数入力用）'!P362</f>
        <v>1</v>
      </c>
    </row>
    <row r="361" spans="1:10" ht="51.6" customHeight="1" x14ac:dyDescent="0.45">
      <c r="A361" s="6">
        <f>'申請書（複数入力用）'!A363</f>
        <v>357</v>
      </c>
      <c r="B361" s="13">
        <f>'申請書（複数入力用）'!AH363</f>
        <v>0</v>
      </c>
      <c r="C361" s="6">
        <f>'申請書（複数入力用）'!B363</f>
        <v>0</v>
      </c>
      <c r="D361" s="6">
        <f>'申請書（複数入力用）'!D363</f>
        <v>0</v>
      </c>
      <c r="E361" s="14">
        <f>'申請書（複数入力用）'!H363</f>
        <v>0</v>
      </c>
      <c r="F361" s="11" t="str">
        <f>'申請書（複数入力用）'!J363</f>
        <v/>
      </c>
      <c r="G361" s="6" t="str">
        <f>'申請書（複数入力用）'!K363</f>
        <v>a052r000000jS9ZAAU</v>
      </c>
      <c r="H361" s="12" t="e">
        <f>'申請書（複数入力用）'!N363</f>
        <v>#N/A</v>
      </c>
      <c r="I361" s="12" t="e">
        <f>'申請書（複数入力用）'!O363</f>
        <v>#N/A</v>
      </c>
      <c r="J361" s="12">
        <f>'申請書（複数入力用）'!P363</f>
        <v>1</v>
      </c>
    </row>
    <row r="362" spans="1:10" ht="51.6" customHeight="1" x14ac:dyDescent="0.45">
      <c r="A362" s="6">
        <f>'申請書（複数入力用）'!A364</f>
        <v>358</v>
      </c>
      <c r="B362" s="13">
        <f>'申請書（複数入力用）'!AH364</f>
        <v>0</v>
      </c>
      <c r="C362" s="6">
        <f>'申請書（複数入力用）'!B364</f>
        <v>0</v>
      </c>
      <c r="D362" s="6">
        <f>'申請書（複数入力用）'!D364</f>
        <v>0</v>
      </c>
      <c r="E362" s="14">
        <f>'申請書（複数入力用）'!H364</f>
        <v>0</v>
      </c>
      <c r="F362" s="11" t="str">
        <f>'申請書（複数入力用）'!J364</f>
        <v/>
      </c>
      <c r="G362" s="6" t="str">
        <f>'申請書（複数入力用）'!K364</f>
        <v>a052r000000jS9ZAAU</v>
      </c>
      <c r="H362" s="12" t="e">
        <f>'申請書（複数入力用）'!N364</f>
        <v>#N/A</v>
      </c>
      <c r="I362" s="12" t="e">
        <f>'申請書（複数入力用）'!O364</f>
        <v>#N/A</v>
      </c>
      <c r="J362" s="12">
        <f>'申請書（複数入力用）'!P364</f>
        <v>1</v>
      </c>
    </row>
    <row r="363" spans="1:10" ht="51.6" customHeight="1" x14ac:dyDescent="0.45">
      <c r="A363" s="6">
        <f>'申請書（複数入力用）'!A365</f>
        <v>359</v>
      </c>
      <c r="B363" s="13">
        <f>'申請書（複数入力用）'!AH365</f>
        <v>0</v>
      </c>
      <c r="C363" s="6">
        <f>'申請書（複数入力用）'!B365</f>
        <v>0</v>
      </c>
      <c r="D363" s="6">
        <f>'申請書（複数入力用）'!D365</f>
        <v>0</v>
      </c>
      <c r="E363" s="14">
        <f>'申請書（複数入力用）'!H365</f>
        <v>0</v>
      </c>
      <c r="F363" s="11" t="str">
        <f>'申請書（複数入力用）'!J365</f>
        <v/>
      </c>
      <c r="G363" s="6" t="str">
        <f>'申請書（複数入力用）'!K365</f>
        <v>a052r000000jS9ZAAU</v>
      </c>
      <c r="H363" s="12" t="e">
        <f>'申請書（複数入力用）'!N365</f>
        <v>#N/A</v>
      </c>
      <c r="I363" s="12" t="e">
        <f>'申請書（複数入力用）'!O365</f>
        <v>#N/A</v>
      </c>
      <c r="J363" s="12">
        <f>'申請書（複数入力用）'!P365</f>
        <v>1</v>
      </c>
    </row>
    <row r="364" spans="1:10" ht="51.6" customHeight="1" x14ac:dyDescent="0.45">
      <c r="A364" s="6">
        <f>'申請書（複数入力用）'!A366</f>
        <v>360</v>
      </c>
      <c r="B364" s="13">
        <f>'申請書（複数入力用）'!AH366</f>
        <v>0</v>
      </c>
      <c r="C364" s="6">
        <f>'申請書（複数入力用）'!B366</f>
        <v>0</v>
      </c>
      <c r="D364" s="6">
        <f>'申請書（複数入力用）'!D366</f>
        <v>0</v>
      </c>
      <c r="E364" s="14">
        <f>'申請書（複数入力用）'!H366</f>
        <v>0</v>
      </c>
      <c r="F364" s="11" t="str">
        <f>'申請書（複数入力用）'!J366</f>
        <v/>
      </c>
      <c r="G364" s="6" t="str">
        <f>'申請書（複数入力用）'!K366</f>
        <v>a052r000000jS9ZAAU</v>
      </c>
      <c r="H364" s="12" t="e">
        <f>'申請書（複数入力用）'!N366</f>
        <v>#N/A</v>
      </c>
      <c r="I364" s="12" t="e">
        <f>'申請書（複数入力用）'!O366</f>
        <v>#N/A</v>
      </c>
      <c r="J364" s="12">
        <f>'申請書（複数入力用）'!P366</f>
        <v>1</v>
      </c>
    </row>
    <row r="365" spans="1:10" ht="51.6" customHeight="1" x14ac:dyDescent="0.45">
      <c r="A365" s="6">
        <f>'申請書（複数入力用）'!A367</f>
        <v>361</v>
      </c>
      <c r="B365" s="13">
        <f>'申請書（複数入力用）'!AH367</f>
        <v>0</v>
      </c>
      <c r="C365" s="6">
        <f>'申請書（複数入力用）'!B367</f>
        <v>0</v>
      </c>
      <c r="D365" s="6">
        <f>'申請書（複数入力用）'!D367</f>
        <v>0</v>
      </c>
      <c r="E365" s="14">
        <f>'申請書（複数入力用）'!H367</f>
        <v>0</v>
      </c>
      <c r="F365" s="11" t="str">
        <f>'申請書（複数入力用）'!J367</f>
        <v/>
      </c>
      <c r="G365" s="6" t="str">
        <f>'申請書（複数入力用）'!K367</f>
        <v>a052r000000jS9ZAAU</v>
      </c>
      <c r="H365" s="12" t="e">
        <f>'申請書（複数入力用）'!N367</f>
        <v>#N/A</v>
      </c>
      <c r="I365" s="12" t="e">
        <f>'申請書（複数入力用）'!O367</f>
        <v>#N/A</v>
      </c>
      <c r="J365" s="12">
        <f>'申請書（複数入力用）'!P367</f>
        <v>1</v>
      </c>
    </row>
    <row r="366" spans="1:10" ht="51.6" customHeight="1" x14ac:dyDescent="0.45">
      <c r="A366" s="6">
        <f>'申請書（複数入力用）'!A368</f>
        <v>362</v>
      </c>
      <c r="B366" s="13">
        <f>'申請書（複数入力用）'!AH368</f>
        <v>0</v>
      </c>
      <c r="C366" s="6">
        <f>'申請書（複数入力用）'!B368</f>
        <v>0</v>
      </c>
      <c r="D366" s="6">
        <f>'申請書（複数入力用）'!D368</f>
        <v>0</v>
      </c>
      <c r="E366" s="14">
        <f>'申請書（複数入力用）'!H368</f>
        <v>0</v>
      </c>
      <c r="F366" s="11" t="str">
        <f>'申請書（複数入力用）'!J368</f>
        <v/>
      </c>
      <c r="G366" s="6" t="str">
        <f>'申請書（複数入力用）'!K368</f>
        <v>a052r000000jS9ZAAU</v>
      </c>
      <c r="H366" s="12" t="e">
        <f>'申請書（複数入力用）'!N368</f>
        <v>#N/A</v>
      </c>
      <c r="I366" s="12" t="e">
        <f>'申請書（複数入力用）'!O368</f>
        <v>#N/A</v>
      </c>
      <c r="J366" s="12">
        <f>'申請書（複数入力用）'!P368</f>
        <v>1</v>
      </c>
    </row>
    <row r="367" spans="1:10" ht="51.6" customHeight="1" x14ac:dyDescent="0.45">
      <c r="A367" s="6">
        <f>'申請書（複数入力用）'!A369</f>
        <v>363</v>
      </c>
      <c r="B367" s="13">
        <f>'申請書（複数入力用）'!AH369</f>
        <v>0</v>
      </c>
      <c r="C367" s="6">
        <f>'申請書（複数入力用）'!B369</f>
        <v>0</v>
      </c>
      <c r="D367" s="6">
        <f>'申請書（複数入力用）'!D369</f>
        <v>0</v>
      </c>
      <c r="E367" s="14">
        <f>'申請書（複数入力用）'!H369</f>
        <v>0</v>
      </c>
      <c r="F367" s="11" t="str">
        <f>'申請書（複数入力用）'!J369</f>
        <v/>
      </c>
      <c r="G367" s="6" t="str">
        <f>'申請書（複数入力用）'!K369</f>
        <v>a052r000000jS9ZAAU</v>
      </c>
      <c r="H367" s="12" t="e">
        <f>'申請書（複数入力用）'!N369</f>
        <v>#N/A</v>
      </c>
      <c r="I367" s="12" t="e">
        <f>'申請書（複数入力用）'!O369</f>
        <v>#N/A</v>
      </c>
      <c r="J367" s="12">
        <f>'申請書（複数入力用）'!P369</f>
        <v>1</v>
      </c>
    </row>
    <row r="368" spans="1:10" ht="51.6" customHeight="1" x14ac:dyDescent="0.45">
      <c r="A368" s="6">
        <f>'申請書（複数入力用）'!A370</f>
        <v>364</v>
      </c>
      <c r="B368" s="13">
        <f>'申請書（複数入力用）'!AH370</f>
        <v>0</v>
      </c>
      <c r="C368" s="6">
        <f>'申請書（複数入力用）'!B370</f>
        <v>0</v>
      </c>
      <c r="D368" s="6">
        <f>'申請書（複数入力用）'!D370</f>
        <v>0</v>
      </c>
      <c r="E368" s="14">
        <f>'申請書（複数入力用）'!H370</f>
        <v>0</v>
      </c>
      <c r="F368" s="11" t="str">
        <f>'申請書（複数入力用）'!J370</f>
        <v/>
      </c>
      <c r="G368" s="6" t="str">
        <f>'申請書（複数入力用）'!K370</f>
        <v>a052r000000jS9ZAAU</v>
      </c>
      <c r="H368" s="12" t="e">
        <f>'申請書（複数入力用）'!N370</f>
        <v>#N/A</v>
      </c>
      <c r="I368" s="12" t="e">
        <f>'申請書（複数入力用）'!O370</f>
        <v>#N/A</v>
      </c>
      <c r="J368" s="12">
        <f>'申請書（複数入力用）'!P370</f>
        <v>1</v>
      </c>
    </row>
    <row r="369" spans="1:10" ht="51.6" customHeight="1" x14ac:dyDescent="0.45">
      <c r="A369" s="6">
        <f>'申請書（複数入力用）'!A371</f>
        <v>365</v>
      </c>
      <c r="B369" s="13">
        <f>'申請書（複数入力用）'!AH371</f>
        <v>0</v>
      </c>
      <c r="C369" s="6">
        <f>'申請書（複数入力用）'!B371</f>
        <v>0</v>
      </c>
      <c r="D369" s="6">
        <f>'申請書（複数入力用）'!D371</f>
        <v>0</v>
      </c>
      <c r="E369" s="14">
        <f>'申請書（複数入力用）'!H371</f>
        <v>0</v>
      </c>
      <c r="F369" s="11" t="str">
        <f>'申請書（複数入力用）'!J371</f>
        <v/>
      </c>
      <c r="G369" s="6" t="str">
        <f>'申請書（複数入力用）'!K371</f>
        <v>a052r000000jS9ZAAU</v>
      </c>
      <c r="H369" s="12" t="e">
        <f>'申請書（複数入力用）'!N371</f>
        <v>#N/A</v>
      </c>
      <c r="I369" s="12" t="e">
        <f>'申請書（複数入力用）'!O371</f>
        <v>#N/A</v>
      </c>
      <c r="J369" s="12">
        <f>'申請書（複数入力用）'!P371</f>
        <v>1</v>
      </c>
    </row>
    <row r="370" spans="1:10" ht="51.6" customHeight="1" x14ac:dyDescent="0.45">
      <c r="A370" s="6">
        <f>'申請書（複数入力用）'!A372</f>
        <v>366</v>
      </c>
      <c r="B370" s="13">
        <f>'申請書（複数入力用）'!AH372</f>
        <v>0</v>
      </c>
      <c r="C370" s="6">
        <f>'申請書（複数入力用）'!B372</f>
        <v>0</v>
      </c>
      <c r="D370" s="6">
        <f>'申請書（複数入力用）'!D372</f>
        <v>0</v>
      </c>
      <c r="E370" s="14">
        <f>'申請書（複数入力用）'!H372</f>
        <v>0</v>
      </c>
      <c r="F370" s="11" t="str">
        <f>'申請書（複数入力用）'!J372</f>
        <v/>
      </c>
      <c r="G370" s="6" t="str">
        <f>'申請書（複数入力用）'!K372</f>
        <v>a052r000000jS9ZAAU</v>
      </c>
      <c r="H370" s="12" t="e">
        <f>'申請書（複数入力用）'!N372</f>
        <v>#N/A</v>
      </c>
      <c r="I370" s="12" t="e">
        <f>'申請書（複数入力用）'!O372</f>
        <v>#N/A</v>
      </c>
      <c r="J370" s="12">
        <f>'申請書（複数入力用）'!P372</f>
        <v>1</v>
      </c>
    </row>
    <row r="371" spans="1:10" ht="51.6" customHeight="1" x14ac:dyDescent="0.45">
      <c r="A371" s="6">
        <f>'申請書（複数入力用）'!A373</f>
        <v>367</v>
      </c>
      <c r="B371" s="13">
        <f>'申請書（複数入力用）'!AH373</f>
        <v>0</v>
      </c>
      <c r="C371" s="6">
        <f>'申請書（複数入力用）'!B373</f>
        <v>0</v>
      </c>
      <c r="D371" s="6">
        <f>'申請書（複数入力用）'!D373</f>
        <v>0</v>
      </c>
      <c r="E371" s="14">
        <f>'申請書（複数入力用）'!H373</f>
        <v>0</v>
      </c>
      <c r="F371" s="11" t="str">
        <f>'申請書（複数入力用）'!J373</f>
        <v/>
      </c>
      <c r="G371" s="6" t="str">
        <f>'申請書（複数入力用）'!K373</f>
        <v>a052r000000jS9ZAAU</v>
      </c>
      <c r="H371" s="12" t="e">
        <f>'申請書（複数入力用）'!N373</f>
        <v>#N/A</v>
      </c>
      <c r="I371" s="12" t="e">
        <f>'申請書（複数入力用）'!O373</f>
        <v>#N/A</v>
      </c>
      <c r="J371" s="12">
        <f>'申請書（複数入力用）'!P373</f>
        <v>1</v>
      </c>
    </row>
    <row r="372" spans="1:10" ht="51.6" customHeight="1" x14ac:dyDescent="0.45">
      <c r="A372" s="6">
        <f>'申請書（複数入力用）'!A374</f>
        <v>368</v>
      </c>
      <c r="B372" s="13">
        <f>'申請書（複数入力用）'!AH374</f>
        <v>0</v>
      </c>
      <c r="C372" s="6">
        <f>'申請書（複数入力用）'!B374</f>
        <v>0</v>
      </c>
      <c r="D372" s="6">
        <f>'申請書（複数入力用）'!D374</f>
        <v>0</v>
      </c>
      <c r="E372" s="14">
        <f>'申請書（複数入力用）'!H374</f>
        <v>0</v>
      </c>
      <c r="F372" s="11" t="str">
        <f>'申請書（複数入力用）'!J374</f>
        <v/>
      </c>
      <c r="G372" s="6" t="str">
        <f>'申請書（複数入力用）'!K374</f>
        <v>a052r000000jS9ZAAU</v>
      </c>
      <c r="H372" s="12" t="e">
        <f>'申請書（複数入力用）'!N374</f>
        <v>#N/A</v>
      </c>
      <c r="I372" s="12" t="e">
        <f>'申請書（複数入力用）'!O374</f>
        <v>#N/A</v>
      </c>
      <c r="J372" s="12">
        <f>'申請書（複数入力用）'!P374</f>
        <v>1</v>
      </c>
    </row>
    <row r="373" spans="1:10" ht="51.6" customHeight="1" x14ac:dyDescent="0.45">
      <c r="A373" s="6">
        <f>'申請書（複数入力用）'!A375</f>
        <v>369</v>
      </c>
      <c r="B373" s="13">
        <f>'申請書（複数入力用）'!AH375</f>
        <v>0</v>
      </c>
      <c r="C373" s="6">
        <f>'申請書（複数入力用）'!B375</f>
        <v>0</v>
      </c>
      <c r="D373" s="6">
        <f>'申請書（複数入力用）'!D375</f>
        <v>0</v>
      </c>
      <c r="E373" s="14">
        <f>'申請書（複数入力用）'!H375</f>
        <v>0</v>
      </c>
      <c r="F373" s="11" t="str">
        <f>'申請書（複数入力用）'!J375</f>
        <v/>
      </c>
      <c r="G373" s="6" t="str">
        <f>'申請書（複数入力用）'!K375</f>
        <v>a052r000000jS9ZAAU</v>
      </c>
      <c r="H373" s="12" t="e">
        <f>'申請書（複数入力用）'!N375</f>
        <v>#N/A</v>
      </c>
      <c r="I373" s="12" t="e">
        <f>'申請書（複数入力用）'!O375</f>
        <v>#N/A</v>
      </c>
      <c r="J373" s="12">
        <f>'申請書（複数入力用）'!P375</f>
        <v>1</v>
      </c>
    </row>
    <row r="374" spans="1:10" ht="51.6" customHeight="1" x14ac:dyDescent="0.45">
      <c r="A374" s="6">
        <f>'申請書（複数入力用）'!A376</f>
        <v>370</v>
      </c>
      <c r="B374" s="13">
        <f>'申請書（複数入力用）'!AH376</f>
        <v>0</v>
      </c>
      <c r="C374" s="6">
        <f>'申請書（複数入力用）'!B376</f>
        <v>0</v>
      </c>
      <c r="D374" s="6">
        <f>'申請書（複数入力用）'!D376</f>
        <v>0</v>
      </c>
      <c r="E374" s="14">
        <f>'申請書（複数入力用）'!H376</f>
        <v>0</v>
      </c>
      <c r="F374" s="11" t="str">
        <f>'申請書（複数入力用）'!J376</f>
        <v/>
      </c>
      <c r="G374" s="6" t="str">
        <f>'申請書（複数入力用）'!K376</f>
        <v>a052r000000jS9ZAAU</v>
      </c>
      <c r="H374" s="12" t="e">
        <f>'申請書（複数入力用）'!N376</f>
        <v>#N/A</v>
      </c>
      <c r="I374" s="12" t="e">
        <f>'申請書（複数入力用）'!O376</f>
        <v>#N/A</v>
      </c>
      <c r="J374" s="12">
        <f>'申請書（複数入力用）'!P376</f>
        <v>1</v>
      </c>
    </row>
    <row r="375" spans="1:10" ht="51.6" customHeight="1" x14ac:dyDescent="0.45">
      <c r="A375" s="6">
        <f>'申請書（複数入力用）'!A377</f>
        <v>371</v>
      </c>
      <c r="B375" s="13">
        <f>'申請書（複数入力用）'!AH377</f>
        <v>0</v>
      </c>
      <c r="C375" s="6">
        <f>'申請書（複数入力用）'!B377</f>
        <v>0</v>
      </c>
      <c r="D375" s="6">
        <f>'申請書（複数入力用）'!D377</f>
        <v>0</v>
      </c>
      <c r="E375" s="14">
        <f>'申請書（複数入力用）'!H377</f>
        <v>0</v>
      </c>
      <c r="F375" s="11" t="str">
        <f>'申請書（複数入力用）'!J377</f>
        <v/>
      </c>
      <c r="G375" s="6" t="str">
        <f>'申請書（複数入力用）'!K377</f>
        <v>a052r000000jS9ZAAU</v>
      </c>
      <c r="H375" s="12" t="e">
        <f>'申請書（複数入力用）'!N377</f>
        <v>#N/A</v>
      </c>
      <c r="I375" s="12" t="e">
        <f>'申請書（複数入力用）'!O377</f>
        <v>#N/A</v>
      </c>
      <c r="J375" s="12">
        <f>'申請書（複数入力用）'!P377</f>
        <v>1</v>
      </c>
    </row>
    <row r="376" spans="1:10" ht="51.6" customHeight="1" x14ac:dyDescent="0.45">
      <c r="A376" s="6">
        <f>'申請書（複数入力用）'!A378</f>
        <v>372</v>
      </c>
      <c r="B376" s="13">
        <f>'申請書（複数入力用）'!AH378</f>
        <v>0</v>
      </c>
      <c r="C376" s="6">
        <f>'申請書（複数入力用）'!B378</f>
        <v>0</v>
      </c>
      <c r="D376" s="6">
        <f>'申請書（複数入力用）'!D378</f>
        <v>0</v>
      </c>
      <c r="E376" s="14">
        <f>'申請書（複数入力用）'!H378</f>
        <v>0</v>
      </c>
      <c r="F376" s="11" t="str">
        <f>'申請書（複数入力用）'!J378</f>
        <v/>
      </c>
      <c r="G376" s="6" t="str">
        <f>'申請書（複数入力用）'!K378</f>
        <v>a052r000000jS9ZAAU</v>
      </c>
      <c r="H376" s="12" t="e">
        <f>'申請書（複数入力用）'!N378</f>
        <v>#N/A</v>
      </c>
      <c r="I376" s="12" t="e">
        <f>'申請書（複数入力用）'!O378</f>
        <v>#N/A</v>
      </c>
      <c r="J376" s="12">
        <f>'申請書（複数入力用）'!P378</f>
        <v>1</v>
      </c>
    </row>
    <row r="377" spans="1:10" ht="51.6" customHeight="1" x14ac:dyDescent="0.45">
      <c r="A377" s="6">
        <f>'申請書（複数入力用）'!A379</f>
        <v>373</v>
      </c>
      <c r="B377" s="13">
        <f>'申請書（複数入力用）'!AH379</f>
        <v>0</v>
      </c>
      <c r="C377" s="6">
        <f>'申請書（複数入力用）'!B379</f>
        <v>0</v>
      </c>
      <c r="D377" s="6">
        <f>'申請書（複数入力用）'!D379</f>
        <v>0</v>
      </c>
      <c r="E377" s="14">
        <f>'申請書（複数入力用）'!H379</f>
        <v>0</v>
      </c>
      <c r="F377" s="11" t="str">
        <f>'申請書（複数入力用）'!J379</f>
        <v/>
      </c>
      <c r="G377" s="6" t="str">
        <f>'申請書（複数入力用）'!K379</f>
        <v>a052r000000jS9ZAAU</v>
      </c>
      <c r="H377" s="12" t="e">
        <f>'申請書（複数入力用）'!N379</f>
        <v>#N/A</v>
      </c>
      <c r="I377" s="12" t="e">
        <f>'申請書（複数入力用）'!O379</f>
        <v>#N/A</v>
      </c>
      <c r="J377" s="12">
        <f>'申請書（複数入力用）'!P379</f>
        <v>1</v>
      </c>
    </row>
    <row r="378" spans="1:10" ht="51.6" customHeight="1" x14ac:dyDescent="0.45">
      <c r="A378" s="6">
        <f>'申請書（複数入力用）'!A380</f>
        <v>374</v>
      </c>
      <c r="B378" s="13">
        <f>'申請書（複数入力用）'!AH380</f>
        <v>0</v>
      </c>
      <c r="C378" s="6">
        <f>'申請書（複数入力用）'!B380</f>
        <v>0</v>
      </c>
      <c r="D378" s="6">
        <f>'申請書（複数入力用）'!D380</f>
        <v>0</v>
      </c>
      <c r="E378" s="14">
        <f>'申請書（複数入力用）'!H380</f>
        <v>0</v>
      </c>
      <c r="F378" s="11" t="str">
        <f>'申請書（複数入力用）'!J380</f>
        <v/>
      </c>
      <c r="G378" s="6" t="str">
        <f>'申請書（複数入力用）'!K380</f>
        <v>a052r000000jS9ZAAU</v>
      </c>
      <c r="H378" s="12" t="e">
        <f>'申請書（複数入力用）'!N380</f>
        <v>#N/A</v>
      </c>
      <c r="I378" s="12" t="e">
        <f>'申請書（複数入力用）'!O380</f>
        <v>#N/A</v>
      </c>
      <c r="J378" s="12">
        <f>'申請書（複数入力用）'!P380</f>
        <v>1</v>
      </c>
    </row>
    <row r="379" spans="1:10" ht="51.6" customHeight="1" x14ac:dyDescent="0.45">
      <c r="A379" s="6">
        <f>'申請書（複数入力用）'!A381</f>
        <v>375</v>
      </c>
      <c r="B379" s="13">
        <f>'申請書（複数入力用）'!AH381</f>
        <v>0</v>
      </c>
      <c r="C379" s="6">
        <f>'申請書（複数入力用）'!B381</f>
        <v>0</v>
      </c>
      <c r="D379" s="6">
        <f>'申請書（複数入力用）'!D381</f>
        <v>0</v>
      </c>
      <c r="E379" s="14">
        <f>'申請書（複数入力用）'!H381</f>
        <v>0</v>
      </c>
      <c r="F379" s="11" t="str">
        <f>'申請書（複数入力用）'!J381</f>
        <v/>
      </c>
      <c r="G379" s="6" t="str">
        <f>'申請書（複数入力用）'!K381</f>
        <v>a052r000000jS9ZAAU</v>
      </c>
      <c r="H379" s="12" t="e">
        <f>'申請書（複数入力用）'!N381</f>
        <v>#N/A</v>
      </c>
      <c r="I379" s="12" t="e">
        <f>'申請書（複数入力用）'!O381</f>
        <v>#N/A</v>
      </c>
      <c r="J379" s="12">
        <f>'申請書（複数入力用）'!P381</f>
        <v>1</v>
      </c>
    </row>
    <row r="380" spans="1:10" ht="51.6" customHeight="1" x14ac:dyDescent="0.45">
      <c r="A380" s="6">
        <f>'申請書（複数入力用）'!A382</f>
        <v>376</v>
      </c>
      <c r="B380" s="13">
        <f>'申請書（複数入力用）'!AH382</f>
        <v>0</v>
      </c>
      <c r="C380" s="6">
        <f>'申請書（複数入力用）'!B382</f>
        <v>0</v>
      </c>
      <c r="D380" s="6">
        <f>'申請書（複数入力用）'!D382</f>
        <v>0</v>
      </c>
      <c r="E380" s="14">
        <f>'申請書（複数入力用）'!H382</f>
        <v>0</v>
      </c>
      <c r="F380" s="11" t="str">
        <f>'申請書（複数入力用）'!J382</f>
        <v/>
      </c>
      <c r="G380" s="6" t="str">
        <f>'申請書（複数入力用）'!K382</f>
        <v>a052r000000jS9ZAAU</v>
      </c>
      <c r="H380" s="12" t="e">
        <f>'申請書（複数入力用）'!N382</f>
        <v>#N/A</v>
      </c>
      <c r="I380" s="12" t="e">
        <f>'申請書（複数入力用）'!O382</f>
        <v>#N/A</v>
      </c>
      <c r="J380" s="12">
        <f>'申請書（複数入力用）'!P382</f>
        <v>1</v>
      </c>
    </row>
    <row r="381" spans="1:10" ht="51.6" customHeight="1" x14ac:dyDescent="0.45">
      <c r="A381" s="6">
        <f>'申請書（複数入力用）'!A383</f>
        <v>377</v>
      </c>
      <c r="B381" s="13">
        <f>'申請書（複数入力用）'!AH383</f>
        <v>0</v>
      </c>
      <c r="C381" s="6">
        <f>'申請書（複数入力用）'!B383</f>
        <v>0</v>
      </c>
      <c r="D381" s="6">
        <f>'申請書（複数入力用）'!D383</f>
        <v>0</v>
      </c>
      <c r="E381" s="14">
        <f>'申請書（複数入力用）'!H383</f>
        <v>0</v>
      </c>
      <c r="F381" s="11" t="str">
        <f>'申請書（複数入力用）'!J383</f>
        <v/>
      </c>
      <c r="G381" s="6" t="str">
        <f>'申請書（複数入力用）'!K383</f>
        <v>a052r000000jS9ZAAU</v>
      </c>
      <c r="H381" s="12" t="e">
        <f>'申請書（複数入力用）'!N383</f>
        <v>#N/A</v>
      </c>
      <c r="I381" s="12" t="e">
        <f>'申請書（複数入力用）'!O383</f>
        <v>#N/A</v>
      </c>
      <c r="J381" s="12">
        <f>'申請書（複数入力用）'!P383</f>
        <v>1</v>
      </c>
    </row>
    <row r="382" spans="1:10" ht="51.6" customHeight="1" x14ac:dyDescent="0.45">
      <c r="A382" s="6">
        <f>'申請書（複数入力用）'!A384</f>
        <v>378</v>
      </c>
      <c r="B382" s="13">
        <f>'申請書（複数入力用）'!AH384</f>
        <v>0</v>
      </c>
      <c r="C382" s="6">
        <f>'申請書（複数入力用）'!B384</f>
        <v>0</v>
      </c>
      <c r="D382" s="6">
        <f>'申請書（複数入力用）'!D384</f>
        <v>0</v>
      </c>
      <c r="E382" s="14">
        <f>'申請書（複数入力用）'!H384</f>
        <v>0</v>
      </c>
      <c r="F382" s="11" t="str">
        <f>'申請書（複数入力用）'!J384</f>
        <v/>
      </c>
      <c r="G382" s="6" t="str">
        <f>'申請書（複数入力用）'!K384</f>
        <v>a052r000000jS9ZAAU</v>
      </c>
      <c r="H382" s="12" t="e">
        <f>'申請書（複数入力用）'!N384</f>
        <v>#N/A</v>
      </c>
      <c r="I382" s="12" t="e">
        <f>'申請書（複数入力用）'!O384</f>
        <v>#N/A</v>
      </c>
      <c r="J382" s="12">
        <f>'申請書（複数入力用）'!P384</f>
        <v>1</v>
      </c>
    </row>
    <row r="383" spans="1:10" ht="51.6" customHeight="1" x14ac:dyDescent="0.45">
      <c r="A383" s="6">
        <f>'申請書（複数入力用）'!A385</f>
        <v>379</v>
      </c>
      <c r="B383" s="13">
        <f>'申請書（複数入力用）'!AH385</f>
        <v>0</v>
      </c>
      <c r="C383" s="6">
        <f>'申請書（複数入力用）'!B385</f>
        <v>0</v>
      </c>
      <c r="D383" s="6">
        <f>'申請書（複数入力用）'!D385</f>
        <v>0</v>
      </c>
      <c r="E383" s="14">
        <f>'申請書（複数入力用）'!H385</f>
        <v>0</v>
      </c>
      <c r="F383" s="11" t="str">
        <f>'申請書（複数入力用）'!J385</f>
        <v/>
      </c>
      <c r="G383" s="6" t="str">
        <f>'申請書（複数入力用）'!K385</f>
        <v>a052r000000jS9ZAAU</v>
      </c>
      <c r="H383" s="12" t="e">
        <f>'申請書（複数入力用）'!N385</f>
        <v>#N/A</v>
      </c>
      <c r="I383" s="12" t="e">
        <f>'申請書（複数入力用）'!O385</f>
        <v>#N/A</v>
      </c>
      <c r="J383" s="12">
        <f>'申請書（複数入力用）'!P385</f>
        <v>1</v>
      </c>
    </row>
    <row r="384" spans="1:10" ht="51.6" customHeight="1" x14ac:dyDescent="0.45">
      <c r="A384" s="6">
        <f>'申請書（複数入力用）'!A386</f>
        <v>380</v>
      </c>
      <c r="B384" s="13">
        <f>'申請書（複数入力用）'!AH386</f>
        <v>0</v>
      </c>
      <c r="C384" s="6">
        <f>'申請書（複数入力用）'!B386</f>
        <v>0</v>
      </c>
      <c r="D384" s="6">
        <f>'申請書（複数入力用）'!D386</f>
        <v>0</v>
      </c>
      <c r="E384" s="14">
        <f>'申請書（複数入力用）'!H386</f>
        <v>0</v>
      </c>
      <c r="F384" s="11" t="str">
        <f>'申請書（複数入力用）'!J386</f>
        <v/>
      </c>
      <c r="G384" s="6" t="str">
        <f>'申請書（複数入力用）'!K386</f>
        <v>a052r000000jS9ZAAU</v>
      </c>
      <c r="H384" s="12" t="e">
        <f>'申請書（複数入力用）'!N386</f>
        <v>#N/A</v>
      </c>
      <c r="I384" s="12" t="e">
        <f>'申請書（複数入力用）'!O386</f>
        <v>#N/A</v>
      </c>
      <c r="J384" s="12">
        <f>'申請書（複数入力用）'!P386</f>
        <v>1</v>
      </c>
    </row>
    <row r="385" spans="1:10" ht="51.6" customHeight="1" x14ac:dyDescent="0.45">
      <c r="A385" s="6">
        <f>'申請書（複数入力用）'!A387</f>
        <v>381</v>
      </c>
      <c r="B385" s="13">
        <f>'申請書（複数入力用）'!AH387</f>
        <v>0</v>
      </c>
      <c r="C385" s="6">
        <f>'申請書（複数入力用）'!B387</f>
        <v>0</v>
      </c>
      <c r="D385" s="6">
        <f>'申請書（複数入力用）'!D387</f>
        <v>0</v>
      </c>
      <c r="E385" s="14">
        <f>'申請書（複数入力用）'!H387</f>
        <v>0</v>
      </c>
      <c r="F385" s="11" t="str">
        <f>'申請書（複数入力用）'!J387</f>
        <v/>
      </c>
      <c r="G385" s="6" t="str">
        <f>'申請書（複数入力用）'!K387</f>
        <v>a052r000000jS9ZAAU</v>
      </c>
      <c r="H385" s="12" t="e">
        <f>'申請書（複数入力用）'!N387</f>
        <v>#N/A</v>
      </c>
      <c r="I385" s="12" t="e">
        <f>'申請書（複数入力用）'!O387</f>
        <v>#N/A</v>
      </c>
      <c r="J385" s="12">
        <f>'申請書（複数入力用）'!P387</f>
        <v>1</v>
      </c>
    </row>
    <row r="386" spans="1:10" ht="51.6" customHeight="1" x14ac:dyDescent="0.45">
      <c r="A386" s="6">
        <f>'申請書（複数入力用）'!A388</f>
        <v>382</v>
      </c>
      <c r="B386" s="13">
        <f>'申請書（複数入力用）'!AH388</f>
        <v>0</v>
      </c>
      <c r="C386" s="6">
        <f>'申請書（複数入力用）'!B388</f>
        <v>0</v>
      </c>
      <c r="D386" s="6">
        <f>'申請書（複数入力用）'!D388</f>
        <v>0</v>
      </c>
      <c r="E386" s="14">
        <f>'申請書（複数入力用）'!H388</f>
        <v>0</v>
      </c>
      <c r="F386" s="11" t="str">
        <f>'申請書（複数入力用）'!J388</f>
        <v/>
      </c>
      <c r="G386" s="6" t="str">
        <f>'申請書（複数入力用）'!K388</f>
        <v>a052r000000jS9ZAAU</v>
      </c>
      <c r="H386" s="12" t="e">
        <f>'申請書（複数入力用）'!N388</f>
        <v>#N/A</v>
      </c>
      <c r="I386" s="12" t="e">
        <f>'申請書（複数入力用）'!O388</f>
        <v>#N/A</v>
      </c>
      <c r="J386" s="12">
        <f>'申請書（複数入力用）'!P388</f>
        <v>1</v>
      </c>
    </row>
    <row r="387" spans="1:10" ht="51.6" customHeight="1" x14ac:dyDescent="0.45">
      <c r="A387" s="6">
        <f>'申請書（複数入力用）'!A389</f>
        <v>383</v>
      </c>
      <c r="B387" s="13">
        <f>'申請書（複数入力用）'!AH389</f>
        <v>0</v>
      </c>
      <c r="C387" s="6">
        <f>'申請書（複数入力用）'!B389</f>
        <v>0</v>
      </c>
      <c r="D387" s="6">
        <f>'申請書（複数入力用）'!D389</f>
        <v>0</v>
      </c>
      <c r="E387" s="14">
        <f>'申請書（複数入力用）'!H389</f>
        <v>0</v>
      </c>
      <c r="F387" s="11" t="str">
        <f>'申請書（複数入力用）'!J389</f>
        <v/>
      </c>
      <c r="G387" s="6" t="str">
        <f>'申請書（複数入力用）'!K389</f>
        <v>a052r000000jS9ZAAU</v>
      </c>
      <c r="H387" s="12" t="e">
        <f>'申請書（複数入力用）'!N389</f>
        <v>#N/A</v>
      </c>
      <c r="I387" s="12" t="e">
        <f>'申請書（複数入力用）'!O389</f>
        <v>#N/A</v>
      </c>
      <c r="J387" s="12">
        <f>'申請書（複数入力用）'!P389</f>
        <v>1</v>
      </c>
    </row>
    <row r="388" spans="1:10" ht="51.6" customHeight="1" x14ac:dyDescent="0.45">
      <c r="A388" s="6">
        <f>'申請書（複数入力用）'!A390</f>
        <v>384</v>
      </c>
      <c r="B388" s="13">
        <f>'申請書（複数入力用）'!AH390</f>
        <v>0</v>
      </c>
      <c r="C388" s="6">
        <f>'申請書（複数入力用）'!B390</f>
        <v>0</v>
      </c>
      <c r="D388" s="6">
        <f>'申請書（複数入力用）'!D390</f>
        <v>0</v>
      </c>
      <c r="E388" s="14">
        <f>'申請書（複数入力用）'!H390</f>
        <v>0</v>
      </c>
      <c r="F388" s="11" t="str">
        <f>'申請書（複数入力用）'!J390</f>
        <v/>
      </c>
      <c r="G388" s="6" t="str">
        <f>'申請書（複数入力用）'!K390</f>
        <v>a052r000000jS9ZAAU</v>
      </c>
      <c r="H388" s="12" t="e">
        <f>'申請書（複数入力用）'!N390</f>
        <v>#N/A</v>
      </c>
      <c r="I388" s="12" t="e">
        <f>'申請書（複数入力用）'!O390</f>
        <v>#N/A</v>
      </c>
      <c r="J388" s="12">
        <f>'申請書（複数入力用）'!P390</f>
        <v>1</v>
      </c>
    </row>
    <row r="389" spans="1:10" ht="51.6" customHeight="1" x14ac:dyDescent="0.45">
      <c r="A389" s="6">
        <f>'申請書（複数入力用）'!A391</f>
        <v>385</v>
      </c>
      <c r="B389" s="13">
        <f>'申請書（複数入力用）'!AH391</f>
        <v>0</v>
      </c>
      <c r="C389" s="6">
        <f>'申請書（複数入力用）'!B391</f>
        <v>0</v>
      </c>
      <c r="D389" s="6">
        <f>'申請書（複数入力用）'!D391</f>
        <v>0</v>
      </c>
      <c r="E389" s="14">
        <f>'申請書（複数入力用）'!H391</f>
        <v>0</v>
      </c>
      <c r="F389" s="11" t="str">
        <f>'申請書（複数入力用）'!J391</f>
        <v/>
      </c>
      <c r="G389" s="6" t="str">
        <f>'申請書（複数入力用）'!K391</f>
        <v>a052r000000jS9ZAAU</v>
      </c>
      <c r="H389" s="12" t="e">
        <f>'申請書（複数入力用）'!N391</f>
        <v>#N/A</v>
      </c>
      <c r="I389" s="12" t="e">
        <f>'申請書（複数入力用）'!O391</f>
        <v>#N/A</v>
      </c>
      <c r="J389" s="12">
        <f>'申請書（複数入力用）'!P391</f>
        <v>1</v>
      </c>
    </row>
    <row r="390" spans="1:10" ht="51.6" customHeight="1" x14ac:dyDescent="0.45">
      <c r="A390" s="6">
        <f>'申請書（複数入力用）'!A392</f>
        <v>386</v>
      </c>
      <c r="B390" s="13">
        <f>'申請書（複数入力用）'!AH392</f>
        <v>0</v>
      </c>
      <c r="C390" s="6">
        <f>'申請書（複数入力用）'!B392</f>
        <v>0</v>
      </c>
      <c r="D390" s="6">
        <f>'申請書（複数入力用）'!D392</f>
        <v>0</v>
      </c>
      <c r="E390" s="14">
        <f>'申請書（複数入力用）'!H392</f>
        <v>0</v>
      </c>
      <c r="F390" s="11" t="str">
        <f>'申請書（複数入力用）'!J392</f>
        <v/>
      </c>
      <c r="G390" s="6" t="str">
        <f>'申請書（複数入力用）'!K392</f>
        <v>a052r000000jS9ZAAU</v>
      </c>
      <c r="H390" s="12" t="e">
        <f>'申請書（複数入力用）'!N392</f>
        <v>#N/A</v>
      </c>
      <c r="I390" s="12" t="e">
        <f>'申請書（複数入力用）'!O392</f>
        <v>#N/A</v>
      </c>
      <c r="J390" s="12">
        <f>'申請書（複数入力用）'!P392</f>
        <v>1</v>
      </c>
    </row>
    <row r="391" spans="1:10" ht="51.6" customHeight="1" x14ac:dyDescent="0.45">
      <c r="A391" s="6">
        <f>'申請書（複数入力用）'!A393</f>
        <v>387</v>
      </c>
      <c r="B391" s="13">
        <f>'申請書（複数入力用）'!AH393</f>
        <v>0</v>
      </c>
      <c r="C391" s="6">
        <f>'申請書（複数入力用）'!B393</f>
        <v>0</v>
      </c>
      <c r="D391" s="6">
        <f>'申請書（複数入力用）'!D393</f>
        <v>0</v>
      </c>
      <c r="E391" s="14">
        <f>'申請書（複数入力用）'!H393</f>
        <v>0</v>
      </c>
      <c r="F391" s="11" t="str">
        <f>'申請書（複数入力用）'!J393</f>
        <v/>
      </c>
      <c r="G391" s="6" t="str">
        <f>'申請書（複数入力用）'!K393</f>
        <v>a052r000000jS9ZAAU</v>
      </c>
      <c r="H391" s="12" t="e">
        <f>'申請書（複数入力用）'!N393</f>
        <v>#N/A</v>
      </c>
      <c r="I391" s="12" t="e">
        <f>'申請書（複数入力用）'!O393</f>
        <v>#N/A</v>
      </c>
      <c r="J391" s="12">
        <f>'申請書（複数入力用）'!P393</f>
        <v>1</v>
      </c>
    </row>
    <row r="392" spans="1:10" ht="51.6" customHeight="1" x14ac:dyDescent="0.45">
      <c r="A392" s="6">
        <f>'申請書（複数入力用）'!A394</f>
        <v>388</v>
      </c>
      <c r="B392" s="13">
        <f>'申請書（複数入力用）'!AH394</f>
        <v>0</v>
      </c>
      <c r="C392" s="6">
        <f>'申請書（複数入力用）'!B394</f>
        <v>0</v>
      </c>
      <c r="D392" s="6">
        <f>'申請書（複数入力用）'!D394</f>
        <v>0</v>
      </c>
      <c r="E392" s="14">
        <f>'申請書（複数入力用）'!H394</f>
        <v>0</v>
      </c>
      <c r="F392" s="11" t="str">
        <f>'申請書（複数入力用）'!J394</f>
        <v/>
      </c>
      <c r="G392" s="6" t="str">
        <f>'申請書（複数入力用）'!K394</f>
        <v>a052r000000jS9ZAAU</v>
      </c>
      <c r="H392" s="12" t="e">
        <f>'申請書（複数入力用）'!N394</f>
        <v>#N/A</v>
      </c>
      <c r="I392" s="12" t="e">
        <f>'申請書（複数入力用）'!O394</f>
        <v>#N/A</v>
      </c>
      <c r="J392" s="12">
        <f>'申請書（複数入力用）'!P394</f>
        <v>1</v>
      </c>
    </row>
    <row r="393" spans="1:10" ht="51.6" customHeight="1" x14ac:dyDescent="0.45">
      <c r="A393" s="6">
        <f>'申請書（複数入力用）'!A395</f>
        <v>389</v>
      </c>
      <c r="B393" s="13">
        <f>'申請書（複数入力用）'!AH395</f>
        <v>0</v>
      </c>
      <c r="C393" s="6">
        <f>'申請書（複数入力用）'!B395</f>
        <v>0</v>
      </c>
      <c r="D393" s="6">
        <f>'申請書（複数入力用）'!D395</f>
        <v>0</v>
      </c>
      <c r="E393" s="14">
        <f>'申請書（複数入力用）'!H395</f>
        <v>0</v>
      </c>
      <c r="F393" s="11" t="str">
        <f>'申請書（複数入力用）'!J395</f>
        <v/>
      </c>
      <c r="G393" s="6" t="str">
        <f>'申請書（複数入力用）'!K395</f>
        <v>a052r000000jS9ZAAU</v>
      </c>
      <c r="H393" s="12" t="e">
        <f>'申請書（複数入力用）'!N395</f>
        <v>#N/A</v>
      </c>
      <c r="I393" s="12" t="e">
        <f>'申請書（複数入力用）'!O395</f>
        <v>#N/A</v>
      </c>
      <c r="J393" s="12">
        <f>'申請書（複数入力用）'!P395</f>
        <v>1</v>
      </c>
    </row>
    <row r="394" spans="1:10" ht="51.6" customHeight="1" x14ac:dyDescent="0.45">
      <c r="A394" s="6">
        <f>'申請書（複数入力用）'!A396</f>
        <v>390</v>
      </c>
      <c r="B394" s="13">
        <f>'申請書（複数入力用）'!AH396</f>
        <v>0</v>
      </c>
      <c r="C394" s="6">
        <f>'申請書（複数入力用）'!B396</f>
        <v>0</v>
      </c>
      <c r="D394" s="6">
        <f>'申請書（複数入力用）'!D396</f>
        <v>0</v>
      </c>
      <c r="E394" s="14">
        <f>'申請書（複数入力用）'!H396</f>
        <v>0</v>
      </c>
      <c r="F394" s="11" t="str">
        <f>'申請書（複数入力用）'!J396</f>
        <v/>
      </c>
      <c r="G394" s="6" t="str">
        <f>'申請書（複数入力用）'!K396</f>
        <v>a052r000000jS9ZAAU</v>
      </c>
      <c r="H394" s="12" t="e">
        <f>'申請書（複数入力用）'!N396</f>
        <v>#N/A</v>
      </c>
      <c r="I394" s="12" t="e">
        <f>'申請書（複数入力用）'!O396</f>
        <v>#N/A</v>
      </c>
      <c r="J394" s="12">
        <f>'申請書（複数入力用）'!P396</f>
        <v>1</v>
      </c>
    </row>
    <row r="395" spans="1:10" ht="51.6" customHeight="1" x14ac:dyDescent="0.45">
      <c r="A395" s="6">
        <f>'申請書（複数入力用）'!A397</f>
        <v>391</v>
      </c>
      <c r="B395" s="13">
        <f>'申請書（複数入力用）'!AH397</f>
        <v>0</v>
      </c>
      <c r="C395" s="6">
        <f>'申請書（複数入力用）'!B397</f>
        <v>0</v>
      </c>
      <c r="D395" s="6">
        <f>'申請書（複数入力用）'!D397</f>
        <v>0</v>
      </c>
      <c r="E395" s="14">
        <f>'申請書（複数入力用）'!H397</f>
        <v>0</v>
      </c>
      <c r="F395" s="11" t="str">
        <f>'申請書（複数入力用）'!J397</f>
        <v/>
      </c>
      <c r="G395" s="6" t="str">
        <f>'申請書（複数入力用）'!K397</f>
        <v>a052r000000jS9ZAAU</v>
      </c>
      <c r="H395" s="12" t="e">
        <f>'申請書（複数入力用）'!N397</f>
        <v>#N/A</v>
      </c>
      <c r="I395" s="12" t="e">
        <f>'申請書（複数入力用）'!O397</f>
        <v>#N/A</v>
      </c>
      <c r="J395" s="12">
        <f>'申請書（複数入力用）'!P397</f>
        <v>1</v>
      </c>
    </row>
    <row r="396" spans="1:10" ht="51.6" customHeight="1" x14ac:dyDescent="0.45">
      <c r="A396" s="6">
        <f>'申請書（複数入力用）'!A398</f>
        <v>392</v>
      </c>
      <c r="B396" s="13">
        <f>'申請書（複数入力用）'!AH398</f>
        <v>0</v>
      </c>
      <c r="C396" s="6">
        <f>'申請書（複数入力用）'!B398</f>
        <v>0</v>
      </c>
      <c r="D396" s="6">
        <f>'申請書（複数入力用）'!D398</f>
        <v>0</v>
      </c>
      <c r="E396" s="14">
        <f>'申請書（複数入力用）'!H398</f>
        <v>0</v>
      </c>
      <c r="F396" s="11" t="str">
        <f>'申請書（複数入力用）'!J398</f>
        <v/>
      </c>
      <c r="G396" s="6" t="str">
        <f>'申請書（複数入力用）'!K398</f>
        <v>a052r000000jS9ZAAU</v>
      </c>
      <c r="H396" s="12" t="e">
        <f>'申請書（複数入力用）'!N398</f>
        <v>#N/A</v>
      </c>
      <c r="I396" s="12" t="e">
        <f>'申請書（複数入力用）'!O398</f>
        <v>#N/A</v>
      </c>
      <c r="J396" s="12">
        <f>'申請書（複数入力用）'!P398</f>
        <v>1</v>
      </c>
    </row>
    <row r="397" spans="1:10" ht="51.6" customHeight="1" x14ac:dyDescent="0.45">
      <c r="A397" s="6">
        <f>'申請書（複数入力用）'!A399</f>
        <v>393</v>
      </c>
      <c r="B397" s="13">
        <f>'申請書（複数入力用）'!AH399</f>
        <v>0</v>
      </c>
      <c r="C397" s="6">
        <f>'申請書（複数入力用）'!B399</f>
        <v>0</v>
      </c>
      <c r="D397" s="6">
        <f>'申請書（複数入力用）'!D399</f>
        <v>0</v>
      </c>
      <c r="E397" s="14">
        <f>'申請書（複数入力用）'!H399</f>
        <v>0</v>
      </c>
      <c r="F397" s="11" t="str">
        <f>'申請書（複数入力用）'!J399</f>
        <v/>
      </c>
      <c r="G397" s="6" t="str">
        <f>'申請書（複数入力用）'!K399</f>
        <v>a052r000000jS9ZAAU</v>
      </c>
      <c r="H397" s="12" t="e">
        <f>'申請書（複数入力用）'!N399</f>
        <v>#N/A</v>
      </c>
      <c r="I397" s="12" t="e">
        <f>'申請書（複数入力用）'!O399</f>
        <v>#N/A</v>
      </c>
      <c r="J397" s="12">
        <f>'申請書（複数入力用）'!P399</f>
        <v>1</v>
      </c>
    </row>
    <row r="398" spans="1:10" ht="51.6" customHeight="1" x14ac:dyDescent="0.45">
      <c r="A398" s="6">
        <f>'申請書（複数入力用）'!A400</f>
        <v>394</v>
      </c>
      <c r="B398" s="13">
        <f>'申請書（複数入力用）'!AH400</f>
        <v>0</v>
      </c>
      <c r="C398" s="6">
        <f>'申請書（複数入力用）'!B400</f>
        <v>0</v>
      </c>
      <c r="D398" s="6">
        <f>'申請書（複数入力用）'!D400</f>
        <v>0</v>
      </c>
      <c r="E398" s="14">
        <f>'申請書（複数入力用）'!H400</f>
        <v>0</v>
      </c>
      <c r="F398" s="11" t="str">
        <f>'申請書（複数入力用）'!J400</f>
        <v/>
      </c>
      <c r="G398" s="6" t="str">
        <f>'申請書（複数入力用）'!K400</f>
        <v>a052r000000jS9ZAAU</v>
      </c>
      <c r="H398" s="12" t="e">
        <f>'申請書（複数入力用）'!N400</f>
        <v>#N/A</v>
      </c>
      <c r="I398" s="12" t="e">
        <f>'申請書（複数入力用）'!O400</f>
        <v>#N/A</v>
      </c>
      <c r="J398" s="12">
        <f>'申請書（複数入力用）'!P400</f>
        <v>1</v>
      </c>
    </row>
    <row r="399" spans="1:10" ht="51.6" customHeight="1" x14ac:dyDescent="0.45">
      <c r="A399" s="6">
        <f>'申請書（複数入力用）'!A401</f>
        <v>395</v>
      </c>
      <c r="B399" s="13">
        <f>'申請書（複数入力用）'!AH401</f>
        <v>0</v>
      </c>
      <c r="C399" s="6">
        <f>'申請書（複数入力用）'!B401</f>
        <v>0</v>
      </c>
      <c r="D399" s="6">
        <f>'申請書（複数入力用）'!D401</f>
        <v>0</v>
      </c>
      <c r="E399" s="14">
        <f>'申請書（複数入力用）'!H401</f>
        <v>0</v>
      </c>
      <c r="F399" s="11" t="str">
        <f>'申請書（複数入力用）'!J401</f>
        <v/>
      </c>
      <c r="G399" s="6" t="str">
        <f>'申請書（複数入力用）'!K401</f>
        <v>a052r000000jS9ZAAU</v>
      </c>
      <c r="H399" s="12" t="e">
        <f>'申請書（複数入力用）'!N401</f>
        <v>#N/A</v>
      </c>
      <c r="I399" s="12" t="e">
        <f>'申請書（複数入力用）'!O401</f>
        <v>#N/A</v>
      </c>
      <c r="J399" s="12">
        <f>'申請書（複数入力用）'!P401</f>
        <v>1</v>
      </c>
    </row>
    <row r="400" spans="1:10" ht="51.6" customHeight="1" x14ac:dyDescent="0.45">
      <c r="A400" s="6">
        <f>'申請書（複数入力用）'!A402</f>
        <v>396</v>
      </c>
      <c r="B400" s="13">
        <f>'申請書（複数入力用）'!AH402</f>
        <v>0</v>
      </c>
      <c r="C400" s="6">
        <f>'申請書（複数入力用）'!B402</f>
        <v>0</v>
      </c>
      <c r="D400" s="6">
        <f>'申請書（複数入力用）'!D402</f>
        <v>0</v>
      </c>
      <c r="E400" s="14">
        <f>'申請書（複数入力用）'!H402</f>
        <v>0</v>
      </c>
      <c r="F400" s="11" t="str">
        <f>'申請書（複数入力用）'!J402</f>
        <v/>
      </c>
      <c r="G400" s="6" t="str">
        <f>'申請書（複数入力用）'!K402</f>
        <v>a052r000000jS9ZAAU</v>
      </c>
      <c r="H400" s="12" t="e">
        <f>'申請書（複数入力用）'!N402</f>
        <v>#N/A</v>
      </c>
      <c r="I400" s="12" t="e">
        <f>'申請書（複数入力用）'!O402</f>
        <v>#N/A</v>
      </c>
      <c r="J400" s="12">
        <f>'申請書（複数入力用）'!P402</f>
        <v>1</v>
      </c>
    </row>
    <row r="401" spans="1:10" ht="51.6" customHeight="1" x14ac:dyDescent="0.45">
      <c r="A401" s="6">
        <f>'申請書（複数入力用）'!A403</f>
        <v>397</v>
      </c>
      <c r="B401" s="13">
        <f>'申請書（複数入力用）'!AH403</f>
        <v>0</v>
      </c>
      <c r="C401" s="6">
        <f>'申請書（複数入力用）'!B403</f>
        <v>0</v>
      </c>
      <c r="D401" s="6">
        <f>'申請書（複数入力用）'!D403</f>
        <v>0</v>
      </c>
      <c r="E401" s="14">
        <f>'申請書（複数入力用）'!H403</f>
        <v>0</v>
      </c>
      <c r="F401" s="11" t="str">
        <f>'申請書（複数入力用）'!J403</f>
        <v/>
      </c>
      <c r="G401" s="6" t="str">
        <f>'申請書（複数入力用）'!K403</f>
        <v>a052r000000jS9ZAAU</v>
      </c>
      <c r="H401" s="12" t="e">
        <f>'申請書（複数入力用）'!N403</f>
        <v>#N/A</v>
      </c>
      <c r="I401" s="12" t="e">
        <f>'申請書（複数入力用）'!O403</f>
        <v>#N/A</v>
      </c>
      <c r="J401" s="12">
        <f>'申請書（複数入力用）'!P403</f>
        <v>1</v>
      </c>
    </row>
    <row r="402" spans="1:10" ht="51.6" customHeight="1" x14ac:dyDescent="0.45">
      <c r="A402" s="6">
        <f>'申請書（複数入力用）'!A404</f>
        <v>398</v>
      </c>
      <c r="B402" s="13">
        <f>'申請書（複数入力用）'!AH404</f>
        <v>0</v>
      </c>
      <c r="C402" s="6">
        <f>'申請書（複数入力用）'!B404</f>
        <v>0</v>
      </c>
      <c r="D402" s="6">
        <f>'申請書（複数入力用）'!D404</f>
        <v>0</v>
      </c>
      <c r="E402" s="14">
        <f>'申請書（複数入力用）'!H404</f>
        <v>0</v>
      </c>
      <c r="F402" s="11" t="str">
        <f>'申請書（複数入力用）'!J404</f>
        <v/>
      </c>
      <c r="G402" s="6" t="str">
        <f>'申請書（複数入力用）'!K404</f>
        <v>a052r000000jS9ZAAU</v>
      </c>
      <c r="H402" s="12" t="e">
        <f>'申請書（複数入力用）'!N404</f>
        <v>#N/A</v>
      </c>
      <c r="I402" s="12" t="e">
        <f>'申請書（複数入力用）'!O404</f>
        <v>#N/A</v>
      </c>
      <c r="J402" s="12">
        <f>'申請書（複数入力用）'!P404</f>
        <v>1</v>
      </c>
    </row>
    <row r="403" spans="1:10" ht="51.6" customHeight="1" x14ac:dyDescent="0.45">
      <c r="A403" s="6">
        <f>'申請書（複数入力用）'!A405</f>
        <v>399</v>
      </c>
      <c r="B403" s="13">
        <f>'申請書（複数入力用）'!AH405</f>
        <v>0</v>
      </c>
      <c r="C403" s="6">
        <f>'申請書（複数入力用）'!B405</f>
        <v>0</v>
      </c>
      <c r="D403" s="6">
        <f>'申請書（複数入力用）'!D405</f>
        <v>0</v>
      </c>
      <c r="E403" s="14">
        <f>'申請書（複数入力用）'!H405</f>
        <v>0</v>
      </c>
      <c r="F403" s="11" t="str">
        <f>'申請書（複数入力用）'!J405</f>
        <v/>
      </c>
      <c r="G403" s="6" t="str">
        <f>'申請書（複数入力用）'!K405</f>
        <v>a052r000000jS9ZAAU</v>
      </c>
      <c r="H403" s="12" t="e">
        <f>'申請書（複数入力用）'!N405</f>
        <v>#N/A</v>
      </c>
      <c r="I403" s="12" t="e">
        <f>'申請書（複数入力用）'!O405</f>
        <v>#N/A</v>
      </c>
      <c r="J403" s="12">
        <f>'申請書（複数入力用）'!P405</f>
        <v>1</v>
      </c>
    </row>
    <row r="404" spans="1:10" ht="51.6" customHeight="1" x14ac:dyDescent="0.45">
      <c r="A404" s="6">
        <f>'申請書（複数入力用）'!A406</f>
        <v>400</v>
      </c>
      <c r="B404" s="13">
        <f>'申請書（複数入力用）'!AH406</f>
        <v>0</v>
      </c>
      <c r="C404" s="6">
        <f>'申請書（複数入力用）'!B406</f>
        <v>0</v>
      </c>
      <c r="D404" s="6">
        <f>'申請書（複数入力用）'!D406</f>
        <v>0</v>
      </c>
      <c r="E404" s="14">
        <f>'申請書（複数入力用）'!H406</f>
        <v>0</v>
      </c>
      <c r="F404" s="11" t="str">
        <f>'申請書（複数入力用）'!J406</f>
        <v/>
      </c>
      <c r="G404" s="6" t="str">
        <f>'申請書（複数入力用）'!K406</f>
        <v>a052r000000jS9ZAAU</v>
      </c>
      <c r="H404" s="12" t="e">
        <f>'申請書（複数入力用）'!N406</f>
        <v>#N/A</v>
      </c>
      <c r="I404" s="12" t="e">
        <f>'申請書（複数入力用）'!O406</f>
        <v>#N/A</v>
      </c>
      <c r="J404" s="12">
        <f>'申請書（複数入力用）'!P406</f>
        <v>1</v>
      </c>
    </row>
    <row r="405" spans="1:10" ht="51.6" customHeight="1" x14ac:dyDescent="0.45">
      <c r="A405" s="6">
        <f>'申請書（複数入力用）'!A407</f>
        <v>401</v>
      </c>
      <c r="B405" s="13">
        <f>'申請書（複数入力用）'!AH407</f>
        <v>0</v>
      </c>
      <c r="C405" s="6">
        <f>'申請書（複数入力用）'!B407</f>
        <v>0</v>
      </c>
      <c r="D405" s="6">
        <f>'申請書（複数入力用）'!D407</f>
        <v>0</v>
      </c>
      <c r="E405" s="14">
        <f>'申請書（複数入力用）'!H407</f>
        <v>0</v>
      </c>
      <c r="F405" s="11" t="str">
        <f>'申請書（複数入力用）'!J407</f>
        <v/>
      </c>
      <c r="G405" s="6" t="str">
        <f>'申請書（複数入力用）'!K407</f>
        <v>a052r000000jS9ZAAU</v>
      </c>
      <c r="H405" s="12" t="e">
        <f>'申請書（複数入力用）'!N407</f>
        <v>#N/A</v>
      </c>
      <c r="I405" s="12" t="e">
        <f>'申請書（複数入力用）'!O407</f>
        <v>#N/A</v>
      </c>
      <c r="J405" s="12">
        <f>'申請書（複数入力用）'!P407</f>
        <v>1</v>
      </c>
    </row>
    <row r="406" spans="1:10" ht="51.6" customHeight="1" x14ac:dyDescent="0.45">
      <c r="A406" s="6">
        <f>'申請書（複数入力用）'!A408</f>
        <v>402</v>
      </c>
      <c r="B406" s="13">
        <f>'申請書（複数入力用）'!AH408</f>
        <v>0</v>
      </c>
      <c r="C406" s="6">
        <f>'申請書（複数入力用）'!B408</f>
        <v>0</v>
      </c>
      <c r="D406" s="6">
        <f>'申請書（複数入力用）'!D408</f>
        <v>0</v>
      </c>
      <c r="E406" s="14">
        <f>'申請書（複数入力用）'!H408</f>
        <v>0</v>
      </c>
      <c r="F406" s="11" t="str">
        <f>'申請書（複数入力用）'!J408</f>
        <v/>
      </c>
      <c r="G406" s="6" t="str">
        <f>'申請書（複数入力用）'!K408</f>
        <v>a052r000000jS9ZAAU</v>
      </c>
      <c r="H406" s="12" t="e">
        <f>'申請書（複数入力用）'!N408</f>
        <v>#N/A</v>
      </c>
      <c r="I406" s="12" t="e">
        <f>'申請書（複数入力用）'!O408</f>
        <v>#N/A</v>
      </c>
      <c r="J406" s="12">
        <f>'申請書（複数入力用）'!P408</f>
        <v>1</v>
      </c>
    </row>
    <row r="407" spans="1:10" ht="51.6" customHeight="1" x14ac:dyDescent="0.45">
      <c r="A407" s="6">
        <f>'申請書（複数入力用）'!A409</f>
        <v>403</v>
      </c>
      <c r="B407" s="13">
        <f>'申請書（複数入力用）'!AH409</f>
        <v>0</v>
      </c>
      <c r="C407" s="6">
        <f>'申請書（複数入力用）'!B409</f>
        <v>0</v>
      </c>
      <c r="D407" s="6">
        <f>'申請書（複数入力用）'!D409</f>
        <v>0</v>
      </c>
      <c r="E407" s="14">
        <f>'申請書（複数入力用）'!H409</f>
        <v>0</v>
      </c>
      <c r="F407" s="11" t="str">
        <f>'申請書（複数入力用）'!J409</f>
        <v/>
      </c>
      <c r="G407" s="6" t="str">
        <f>'申請書（複数入力用）'!K409</f>
        <v>a052r000000jS9ZAAU</v>
      </c>
      <c r="H407" s="12" t="e">
        <f>'申請書（複数入力用）'!N409</f>
        <v>#N/A</v>
      </c>
      <c r="I407" s="12" t="e">
        <f>'申請書（複数入力用）'!O409</f>
        <v>#N/A</v>
      </c>
      <c r="J407" s="12">
        <f>'申請書（複数入力用）'!P409</f>
        <v>1</v>
      </c>
    </row>
    <row r="408" spans="1:10" ht="51.6" customHeight="1" x14ac:dyDescent="0.45">
      <c r="A408" s="6">
        <f>'申請書（複数入力用）'!A410</f>
        <v>404</v>
      </c>
      <c r="B408" s="13">
        <f>'申請書（複数入力用）'!AH410</f>
        <v>0</v>
      </c>
      <c r="C408" s="6">
        <f>'申請書（複数入力用）'!B410</f>
        <v>0</v>
      </c>
      <c r="D408" s="6">
        <f>'申請書（複数入力用）'!D410</f>
        <v>0</v>
      </c>
      <c r="E408" s="14">
        <f>'申請書（複数入力用）'!H410</f>
        <v>0</v>
      </c>
      <c r="F408" s="11" t="str">
        <f>'申請書（複数入力用）'!J410</f>
        <v/>
      </c>
      <c r="G408" s="6" t="str">
        <f>'申請書（複数入力用）'!K410</f>
        <v>a052r000000jS9ZAAU</v>
      </c>
      <c r="H408" s="12" t="e">
        <f>'申請書（複数入力用）'!N410</f>
        <v>#N/A</v>
      </c>
      <c r="I408" s="12" t="e">
        <f>'申請書（複数入力用）'!O410</f>
        <v>#N/A</v>
      </c>
      <c r="J408" s="12">
        <f>'申請書（複数入力用）'!P410</f>
        <v>1</v>
      </c>
    </row>
    <row r="409" spans="1:10" ht="51.6" customHeight="1" x14ac:dyDescent="0.45">
      <c r="A409" s="6">
        <f>'申請書（複数入力用）'!A411</f>
        <v>405</v>
      </c>
      <c r="B409" s="13">
        <f>'申請書（複数入力用）'!AH411</f>
        <v>0</v>
      </c>
      <c r="C409" s="6">
        <f>'申請書（複数入力用）'!B411</f>
        <v>0</v>
      </c>
      <c r="D409" s="6">
        <f>'申請書（複数入力用）'!D411</f>
        <v>0</v>
      </c>
      <c r="E409" s="14">
        <f>'申請書（複数入力用）'!H411</f>
        <v>0</v>
      </c>
      <c r="F409" s="11" t="str">
        <f>'申請書（複数入力用）'!J411</f>
        <v/>
      </c>
      <c r="G409" s="6" t="str">
        <f>'申請書（複数入力用）'!K411</f>
        <v>a052r000000jS9ZAAU</v>
      </c>
      <c r="H409" s="12" t="e">
        <f>'申請書（複数入力用）'!N411</f>
        <v>#N/A</v>
      </c>
      <c r="I409" s="12" t="e">
        <f>'申請書（複数入力用）'!O411</f>
        <v>#N/A</v>
      </c>
      <c r="J409" s="12">
        <f>'申請書（複数入力用）'!P411</f>
        <v>1</v>
      </c>
    </row>
    <row r="410" spans="1:10" ht="51.6" customHeight="1" x14ac:dyDescent="0.45">
      <c r="A410" s="6">
        <f>'申請書（複数入力用）'!A412</f>
        <v>406</v>
      </c>
      <c r="B410" s="13">
        <f>'申請書（複数入力用）'!AH412</f>
        <v>0</v>
      </c>
      <c r="C410" s="6">
        <f>'申請書（複数入力用）'!B412</f>
        <v>0</v>
      </c>
      <c r="D410" s="6">
        <f>'申請書（複数入力用）'!D412</f>
        <v>0</v>
      </c>
      <c r="E410" s="14">
        <f>'申請書（複数入力用）'!H412</f>
        <v>0</v>
      </c>
      <c r="F410" s="11" t="str">
        <f>'申請書（複数入力用）'!J412</f>
        <v/>
      </c>
      <c r="G410" s="6" t="str">
        <f>'申請書（複数入力用）'!K412</f>
        <v>a052r000000jS9ZAAU</v>
      </c>
      <c r="H410" s="12" t="e">
        <f>'申請書（複数入力用）'!N412</f>
        <v>#N/A</v>
      </c>
      <c r="I410" s="12" t="e">
        <f>'申請書（複数入力用）'!O412</f>
        <v>#N/A</v>
      </c>
      <c r="J410" s="12">
        <f>'申請書（複数入力用）'!P412</f>
        <v>1</v>
      </c>
    </row>
    <row r="411" spans="1:10" ht="51.6" customHeight="1" x14ac:dyDescent="0.45">
      <c r="A411" s="6">
        <f>'申請書（複数入力用）'!A413</f>
        <v>407</v>
      </c>
      <c r="B411" s="13">
        <f>'申請書（複数入力用）'!AH413</f>
        <v>0</v>
      </c>
      <c r="C411" s="6">
        <f>'申請書（複数入力用）'!B413</f>
        <v>0</v>
      </c>
      <c r="D411" s="6">
        <f>'申請書（複数入力用）'!D413</f>
        <v>0</v>
      </c>
      <c r="E411" s="14">
        <f>'申請書（複数入力用）'!H413</f>
        <v>0</v>
      </c>
      <c r="F411" s="11" t="str">
        <f>'申請書（複数入力用）'!J413</f>
        <v/>
      </c>
      <c r="G411" s="6" t="str">
        <f>'申請書（複数入力用）'!K413</f>
        <v>a052r000000jS9ZAAU</v>
      </c>
      <c r="H411" s="12" t="e">
        <f>'申請書（複数入力用）'!N413</f>
        <v>#N/A</v>
      </c>
      <c r="I411" s="12" t="e">
        <f>'申請書（複数入力用）'!O413</f>
        <v>#N/A</v>
      </c>
      <c r="J411" s="12">
        <f>'申請書（複数入力用）'!P413</f>
        <v>1</v>
      </c>
    </row>
    <row r="412" spans="1:10" ht="51.6" customHeight="1" x14ac:dyDescent="0.45">
      <c r="A412" s="6">
        <f>'申請書（複数入力用）'!A414</f>
        <v>408</v>
      </c>
      <c r="B412" s="13">
        <f>'申請書（複数入力用）'!AH414</f>
        <v>0</v>
      </c>
      <c r="C412" s="6">
        <f>'申請書（複数入力用）'!B414</f>
        <v>0</v>
      </c>
      <c r="D412" s="6">
        <f>'申請書（複数入力用）'!D414</f>
        <v>0</v>
      </c>
      <c r="E412" s="14">
        <f>'申請書（複数入力用）'!H414</f>
        <v>0</v>
      </c>
      <c r="F412" s="11" t="str">
        <f>'申請書（複数入力用）'!J414</f>
        <v/>
      </c>
      <c r="G412" s="6" t="str">
        <f>'申請書（複数入力用）'!K414</f>
        <v>a052r000000jS9ZAAU</v>
      </c>
      <c r="H412" s="12" t="e">
        <f>'申請書（複数入力用）'!N414</f>
        <v>#N/A</v>
      </c>
      <c r="I412" s="12" t="e">
        <f>'申請書（複数入力用）'!O414</f>
        <v>#N/A</v>
      </c>
      <c r="J412" s="12">
        <f>'申請書（複数入力用）'!P414</f>
        <v>1</v>
      </c>
    </row>
    <row r="413" spans="1:10" ht="51.6" customHeight="1" x14ac:dyDescent="0.45">
      <c r="A413" s="6">
        <f>'申請書（複数入力用）'!A415</f>
        <v>409</v>
      </c>
      <c r="B413" s="13">
        <f>'申請書（複数入力用）'!AH415</f>
        <v>0</v>
      </c>
      <c r="C413" s="6">
        <f>'申請書（複数入力用）'!B415</f>
        <v>0</v>
      </c>
      <c r="D413" s="6">
        <f>'申請書（複数入力用）'!D415</f>
        <v>0</v>
      </c>
      <c r="E413" s="14">
        <f>'申請書（複数入力用）'!H415</f>
        <v>0</v>
      </c>
      <c r="F413" s="11" t="str">
        <f>'申請書（複数入力用）'!J415</f>
        <v/>
      </c>
      <c r="G413" s="6" t="str">
        <f>'申請書（複数入力用）'!K415</f>
        <v>a052r000000jS9ZAAU</v>
      </c>
      <c r="H413" s="12" t="e">
        <f>'申請書（複数入力用）'!N415</f>
        <v>#N/A</v>
      </c>
      <c r="I413" s="12" t="e">
        <f>'申請書（複数入力用）'!O415</f>
        <v>#N/A</v>
      </c>
      <c r="J413" s="12">
        <f>'申請書（複数入力用）'!P415</f>
        <v>1</v>
      </c>
    </row>
    <row r="414" spans="1:10" ht="51.6" customHeight="1" x14ac:dyDescent="0.45">
      <c r="A414" s="6">
        <f>'申請書（複数入力用）'!A416</f>
        <v>410</v>
      </c>
      <c r="B414" s="13">
        <f>'申請書（複数入力用）'!AH416</f>
        <v>0</v>
      </c>
      <c r="C414" s="6">
        <f>'申請書（複数入力用）'!B416</f>
        <v>0</v>
      </c>
      <c r="D414" s="6">
        <f>'申請書（複数入力用）'!D416</f>
        <v>0</v>
      </c>
      <c r="E414" s="14">
        <f>'申請書（複数入力用）'!H416</f>
        <v>0</v>
      </c>
      <c r="F414" s="11" t="str">
        <f>'申請書（複数入力用）'!J416</f>
        <v/>
      </c>
      <c r="G414" s="6" t="str">
        <f>'申請書（複数入力用）'!K416</f>
        <v>a052r000000jS9ZAAU</v>
      </c>
      <c r="H414" s="12" t="e">
        <f>'申請書（複数入力用）'!N416</f>
        <v>#N/A</v>
      </c>
      <c r="I414" s="12" t="e">
        <f>'申請書（複数入力用）'!O416</f>
        <v>#N/A</v>
      </c>
      <c r="J414" s="12">
        <f>'申請書（複数入力用）'!P416</f>
        <v>1</v>
      </c>
    </row>
    <row r="415" spans="1:10" ht="51.6" customHeight="1" x14ac:dyDescent="0.45">
      <c r="A415" s="6">
        <f>'申請書（複数入力用）'!A417</f>
        <v>411</v>
      </c>
      <c r="B415" s="13">
        <f>'申請書（複数入力用）'!AH417</f>
        <v>0</v>
      </c>
      <c r="C415" s="6">
        <f>'申請書（複数入力用）'!B417</f>
        <v>0</v>
      </c>
      <c r="D415" s="6">
        <f>'申請書（複数入力用）'!D417</f>
        <v>0</v>
      </c>
      <c r="E415" s="14">
        <f>'申請書（複数入力用）'!H417</f>
        <v>0</v>
      </c>
      <c r="F415" s="11" t="str">
        <f>'申請書（複数入力用）'!J417</f>
        <v/>
      </c>
      <c r="G415" s="6" t="str">
        <f>'申請書（複数入力用）'!K417</f>
        <v>a052r000000jS9ZAAU</v>
      </c>
      <c r="H415" s="12" t="e">
        <f>'申請書（複数入力用）'!N417</f>
        <v>#N/A</v>
      </c>
      <c r="I415" s="12" t="e">
        <f>'申請書（複数入力用）'!O417</f>
        <v>#N/A</v>
      </c>
      <c r="J415" s="12">
        <f>'申請書（複数入力用）'!P417</f>
        <v>1</v>
      </c>
    </row>
    <row r="416" spans="1:10" ht="51.6" customHeight="1" x14ac:dyDescent="0.45">
      <c r="A416" s="6">
        <f>'申請書（複数入力用）'!A418</f>
        <v>412</v>
      </c>
      <c r="B416" s="13">
        <f>'申請書（複数入力用）'!AH418</f>
        <v>0</v>
      </c>
      <c r="C416" s="6">
        <f>'申請書（複数入力用）'!B418</f>
        <v>0</v>
      </c>
      <c r="D416" s="6">
        <f>'申請書（複数入力用）'!D418</f>
        <v>0</v>
      </c>
      <c r="E416" s="14">
        <f>'申請書（複数入力用）'!H418</f>
        <v>0</v>
      </c>
      <c r="F416" s="11" t="str">
        <f>'申請書（複数入力用）'!J418</f>
        <v/>
      </c>
      <c r="G416" s="6" t="str">
        <f>'申請書（複数入力用）'!K418</f>
        <v>a052r000000jS9ZAAU</v>
      </c>
      <c r="H416" s="12" t="e">
        <f>'申請書（複数入力用）'!N418</f>
        <v>#N/A</v>
      </c>
      <c r="I416" s="12" t="e">
        <f>'申請書（複数入力用）'!O418</f>
        <v>#N/A</v>
      </c>
      <c r="J416" s="12">
        <f>'申請書（複数入力用）'!P418</f>
        <v>1</v>
      </c>
    </row>
    <row r="417" spans="1:10" ht="51.6" customHeight="1" x14ac:dyDescent="0.45">
      <c r="A417" s="6">
        <f>'申請書（複数入力用）'!A419</f>
        <v>413</v>
      </c>
      <c r="B417" s="13">
        <f>'申請書（複数入力用）'!AH419</f>
        <v>0</v>
      </c>
      <c r="C417" s="6">
        <f>'申請書（複数入力用）'!B419</f>
        <v>0</v>
      </c>
      <c r="D417" s="6">
        <f>'申請書（複数入力用）'!D419</f>
        <v>0</v>
      </c>
      <c r="E417" s="14">
        <f>'申請書（複数入力用）'!H419</f>
        <v>0</v>
      </c>
      <c r="F417" s="11" t="str">
        <f>'申請書（複数入力用）'!J419</f>
        <v/>
      </c>
      <c r="G417" s="6" t="str">
        <f>'申請書（複数入力用）'!K419</f>
        <v>a052r000000jS9ZAAU</v>
      </c>
      <c r="H417" s="12" t="e">
        <f>'申請書（複数入力用）'!N419</f>
        <v>#N/A</v>
      </c>
      <c r="I417" s="12" t="e">
        <f>'申請書（複数入力用）'!O419</f>
        <v>#N/A</v>
      </c>
      <c r="J417" s="12">
        <f>'申請書（複数入力用）'!P419</f>
        <v>1</v>
      </c>
    </row>
    <row r="418" spans="1:10" ht="51.6" customHeight="1" x14ac:dyDescent="0.45">
      <c r="A418" s="6">
        <f>'申請書（複数入力用）'!A420</f>
        <v>414</v>
      </c>
      <c r="B418" s="13">
        <f>'申請書（複数入力用）'!AH420</f>
        <v>0</v>
      </c>
      <c r="C418" s="6">
        <f>'申請書（複数入力用）'!B420</f>
        <v>0</v>
      </c>
      <c r="D418" s="6">
        <f>'申請書（複数入力用）'!D420</f>
        <v>0</v>
      </c>
      <c r="E418" s="14">
        <f>'申請書（複数入力用）'!H420</f>
        <v>0</v>
      </c>
      <c r="F418" s="11" t="str">
        <f>'申請書（複数入力用）'!J420</f>
        <v/>
      </c>
      <c r="G418" s="6" t="str">
        <f>'申請書（複数入力用）'!K420</f>
        <v>a052r000000jS9ZAAU</v>
      </c>
      <c r="H418" s="12" t="e">
        <f>'申請書（複数入力用）'!N420</f>
        <v>#N/A</v>
      </c>
      <c r="I418" s="12" t="e">
        <f>'申請書（複数入力用）'!O420</f>
        <v>#N/A</v>
      </c>
      <c r="J418" s="12">
        <f>'申請書（複数入力用）'!P420</f>
        <v>1</v>
      </c>
    </row>
    <row r="419" spans="1:10" ht="51.6" customHeight="1" x14ac:dyDescent="0.45">
      <c r="A419" s="6">
        <f>'申請書（複数入力用）'!A421</f>
        <v>415</v>
      </c>
      <c r="B419" s="13">
        <f>'申請書（複数入力用）'!AH421</f>
        <v>0</v>
      </c>
      <c r="C419" s="6">
        <f>'申請書（複数入力用）'!B421</f>
        <v>0</v>
      </c>
      <c r="D419" s="6">
        <f>'申請書（複数入力用）'!D421</f>
        <v>0</v>
      </c>
      <c r="E419" s="14">
        <f>'申請書（複数入力用）'!H421</f>
        <v>0</v>
      </c>
      <c r="F419" s="11" t="str">
        <f>'申請書（複数入力用）'!J421</f>
        <v/>
      </c>
      <c r="G419" s="6" t="str">
        <f>'申請書（複数入力用）'!K421</f>
        <v>a052r000000jS9ZAAU</v>
      </c>
      <c r="H419" s="12" t="e">
        <f>'申請書（複数入力用）'!N421</f>
        <v>#N/A</v>
      </c>
      <c r="I419" s="12" t="e">
        <f>'申請書（複数入力用）'!O421</f>
        <v>#N/A</v>
      </c>
      <c r="J419" s="12">
        <f>'申請書（複数入力用）'!P421</f>
        <v>1</v>
      </c>
    </row>
    <row r="420" spans="1:10" ht="51.6" customHeight="1" x14ac:dyDescent="0.45">
      <c r="A420" s="6">
        <f>'申請書（複数入力用）'!A422</f>
        <v>416</v>
      </c>
      <c r="B420" s="13">
        <f>'申請書（複数入力用）'!AH422</f>
        <v>0</v>
      </c>
      <c r="C420" s="6">
        <f>'申請書（複数入力用）'!B422</f>
        <v>0</v>
      </c>
      <c r="D420" s="6">
        <f>'申請書（複数入力用）'!D422</f>
        <v>0</v>
      </c>
      <c r="E420" s="14">
        <f>'申請書（複数入力用）'!H422</f>
        <v>0</v>
      </c>
      <c r="F420" s="11" t="str">
        <f>'申請書（複数入力用）'!J422</f>
        <v/>
      </c>
      <c r="G420" s="6" t="str">
        <f>'申請書（複数入力用）'!K422</f>
        <v>a052r000000jS9ZAAU</v>
      </c>
      <c r="H420" s="12" t="e">
        <f>'申請書（複数入力用）'!N422</f>
        <v>#N/A</v>
      </c>
      <c r="I420" s="12" t="e">
        <f>'申請書（複数入力用）'!O422</f>
        <v>#N/A</v>
      </c>
      <c r="J420" s="12">
        <f>'申請書（複数入力用）'!P422</f>
        <v>1</v>
      </c>
    </row>
    <row r="421" spans="1:10" ht="51.6" customHeight="1" x14ac:dyDescent="0.45">
      <c r="A421" s="6">
        <f>'申請書（複数入力用）'!A423</f>
        <v>417</v>
      </c>
      <c r="B421" s="13">
        <f>'申請書（複数入力用）'!AH423</f>
        <v>0</v>
      </c>
      <c r="C421" s="6">
        <f>'申請書（複数入力用）'!B423</f>
        <v>0</v>
      </c>
      <c r="D421" s="6">
        <f>'申請書（複数入力用）'!D423</f>
        <v>0</v>
      </c>
      <c r="E421" s="14">
        <f>'申請書（複数入力用）'!H423</f>
        <v>0</v>
      </c>
      <c r="F421" s="11" t="str">
        <f>'申請書（複数入力用）'!J423</f>
        <v/>
      </c>
      <c r="G421" s="6" t="str">
        <f>'申請書（複数入力用）'!K423</f>
        <v>a052r000000jS9ZAAU</v>
      </c>
      <c r="H421" s="12" t="e">
        <f>'申請書（複数入力用）'!N423</f>
        <v>#N/A</v>
      </c>
      <c r="I421" s="12" t="e">
        <f>'申請書（複数入力用）'!O423</f>
        <v>#N/A</v>
      </c>
      <c r="J421" s="12">
        <f>'申請書（複数入力用）'!P423</f>
        <v>1</v>
      </c>
    </row>
    <row r="422" spans="1:10" ht="51.6" customHeight="1" x14ac:dyDescent="0.45">
      <c r="A422" s="6">
        <f>'申請書（複数入力用）'!A424</f>
        <v>418</v>
      </c>
      <c r="B422" s="13">
        <f>'申請書（複数入力用）'!AH424</f>
        <v>0</v>
      </c>
      <c r="C422" s="6">
        <f>'申請書（複数入力用）'!B424</f>
        <v>0</v>
      </c>
      <c r="D422" s="6">
        <f>'申請書（複数入力用）'!D424</f>
        <v>0</v>
      </c>
      <c r="E422" s="14">
        <f>'申請書（複数入力用）'!H424</f>
        <v>0</v>
      </c>
      <c r="F422" s="11" t="str">
        <f>'申請書（複数入力用）'!J424</f>
        <v/>
      </c>
      <c r="G422" s="6" t="str">
        <f>'申請書（複数入力用）'!K424</f>
        <v>a052r000000jS9ZAAU</v>
      </c>
      <c r="H422" s="12" t="e">
        <f>'申請書（複数入力用）'!N424</f>
        <v>#N/A</v>
      </c>
      <c r="I422" s="12" t="e">
        <f>'申請書（複数入力用）'!O424</f>
        <v>#N/A</v>
      </c>
      <c r="J422" s="12">
        <f>'申請書（複数入力用）'!P424</f>
        <v>1</v>
      </c>
    </row>
    <row r="423" spans="1:10" ht="51.6" customHeight="1" x14ac:dyDescent="0.45">
      <c r="A423" s="6">
        <f>'申請書（複数入力用）'!A425</f>
        <v>419</v>
      </c>
      <c r="B423" s="13">
        <f>'申請書（複数入力用）'!AH425</f>
        <v>0</v>
      </c>
      <c r="C423" s="6">
        <f>'申請書（複数入力用）'!B425</f>
        <v>0</v>
      </c>
      <c r="D423" s="6">
        <f>'申請書（複数入力用）'!D425</f>
        <v>0</v>
      </c>
      <c r="E423" s="14">
        <f>'申請書（複数入力用）'!H425</f>
        <v>0</v>
      </c>
      <c r="F423" s="11" t="str">
        <f>'申請書（複数入力用）'!J425</f>
        <v/>
      </c>
      <c r="G423" s="6" t="str">
        <f>'申請書（複数入力用）'!K425</f>
        <v>a052r000000jS9ZAAU</v>
      </c>
      <c r="H423" s="12" t="e">
        <f>'申請書（複数入力用）'!N425</f>
        <v>#N/A</v>
      </c>
      <c r="I423" s="12" t="e">
        <f>'申請書（複数入力用）'!O425</f>
        <v>#N/A</v>
      </c>
      <c r="J423" s="12">
        <f>'申請書（複数入力用）'!P425</f>
        <v>1</v>
      </c>
    </row>
    <row r="424" spans="1:10" ht="51.6" customHeight="1" x14ac:dyDescent="0.45">
      <c r="A424" s="6">
        <f>'申請書（複数入力用）'!A426</f>
        <v>420</v>
      </c>
      <c r="B424" s="13">
        <f>'申請書（複数入力用）'!AH426</f>
        <v>0</v>
      </c>
      <c r="C424" s="6">
        <f>'申請書（複数入力用）'!B426</f>
        <v>0</v>
      </c>
      <c r="D424" s="6">
        <f>'申請書（複数入力用）'!D426</f>
        <v>0</v>
      </c>
      <c r="E424" s="14">
        <f>'申請書（複数入力用）'!H426</f>
        <v>0</v>
      </c>
      <c r="F424" s="11" t="str">
        <f>'申請書（複数入力用）'!J426</f>
        <v/>
      </c>
      <c r="G424" s="6" t="str">
        <f>'申請書（複数入力用）'!K426</f>
        <v>a052r000000jS9ZAAU</v>
      </c>
      <c r="H424" s="12" t="e">
        <f>'申請書（複数入力用）'!N426</f>
        <v>#N/A</v>
      </c>
      <c r="I424" s="12" t="e">
        <f>'申請書（複数入力用）'!O426</f>
        <v>#N/A</v>
      </c>
      <c r="J424" s="12">
        <f>'申請書（複数入力用）'!P426</f>
        <v>1</v>
      </c>
    </row>
    <row r="425" spans="1:10" ht="51.6" customHeight="1" x14ac:dyDescent="0.45">
      <c r="A425" s="6">
        <f>'申請書（複数入力用）'!A427</f>
        <v>421</v>
      </c>
      <c r="B425" s="13">
        <f>'申請書（複数入力用）'!AH427</f>
        <v>0</v>
      </c>
      <c r="C425" s="6">
        <f>'申請書（複数入力用）'!B427</f>
        <v>0</v>
      </c>
      <c r="D425" s="6">
        <f>'申請書（複数入力用）'!D427</f>
        <v>0</v>
      </c>
      <c r="E425" s="14">
        <f>'申請書（複数入力用）'!H427</f>
        <v>0</v>
      </c>
      <c r="F425" s="11" t="str">
        <f>'申請書（複数入力用）'!J427</f>
        <v/>
      </c>
      <c r="G425" s="6" t="str">
        <f>'申請書（複数入力用）'!K427</f>
        <v>a052r000000jS9ZAAU</v>
      </c>
      <c r="H425" s="12" t="e">
        <f>'申請書（複数入力用）'!N427</f>
        <v>#N/A</v>
      </c>
      <c r="I425" s="12" t="e">
        <f>'申請書（複数入力用）'!O427</f>
        <v>#N/A</v>
      </c>
      <c r="J425" s="12">
        <f>'申請書（複数入力用）'!P427</f>
        <v>1</v>
      </c>
    </row>
    <row r="426" spans="1:10" ht="51.6" customHeight="1" x14ac:dyDescent="0.45">
      <c r="A426" s="6">
        <f>'申請書（複数入力用）'!A428</f>
        <v>422</v>
      </c>
      <c r="B426" s="13">
        <f>'申請書（複数入力用）'!AH428</f>
        <v>0</v>
      </c>
      <c r="C426" s="6">
        <f>'申請書（複数入力用）'!B428</f>
        <v>0</v>
      </c>
      <c r="D426" s="6">
        <f>'申請書（複数入力用）'!D428</f>
        <v>0</v>
      </c>
      <c r="E426" s="14">
        <f>'申請書（複数入力用）'!H428</f>
        <v>0</v>
      </c>
      <c r="F426" s="11" t="str">
        <f>'申請書（複数入力用）'!J428</f>
        <v/>
      </c>
      <c r="G426" s="6" t="str">
        <f>'申請書（複数入力用）'!K428</f>
        <v>a052r000000jS9ZAAU</v>
      </c>
      <c r="H426" s="12" t="e">
        <f>'申請書（複数入力用）'!N428</f>
        <v>#N/A</v>
      </c>
      <c r="I426" s="12" t="e">
        <f>'申請書（複数入力用）'!O428</f>
        <v>#N/A</v>
      </c>
      <c r="J426" s="12">
        <f>'申請書（複数入力用）'!P428</f>
        <v>1</v>
      </c>
    </row>
    <row r="427" spans="1:10" ht="51.6" customHeight="1" x14ac:dyDescent="0.45">
      <c r="A427" s="6">
        <f>'申請書（複数入力用）'!A429</f>
        <v>423</v>
      </c>
      <c r="B427" s="13">
        <f>'申請書（複数入力用）'!AH429</f>
        <v>0</v>
      </c>
      <c r="C427" s="6">
        <f>'申請書（複数入力用）'!B429</f>
        <v>0</v>
      </c>
      <c r="D427" s="6">
        <f>'申請書（複数入力用）'!D429</f>
        <v>0</v>
      </c>
      <c r="E427" s="14">
        <f>'申請書（複数入力用）'!H429</f>
        <v>0</v>
      </c>
      <c r="F427" s="11" t="str">
        <f>'申請書（複数入力用）'!J429</f>
        <v/>
      </c>
      <c r="G427" s="6" t="str">
        <f>'申請書（複数入力用）'!K429</f>
        <v>a052r000000jS9ZAAU</v>
      </c>
      <c r="H427" s="12" t="e">
        <f>'申請書（複数入力用）'!N429</f>
        <v>#N/A</v>
      </c>
      <c r="I427" s="12" t="e">
        <f>'申請書（複数入力用）'!O429</f>
        <v>#N/A</v>
      </c>
      <c r="J427" s="12">
        <f>'申請書（複数入力用）'!P429</f>
        <v>1</v>
      </c>
    </row>
    <row r="428" spans="1:10" ht="51.6" customHeight="1" x14ac:dyDescent="0.45">
      <c r="A428" s="6">
        <f>'申請書（複数入力用）'!A430</f>
        <v>424</v>
      </c>
      <c r="B428" s="13">
        <f>'申請書（複数入力用）'!AH430</f>
        <v>0</v>
      </c>
      <c r="C428" s="6">
        <f>'申請書（複数入力用）'!B430</f>
        <v>0</v>
      </c>
      <c r="D428" s="6">
        <f>'申請書（複数入力用）'!D430</f>
        <v>0</v>
      </c>
      <c r="E428" s="14">
        <f>'申請書（複数入力用）'!H430</f>
        <v>0</v>
      </c>
      <c r="F428" s="11" t="str">
        <f>'申請書（複数入力用）'!J430</f>
        <v/>
      </c>
      <c r="G428" s="6" t="str">
        <f>'申請書（複数入力用）'!K430</f>
        <v>a052r000000jS9ZAAU</v>
      </c>
      <c r="H428" s="12" t="e">
        <f>'申請書（複数入力用）'!N430</f>
        <v>#N/A</v>
      </c>
      <c r="I428" s="12" t="e">
        <f>'申請書（複数入力用）'!O430</f>
        <v>#N/A</v>
      </c>
      <c r="J428" s="12">
        <f>'申請書（複数入力用）'!P430</f>
        <v>1</v>
      </c>
    </row>
    <row r="429" spans="1:10" ht="51.6" customHeight="1" x14ac:dyDescent="0.45">
      <c r="A429" s="6">
        <f>'申請書（複数入力用）'!A431</f>
        <v>425</v>
      </c>
      <c r="B429" s="13">
        <f>'申請書（複数入力用）'!AH431</f>
        <v>0</v>
      </c>
      <c r="C429" s="6">
        <f>'申請書（複数入力用）'!B431</f>
        <v>0</v>
      </c>
      <c r="D429" s="6">
        <f>'申請書（複数入力用）'!D431</f>
        <v>0</v>
      </c>
      <c r="E429" s="14">
        <f>'申請書（複数入力用）'!H431</f>
        <v>0</v>
      </c>
      <c r="F429" s="11" t="str">
        <f>'申請書（複数入力用）'!J431</f>
        <v/>
      </c>
      <c r="G429" s="6" t="str">
        <f>'申請書（複数入力用）'!K431</f>
        <v>a052r000000jS9ZAAU</v>
      </c>
      <c r="H429" s="12" t="e">
        <f>'申請書（複数入力用）'!N431</f>
        <v>#N/A</v>
      </c>
      <c r="I429" s="12" t="e">
        <f>'申請書（複数入力用）'!O431</f>
        <v>#N/A</v>
      </c>
      <c r="J429" s="12">
        <f>'申請書（複数入力用）'!P431</f>
        <v>1</v>
      </c>
    </row>
    <row r="430" spans="1:10" ht="51.6" customHeight="1" x14ac:dyDescent="0.45">
      <c r="A430" s="6">
        <f>'申請書（複数入力用）'!A432</f>
        <v>426</v>
      </c>
      <c r="B430" s="13">
        <f>'申請書（複数入力用）'!AH432</f>
        <v>0</v>
      </c>
      <c r="C430" s="6">
        <f>'申請書（複数入力用）'!B432</f>
        <v>0</v>
      </c>
      <c r="D430" s="6">
        <f>'申請書（複数入力用）'!D432</f>
        <v>0</v>
      </c>
      <c r="E430" s="14">
        <f>'申請書（複数入力用）'!H432</f>
        <v>0</v>
      </c>
      <c r="F430" s="11" t="str">
        <f>'申請書（複数入力用）'!J432</f>
        <v/>
      </c>
      <c r="G430" s="6" t="str">
        <f>'申請書（複数入力用）'!K432</f>
        <v>a052r000000jS9ZAAU</v>
      </c>
      <c r="H430" s="12" t="e">
        <f>'申請書（複数入力用）'!N432</f>
        <v>#N/A</v>
      </c>
      <c r="I430" s="12" t="e">
        <f>'申請書（複数入力用）'!O432</f>
        <v>#N/A</v>
      </c>
      <c r="J430" s="12">
        <f>'申請書（複数入力用）'!P432</f>
        <v>1</v>
      </c>
    </row>
    <row r="431" spans="1:10" ht="51.6" customHeight="1" x14ac:dyDescent="0.45">
      <c r="A431" s="6">
        <f>'申請書（複数入力用）'!A433</f>
        <v>427</v>
      </c>
      <c r="B431" s="13">
        <f>'申請書（複数入力用）'!AH433</f>
        <v>0</v>
      </c>
      <c r="C431" s="6">
        <f>'申請書（複数入力用）'!B433</f>
        <v>0</v>
      </c>
      <c r="D431" s="6">
        <f>'申請書（複数入力用）'!D433</f>
        <v>0</v>
      </c>
      <c r="E431" s="14">
        <f>'申請書（複数入力用）'!H433</f>
        <v>0</v>
      </c>
      <c r="F431" s="11" t="str">
        <f>'申請書（複数入力用）'!J433</f>
        <v/>
      </c>
      <c r="G431" s="6" t="str">
        <f>'申請書（複数入力用）'!K433</f>
        <v>a052r000000jS9ZAAU</v>
      </c>
      <c r="H431" s="12" t="e">
        <f>'申請書（複数入力用）'!N433</f>
        <v>#N/A</v>
      </c>
      <c r="I431" s="12" t="e">
        <f>'申請書（複数入力用）'!O433</f>
        <v>#N/A</v>
      </c>
      <c r="J431" s="12">
        <f>'申請書（複数入力用）'!P433</f>
        <v>1</v>
      </c>
    </row>
    <row r="432" spans="1:10" ht="51.6" customHeight="1" x14ac:dyDescent="0.45">
      <c r="A432" s="6">
        <f>'申請書（複数入力用）'!A434</f>
        <v>428</v>
      </c>
      <c r="B432" s="13">
        <f>'申請書（複数入力用）'!AH434</f>
        <v>0</v>
      </c>
      <c r="C432" s="6">
        <f>'申請書（複数入力用）'!B434</f>
        <v>0</v>
      </c>
      <c r="D432" s="6">
        <f>'申請書（複数入力用）'!D434</f>
        <v>0</v>
      </c>
      <c r="E432" s="14">
        <f>'申請書（複数入力用）'!H434</f>
        <v>0</v>
      </c>
      <c r="F432" s="11" t="str">
        <f>'申請書（複数入力用）'!J434</f>
        <v/>
      </c>
      <c r="G432" s="6" t="str">
        <f>'申請書（複数入力用）'!K434</f>
        <v>a052r000000jS9ZAAU</v>
      </c>
      <c r="H432" s="12" t="e">
        <f>'申請書（複数入力用）'!N434</f>
        <v>#N/A</v>
      </c>
      <c r="I432" s="12" t="e">
        <f>'申請書（複数入力用）'!O434</f>
        <v>#N/A</v>
      </c>
      <c r="J432" s="12">
        <f>'申請書（複数入力用）'!P434</f>
        <v>1</v>
      </c>
    </row>
    <row r="433" spans="1:10" ht="51.6" customHeight="1" x14ac:dyDescent="0.45">
      <c r="A433" s="6">
        <f>'申請書（複数入力用）'!A435</f>
        <v>429</v>
      </c>
      <c r="B433" s="13">
        <f>'申請書（複数入力用）'!AH435</f>
        <v>0</v>
      </c>
      <c r="C433" s="6">
        <f>'申請書（複数入力用）'!B435</f>
        <v>0</v>
      </c>
      <c r="D433" s="6">
        <f>'申請書（複数入力用）'!D435</f>
        <v>0</v>
      </c>
      <c r="E433" s="14">
        <f>'申請書（複数入力用）'!H435</f>
        <v>0</v>
      </c>
      <c r="F433" s="11" t="str">
        <f>'申請書（複数入力用）'!J435</f>
        <v/>
      </c>
      <c r="G433" s="6" t="str">
        <f>'申請書（複数入力用）'!K435</f>
        <v>a052r000000jS9ZAAU</v>
      </c>
      <c r="H433" s="12" t="e">
        <f>'申請書（複数入力用）'!N435</f>
        <v>#N/A</v>
      </c>
      <c r="I433" s="12" t="e">
        <f>'申請書（複数入力用）'!O435</f>
        <v>#N/A</v>
      </c>
      <c r="J433" s="12">
        <f>'申請書（複数入力用）'!P435</f>
        <v>1</v>
      </c>
    </row>
    <row r="434" spans="1:10" ht="51.6" customHeight="1" x14ac:dyDescent="0.45">
      <c r="A434" s="6">
        <f>'申請書（複数入力用）'!A436</f>
        <v>430</v>
      </c>
      <c r="B434" s="13">
        <f>'申請書（複数入力用）'!AH436</f>
        <v>0</v>
      </c>
      <c r="C434" s="6">
        <f>'申請書（複数入力用）'!B436</f>
        <v>0</v>
      </c>
      <c r="D434" s="6">
        <f>'申請書（複数入力用）'!D436</f>
        <v>0</v>
      </c>
      <c r="E434" s="14">
        <f>'申請書（複数入力用）'!H436</f>
        <v>0</v>
      </c>
      <c r="F434" s="11" t="str">
        <f>'申請書（複数入力用）'!J436</f>
        <v/>
      </c>
      <c r="G434" s="6" t="str">
        <f>'申請書（複数入力用）'!K436</f>
        <v>a052r000000jS9ZAAU</v>
      </c>
      <c r="H434" s="12" t="e">
        <f>'申請書（複数入力用）'!N436</f>
        <v>#N/A</v>
      </c>
      <c r="I434" s="12" t="e">
        <f>'申請書（複数入力用）'!O436</f>
        <v>#N/A</v>
      </c>
      <c r="J434" s="12">
        <f>'申請書（複数入力用）'!P436</f>
        <v>1</v>
      </c>
    </row>
    <row r="435" spans="1:10" ht="51.6" customHeight="1" x14ac:dyDescent="0.45">
      <c r="A435" s="6">
        <f>'申請書（複数入力用）'!A437</f>
        <v>431</v>
      </c>
      <c r="B435" s="13">
        <f>'申請書（複数入力用）'!AH437</f>
        <v>0</v>
      </c>
      <c r="C435" s="6">
        <f>'申請書（複数入力用）'!B437</f>
        <v>0</v>
      </c>
      <c r="D435" s="6">
        <f>'申請書（複数入力用）'!D437</f>
        <v>0</v>
      </c>
      <c r="E435" s="14">
        <f>'申請書（複数入力用）'!H437</f>
        <v>0</v>
      </c>
      <c r="F435" s="11" t="str">
        <f>'申請書（複数入力用）'!J437</f>
        <v/>
      </c>
      <c r="G435" s="6" t="str">
        <f>'申請書（複数入力用）'!K437</f>
        <v>a052r000000jS9ZAAU</v>
      </c>
      <c r="H435" s="12" t="e">
        <f>'申請書（複数入力用）'!N437</f>
        <v>#N/A</v>
      </c>
      <c r="I435" s="12" t="e">
        <f>'申請書（複数入力用）'!O437</f>
        <v>#N/A</v>
      </c>
      <c r="J435" s="12">
        <f>'申請書（複数入力用）'!P437</f>
        <v>1</v>
      </c>
    </row>
    <row r="436" spans="1:10" ht="51.6" customHeight="1" x14ac:dyDescent="0.45">
      <c r="A436" s="6">
        <f>'申請書（複数入力用）'!A438</f>
        <v>432</v>
      </c>
      <c r="B436" s="13">
        <f>'申請書（複数入力用）'!AH438</f>
        <v>0</v>
      </c>
      <c r="C436" s="6">
        <f>'申請書（複数入力用）'!B438</f>
        <v>0</v>
      </c>
      <c r="D436" s="6">
        <f>'申請書（複数入力用）'!D438</f>
        <v>0</v>
      </c>
      <c r="E436" s="14">
        <f>'申請書（複数入力用）'!H438</f>
        <v>0</v>
      </c>
      <c r="F436" s="11" t="str">
        <f>'申請書（複数入力用）'!J438</f>
        <v/>
      </c>
      <c r="G436" s="6" t="str">
        <f>'申請書（複数入力用）'!K438</f>
        <v>a052r000000jS9ZAAU</v>
      </c>
      <c r="H436" s="12" t="e">
        <f>'申請書（複数入力用）'!N438</f>
        <v>#N/A</v>
      </c>
      <c r="I436" s="12" t="e">
        <f>'申請書（複数入力用）'!O438</f>
        <v>#N/A</v>
      </c>
      <c r="J436" s="12">
        <f>'申請書（複数入力用）'!P438</f>
        <v>1</v>
      </c>
    </row>
    <row r="437" spans="1:10" ht="51.6" customHeight="1" x14ac:dyDescent="0.45">
      <c r="A437" s="6">
        <f>'申請書（複数入力用）'!A439</f>
        <v>433</v>
      </c>
      <c r="B437" s="13">
        <f>'申請書（複数入力用）'!AH439</f>
        <v>0</v>
      </c>
      <c r="C437" s="6">
        <f>'申請書（複数入力用）'!B439</f>
        <v>0</v>
      </c>
      <c r="D437" s="6">
        <f>'申請書（複数入力用）'!D439</f>
        <v>0</v>
      </c>
      <c r="E437" s="14">
        <f>'申請書（複数入力用）'!H439</f>
        <v>0</v>
      </c>
      <c r="F437" s="11" t="str">
        <f>'申請書（複数入力用）'!J439</f>
        <v/>
      </c>
      <c r="G437" s="6" t="str">
        <f>'申請書（複数入力用）'!K439</f>
        <v>a052r000000jS9ZAAU</v>
      </c>
      <c r="H437" s="12" t="e">
        <f>'申請書（複数入力用）'!N439</f>
        <v>#N/A</v>
      </c>
      <c r="I437" s="12" t="e">
        <f>'申請書（複数入力用）'!O439</f>
        <v>#N/A</v>
      </c>
      <c r="J437" s="12">
        <f>'申請書（複数入力用）'!P439</f>
        <v>1</v>
      </c>
    </row>
    <row r="438" spans="1:10" ht="51.6" customHeight="1" x14ac:dyDescent="0.45">
      <c r="A438" s="6">
        <f>'申請書（複数入力用）'!A440</f>
        <v>434</v>
      </c>
      <c r="B438" s="13">
        <f>'申請書（複数入力用）'!AH440</f>
        <v>0</v>
      </c>
      <c r="C438" s="6">
        <f>'申請書（複数入力用）'!B440</f>
        <v>0</v>
      </c>
      <c r="D438" s="6">
        <f>'申請書（複数入力用）'!D440</f>
        <v>0</v>
      </c>
      <c r="E438" s="14">
        <f>'申請書（複数入力用）'!H440</f>
        <v>0</v>
      </c>
      <c r="F438" s="11" t="str">
        <f>'申請書（複数入力用）'!J440</f>
        <v/>
      </c>
      <c r="G438" s="6" t="str">
        <f>'申請書（複数入力用）'!K440</f>
        <v>a052r000000jS9ZAAU</v>
      </c>
      <c r="H438" s="12" t="e">
        <f>'申請書（複数入力用）'!N440</f>
        <v>#N/A</v>
      </c>
      <c r="I438" s="12" t="e">
        <f>'申請書（複数入力用）'!O440</f>
        <v>#N/A</v>
      </c>
      <c r="J438" s="12">
        <f>'申請書（複数入力用）'!P440</f>
        <v>1</v>
      </c>
    </row>
    <row r="439" spans="1:10" ht="51.6" customHeight="1" x14ac:dyDescent="0.45">
      <c r="A439" s="6">
        <f>'申請書（複数入力用）'!A441</f>
        <v>435</v>
      </c>
      <c r="B439" s="13">
        <f>'申請書（複数入力用）'!AH441</f>
        <v>0</v>
      </c>
      <c r="C439" s="6">
        <f>'申請書（複数入力用）'!B441</f>
        <v>0</v>
      </c>
      <c r="D439" s="6">
        <f>'申請書（複数入力用）'!D441</f>
        <v>0</v>
      </c>
      <c r="E439" s="14">
        <f>'申請書（複数入力用）'!H441</f>
        <v>0</v>
      </c>
      <c r="F439" s="11" t="str">
        <f>'申請書（複数入力用）'!J441</f>
        <v/>
      </c>
      <c r="G439" s="6" t="str">
        <f>'申請書（複数入力用）'!K441</f>
        <v>a052r000000jS9ZAAU</v>
      </c>
      <c r="H439" s="12" t="e">
        <f>'申請書（複数入力用）'!N441</f>
        <v>#N/A</v>
      </c>
      <c r="I439" s="12" t="e">
        <f>'申請書（複数入力用）'!O441</f>
        <v>#N/A</v>
      </c>
      <c r="J439" s="12">
        <f>'申請書（複数入力用）'!P441</f>
        <v>1</v>
      </c>
    </row>
    <row r="440" spans="1:10" ht="51.6" customHeight="1" x14ac:dyDescent="0.45">
      <c r="A440" s="6">
        <f>'申請書（複数入力用）'!A442</f>
        <v>436</v>
      </c>
      <c r="B440" s="13">
        <f>'申請書（複数入力用）'!AH442</f>
        <v>0</v>
      </c>
      <c r="C440" s="6">
        <f>'申請書（複数入力用）'!B442</f>
        <v>0</v>
      </c>
      <c r="D440" s="6">
        <f>'申請書（複数入力用）'!D442</f>
        <v>0</v>
      </c>
      <c r="E440" s="14">
        <f>'申請書（複数入力用）'!H442</f>
        <v>0</v>
      </c>
      <c r="F440" s="11" t="str">
        <f>'申請書（複数入力用）'!J442</f>
        <v/>
      </c>
      <c r="G440" s="6" t="str">
        <f>'申請書（複数入力用）'!K442</f>
        <v>a052r000000jS9ZAAU</v>
      </c>
      <c r="H440" s="12" t="e">
        <f>'申請書（複数入力用）'!N442</f>
        <v>#N/A</v>
      </c>
      <c r="I440" s="12" t="e">
        <f>'申請書（複数入力用）'!O442</f>
        <v>#N/A</v>
      </c>
      <c r="J440" s="12">
        <f>'申請書（複数入力用）'!P442</f>
        <v>1</v>
      </c>
    </row>
    <row r="441" spans="1:10" ht="51.6" customHeight="1" x14ac:dyDescent="0.45">
      <c r="A441" s="6">
        <f>'申請書（複数入力用）'!A443</f>
        <v>437</v>
      </c>
      <c r="B441" s="13">
        <f>'申請書（複数入力用）'!AH443</f>
        <v>0</v>
      </c>
      <c r="C441" s="6">
        <f>'申請書（複数入力用）'!B443</f>
        <v>0</v>
      </c>
      <c r="D441" s="6">
        <f>'申請書（複数入力用）'!D443</f>
        <v>0</v>
      </c>
      <c r="E441" s="14">
        <f>'申請書（複数入力用）'!H443</f>
        <v>0</v>
      </c>
      <c r="F441" s="11" t="str">
        <f>'申請書（複数入力用）'!J443</f>
        <v/>
      </c>
      <c r="G441" s="6" t="str">
        <f>'申請書（複数入力用）'!K443</f>
        <v>a052r000000jS9ZAAU</v>
      </c>
      <c r="H441" s="12" t="e">
        <f>'申請書（複数入力用）'!N443</f>
        <v>#N/A</v>
      </c>
      <c r="I441" s="12" t="e">
        <f>'申請書（複数入力用）'!O443</f>
        <v>#N/A</v>
      </c>
      <c r="J441" s="12">
        <f>'申請書（複数入力用）'!P443</f>
        <v>1</v>
      </c>
    </row>
    <row r="442" spans="1:10" ht="51.6" customHeight="1" x14ac:dyDescent="0.45">
      <c r="A442" s="6">
        <f>'申請書（複数入力用）'!A444</f>
        <v>438</v>
      </c>
      <c r="B442" s="13">
        <f>'申請書（複数入力用）'!AH444</f>
        <v>0</v>
      </c>
      <c r="C442" s="6">
        <f>'申請書（複数入力用）'!B444</f>
        <v>0</v>
      </c>
      <c r="D442" s="6">
        <f>'申請書（複数入力用）'!D444</f>
        <v>0</v>
      </c>
      <c r="E442" s="14">
        <f>'申請書（複数入力用）'!H444</f>
        <v>0</v>
      </c>
      <c r="F442" s="11" t="str">
        <f>'申請書（複数入力用）'!J444</f>
        <v/>
      </c>
      <c r="G442" s="6" t="str">
        <f>'申請書（複数入力用）'!K444</f>
        <v>a052r000000jS9ZAAU</v>
      </c>
      <c r="H442" s="12" t="e">
        <f>'申請書（複数入力用）'!N444</f>
        <v>#N/A</v>
      </c>
      <c r="I442" s="12" t="e">
        <f>'申請書（複数入力用）'!O444</f>
        <v>#N/A</v>
      </c>
      <c r="J442" s="12">
        <f>'申請書（複数入力用）'!P444</f>
        <v>1</v>
      </c>
    </row>
    <row r="443" spans="1:10" ht="51.6" customHeight="1" x14ac:dyDescent="0.45">
      <c r="A443" s="6">
        <f>'申請書（複数入力用）'!A445</f>
        <v>439</v>
      </c>
      <c r="B443" s="13">
        <f>'申請書（複数入力用）'!AH445</f>
        <v>0</v>
      </c>
      <c r="C443" s="6">
        <f>'申請書（複数入力用）'!B445</f>
        <v>0</v>
      </c>
      <c r="D443" s="6">
        <f>'申請書（複数入力用）'!D445</f>
        <v>0</v>
      </c>
      <c r="E443" s="14">
        <f>'申請書（複数入力用）'!H445</f>
        <v>0</v>
      </c>
      <c r="F443" s="11" t="str">
        <f>'申請書（複数入力用）'!J445</f>
        <v/>
      </c>
      <c r="G443" s="6" t="str">
        <f>'申請書（複数入力用）'!K445</f>
        <v>a052r000000jS9ZAAU</v>
      </c>
      <c r="H443" s="12" t="e">
        <f>'申請書（複数入力用）'!N445</f>
        <v>#N/A</v>
      </c>
      <c r="I443" s="12" t="e">
        <f>'申請書（複数入力用）'!O445</f>
        <v>#N/A</v>
      </c>
      <c r="J443" s="12">
        <f>'申請書（複数入力用）'!P445</f>
        <v>1</v>
      </c>
    </row>
    <row r="444" spans="1:10" ht="51.6" customHeight="1" x14ac:dyDescent="0.45">
      <c r="A444" s="6">
        <f>'申請書（複数入力用）'!A446</f>
        <v>440</v>
      </c>
      <c r="B444" s="13">
        <f>'申請書（複数入力用）'!AH446</f>
        <v>0</v>
      </c>
      <c r="C444" s="6">
        <f>'申請書（複数入力用）'!B446</f>
        <v>0</v>
      </c>
      <c r="D444" s="6">
        <f>'申請書（複数入力用）'!D446</f>
        <v>0</v>
      </c>
      <c r="E444" s="14">
        <f>'申請書（複数入力用）'!H446</f>
        <v>0</v>
      </c>
      <c r="F444" s="11" t="str">
        <f>'申請書（複数入力用）'!J446</f>
        <v/>
      </c>
      <c r="G444" s="6" t="str">
        <f>'申請書（複数入力用）'!K446</f>
        <v>a052r000000jS9ZAAU</v>
      </c>
      <c r="H444" s="12" t="e">
        <f>'申請書（複数入力用）'!N446</f>
        <v>#N/A</v>
      </c>
      <c r="I444" s="12" t="e">
        <f>'申請書（複数入力用）'!O446</f>
        <v>#N/A</v>
      </c>
      <c r="J444" s="12">
        <f>'申請書（複数入力用）'!P446</f>
        <v>1</v>
      </c>
    </row>
    <row r="445" spans="1:10" ht="51.6" customHeight="1" x14ac:dyDescent="0.45">
      <c r="A445" s="6">
        <f>'申請書（複数入力用）'!A447</f>
        <v>441</v>
      </c>
      <c r="B445" s="13">
        <f>'申請書（複数入力用）'!AH447</f>
        <v>0</v>
      </c>
      <c r="C445" s="6">
        <f>'申請書（複数入力用）'!B447</f>
        <v>0</v>
      </c>
      <c r="D445" s="6">
        <f>'申請書（複数入力用）'!D447</f>
        <v>0</v>
      </c>
      <c r="E445" s="14">
        <f>'申請書（複数入力用）'!H447</f>
        <v>0</v>
      </c>
      <c r="F445" s="11" t="str">
        <f>'申請書（複数入力用）'!J447</f>
        <v/>
      </c>
      <c r="G445" s="6" t="str">
        <f>'申請書（複数入力用）'!K447</f>
        <v>a052r000000jS9ZAAU</v>
      </c>
      <c r="H445" s="12" t="e">
        <f>'申請書（複数入力用）'!N447</f>
        <v>#N/A</v>
      </c>
      <c r="I445" s="12" t="e">
        <f>'申請書（複数入力用）'!O447</f>
        <v>#N/A</v>
      </c>
      <c r="J445" s="12">
        <f>'申請書（複数入力用）'!P447</f>
        <v>1</v>
      </c>
    </row>
    <row r="446" spans="1:10" ht="51.6" customHeight="1" x14ac:dyDescent="0.45">
      <c r="A446" s="6">
        <f>'申請書（複数入力用）'!A448</f>
        <v>442</v>
      </c>
      <c r="B446" s="13">
        <f>'申請書（複数入力用）'!AH448</f>
        <v>0</v>
      </c>
      <c r="C446" s="6">
        <f>'申請書（複数入力用）'!B448</f>
        <v>0</v>
      </c>
      <c r="D446" s="6">
        <f>'申請書（複数入力用）'!D448</f>
        <v>0</v>
      </c>
      <c r="E446" s="14">
        <f>'申請書（複数入力用）'!H448</f>
        <v>0</v>
      </c>
      <c r="F446" s="11" t="str">
        <f>'申請書（複数入力用）'!J448</f>
        <v/>
      </c>
      <c r="G446" s="6" t="str">
        <f>'申請書（複数入力用）'!K448</f>
        <v>a052r000000jS9ZAAU</v>
      </c>
      <c r="H446" s="12" t="e">
        <f>'申請書（複数入力用）'!N448</f>
        <v>#N/A</v>
      </c>
      <c r="I446" s="12" t="e">
        <f>'申請書（複数入力用）'!O448</f>
        <v>#N/A</v>
      </c>
      <c r="J446" s="12">
        <f>'申請書（複数入力用）'!P448</f>
        <v>1</v>
      </c>
    </row>
    <row r="447" spans="1:10" ht="51.6" customHeight="1" x14ac:dyDescent="0.45">
      <c r="A447" s="6">
        <f>'申請書（複数入力用）'!A449</f>
        <v>443</v>
      </c>
      <c r="B447" s="13">
        <f>'申請書（複数入力用）'!AH449</f>
        <v>0</v>
      </c>
      <c r="C447" s="6">
        <f>'申請書（複数入力用）'!B449</f>
        <v>0</v>
      </c>
      <c r="D447" s="6">
        <f>'申請書（複数入力用）'!D449</f>
        <v>0</v>
      </c>
      <c r="E447" s="14">
        <f>'申請書（複数入力用）'!H449</f>
        <v>0</v>
      </c>
      <c r="F447" s="11" t="str">
        <f>'申請書（複数入力用）'!J449</f>
        <v/>
      </c>
      <c r="G447" s="6" t="str">
        <f>'申請書（複数入力用）'!K449</f>
        <v>a052r000000jS9ZAAU</v>
      </c>
      <c r="H447" s="12" t="e">
        <f>'申請書（複数入力用）'!N449</f>
        <v>#N/A</v>
      </c>
      <c r="I447" s="12" t="e">
        <f>'申請書（複数入力用）'!O449</f>
        <v>#N/A</v>
      </c>
      <c r="J447" s="12">
        <f>'申請書（複数入力用）'!P449</f>
        <v>1</v>
      </c>
    </row>
    <row r="448" spans="1:10" ht="51.6" customHeight="1" x14ac:dyDescent="0.45">
      <c r="A448" s="6">
        <f>'申請書（複数入力用）'!A450</f>
        <v>444</v>
      </c>
      <c r="B448" s="13">
        <f>'申請書（複数入力用）'!AH450</f>
        <v>0</v>
      </c>
      <c r="C448" s="6">
        <f>'申請書（複数入力用）'!B450</f>
        <v>0</v>
      </c>
      <c r="D448" s="6">
        <f>'申請書（複数入力用）'!D450</f>
        <v>0</v>
      </c>
      <c r="E448" s="14">
        <f>'申請書（複数入力用）'!H450</f>
        <v>0</v>
      </c>
      <c r="F448" s="11" t="str">
        <f>'申請書（複数入力用）'!J450</f>
        <v/>
      </c>
      <c r="G448" s="6" t="str">
        <f>'申請書（複数入力用）'!K450</f>
        <v>a052r000000jS9ZAAU</v>
      </c>
      <c r="H448" s="12" t="e">
        <f>'申請書（複数入力用）'!N450</f>
        <v>#N/A</v>
      </c>
      <c r="I448" s="12" t="e">
        <f>'申請書（複数入力用）'!O450</f>
        <v>#N/A</v>
      </c>
      <c r="J448" s="12">
        <f>'申請書（複数入力用）'!P450</f>
        <v>1</v>
      </c>
    </row>
    <row r="449" spans="1:10" ht="51.6" customHeight="1" x14ac:dyDescent="0.45">
      <c r="A449" s="6">
        <f>'申請書（複数入力用）'!A451</f>
        <v>445</v>
      </c>
      <c r="B449" s="13">
        <f>'申請書（複数入力用）'!AH451</f>
        <v>0</v>
      </c>
      <c r="C449" s="6">
        <f>'申請書（複数入力用）'!B451</f>
        <v>0</v>
      </c>
      <c r="D449" s="6">
        <f>'申請書（複数入力用）'!D451</f>
        <v>0</v>
      </c>
      <c r="E449" s="14">
        <f>'申請書（複数入力用）'!H451</f>
        <v>0</v>
      </c>
      <c r="F449" s="11" t="str">
        <f>'申請書（複数入力用）'!J451</f>
        <v/>
      </c>
      <c r="G449" s="6" t="str">
        <f>'申請書（複数入力用）'!K451</f>
        <v>a052r000000jS9ZAAU</v>
      </c>
      <c r="H449" s="12" t="e">
        <f>'申請書（複数入力用）'!N451</f>
        <v>#N/A</v>
      </c>
      <c r="I449" s="12" t="e">
        <f>'申請書（複数入力用）'!O451</f>
        <v>#N/A</v>
      </c>
      <c r="J449" s="12">
        <f>'申請書（複数入力用）'!P451</f>
        <v>1</v>
      </c>
    </row>
    <row r="450" spans="1:10" ht="51.6" customHeight="1" x14ac:dyDescent="0.45">
      <c r="A450" s="6">
        <f>'申請書（複数入力用）'!A452</f>
        <v>446</v>
      </c>
      <c r="B450" s="13">
        <f>'申請書（複数入力用）'!AH452</f>
        <v>0</v>
      </c>
      <c r="C450" s="6">
        <f>'申請書（複数入力用）'!B452</f>
        <v>0</v>
      </c>
      <c r="D450" s="6">
        <f>'申請書（複数入力用）'!D452</f>
        <v>0</v>
      </c>
      <c r="E450" s="14">
        <f>'申請書（複数入力用）'!H452</f>
        <v>0</v>
      </c>
      <c r="F450" s="11" t="str">
        <f>'申請書（複数入力用）'!J452</f>
        <v/>
      </c>
      <c r="G450" s="6" t="str">
        <f>'申請書（複数入力用）'!K452</f>
        <v>a052r000000jS9ZAAU</v>
      </c>
      <c r="H450" s="12" t="e">
        <f>'申請書（複数入力用）'!N452</f>
        <v>#N/A</v>
      </c>
      <c r="I450" s="12" t="e">
        <f>'申請書（複数入力用）'!O452</f>
        <v>#N/A</v>
      </c>
      <c r="J450" s="12">
        <f>'申請書（複数入力用）'!P452</f>
        <v>1</v>
      </c>
    </row>
    <row r="451" spans="1:10" ht="51.6" customHeight="1" x14ac:dyDescent="0.45">
      <c r="A451" s="6">
        <f>'申請書（複数入力用）'!A453</f>
        <v>447</v>
      </c>
      <c r="B451" s="13">
        <f>'申請書（複数入力用）'!AH453</f>
        <v>0</v>
      </c>
      <c r="C451" s="6">
        <f>'申請書（複数入力用）'!B453</f>
        <v>0</v>
      </c>
      <c r="D451" s="6">
        <f>'申請書（複数入力用）'!D453</f>
        <v>0</v>
      </c>
      <c r="E451" s="14">
        <f>'申請書（複数入力用）'!H453</f>
        <v>0</v>
      </c>
      <c r="F451" s="11" t="str">
        <f>'申請書（複数入力用）'!J453</f>
        <v/>
      </c>
      <c r="G451" s="6" t="str">
        <f>'申請書（複数入力用）'!K453</f>
        <v>a052r000000jS9ZAAU</v>
      </c>
      <c r="H451" s="12" t="e">
        <f>'申請書（複数入力用）'!N453</f>
        <v>#N/A</v>
      </c>
      <c r="I451" s="12" t="e">
        <f>'申請書（複数入力用）'!O453</f>
        <v>#N/A</v>
      </c>
      <c r="J451" s="12">
        <f>'申請書（複数入力用）'!P453</f>
        <v>1</v>
      </c>
    </row>
    <row r="452" spans="1:10" ht="51.6" customHeight="1" x14ac:dyDescent="0.45">
      <c r="A452" s="6">
        <f>'申請書（複数入力用）'!A454</f>
        <v>448</v>
      </c>
      <c r="B452" s="13">
        <f>'申請書（複数入力用）'!AH454</f>
        <v>0</v>
      </c>
      <c r="C452" s="6">
        <f>'申請書（複数入力用）'!B454</f>
        <v>0</v>
      </c>
      <c r="D452" s="6">
        <f>'申請書（複数入力用）'!D454</f>
        <v>0</v>
      </c>
      <c r="E452" s="14">
        <f>'申請書（複数入力用）'!H454</f>
        <v>0</v>
      </c>
      <c r="F452" s="11" t="str">
        <f>'申請書（複数入力用）'!J454</f>
        <v/>
      </c>
      <c r="G452" s="6" t="str">
        <f>'申請書（複数入力用）'!K454</f>
        <v>a052r000000jS9ZAAU</v>
      </c>
      <c r="H452" s="12" t="e">
        <f>'申請書（複数入力用）'!N454</f>
        <v>#N/A</v>
      </c>
      <c r="I452" s="12" t="e">
        <f>'申請書（複数入力用）'!O454</f>
        <v>#N/A</v>
      </c>
      <c r="J452" s="12">
        <f>'申請書（複数入力用）'!P454</f>
        <v>1</v>
      </c>
    </row>
    <row r="453" spans="1:10" ht="51.6" customHeight="1" x14ac:dyDescent="0.45">
      <c r="A453" s="6">
        <f>'申請書（複数入力用）'!A455</f>
        <v>449</v>
      </c>
      <c r="B453" s="13">
        <f>'申請書（複数入力用）'!AH455</f>
        <v>0</v>
      </c>
      <c r="C453" s="6">
        <f>'申請書（複数入力用）'!B455</f>
        <v>0</v>
      </c>
      <c r="D453" s="6">
        <f>'申請書（複数入力用）'!D455</f>
        <v>0</v>
      </c>
      <c r="E453" s="14">
        <f>'申請書（複数入力用）'!H455</f>
        <v>0</v>
      </c>
      <c r="F453" s="11" t="str">
        <f>'申請書（複数入力用）'!J455</f>
        <v/>
      </c>
      <c r="G453" s="6" t="str">
        <f>'申請書（複数入力用）'!K455</f>
        <v>a052r000000jS9ZAAU</v>
      </c>
      <c r="H453" s="12" t="e">
        <f>'申請書（複数入力用）'!N455</f>
        <v>#N/A</v>
      </c>
      <c r="I453" s="12" t="e">
        <f>'申請書（複数入力用）'!O455</f>
        <v>#N/A</v>
      </c>
      <c r="J453" s="12">
        <f>'申請書（複数入力用）'!P455</f>
        <v>1</v>
      </c>
    </row>
    <row r="454" spans="1:10" ht="51.6" customHeight="1" x14ac:dyDescent="0.45">
      <c r="A454" s="6">
        <f>'申請書（複数入力用）'!A456</f>
        <v>450</v>
      </c>
      <c r="B454" s="13">
        <f>'申請書（複数入力用）'!AH456</f>
        <v>0</v>
      </c>
      <c r="C454" s="6">
        <f>'申請書（複数入力用）'!B456</f>
        <v>0</v>
      </c>
      <c r="D454" s="6">
        <f>'申請書（複数入力用）'!D456</f>
        <v>0</v>
      </c>
      <c r="E454" s="14">
        <f>'申請書（複数入力用）'!H456</f>
        <v>0</v>
      </c>
      <c r="F454" s="11" t="str">
        <f>'申請書（複数入力用）'!J456</f>
        <v/>
      </c>
      <c r="G454" s="6" t="str">
        <f>'申請書（複数入力用）'!K456</f>
        <v>a052r000000jS9ZAAU</v>
      </c>
      <c r="H454" s="12" t="e">
        <f>'申請書（複数入力用）'!N456</f>
        <v>#N/A</v>
      </c>
      <c r="I454" s="12" t="e">
        <f>'申請書（複数入力用）'!O456</f>
        <v>#N/A</v>
      </c>
      <c r="J454" s="12">
        <f>'申請書（複数入力用）'!P456</f>
        <v>1</v>
      </c>
    </row>
    <row r="455" spans="1:10" ht="51.6" customHeight="1" x14ac:dyDescent="0.45">
      <c r="A455" s="6">
        <f>'申請書（複数入力用）'!A457</f>
        <v>451</v>
      </c>
      <c r="B455" s="13">
        <f>'申請書（複数入力用）'!AH457</f>
        <v>0</v>
      </c>
      <c r="C455" s="6">
        <f>'申請書（複数入力用）'!B457</f>
        <v>0</v>
      </c>
      <c r="D455" s="6">
        <f>'申請書（複数入力用）'!D457</f>
        <v>0</v>
      </c>
      <c r="E455" s="14">
        <f>'申請書（複数入力用）'!H457</f>
        <v>0</v>
      </c>
      <c r="F455" s="11" t="str">
        <f>'申請書（複数入力用）'!J457</f>
        <v/>
      </c>
      <c r="G455" s="6" t="str">
        <f>'申請書（複数入力用）'!K457</f>
        <v>a052r000000jS9ZAAU</v>
      </c>
      <c r="H455" s="12" t="e">
        <f>'申請書（複数入力用）'!N457</f>
        <v>#N/A</v>
      </c>
      <c r="I455" s="12" t="e">
        <f>'申請書（複数入力用）'!O457</f>
        <v>#N/A</v>
      </c>
      <c r="J455" s="12">
        <f>'申請書（複数入力用）'!P457</f>
        <v>1</v>
      </c>
    </row>
    <row r="456" spans="1:10" ht="51.6" customHeight="1" x14ac:dyDescent="0.45">
      <c r="A456" s="6">
        <f>'申請書（複数入力用）'!A458</f>
        <v>452</v>
      </c>
      <c r="B456" s="13">
        <f>'申請書（複数入力用）'!AH458</f>
        <v>0</v>
      </c>
      <c r="C456" s="6">
        <f>'申請書（複数入力用）'!B458</f>
        <v>0</v>
      </c>
      <c r="D456" s="6">
        <f>'申請書（複数入力用）'!D458</f>
        <v>0</v>
      </c>
      <c r="E456" s="14">
        <f>'申請書（複数入力用）'!H458</f>
        <v>0</v>
      </c>
      <c r="F456" s="11" t="str">
        <f>'申請書（複数入力用）'!J458</f>
        <v/>
      </c>
      <c r="G456" s="6" t="str">
        <f>'申請書（複数入力用）'!K458</f>
        <v>a052r000000jS9ZAAU</v>
      </c>
      <c r="H456" s="12" t="e">
        <f>'申請書（複数入力用）'!N458</f>
        <v>#N/A</v>
      </c>
      <c r="I456" s="12" t="e">
        <f>'申請書（複数入力用）'!O458</f>
        <v>#N/A</v>
      </c>
      <c r="J456" s="12">
        <f>'申請書（複数入力用）'!P458</f>
        <v>1</v>
      </c>
    </row>
    <row r="457" spans="1:10" ht="51.6" customHeight="1" x14ac:dyDescent="0.45">
      <c r="A457" s="6">
        <f>'申請書（複数入力用）'!A459</f>
        <v>453</v>
      </c>
      <c r="B457" s="13">
        <f>'申請書（複数入力用）'!AH459</f>
        <v>0</v>
      </c>
      <c r="C457" s="6">
        <f>'申請書（複数入力用）'!B459</f>
        <v>0</v>
      </c>
      <c r="D457" s="6">
        <f>'申請書（複数入力用）'!D459</f>
        <v>0</v>
      </c>
      <c r="E457" s="14">
        <f>'申請書（複数入力用）'!H459</f>
        <v>0</v>
      </c>
      <c r="F457" s="11" t="str">
        <f>'申請書（複数入力用）'!J459</f>
        <v/>
      </c>
      <c r="G457" s="6" t="str">
        <f>'申請書（複数入力用）'!K459</f>
        <v>a052r000000jS9ZAAU</v>
      </c>
      <c r="H457" s="12" t="e">
        <f>'申請書（複数入力用）'!N459</f>
        <v>#N/A</v>
      </c>
      <c r="I457" s="12" t="e">
        <f>'申請書（複数入力用）'!O459</f>
        <v>#N/A</v>
      </c>
      <c r="J457" s="12">
        <f>'申請書（複数入力用）'!P459</f>
        <v>1</v>
      </c>
    </row>
    <row r="458" spans="1:10" ht="51.6" customHeight="1" x14ac:dyDescent="0.45">
      <c r="A458" s="6">
        <f>'申請書（複数入力用）'!A460</f>
        <v>454</v>
      </c>
      <c r="B458" s="13">
        <f>'申請書（複数入力用）'!AH460</f>
        <v>0</v>
      </c>
      <c r="C458" s="6">
        <f>'申請書（複数入力用）'!B460</f>
        <v>0</v>
      </c>
      <c r="D458" s="6">
        <f>'申請書（複数入力用）'!D460</f>
        <v>0</v>
      </c>
      <c r="E458" s="14">
        <f>'申請書（複数入力用）'!H460</f>
        <v>0</v>
      </c>
      <c r="F458" s="11" t="str">
        <f>'申請書（複数入力用）'!J460</f>
        <v/>
      </c>
      <c r="G458" s="6" t="str">
        <f>'申請書（複数入力用）'!K460</f>
        <v>a052r000000jS9ZAAU</v>
      </c>
      <c r="H458" s="12" t="e">
        <f>'申請書（複数入力用）'!N460</f>
        <v>#N/A</v>
      </c>
      <c r="I458" s="12" t="e">
        <f>'申請書（複数入力用）'!O460</f>
        <v>#N/A</v>
      </c>
      <c r="J458" s="12">
        <f>'申請書（複数入力用）'!P460</f>
        <v>1</v>
      </c>
    </row>
    <row r="459" spans="1:10" ht="51.6" customHeight="1" x14ac:dyDescent="0.45">
      <c r="A459" s="6">
        <f>'申請書（複数入力用）'!A461</f>
        <v>455</v>
      </c>
      <c r="B459" s="13">
        <f>'申請書（複数入力用）'!AH461</f>
        <v>0</v>
      </c>
      <c r="C459" s="6">
        <f>'申請書（複数入力用）'!B461</f>
        <v>0</v>
      </c>
      <c r="D459" s="6">
        <f>'申請書（複数入力用）'!D461</f>
        <v>0</v>
      </c>
      <c r="E459" s="14">
        <f>'申請書（複数入力用）'!H461</f>
        <v>0</v>
      </c>
      <c r="F459" s="11" t="str">
        <f>'申請書（複数入力用）'!J461</f>
        <v/>
      </c>
      <c r="G459" s="6" t="str">
        <f>'申請書（複数入力用）'!K461</f>
        <v>a052r000000jS9ZAAU</v>
      </c>
      <c r="H459" s="12" t="e">
        <f>'申請書（複数入力用）'!N461</f>
        <v>#N/A</v>
      </c>
      <c r="I459" s="12" t="e">
        <f>'申請書（複数入力用）'!O461</f>
        <v>#N/A</v>
      </c>
      <c r="J459" s="12">
        <f>'申請書（複数入力用）'!P461</f>
        <v>1</v>
      </c>
    </row>
    <row r="460" spans="1:10" ht="51.6" customHeight="1" x14ac:dyDescent="0.45">
      <c r="A460" s="6">
        <f>'申請書（複数入力用）'!A462</f>
        <v>456</v>
      </c>
      <c r="B460" s="13">
        <f>'申請書（複数入力用）'!AH462</f>
        <v>0</v>
      </c>
      <c r="C460" s="6">
        <f>'申請書（複数入力用）'!B462</f>
        <v>0</v>
      </c>
      <c r="D460" s="6">
        <f>'申請書（複数入力用）'!D462</f>
        <v>0</v>
      </c>
      <c r="E460" s="14">
        <f>'申請書（複数入力用）'!H462</f>
        <v>0</v>
      </c>
      <c r="F460" s="11" t="str">
        <f>'申請書（複数入力用）'!J462</f>
        <v/>
      </c>
      <c r="G460" s="6" t="str">
        <f>'申請書（複数入力用）'!K462</f>
        <v>a052r000000jS9ZAAU</v>
      </c>
      <c r="H460" s="12" t="e">
        <f>'申請書（複数入力用）'!N462</f>
        <v>#N/A</v>
      </c>
      <c r="I460" s="12" t="e">
        <f>'申請書（複数入力用）'!O462</f>
        <v>#N/A</v>
      </c>
      <c r="J460" s="12">
        <f>'申請書（複数入力用）'!P462</f>
        <v>1</v>
      </c>
    </row>
    <row r="461" spans="1:10" ht="51.6" customHeight="1" x14ac:dyDescent="0.45">
      <c r="A461" s="6">
        <f>'申請書（複数入力用）'!A463</f>
        <v>457</v>
      </c>
      <c r="B461" s="13">
        <f>'申請書（複数入力用）'!AH463</f>
        <v>0</v>
      </c>
      <c r="C461" s="6">
        <f>'申請書（複数入力用）'!B463</f>
        <v>0</v>
      </c>
      <c r="D461" s="6">
        <f>'申請書（複数入力用）'!D463</f>
        <v>0</v>
      </c>
      <c r="E461" s="14">
        <f>'申請書（複数入力用）'!H463</f>
        <v>0</v>
      </c>
      <c r="F461" s="11" t="str">
        <f>'申請書（複数入力用）'!J463</f>
        <v/>
      </c>
      <c r="G461" s="6" t="str">
        <f>'申請書（複数入力用）'!K463</f>
        <v>a052r000000jS9ZAAU</v>
      </c>
      <c r="H461" s="12" t="e">
        <f>'申請書（複数入力用）'!N463</f>
        <v>#N/A</v>
      </c>
      <c r="I461" s="12" t="e">
        <f>'申請書（複数入力用）'!O463</f>
        <v>#N/A</v>
      </c>
      <c r="J461" s="12">
        <f>'申請書（複数入力用）'!P463</f>
        <v>1</v>
      </c>
    </row>
    <row r="462" spans="1:10" ht="51.6" customHeight="1" x14ac:dyDescent="0.45">
      <c r="A462" s="6">
        <f>'申請書（複数入力用）'!A464</f>
        <v>458</v>
      </c>
      <c r="B462" s="13">
        <f>'申請書（複数入力用）'!AH464</f>
        <v>0</v>
      </c>
      <c r="C462" s="6">
        <f>'申請書（複数入力用）'!B464</f>
        <v>0</v>
      </c>
      <c r="D462" s="6">
        <f>'申請書（複数入力用）'!D464</f>
        <v>0</v>
      </c>
      <c r="E462" s="14">
        <f>'申請書（複数入力用）'!H464</f>
        <v>0</v>
      </c>
      <c r="F462" s="11" t="str">
        <f>'申請書（複数入力用）'!J464</f>
        <v/>
      </c>
      <c r="G462" s="6" t="str">
        <f>'申請書（複数入力用）'!K464</f>
        <v>a052r000000jS9ZAAU</v>
      </c>
      <c r="H462" s="12" t="e">
        <f>'申請書（複数入力用）'!N464</f>
        <v>#N/A</v>
      </c>
      <c r="I462" s="12" t="e">
        <f>'申請書（複数入力用）'!O464</f>
        <v>#N/A</v>
      </c>
      <c r="J462" s="12">
        <f>'申請書（複数入力用）'!P464</f>
        <v>1</v>
      </c>
    </row>
    <row r="463" spans="1:10" ht="51.6" customHeight="1" x14ac:dyDescent="0.45">
      <c r="A463" s="6">
        <f>'申請書（複数入力用）'!A465</f>
        <v>459</v>
      </c>
      <c r="B463" s="13">
        <f>'申請書（複数入力用）'!AH465</f>
        <v>0</v>
      </c>
      <c r="C463" s="6">
        <f>'申請書（複数入力用）'!B465</f>
        <v>0</v>
      </c>
      <c r="D463" s="6">
        <f>'申請書（複数入力用）'!D465</f>
        <v>0</v>
      </c>
      <c r="E463" s="14">
        <f>'申請書（複数入力用）'!H465</f>
        <v>0</v>
      </c>
      <c r="F463" s="11" t="str">
        <f>'申請書（複数入力用）'!J465</f>
        <v/>
      </c>
      <c r="G463" s="6" t="str">
        <f>'申請書（複数入力用）'!K465</f>
        <v>a052r000000jS9ZAAU</v>
      </c>
      <c r="H463" s="12" t="e">
        <f>'申請書（複数入力用）'!N465</f>
        <v>#N/A</v>
      </c>
      <c r="I463" s="12" t="e">
        <f>'申請書（複数入力用）'!O465</f>
        <v>#N/A</v>
      </c>
      <c r="J463" s="12">
        <f>'申請書（複数入力用）'!P465</f>
        <v>1</v>
      </c>
    </row>
    <row r="464" spans="1:10" ht="51.6" customHeight="1" x14ac:dyDescent="0.45">
      <c r="A464" s="6">
        <f>'申請書（複数入力用）'!A466</f>
        <v>460</v>
      </c>
      <c r="B464" s="13">
        <f>'申請書（複数入力用）'!AH466</f>
        <v>0</v>
      </c>
      <c r="C464" s="6">
        <f>'申請書（複数入力用）'!B466</f>
        <v>0</v>
      </c>
      <c r="D464" s="6">
        <f>'申請書（複数入力用）'!D466</f>
        <v>0</v>
      </c>
      <c r="E464" s="14">
        <f>'申請書（複数入力用）'!H466</f>
        <v>0</v>
      </c>
      <c r="F464" s="11" t="str">
        <f>'申請書（複数入力用）'!J466</f>
        <v/>
      </c>
      <c r="G464" s="6" t="str">
        <f>'申請書（複数入力用）'!K466</f>
        <v>a052r000000jS9ZAAU</v>
      </c>
      <c r="H464" s="12" t="e">
        <f>'申請書（複数入力用）'!N466</f>
        <v>#N/A</v>
      </c>
      <c r="I464" s="12" t="e">
        <f>'申請書（複数入力用）'!O466</f>
        <v>#N/A</v>
      </c>
      <c r="J464" s="12">
        <f>'申請書（複数入力用）'!P466</f>
        <v>1</v>
      </c>
    </row>
    <row r="465" spans="1:10" ht="51.6" customHeight="1" x14ac:dyDescent="0.45">
      <c r="A465" s="6">
        <f>'申請書（複数入力用）'!A467</f>
        <v>461</v>
      </c>
      <c r="B465" s="13">
        <f>'申請書（複数入力用）'!AH467</f>
        <v>0</v>
      </c>
      <c r="C465" s="6">
        <f>'申請書（複数入力用）'!B467</f>
        <v>0</v>
      </c>
      <c r="D465" s="6">
        <f>'申請書（複数入力用）'!D467</f>
        <v>0</v>
      </c>
      <c r="E465" s="14">
        <f>'申請書（複数入力用）'!H467</f>
        <v>0</v>
      </c>
      <c r="F465" s="11" t="str">
        <f>'申請書（複数入力用）'!J467</f>
        <v/>
      </c>
      <c r="G465" s="6" t="str">
        <f>'申請書（複数入力用）'!K467</f>
        <v>a052r000000jS9ZAAU</v>
      </c>
      <c r="H465" s="12" t="e">
        <f>'申請書（複数入力用）'!N467</f>
        <v>#N/A</v>
      </c>
      <c r="I465" s="12" t="e">
        <f>'申請書（複数入力用）'!O467</f>
        <v>#N/A</v>
      </c>
      <c r="J465" s="12">
        <f>'申請書（複数入力用）'!P467</f>
        <v>1</v>
      </c>
    </row>
    <row r="466" spans="1:10" ht="51.6" customHeight="1" x14ac:dyDescent="0.45">
      <c r="A466" s="6">
        <f>'申請書（複数入力用）'!A468</f>
        <v>462</v>
      </c>
      <c r="B466" s="13">
        <f>'申請書（複数入力用）'!AH468</f>
        <v>0</v>
      </c>
      <c r="C466" s="6">
        <f>'申請書（複数入力用）'!B468</f>
        <v>0</v>
      </c>
      <c r="D466" s="6">
        <f>'申請書（複数入力用）'!D468</f>
        <v>0</v>
      </c>
      <c r="E466" s="14">
        <f>'申請書（複数入力用）'!H468</f>
        <v>0</v>
      </c>
      <c r="F466" s="11" t="str">
        <f>'申請書（複数入力用）'!J468</f>
        <v/>
      </c>
      <c r="G466" s="6" t="str">
        <f>'申請書（複数入力用）'!K468</f>
        <v>a052r000000jS9ZAAU</v>
      </c>
      <c r="H466" s="12" t="e">
        <f>'申請書（複数入力用）'!N468</f>
        <v>#N/A</v>
      </c>
      <c r="I466" s="12" t="e">
        <f>'申請書（複数入力用）'!O468</f>
        <v>#N/A</v>
      </c>
      <c r="J466" s="12">
        <f>'申請書（複数入力用）'!P468</f>
        <v>1</v>
      </c>
    </row>
    <row r="467" spans="1:10" ht="51.6" customHeight="1" x14ac:dyDescent="0.45">
      <c r="A467" s="6">
        <f>'申請書（複数入力用）'!A469</f>
        <v>463</v>
      </c>
      <c r="B467" s="13">
        <f>'申請書（複数入力用）'!AH469</f>
        <v>0</v>
      </c>
      <c r="C467" s="6">
        <f>'申請書（複数入力用）'!B469</f>
        <v>0</v>
      </c>
      <c r="D467" s="6">
        <f>'申請書（複数入力用）'!D469</f>
        <v>0</v>
      </c>
      <c r="E467" s="14">
        <f>'申請書（複数入力用）'!H469</f>
        <v>0</v>
      </c>
      <c r="F467" s="11" t="str">
        <f>'申請書（複数入力用）'!J469</f>
        <v/>
      </c>
      <c r="G467" s="6" t="str">
        <f>'申請書（複数入力用）'!K469</f>
        <v>a052r000000jS9ZAAU</v>
      </c>
      <c r="H467" s="12" t="e">
        <f>'申請書（複数入力用）'!N469</f>
        <v>#N/A</v>
      </c>
      <c r="I467" s="12" t="e">
        <f>'申請書（複数入力用）'!O469</f>
        <v>#N/A</v>
      </c>
      <c r="J467" s="12">
        <f>'申請書（複数入力用）'!P469</f>
        <v>1</v>
      </c>
    </row>
    <row r="468" spans="1:10" ht="51.6" customHeight="1" x14ac:dyDescent="0.45">
      <c r="A468" s="6">
        <f>'申請書（複数入力用）'!A470</f>
        <v>464</v>
      </c>
      <c r="B468" s="13">
        <f>'申請書（複数入力用）'!AH470</f>
        <v>0</v>
      </c>
      <c r="C468" s="6">
        <f>'申請書（複数入力用）'!B470</f>
        <v>0</v>
      </c>
      <c r="D468" s="6">
        <f>'申請書（複数入力用）'!D470</f>
        <v>0</v>
      </c>
      <c r="E468" s="14">
        <f>'申請書（複数入力用）'!H470</f>
        <v>0</v>
      </c>
      <c r="F468" s="11" t="str">
        <f>'申請書（複数入力用）'!J470</f>
        <v/>
      </c>
      <c r="G468" s="6" t="str">
        <f>'申請書（複数入力用）'!K470</f>
        <v>a052r000000jS9ZAAU</v>
      </c>
      <c r="H468" s="12" t="e">
        <f>'申請書（複数入力用）'!N470</f>
        <v>#N/A</v>
      </c>
      <c r="I468" s="12" t="e">
        <f>'申請書（複数入力用）'!O470</f>
        <v>#N/A</v>
      </c>
      <c r="J468" s="12">
        <f>'申請書（複数入力用）'!P470</f>
        <v>1</v>
      </c>
    </row>
    <row r="469" spans="1:10" ht="51.6" customHeight="1" x14ac:dyDescent="0.45">
      <c r="A469" s="6">
        <f>'申請書（複数入力用）'!A471</f>
        <v>465</v>
      </c>
      <c r="B469" s="13">
        <f>'申請書（複数入力用）'!AH471</f>
        <v>0</v>
      </c>
      <c r="C469" s="6">
        <f>'申請書（複数入力用）'!B471</f>
        <v>0</v>
      </c>
      <c r="D469" s="6">
        <f>'申請書（複数入力用）'!D471</f>
        <v>0</v>
      </c>
      <c r="E469" s="14">
        <f>'申請書（複数入力用）'!H471</f>
        <v>0</v>
      </c>
      <c r="F469" s="11" t="str">
        <f>'申請書（複数入力用）'!J471</f>
        <v/>
      </c>
      <c r="G469" s="6" t="str">
        <f>'申請書（複数入力用）'!K471</f>
        <v>a052r000000jS9ZAAU</v>
      </c>
      <c r="H469" s="12" t="e">
        <f>'申請書（複数入力用）'!N471</f>
        <v>#N/A</v>
      </c>
      <c r="I469" s="12" t="e">
        <f>'申請書（複数入力用）'!O471</f>
        <v>#N/A</v>
      </c>
      <c r="J469" s="12">
        <f>'申請書（複数入力用）'!P471</f>
        <v>1</v>
      </c>
    </row>
    <row r="470" spans="1:10" ht="51.6" customHeight="1" x14ac:dyDescent="0.45">
      <c r="A470" s="6">
        <f>'申請書（複数入力用）'!A472</f>
        <v>466</v>
      </c>
      <c r="B470" s="13">
        <f>'申請書（複数入力用）'!AH472</f>
        <v>0</v>
      </c>
      <c r="C470" s="6">
        <f>'申請書（複数入力用）'!B472</f>
        <v>0</v>
      </c>
      <c r="D470" s="6">
        <f>'申請書（複数入力用）'!D472</f>
        <v>0</v>
      </c>
      <c r="E470" s="14">
        <f>'申請書（複数入力用）'!H472</f>
        <v>0</v>
      </c>
      <c r="F470" s="11" t="str">
        <f>'申請書（複数入力用）'!J472</f>
        <v/>
      </c>
      <c r="G470" s="6" t="str">
        <f>'申請書（複数入力用）'!K472</f>
        <v>a052r000000jS9ZAAU</v>
      </c>
      <c r="H470" s="12" t="e">
        <f>'申請書（複数入力用）'!N472</f>
        <v>#N/A</v>
      </c>
      <c r="I470" s="12" t="e">
        <f>'申請書（複数入力用）'!O472</f>
        <v>#N/A</v>
      </c>
      <c r="J470" s="12">
        <f>'申請書（複数入力用）'!P472</f>
        <v>1</v>
      </c>
    </row>
    <row r="471" spans="1:10" ht="51.6" customHeight="1" x14ac:dyDescent="0.45">
      <c r="A471" s="6">
        <f>'申請書（複数入力用）'!A473</f>
        <v>467</v>
      </c>
      <c r="B471" s="13">
        <f>'申請書（複数入力用）'!AH473</f>
        <v>0</v>
      </c>
      <c r="C471" s="6">
        <f>'申請書（複数入力用）'!B473</f>
        <v>0</v>
      </c>
      <c r="D471" s="6">
        <f>'申請書（複数入力用）'!D473</f>
        <v>0</v>
      </c>
      <c r="E471" s="14">
        <f>'申請書（複数入力用）'!H473</f>
        <v>0</v>
      </c>
      <c r="F471" s="11" t="str">
        <f>'申請書（複数入力用）'!J473</f>
        <v/>
      </c>
      <c r="G471" s="6" t="str">
        <f>'申請書（複数入力用）'!K473</f>
        <v>a052r000000jS9ZAAU</v>
      </c>
      <c r="H471" s="12" t="e">
        <f>'申請書（複数入力用）'!N473</f>
        <v>#N/A</v>
      </c>
      <c r="I471" s="12" t="e">
        <f>'申請書（複数入力用）'!O473</f>
        <v>#N/A</v>
      </c>
      <c r="J471" s="12">
        <f>'申請書（複数入力用）'!P473</f>
        <v>1</v>
      </c>
    </row>
    <row r="472" spans="1:10" ht="51.6" customHeight="1" x14ac:dyDescent="0.45">
      <c r="A472" s="6">
        <f>'申請書（複数入力用）'!A474</f>
        <v>468</v>
      </c>
      <c r="B472" s="13">
        <f>'申請書（複数入力用）'!AH474</f>
        <v>0</v>
      </c>
      <c r="C472" s="6">
        <f>'申請書（複数入力用）'!B474</f>
        <v>0</v>
      </c>
      <c r="D472" s="6">
        <f>'申請書（複数入力用）'!D474</f>
        <v>0</v>
      </c>
      <c r="E472" s="14">
        <f>'申請書（複数入力用）'!H474</f>
        <v>0</v>
      </c>
      <c r="F472" s="11" t="str">
        <f>'申請書（複数入力用）'!J474</f>
        <v/>
      </c>
      <c r="G472" s="6" t="str">
        <f>'申請書（複数入力用）'!K474</f>
        <v>a052r000000jS9ZAAU</v>
      </c>
      <c r="H472" s="12" t="e">
        <f>'申請書（複数入力用）'!N474</f>
        <v>#N/A</v>
      </c>
      <c r="I472" s="12" t="e">
        <f>'申請書（複数入力用）'!O474</f>
        <v>#N/A</v>
      </c>
      <c r="J472" s="12">
        <f>'申請書（複数入力用）'!P474</f>
        <v>1</v>
      </c>
    </row>
    <row r="473" spans="1:10" ht="51.6" customHeight="1" x14ac:dyDescent="0.45">
      <c r="A473" s="6">
        <f>'申請書（複数入力用）'!A475</f>
        <v>469</v>
      </c>
      <c r="B473" s="13">
        <f>'申請書（複数入力用）'!AH475</f>
        <v>0</v>
      </c>
      <c r="C473" s="6">
        <f>'申請書（複数入力用）'!B475</f>
        <v>0</v>
      </c>
      <c r="D473" s="6">
        <f>'申請書（複数入力用）'!D475</f>
        <v>0</v>
      </c>
      <c r="E473" s="14">
        <f>'申請書（複数入力用）'!H475</f>
        <v>0</v>
      </c>
      <c r="F473" s="11" t="str">
        <f>'申請書（複数入力用）'!J475</f>
        <v/>
      </c>
      <c r="G473" s="6" t="str">
        <f>'申請書（複数入力用）'!K475</f>
        <v>a052r000000jS9ZAAU</v>
      </c>
      <c r="H473" s="12" t="e">
        <f>'申請書（複数入力用）'!N475</f>
        <v>#N/A</v>
      </c>
      <c r="I473" s="12" t="e">
        <f>'申請書（複数入力用）'!O475</f>
        <v>#N/A</v>
      </c>
      <c r="J473" s="12">
        <f>'申請書（複数入力用）'!P475</f>
        <v>1</v>
      </c>
    </row>
    <row r="474" spans="1:10" ht="51.6" customHeight="1" x14ac:dyDescent="0.45">
      <c r="A474" s="6">
        <f>'申請書（複数入力用）'!A476</f>
        <v>470</v>
      </c>
      <c r="B474" s="13">
        <f>'申請書（複数入力用）'!AH476</f>
        <v>0</v>
      </c>
      <c r="C474" s="6">
        <f>'申請書（複数入力用）'!B476</f>
        <v>0</v>
      </c>
      <c r="D474" s="6">
        <f>'申請書（複数入力用）'!D476</f>
        <v>0</v>
      </c>
      <c r="E474" s="14">
        <f>'申請書（複数入力用）'!H476</f>
        <v>0</v>
      </c>
      <c r="F474" s="11" t="str">
        <f>'申請書（複数入力用）'!J476</f>
        <v/>
      </c>
      <c r="G474" s="6" t="str">
        <f>'申請書（複数入力用）'!K476</f>
        <v>a052r000000jS9ZAAU</v>
      </c>
      <c r="H474" s="12" t="e">
        <f>'申請書（複数入力用）'!N476</f>
        <v>#N/A</v>
      </c>
      <c r="I474" s="12" t="e">
        <f>'申請書（複数入力用）'!O476</f>
        <v>#N/A</v>
      </c>
      <c r="J474" s="12">
        <f>'申請書（複数入力用）'!P476</f>
        <v>1</v>
      </c>
    </row>
    <row r="475" spans="1:10" ht="51.6" customHeight="1" x14ac:dyDescent="0.45">
      <c r="A475" s="6">
        <f>'申請書（複数入力用）'!A477</f>
        <v>471</v>
      </c>
      <c r="B475" s="13">
        <f>'申請書（複数入力用）'!AH477</f>
        <v>0</v>
      </c>
      <c r="C475" s="6">
        <f>'申請書（複数入力用）'!B477</f>
        <v>0</v>
      </c>
      <c r="D475" s="6">
        <f>'申請書（複数入力用）'!D477</f>
        <v>0</v>
      </c>
      <c r="E475" s="14">
        <f>'申請書（複数入力用）'!H477</f>
        <v>0</v>
      </c>
      <c r="F475" s="11" t="str">
        <f>'申請書（複数入力用）'!J477</f>
        <v/>
      </c>
      <c r="G475" s="6" t="str">
        <f>'申請書（複数入力用）'!K477</f>
        <v>a052r000000jS9ZAAU</v>
      </c>
      <c r="H475" s="12" t="e">
        <f>'申請書（複数入力用）'!N477</f>
        <v>#N/A</v>
      </c>
      <c r="I475" s="12" t="e">
        <f>'申請書（複数入力用）'!O477</f>
        <v>#N/A</v>
      </c>
      <c r="J475" s="12">
        <f>'申請書（複数入力用）'!P477</f>
        <v>1</v>
      </c>
    </row>
    <row r="476" spans="1:10" ht="51.6" customHeight="1" x14ac:dyDescent="0.45">
      <c r="A476" s="6">
        <f>'申請書（複数入力用）'!A478</f>
        <v>472</v>
      </c>
      <c r="B476" s="13">
        <f>'申請書（複数入力用）'!AH478</f>
        <v>0</v>
      </c>
      <c r="C476" s="6">
        <f>'申請書（複数入力用）'!B478</f>
        <v>0</v>
      </c>
      <c r="D476" s="6">
        <f>'申請書（複数入力用）'!D478</f>
        <v>0</v>
      </c>
      <c r="E476" s="14">
        <f>'申請書（複数入力用）'!H478</f>
        <v>0</v>
      </c>
      <c r="F476" s="11" t="str">
        <f>'申請書（複数入力用）'!J478</f>
        <v/>
      </c>
      <c r="G476" s="6" t="str">
        <f>'申請書（複数入力用）'!K478</f>
        <v>a052r000000jS9ZAAU</v>
      </c>
      <c r="H476" s="12" t="e">
        <f>'申請書（複数入力用）'!N478</f>
        <v>#N/A</v>
      </c>
      <c r="I476" s="12" t="e">
        <f>'申請書（複数入力用）'!O478</f>
        <v>#N/A</v>
      </c>
      <c r="J476" s="12">
        <f>'申請書（複数入力用）'!P478</f>
        <v>1</v>
      </c>
    </row>
    <row r="477" spans="1:10" ht="51.6" customHeight="1" x14ac:dyDescent="0.45">
      <c r="A477" s="6">
        <f>'申請書（複数入力用）'!A479</f>
        <v>473</v>
      </c>
      <c r="B477" s="13">
        <f>'申請書（複数入力用）'!AH479</f>
        <v>0</v>
      </c>
      <c r="C477" s="6">
        <f>'申請書（複数入力用）'!B479</f>
        <v>0</v>
      </c>
      <c r="D477" s="6">
        <f>'申請書（複数入力用）'!D479</f>
        <v>0</v>
      </c>
      <c r="E477" s="14">
        <f>'申請書（複数入力用）'!H479</f>
        <v>0</v>
      </c>
      <c r="F477" s="11" t="str">
        <f>'申請書（複数入力用）'!J479</f>
        <v/>
      </c>
      <c r="G477" s="6" t="str">
        <f>'申請書（複数入力用）'!K479</f>
        <v>a052r000000jS9ZAAU</v>
      </c>
      <c r="H477" s="12" t="e">
        <f>'申請書（複数入力用）'!N479</f>
        <v>#N/A</v>
      </c>
      <c r="I477" s="12" t="e">
        <f>'申請書（複数入力用）'!O479</f>
        <v>#N/A</v>
      </c>
      <c r="J477" s="12">
        <f>'申請書（複数入力用）'!P479</f>
        <v>1</v>
      </c>
    </row>
    <row r="478" spans="1:10" ht="51.6" customHeight="1" x14ac:dyDescent="0.45">
      <c r="A478" s="6">
        <f>'申請書（複数入力用）'!A480</f>
        <v>474</v>
      </c>
      <c r="B478" s="13">
        <f>'申請書（複数入力用）'!AH480</f>
        <v>0</v>
      </c>
      <c r="C478" s="6">
        <f>'申請書（複数入力用）'!B480</f>
        <v>0</v>
      </c>
      <c r="D478" s="6">
        <f>'申請書（複数入力用）'!D480</f>
        <v>0</v>
      </c>
      <c r="E478" s="14">
        <f>'申請書（複数入力用）'!H480</f>
        <v>0</v>
      </c>
      <c r="F478" s="11" t="str">
        <f>'申請書（複数入力用）'!J480</f>
        <v/>
      </c>
      <c r="G478" s="6" t="str">
        <f>'申請書（複数入力用）'!K480</f>
        <v>a052r000000jS9ZAAU</v>
      </c>
      <c r="H478" s="12" t="e">
        <f>'申請書（複数入力用）'!N480</f>
        <v>#N/A</v>
      </c>
      <c r="I478" s="12" t="e">
        <f>'申請書（複数入力用）'!O480</f>
        <v>#N/A</v>
      </c>
      <c r="J478" s="12">
        <f>'申請書（複数入力用）'!P480</f>
        <v>1</v>
      </c>
    </row>
    <row r="479" spans="1:10" ht="51.6" customHeight="1" x14ac:dyDescent="0.45">
      <c r="A479" s="6">
        <f>'申請書（複数入力用）'!A481</f>
        <v>475</v>
      </c>
      <c r="B479" s="13">
        <f>'申請書（複数入力用）'!AH481</f>
        <v>0</v>
      </c>
      <c r="C479" s="6">
        <f>'申請書（複数入力用）'!B481</f>
        <v>0</v>
      </c>
      <c r="D479" s="6">
        <f>'申請書（複数入力用）'!D481</f>
        <v>0</v>
      </c>
      <c r="E479" s="14">
        <f>'申請書（複数入力用）'!H481</f>
        <v>0</v>
      </c>
      <c r="F479" s="11" t="str">
        <f>'申請書（複数入力用）'!J481</f>
        <v/>
      </c>
      <c r="G479" s="6" t="str">
        <f>'申請書（複数入力用）'!K481</f>
        <v>a052r000000jS9ZAAU</v>
      </c>
      <c r="H479" s="12" t="e">
        <f>'申請書（複数入力用）'!N481</f>
        <v>#N/A</v>
      </c>
      <c r="I479" s="12" t="e">
        <f>'申請書（複数入力用）'!O481</f>
        <v>#N/A</v>
      </c>
      <c r="J479" s="12">
        <f>'申請書（複数入力用）'!P481</f>
        <v>1</v>
      </c>
    </row>
    <row r="480" spans="1:10" ht="51.6" customHeight="1" x14ac:dyDescent="0.45">
      <c r="A480" s="6">
        <f>'申請書（複数入力用）'!A482</f>
        <v>476</v>
      </c>
      <c r="B480" s="13">
        <f>'申請書（複数入力用）'!AH482</f>
        <v>0</v>
      </c>
      <c r="C480" s="6">
        <f>'申請書（複数入力用）'!B482</f>
        <v>0</v>
      </c>
      <c r="D480" s="6">
        <f>'申請書（複数入力用）'!D482</f>
        <v>0</v>
      </c>
      <c r="E480" s="14">
        <f>'申請書（複数入力用）'!H482</f>
        <v>0</v>
      </c>
      <c r="F480" s="11" t="str">
        <f>'申請書（複数入力用）'!J482</f>
        <v/>
      </c>
      <c r="G480" s="6" t="str">
        <f>'申請書（複数入力用）'!K482</f>
        <v>a052r000000jS9ZAAU</v>
      </c>
      <c r="H480" s="12" t="e">
        <f>'申請書（複数入力用）'!N482</f>
        <v>#N/A</v>
      </c>
      <c r="I480" s="12" t="e">
        <f>'申請書（複数入力用）'!O482</f>
        <v>#N/A</v>
      </c>
      <c r="J480" s="12">
        <f>'申請書（複数入力用）'!P482</f>
        <v>1</v>
      </c>
    </row>
    <row r="481" spans="1:10" ht="51.6" customHeight="1" x14ac:dyDescent="0.45">
      <c r="A481" s="6">
        <f>'申請書（複数入力用）'!A483</f>
        <v>477</v>
      </c>
      <c r="B481" s="13">
        <f>'申請書（複数入力用）'!AH483</f>
        <v>0</v>
      </c>
      <c r="C481" s="6">
        <f>'申請書（複数入力用）'!B483</f>
        <v>0</v>
      </c>
      <c r="D481" s="6">
        <f>'申請書（複数入力用）'!D483</f>
        <v>0</v>
      </c>
      <c r="E481" s="14">
        <f>'申請書（複数入力用）'!H483</f>
        <v>0</v>
      </c>
      <c r="F481" s="11" t="str">
        <f>'申請書（複数入力用）'!J483</f>
        <v/>
      </c>
      <c r="G481" s="6" t="str">
        <f>'申請書（複数入力用）'!K483</f>
        <v>a052r000000jS9ZAAU</v>
      </c>
      <c r="H481" s="12" t="e">
        <f>'申請書（複数入力用）'!N483</f>
        <v>#N/A</v>
      </c>
      <c r="I481" s="12" t="e">
        <f>'申請書（複数入力用）'!O483</f>
        <v>#N/A</v>
      </c>
      <c r="J481" s="12">
        <f>'申請書（複数入力用）'!P483</f>
        <v>1</v>
      </c>
    </row>
    <row r="482" spans="1:10" ht="51.6" customHeight="1" x14ac:dyDescent="0.45">
      <c r="A482" s="6">
        <f>'申請書（複数入力用）'!A484</f>
        <v>478</v>
      </c>
      <c r="B482" s="13">
        <f>'申請書（複数入力用）'!AH484</f>
        <v>0</v>
      </c>
      <c r="C482" s="6">
        <f>'申請書（複数入力用）'!B484</f>
        <v>0</v>
      </c>
      <c r="D482" s="6">
        <f>'申請書（複数入力用）'!D484</f>
        <v>0</v>
      </c>
      <c r="E482" s="14">
        <f>'申請書（複数入力用）'!H484</f>
        <v>0</v>
      </c>
      <c r="F482" s="11" t="str">
        <f>'申請書（複数入力用）'!J484</f>
        <v/>
      </c>
      <c r="G482" s="6" t="str">
        <f>'申請書（複数入力用）'!K484</f>
        <v>a052r000000jS9ZAAU</v>
      </c>
      <c r="H482" s="12" t="e">
        <f>'申請書（複数入力用）'!N484</f>
        <v>#N/A</v>
      </c>
      <c r="I482" s="12" t="e">
        <f>'申請書（複数入力用）'!O484</f>
        <v>#N/A</v>
      </c>
      <c r="J482" s="12">
        <f>'申請書（複数入力用）'!P484</f>
        <v>1</v>
      </c>
    </row>
    <row r="483" spans="1:10" ht="51.6" customHeight="1" x14ac:dyDescent="0.45">
      <c r="A483" s="6">
        <f>'申請書（複数入力用）'!A485</f>
        <v>479</v>
      </c>
      <c r="B483" s="13">
        <f>'申請書（複数入力用）'!AH485</f>
        <v>0</v>
      </c>
      <c r="C483" s="6">
        <f>'申請書（複数入力用）'!B485</f>
        <v>0</v>
      </c>
      <c r="D483" s="6">
        <f>'申請書（複数入力用）'!D485</f>
        <v>0</v>
      </c>
      <c r="E483" s="14">
        <f>'申請書（複数入力用）'!H485</f>
        <v>0</v>
      </c>
      <c r="F483" s="11" t="str">
        <f>'申請書（複数入力用）'!J485</f>
        <v/>
      </c>
      <c r="G483" s="6" t="str">
        <f>'申請書（複数入力用）'!K485</f>
        <v>a052r000000jS9ZAAU</v>
      </c>
      <c r="H483" s="12" t="e">
        <f>'申請書（複数入力用）'!N485</f>
        <v>#N/A</v>
      </c>
      <c r="I483" s="12" t="e">
        <f>'申請書（複数入力用）'!O485</f>
        <v>#N/A</v>
      </c>
      <c r="J483" s="12">
        <f>'申請書（複数入力用）'!P485</f>
        <v>1</v>
      </c>
    </row>
    <row r="484" spans="1:10" ht="51.6" customHeight="1" x14ac:dyDescent="0.45">
      <c r="A484" s="6">
        <f>'申請書（複数入力用）'!A486</f>
        <v>480</v>
      </c>
      <c r="B484" s="13">
        <f>'申請書（複数入力用）'!AH486</f>
        <v>0</v>
      </c>
      <c r="C484" s="6">
        <f>'申請書（複数入力用）'!B486</f>
        <v>0</v>
      </c>
      <c r="D484" s="6">
        <f>'申請書（複数入力用）'!D486</f>
        <v>0</v>
      </c>
      <c r="E484" s="14">
        <f>'申請書（複数入力用）'!H486</f>
        <v>0</v>
      </c>
      <c r="F484" s="11" t="str">
        <f>'申請書（複数入力用）'!J486</f>
        <v/>
      </c>
      <c r="G484" s="6" t="str">
        <f>'申請書（複数入力用）'!K486</f>
        <v>a052r000000jS9ZAAU</v>
      </c>
      <c r="H484" s="12" t="e">
        <f>'申請書（複数入力用）'!N486</f>
        <v>#N/A</v>
      </c>
      <c r="I484" s="12" t="e">
        <f>'申請書（複数入力用）'!O486</f>
        <v>#N/A</v>
      </c>
      <c r="J484" s="12">
        <f>'申請書（複数入力用）'!P486</f>
        <v>1</v>
      </c>
    </row>
    <row r="485" spans="1:10" ht="51.6" customHeight="1" x14ac:dyDescent="0.45">
      <c r="A485" s="6">
        <f>'申請書（複数入力用）'!A487</f>
        <v>481</v>
      </c>
      <c r="B485" s="13">
        <f>'申請書（複数入力用）'!AH487</f>
        <v>0</v>
      </c>
      <c r="C485" s="6">
        <f>'申請書（複数入力用）'!B487</f>
        <v>0</v>
      </c>
      <c r="D485" s="6">
        <f>'申請書（複数入力用）'!D487</f>
        <v>0</v>
      </c>
      <c r="E485" s="14">
        <f>'申請書（複数入力用）'!H487</f>
        <v>0</v>
      </c>
      <c r="F485" s="11" t="str">
        <f>'申請書（複数入力用）'!J487</f>
        <v/>
      </c>
      <c r="G485" s="6" t="str">
        <f>'申請書（複数入力用）'!K487</f>
        <v>a052r000000jS9ZAAU</v>
      </c>
      <c r="H485" s="12" t="e">
        <f>'申請書（複数入力用）'!N487</f>
        <v>#N/A</v>
      </c>
      <c r="I485" s="12" t="e">
        <f>'申請書（複数入力用）'!O487</f>
        <v>#N/A</v>
      </c>
      <c r="J485" s="12">
        <f>'申請書（複数入力用）'!P487</f>
        <v>1</v>
      </c>
    </row>
    <row r="486" spans="1:10" ht="51.6" customHeight="1" x14ac:dyDescent="0.45">
      <c r="A486" s="6">
        <f>'申請書（複数入力用）'!A488</f>
        <v>482</v>
      </c>
      <c r="B486" s="13">
        <f>'申請書（複数入力用）'!AH488</f>
        <v>0</v>
      </c>
      <c r="C486" s="6">
        <f>'申請書（複数入力用）'!B488</f>
        <v>0</v>
      </c>
      <c r="D486" s="6">
        <f>'申請書（複数入力用）'!D488</f>
        <v>0</v>
      </c>
      <c r="E486" s="14">
        <f>'申請書（複数入力用）'!H488</f>
        <v>0</v>
      </c>
      <c r="F486" s="11" t="str">
        <f>'申請書（複数入力用）'!J488</f>
        <v/>
      </c>
      <c r="G486" s="6" t="str">
        <f>'申請書（複数入力用）'!K488</f>
        <v>a052r000000jS9ZAAU</v>
      </c>
      <c r="H486" s="12" t="e">
        <f>'申請書（複数入力用）'!N488</f>
        <v>#N/A</v>
      </c>
      <c r="I486" s="12" t="e">
        <f>'申請書（複数入力用）'!O488</f>
        <v>#N/A</v>
      </c>
      <c r="J486" s="12">
        <f>'申請書（複数入力用）'!P488</f>
        <v>1</v>
      </c>
    </row>
    <row r="487" spans="1:10" ht="51.6" customHeight="1" x14ac:dyDescent="0.45">
      <c r="A487" s="6">
        <f>'申請書（複数入力用）'!A489</f>
        <v>483</v>
      </c>
      <c r="B487" s="13">
        <f>'申請書（複数入力用）'!AH489</f>
        <v>0</v>
      </c>
      <c r="C487" s="6">
        <f>'申請書（複数入力用）'!B489</f>
        <v>0</v>
      </c>
      <c r="D487" s="6">
        <f>'申請書（複数入力用）'!D489</f>
        <v>0</v>
      </c>
      <c r="E487" s="14">
        <f>'申請書（複数入力用）'!H489</f>
        <v>0</v>
      </c>
      <c r="F487" s="11" t="str">
        <f>'申請書（複数入力用）'!J489</f>
        <v/>
      </c>
      <c r="G487" s="6" t="str">
        <f>'申請書（複数入力用）'!K489</f>
        <v>a052r000000jS9ZAAU</v>
      </c>
      <c r="H487" s="12" t="e">
        <f>'申請書（複数入力用）'!N489</f>
        <v>#N/A</v>
      </c>
      <c r="I487" s="12" t="e">
        <f>'申請書（複数入力用）'!O489</f>
        <v>#N/A</v>
      </c>
      <c r="J487" s="12">
        <f>'申請書（複数入力用）'!P489</f>
        <v>1</v>
      </c>
    </row>
    <row r="488" spans="1:10" ht="51.6" customHeight="1" x14ac:dyDescent="0.45">
      <c r="A488" s="6">
        <f>'申請書（複数入力用）'!A490</f>
        <v>484</v>
      </c>
      <c r="B488" s="13">
        <f>'申請書（複数入力用）'!AH490</f>
        <v>0</v>
      </c>
      <c r="C488" s="6">
        <f>'申請書（複数入力用）'!B490</f>
        <v>0</v>
      </c>
      <c r="D488" s="6">
        <f>'申請書（複数入力用）'!D490</f>
        <v>0</v>
      </c>
      <c r="E488" s="14">
        <f>'申請書（複数入力用）'!H490</f>
        <v>0</v>
      </c>
      <c r="F488" s="11" t="str">
        <f>'申請書（複数入力用）'!J490</f>
        <v/>
      </c>
      <c r="G488" s="6" t="str">
        <f>'申請書（複数入力用）'!K490</f>
        <v>a052r000000jS9ZAAU</v>
      </c>
      <c r="H488" s="12" t="e">
        <f>'申請書（複数入力用）'!N490</f>
        <v>#N/A</v>
      </c>
      <c r="I488" s="12" t="e">
        <f>'申請書（複数入力用）'!O490</f>
        <v>#N/A</v>
      </c>
      <c r="J488" s="12">
        <f>'申請書（複数入力用）'!P490</f>
        <v>1</v>
      </c>
    </row>
    <row r="489" spans="1:10" ht="51.6" customHeight="1" x14ac:dyDescent="0.45">
      <c r="A489" s="6">
        <f>'申請書（複数入力用）'!A491</f>
        <v>485</v>
      </c>
      <c r="B489" s="13">
        <f>'申請書（複数入力用）'!AH491</f>
        <v>0</v>
      </c>
      <c r="C489" s="6">
        <f>'申請書（複数入力用）'!B491</f>
        <v>0</v>
      </c>
      <c r="D489" s="6">
        <f>'申請書（複数入力用）'!D491</f>
        <v>0</v>
      </c>
      <c r="E489" s="14">
        <f>'申請書（複数入力用）'!H491</f>
        <v>0</v>
      </c>
      <c r="F489" s="11" t="str">
        <f>'申請書（複数入力用）'!J491</f>
        <v/>
      </c>
      <c r="G489" s="6" t="str">
        <f>'申請書（複数入力用）'!K491</f>
        <v>a052r000000jS9ZAAU</v>
      </c>
      <c r="H489" s="12" t="e">
        <f>'申請書（複数入力用）'!N491</f>
        <v>#N/A</v>
      </c>
      <c r="I489" s="12" t="e">
        <f>'申請書（複数入力用）'!O491</f>
        <v>#N/A</v>
      </c>
      <c r="J489" s="12">
        <f>'申請書（複数入力用）'!P491</f>
        <v>1</v>
      </c>
    </row>
    <row r="490" spans="1:10" ht="51.6" customHeight="1" x14ac:dyDescent="0.45">
      <c r="A490" s="6">
        <f>'申請書（複数入力用）'!A492</f>
        <v>486</v>
      </c>
      <c r="B490" s="13">
        <f>'申請書（複数入力用）'!AH492</f>
        <v>0</v>
      </c>
      <c r="C490" s="6">
        <f>'申請書（複数入力用）'!B492</f>
        <v>0</v>
      </c>
      <c r="D490" s="6">
        <f>'申請書（複数入力用）'!D492</f>
        <v>0</v>
      </c>
      <c r="E490" s="14">
        <f>'申請書（複数入力用）'!H492</f>
        <v>0</v>
      </c>
      <c r="F490" s="11" t="str">
        <f>'申請書（複数入力用）'!J492</f>
        <v/>
      </c>
      <c r="G490" s="6" t="str">
        <f>'申請書（複数入力用）'!K492</f>
        <v>a052r000000jS9ZAAU</v>
      </c>
      <c r="H490" s="12" t="e">
        <f>'申請書（複数入力用）'!N492</f>
        <v>#N/A</v>
      </c>
      <c r="I490" s="12" t="e">
        <f>'申請書（複数入力用）'!O492</f>
        <v>#N/A</v>
      </c>
      <c r="J490" s="12">
        <f>'申請書（複数入力用）'!P492</f>
        <v>1</v>
      </c>
    </row>
    <row r="491" spans="1:10" ht="51.6" customHeight="1" x14ac:dyDescent="0.45">
      <c r="A491" s="6">
        <f>'申請書（複数入力用）'!A493</f>
        <v>487</v>
      </c>
      <c r="B491" s="13">
        <f>'申請書（複数入力用）'!AH493</f>
        <v>0</v>
      </c>
      <c r="C491" s="6">
        <f>'申請書（複数入力用）'!B493</f>
        <v>0</v>
      </c>
      <c r="D491" s="6">
        <f>'申請書（複数入力用）'!D493</f>
        <v>0</v>
      </c>
      <c r="E491" s="14">
        <f>'申請書（複数入力用）'!H493</f>
        <v>0</v>
      </c>
      <c r="F491" s="11" t="str">
        <f>'申請書（複数入力用）'!J493</f>
        <v/>
      </c>
      <c r="G491" s="6" t="str">
        <f>'申請書（複数入力用）'!K493</f>
        <v>a052r000000jS9ZAAU</v>
      </c>
      <c r="H491" s="12" t="e">
        <f>'申請書（複数入力用）'!N493</f>
        <v>#N/A</v>
      </c>
      <c r="I491" s="12" t="e">
        <f>'申請書（複数入力用）'!O493</f>
        <v>#N/A</v>
      </c>
      <c r="J491" s="12">
        <f>'申請書（複数入力用）'!P493</f>
        <v>1</v>
      </c>
    </row>
    <row r="492" spans="1:10" ht="51.6" customHeight="1" x14ac:dyDescent="0.45">
      <c r="A492" s="6">
        <f>'申請書（複数入力用）'!A494</f>
        <v>488</v>
      </c>
      <c r="B492" s="13">
        <f>'申請書（複数入力用）'!AH494</f>
        <v>0</v>
      </c>
      <c r="C492" s="6">
        <f>'申請書（複数入力用）'!B494</f>
        <v>0</v>
      </c>
      <c r="D492" s="6">
        <f>'申請書（複数入力用）'!D494</f>
        <v>0</v>
      </c>
      <c r="E492" s="14">
        <f>'申請書（複数入力用）'!H494</f>
        <v>0</v>
      </c>
      <c r="F492" s="11" t="str">
        <f>'申請書（複数入力用）'!J494</f>
        <v/>
      </c>
      <c r="G492" s="6" t="str">
        <f>'申請書（複数入力用）'!K494</f>
        <v>a052r000000jS9ZAAU</v>
      </c>
      <c r="H492" s="12" t="e">
        <f>'申請書（複数入力用）'!N494</f>
        <v>#N/A</v>
      </c>
      <c r="I492" s="12" t="e">
        <f>'申請書（複数入力用）'!O494</f>
        <v>#N/A</v>
      </c>
      <c r="J492" s="12">
        <f>'申請書（複数入力用）'!P494</f>
        <v>1</v>
      </c>
    </row>
    <row r="493" spans="1:10" ht="51.6" customHeight="1" x14ac:dyDescent="0.45">
      <c r="A493" s="6">
        <f>'申請書（複数入力用）'!A495</f>
        <v>489</v>
      </c>
      <c r="B493" s="13">
        <f>'申請書（複数入力用）'!AH495</f>
        <v>0</v>
      </c>
      <c r="C493" s="6">
        <f>'申請書（複数入力用）'!B495</f>
        <v>0</v>
      </c>
      <c r="D493" s="6">
        <f>'申請書（複数入力用）'!D495</f>
        <v>0</v>
      </c>
      <c r="E493" s="14">
        <f>'申請書（複数入力用）'!H495</f>
        <v>0</v>
      </c>
      <c r="F493" s="11" t="str">
        <f>'申請書（複数入力用）'!J495</f>
        <v/>
      </c>
      <c r="G493" s="6" t="str">
        <f>'申請書（複数入力用）'!K495</f>
        <v>a052r000000jS9ZAAU</v>
      </c>
      <c r="H493" s="12" t="e">
        <f>'申請書（複数入力用）'!N495</f>
        <v>#N/A</v>
      </c>
      <c r="I493" s="12" t="e">
        <f>'申請書（複数入力用）'!O495</f>
        <v>#N/A</v>
      </c>
      <c r="J493" s="12">
        <f>'申請書（複数入力用）'!P495</f>
        <v>1</v>
      </c>
    </row>
    <row r="494" spans="1:10" ht="51.6" customHeight="1" x14ac:dyDescent="0.45">
      <c r="A494" s="6">
        <f>'申請書（複数入力用）'!A496</f>
        <v>490</v>
      </c>
      <c r="B494" s="13">
        <f>'申請書（複数入力用）'!AH496</f>
        <v>0</v>
      </c>
      <c r="C494" s="6">
        <f>'申請書（複数入力用）'!B496</f>
        <v>0</v>
      </c>
      <c r="D494" s="6">
        <f>'申請書（複数入力用）'!D496</f>
        <v>0</v>
      </c>
      <c r="E494" s="14">
        <f>'申請書（複数入力用）'!H496</f>
        <v>0</v>
      </c>
      <c r="F494" s="11" t="str">
        <f>'申請書（複数入力用）'!J496</f>
        <v/>
      </c>
      <c r="G494" s="6" t="str">
        <f>'申請書（複数入力用）'!K496</f>
        <v>a052r000000jS9ZAAU</v>
      </c>
      <c r="H494" s="12" t="e">
        <f>'申請書（複数入力用）'!N496</f>
        <v>#N/A</v>
      </c>
      <c r="I494" s="12" t="e">
        <f>'申請書（複数入力用）'!O496</f>
        <v>#N/A</v>
      </c>
      <c r="J494" s="12">
        <f>'申請書（複数入力用）'!P496</f>
        <v>1</v>
      </c>
    </row>
    <row r="495" spans="1:10" ht="51.6" customHeight="1" x14ac:dyDescent="0.45">
      <c r="A495" s="6">
        <f>'申請書（複数入力用）'!A497</f>
        <v>491</v>
      </c>
      <c r="B495" s="13">
        <f>'申請書（複数入力用）'!AH497</f>
        <v>0</v>
      </c>
      <c r="C495" s="6">
        <f>'申請書（複数入力用）'!B497</f>
        <v>0</v>
      </c>
      <c r="D495" s="6">
        <f>'申請書（複数入力用）'!D497</f>
        <v>0</v>
      </c>
      <c r="E495" s="14">
        <f>'申請書（複数入力用）'!H497</f>
        <v>0</v>
      </c>
      <c r="F495" s="11" t="str">
        <f>'申請書（複数入力用）'!J497</f>
        <v/>
      </c>
      <c r="G495" s="6" t="str">
        <f>'申請書（複数入力用）'!K497</f>
        <v>a052r000000jS9ZAAU</v>
      </c>
      <c r="H495" s="12" t="e">
        <f>'申請書（複数入力用）'!N497</f>
        <v>#N/A</v>
      </c>
      <c r="I495" s="12" t="e">
        <f>'申請書（複数入力用）'!O497</f>
        <v>#N/A</v>
      </c>
      <c r="J495" s="12">
        <f>'申請書（複数入力用）'!P497</f>
        <v>1</v>
      </c>
    </row>
    <row r="496" spans="1:10" ht="51.6" customHeight="1" x14ac:dyDescent="0.45">
      <c r="A496" s="6">
        <f>'申請書（複数入力用）'!A498</f>
        <v>492</v>
      </c>
      <c r="B496" s="13">
        <f>'申請書（複数入力用）'!AH498</f>
        <v>0</v>
      </c>
      <c r="C496" s="6">
        <f>'申請書（複数入力用）'!B498</f>
        <v>0</v>
      </c>
      <c r="D496" s="6">
        <f>'申請書（複数入力用）'!D498</f>
        <v>0</v>
      </c>
      <c r="E496" s="14">
        <f>'申請書（複数入力用）'!H498</f>
        <v>0</v>
      </c>
      <c r="F496" s="11" t="str">
        <f>'申請書（複数入力用）'!J498</f>
        <v/>
      </c>
      <c r="G496" s="6" t="str">
        <f>'申請書（複数入力用）'!K498</f>
        <v>a052r000000jS9ZAAU</v>
      </c>
      <c r="H496" s="12" t="e">
        <f>'申請書（複数入力用）'!N498</f>
        <v>#N/A</v>
      </c>
      <c r="I496" s="12" t="e">
        <f>'申請書（複数入力用）'!O498</f>
        <v>#N/A</v>
      </c>
      <c r="J496" s="12">
        <f>'申請書（複数入力用）'!P498</f>
        <v>1</v>
      </c>
    </row>
    <row r="497" spans="1:10" ht="51.6" customHeight="1" x14ac:dyDescent="0.45">
      <c r="A497" s="6">
        <f>'申請書（複数入力用）'!A499</f>
        <v>493</v>
      </c>
      <c r="B497" s="13">
        <f>'申請書（複数入力用）'!AH499</f>
        <v>0</v>
      </c>
      <c r="C497" s="6">
        <f>'申請書（複数入力用）'!B499</f>
        <v>0</v>
      </c>
      <c r="D497" s="6">
        <f>'申請書（複数入力用）'!D499</f>
        <v>0</v>
      </c>
      <c r="E497" s="14">
        <f>'申請書（複数入力用）'!H499</f>
        <v>0</v>
      </c>
      <c r="F497" s="11" t="str">
        <f>'申請書（複数入力用）'!J499</f>
        <v/>
      </c>
      <c r="G497" s="6" t="str">
        <f>'申請書（複数入力用）'!K499</f>
        <v>a052r000000jS9ZAAU</v>
      </c>
      <c r="H497" s="12" t="e">
        <f>'申請書（複数入力用）'!N499</f>
        <v>#N/A</v>
      </c>
      <c r="I497" s="12" t="e">
        <f>'申請書（複数入力用）'!O499</f>
        <v>#N/A</v>
      </c>
      <c r="J497" s="12">
        <f>'申請書（複数入力用）'!P499</f>
        <v>1</v>
      </c>
    </row>
    <row r="498" spans="1:10" ht="51.6" customHeight="1" x14ac:dyDescent="0.45">
      <c r="A498" s="6">
        <f>'申請書（複数入力用）'!A500</f>
        <v>494</v>
      </c>
      <c r="B498" s="13">
        <f>'申請書（複数入力用）'!AH500</f>
        <v>0</v>
      </c>
      <c r="C498" s="6">
        <f>'申請書（複数入力用）'!B500</f>
        <v>0</v>
      </c>
      <c r="D498" s="6">
        <f>'申請書（複数入力用）'!D500</f>
        <v>0</v>
      </c>
      <c r="E498" s="14">
        <f>'申請書（複数入力用）'!H500</f>
        <v>0</v>
      </c>
      <c r="F498" s="11" t="str">
        <f>'申請書（複数入力用）'!J500</f>
        <v/>
      </c>
      <c r="G498" s="6" t="str">
        <f>'申請書（複数入力用）'!K500</f>
        <v>a052r000000jS9ZAAU</v>
      </c>
      <c r="H498" s="12" t="e">
        <f>'申請書（複数入力用）'!N500</f>
        <v>#N/A</v>
      </c>
      <c r="I498" s="12" t="e">
        <f>'申請書（複数入力用）'!O500</f>
        <v>#N/A</v>
      </c>
      <c r="J498" s="12">
        <f>'申請書（複数入力用）'!P500</f>
        <v>1</v>
      </c>
    </row>
    <row r="499" spans="1:10" ht="51.6" customHeight="1" x14ac:dyDescent="0.45">
      <c r="A499" s="6">
        <f>'申請書（複数入力用）'!A501</f>
        <v>495</v>
      </c>
      <c r="B499" s="13">
        <f>'申請書（複数入力用）'!AH501</f>
        <v>0</v>
      </c>
      <c r="C499" s="6">
        <f>'申請書（複数入力用）'!B501</f>
        <v>0</v>
      </c>
      <c r="D499" s="6">
        <f>'申請書（複数入力用）'!D501</f>
        <v>0</v>
      </c>
      <c r="E499" s="14">
        <f>'申請書（複数入力用）'!H501</f>
        <v>0</v>
      </c>
      <c r="F499" s="11" t="str">
        <f>'申請書（複数入力用）'!J501</f>
        <v/>
      </c>
      <c r="G499" s="6" t="str">
        <f>'申請書（複数入力用）'!K501</f>
        <v>a052r000000jS9ZAAU</v>
      </c>
      <c r="H499" s="12" t="e">
        <f>'申請書（複数入力用）'!N501</f>
        <v>#N/A</v>
      </c>
      <c r="I499" s="12" t="e">
        <f>'申請書（複数入力用）'!O501</f>
        <v>#N/A</v>
      </c>
      <c r="J499" s="12">
        <f>'申請書（複数入力用）'!P501</f>
        <v>1</v>
      </c>
    </row>
    <row r="500" spans="1:10" ht="51.6" customHeight="1" x14ac:dyDescent="0.45">
      <c r="A500" s="6">
        <f>'申請書（複数入力用）'!A502</f>
        <v>496</v>
      </c>
      <c r="B500" s="13">
        <f>'申請書（複数入力用）'!AH502</f>
        <v>0</v>
      </c>
      <c r="C500" s="6">
        <f>'申請書（複数入力用）'!B502</f>
        <v>0</v>
      </c>
      <c r="D500" s="6">
        <f>'申請書（複数入力用）'!D502</f>
        <v>0</v>
      </c>
      <c r="E500" s="14">
        <f>'申請書（複数入力用）'!H502</f>
        <v>0</v>
      </c>
      <c r="F500" s="11" t="str">
        <f>'申請書（複数入力用）'!J502</f>
        <v/>
      </c>
      <c r="G500" s="6" t="str">
        <f>'申請書（複数入力用）'!K502</f>
        <v>a052r000000jS9ZAAU</v>
      </c>
      <c r="H500" s="12" t="e">
        <f>'申請書（複数入力用）'!N502</f>
        <v>#N/A</v>
      </c>
      <c r="I500" s="12" t="e">
        <f>'申請書（複数入力用）'!O502</f>
        <v>#N/A</v>
      </c>
      <c r="J500" s="12">
        <f>'申請書（複数入力用）'!P502</f>
        <v>1</v>
      </c>
    </row>
    <row r="501" spans="1:10" ht="51.6" customHeight="1" x14ac:dyDescent="0.45">
      <c r="A501" s="6">
        <f>'申請書（複数入力用）'!A503</f>
        <v>497</v>
      </c>
      <c r="B501" s="13">
        <f>'申請書（複数入力用）'!AH503</f>
        <v>0</v>
      </c>
      <c r="C501" s="6">
        <f>'申請書（複数入力用）'!B503</f>
        <v>0</v>
      </c>
      <c r="D501" s="6">
        <f>'申請書（複数入力用）'!D503</f>
        <v>0</v>
      </c>
      <c r="E501" s="14">
        <f>'申請書（複数入力用）'!H503</f>
        <v>0</v>
      </c>
      <c r="F501" s="11" t="str">
        <f>'申請書（複数入力用）'!J503</f>
        <v/>
      </c>
      <c r="G501" s="6" t="str">
        <f>'申請書（複数入力用）'!K503</f>
        <v>a052r000000jS9ZAAU</v>
      </c>
      <c r="H501" s="12" t="e">
        <f>'申請書（複数入力用）'!N503</f>
        <v>#N/A</v>
      </c>
      <c r="I501" s="12" t="e">
        <f>'申請書（複数入力用）'!O503</f>
        <v>#N/A</v>
      </c>
      <c r="J501" s="12">
        <f>'申請書（複数入力用）'!P503</f>
        <v>1</v>
      </c>
    </row>
    <row r="502" spans="1:10" ht="51.6" customHeight="1" x14ac:dyDescent="0.45">
      <c r="A502" s="6">
        <f>'申請書（複数入力用）'!A504</f>
        <v>498</v>
      </c>
      <c r="B502" s="13">
        <f>'申請書（複数入力用）'!AH504</f>
        <v>0</v>
      </c>
      <c r="C502" s="6">
        <f>'申請書（複数入力用）'!B504</f>
        <v>0</v>
      </c>
      <c r="D502" s="6">
        <f>'申請書（複数入力用）'!D504</f>
        <v>0</v>
      </c>
      <c r="E502" s="14">
        <f>'申請書（複数入力用）'!H504</f>
        <v>0</v>
      </c>
      <c r="F502" s="11" t="str">
        <f>'申請書（複数入力用）'!J504</f>
        <v/>
      </c>
      <c r="G502" s="6" t="str">
        <f>'申請書（複数入力用）'!K504</f>
        <v>a052r000000jS9ZAAU</v>
      </c>
      <c r="H502" s="12" t="e">
        <f>'申請書（複数入力用）'!N504</f>
        <v>#N/A</v>
      </c>
      <c r="I502" s="12" t="e">
        <f>'申請書（複数入力用）'!O504</f>
        <v>#N/A</v>
      </c>
      <c r="J502" s="12">
        <f>'申請書（複数入力用）'!P504</f>
        <v>1</v>
      </c>
    </row>
    <row r="503" spans="1:10" ht="51.6" customHeight="1" x14ac:dyDescent="0.45">
      <c r="A503" s="6">
        <f>'申請書（複数入力用）'!A505</f>
        <v>499</v>
      </c>
      <c r="B503" s="13">
        <f>'申請書（複数入力用）'!AH505</f>
        <v>0</v>
      </c>
      <c r="C503" s="6">
        <f>'申請書（複数入力用）'!B505</f>
        <v>0</v>
      </c>
      <c r="D503" s="6">
        <f>'申請書（複数入力用）'!D505</f>
        <v>0</v>
      </c>
      <c r="E503" s="14">
        <f>'申請書（複数入力用）'!H505</f>
        <v>0</v>
      </c>
      <c r="F503" s="11" t="str">
        <f>'申請書（複数入力用）'!J505</f>
        <v/>
      </c>
      <c r="G503" s="6" t="str">
        <f>'申請書（複数入力用）'!K505</f>
        <v>a052r000000jS9ZAAU</v>
      </c>
      <c r="H503" s="12" t="e">
        <f>'申請書（複数入力用）'!N505</f>
        <v>#N/A</v>
      </c>
      <c r="I503" s="12" t="e">
        <f>'申請書（複数入力用）'!O505</f>
        <v>#N/A</v>
      </c>
      <c r="J503" s="12">
        <f>'申請書（複数入力用）'!P505</f>
        <v>1</v>
      </c>
    </row>
    <row r="504" spans="1:10" ht="51.6" customHeight="1" x14ac:dyDescent="0.45">
      <c r="A504" s="6">
        <f>'申請書（複数入力用）'!A506</f>
        <v>500</v>
      </c>
      <c r="B504" s="13">
        <f>'申請書（複数入力用）'!AH506</f>
        <v>0</v>
      </c>
      <c r="C504" s="6">
        <f>'申請書（複数入力用）'!B506</f>
        <v>0</v>
      </c>
      <c r="D504" s="6">
        <f>'申請書（複数入力用）'!D506</f>
        <v>0</v>
      </c>
      <c r="E504" s="14">
        <f>'申請書（複数入力用）'!H506</f>
        <v>0</v>
      </c>
      <c r="F504" s="11" t="str">
        <f>'申請書（複数入力用）'!J506</f>
        <v/>
      </c>
      <c r="G504" s="6" t="str">
        <f>'申請書（複数入力用）'!K506</f>
        <v>a052r000000jS9ZAAU</v>
      </c>
      <c r="H504" s="12" t="e">
        <f>'申請書（複数入力用）'!N506</f>
        <v>#N/A</v>
      </c>
      <c r="I504" s="12" t="e">
        <f>'申請書（複数入力用）'!O506</f>
        <v>#N/A</v>
      </c>
      <c r="J504" s="12">
        <f>'申請書（複数入力用）'!P506</f>
        <v>1</v>
      </c>
    </row>
    <row r="505" spans="1:10" ht="51.6" customHeight="1" x14ac:dyDescent="0.45">
      <c r="A505" s="6">
        <f>'申請書（複数入力用）'!A507</f>
        <v>501</v>
      </c>
      <c r="B505" s="13">
        <f>'申請書（複数入力用）'!AH507</f>
        <v>0</v>
      </c>
      <c r="C505" s="6">
        <f>'申請書（複数入力用）'!B507</f>
        <v>0</v>
      </c>
      <c r="D505" s="6">
        <f>'申請書（複数入力用）'!D507</f>
        <v>0</v>
      </c>
      <c r="E505" s="14">
        <f>'申請書（複数入力用）'!H507</f>
        <v>0</v>
      </c>
      <c r="F505" s="11" t="str">
        <f>'申請書（複数入力用）'!J507</f>
        <v/>
      </c>
      <c r="G505" s="6" t="str">
        <f>'申請書（複数入力用）'!K507</f>
        <v>a052r000000jS9ZAAU</v>
      </c>
      <c r="H505" s="12" t="e">
        <f>'申請書（複数入力用）'!N507</f>
        <v>#N/A</v>
      </c>
      <c r="I505" s="12" t="e">
        <f>'申請書（複数入力用）'!O507</f>
        <v>#N/A</v>
      </c>
      <c r="J505" s="12">
        <f>'申請書（複数入力用）'!P507</f>
        <v>1</v>
      </c>
    </row>
    <row r="506" spans="1:10" ht="51.6" customHeight="1" x14ac:dyDescent="0.45">
      <c r="A506" s="6">
        <f>'申請書（複数入力用）'!A508</f>
        <v>502</v>
      </c>
      <c r="B506" s="13">
        <f>'申請書（複数入力用）'!AH508</f>
        <v>0</v>
      </c>
      <c r="C506" s="6">
        <f>'申請書（複数入力用）'!B508</f>
        <v>0</v>
      </c>
      <c r="D506" s="6">
        <f>'申請書（複数入力用）'!D508</f>
        <v>0</v>
      </c>
      <c r="E506" s="14">
        <f>'申請書（複数入力用）'!H508</f>
        <v>0</v>
      </c>
      <c r="F506" s="11" t="str">
        <f>'申請書（複数入力用）'!J508</f>
        <v/>
      </c>
      <c r="G506" s="6" t="str">
        <f>'申請書（複数入力用）'!K508</f>
        <v>a052r000000jS9ZAAU</v>
      </c>
      <c r="H506" s="12" t="e">
        <f>'申請書（複数入力用）'!N508</f>
        <v>#N/A</v>
      </c>
      <c r="I506" s="12" t="e">
        <f>'申請書（複数入力用）'!O508</f>
        <v>#N/A</v>
      </c>
      <c r="J506" s="12">
        <f>'申請書（複数入力用）'!P508</f>
        <v>1</v>
      </c>
    </row>
    <row r="507" spans="1:10" ht="51.6" customHeight="1" x14ac:dyDescent="0.45">
      <c r="A507" s="6">
        <f>'申請書（複数入力用）'!A509</f>
        <v>503</v>
      </c>
      <c r="B507" s="13">
        <f>'申請書（複数入力用）'!AH509</f>
        <v>0</v>
      </c>
      <c r="C507" s="6">
        <f>'申請書（複数入力用）'!B509</f>
        <v>0</v>
      </c>
      <c r="D507" s="6">
        <f>'申請書（複数入力用）'!D509</f>
        <v>0</v>
      </c>
      <c r="E507" s="14">
        <f>'申請書（複数入力用）'!H509</f>
        <v>0</v>
      </c>
      <c r="F507" s="11" t="str">
        <f>'申請書（複数入力用）'!J509</f>
        <v/>
      </c>
      <c r="G507" s="6" t="str">
        <f>'申請書（複数入力用）'!K509</f>
        <v>a052r000000jS9ZAAU</v>
      </c>
      <c r="H507" s="12" t="e">
        <f>'申請書（複数入力用）'!N509</f>
        <v>#N/A</v>
      </c>
      <c r="I507" s="12" t="e">
        <f>'申請書（複数入力用）'!O509</f>
        <v>#N/A</v>
      </c>
      <c r="J507" s="12">
        <f>'申請書（複数入力用）'!P509</f>
        <v>1</v>
      </c>
    </row>
    <row r="508" spans="1:10" ht="51.6" customHeight="1" x14ac:dyDescent="0.45">
      <c r="A508" s="6">
        <f>'申請書（複数入力用）'!A510</f>
        <v>504</v>
      </c>
      <c r="B508" s="13">
        <f>'申請書（複数入力用）'!AH510</f>
        <v>0</v>
      </c>
      <c r="C508" s="6">
        <f>'申請書（複数入力用）'!B510</f>
        <v>0</v>
      </c>
      <c r="D508" s="6">
        <f>'申請書（複数入力用）'!D510</f>
        <v>0</v>
      </c>
      <c r="E508" s="14">
        <f>'申請書（複数入力用）'!H510</f>
        <v>0</v>
      </c>
      <c r="F508" s="11" t="str">
        <f>'申請書（複数入力用）'!J510</f>
        <v/>
      </c>
      <c r="G508" s="6" t="str">
        <f>'申請書（複数入力用）'!K510</f>
        <v>a052r000000jS9ZAAU</v>
      </c>
      <c r="H508" s="12" t="e">
        <f>'申請書（複数入力用）'!N510</f>
        <v>#N/A</v>
      </c>
      <c r="I508" s="12" t="e">
        <f>'申請書（複数入力用）'!O510</f>
        <v>#N/A</v>
      </c>
      <c r="J508" s="12">
        <f>'申請書（複数入力用）'!P510</f>
        <v>1</v>
      </c>
    </row>
    <row r="509" spans="1:10" ht="51.6" customHeight="1" x14ac:dyDescent="0.45">
      <c r="A509" s="6">
        <f>'申請書（複数入力用）'!A511</f>
        <v>505</v>
      </c>
      <c r="B509" s="13">
        <f>'申請書（複数入力用）'!AH511</f>
        <v>0</v>
      </c>
      <c r="C509" s="6">
        <f>'申請書（複数入力用）'!B511</f>
        <v>0</v>
      </c>
      <c r="D509" s="6">
        <f>'申請書（複数入力用）'!D511</f>
        <v>0</v>
      </c>
      <c r="E509" s="14">
        <f>'申請書（複数入力用）'!H511</f>
        <v>0</v>
      </c>
      <c r="F509" s="11" t="str">
        <f>'申請書（複数入力用）'!J511</f>
        <v/>
      </c>
      <c r="G509" s="6" t="str">
        <f>'申請書（複数入力用）'!K511</f>
        <v>a052r000000jS9ZAAU</v>
      </c>
      <c r="H509" s="12" t="e">
        <f>'申請書（複数入力用）'!N511</f>
        <v>#N/A</v>
      </c>
      <c r="I509" s="12" t="e">
        <f>'申請書（複数入力用）'!O511</f>
        <v>#N/A</v>
      </c>
      <c r="J509" s="12">
        <f>'申請書（複数入力用）'!P511</f>
        <v>1</v>
      </c>
    </row>
    <row r="510" spans="1:10" ht="51.6" customHeight="1" x14ac:dyDescent="0.45">
      <c r="A510" s="6">
        <f>'申請書（複数入力用）'!A512</f>
        <v>506</v>
      </c>
      <c r="B510" s="13">
        <f>'申請書（複数入力用）'!AH512</f>
        <v>0</v>
      </c>
      <c r="C510" s="6">
        <f>'申請書（複数入力用）'!B512</f>
        <v>0</v>
      </c>
      <c r="D510" s="6">
        <f>'申請書（複数入力用）'!D512</f>
        <v>0</v>
      </c>
      <c r="E510" s="14">
        <f>'申請書（複数入力用）'!H512</f>
        <v>0</v>
      </c>
      <c r="F510" s="11" t="str">
        <f>'申請書（複数入力用）'!J512</f>
        <v/>
      </c>
      <c r="G510" s="6" t="str">
        <f>'申請書（複数入力用）'!K512</f>
        <v>a052r000000jS9ZAAU</v>
      </c>
      <c r="H510" s="12" t="e">
        <f>'申請書（複数入力用）'!N512</f>
        <v>#N/A</v>
      </c>
      <c r="I510" s="12" t="e">
        <f>'申請書（複数入力用）'!O512</f>
        <v>#N/A</v>
      </c>
      <c r="J510" s="12">
        <f>'申請書（複数入力用）'!P512</f>
        <v>1</v>
      </c>
    </row>
    <row r="511" spans="1:10" ht="51.6" customHeight="1" x14ac:dyDescent="0.45">
      <c r="A511" s="6">
        <f>'申請書（複数入力用）'!A513</f>
        <v>507</v>
      </c>
      <c r="B511" s="13">
        <f>'申請書（複数入力用）'!AH513</f>
        <v>0</v>
      </c>
      <c r="C511" s="6">
        <f>'申請書（複数入力用）'!B513</f>
        <v>0</v>
      </c>
      <c r="D511" s="6">
        <f>'申請書（複数入力用）'!D513</f>
        <v>0</v>
      </c>
      <c r="E511" s="14">
        <f>'申請書（複数入力用）'!H513</f>
        <v>0</v>
      </c>
      <c r="F511" s="11" t="str">
        <f>'申請書（複数入力用）'!J513</f>
        <v/>
      </c>
      <c r="G511" s="6" t="str">
        <f>'申請書（複数入力用）'!K513</f>
        <v>a052r000000jS9ZAAU</v>
      </c>
      <c r="H511" s="12" t="e">
        <f>'申請書（複数入力用）'!N513</f>
        <v>#N/A</v>
      </c>
      <c r="I511" s="12" t="e">
        <f>'申請書（複数入力用）'!O513</f>
        <v>#N/A</v>
      </c>
      <c r="J511" s="12">
        <f>'申請書（複数入力用）'!P513</f>
        <v>1</v>
      </c>
    </row>
    <row r="512" spans="1:10" ht="51.6" customHeight="1" x14ac:dyDescent="0.45">
      <c r="A512" s="6">
        <f>'申請書（複数入力用）'!A514</f>
        <v>508</v>
      </c>
      <c r="B512" s="13">
        <f>'申請書（複数入力用）'!AH514</f>
        <v>0</v>
      </c>
      <c r="C512" s="6">
        <f>'申請書（複数入力用）'!B514</f>
        <v>0</v>
      </c>
      <c r="D512" s="6">
        <f>'申請書（複数入力用）'!D514</f>
        <v>0</v>
      </c>
      <c r="E512" s="14">
        <f>'申請書（複数入力用）'!H514</f>
        <v>0</v>
      </c>
      <c r="F512" s="11" t="str">
        <f>'申請書（複数入力用）'!J514</f>
        <v/>
      </c>
      <c r="G512" s="6" t="str">
        <f>'申請書（複数入力用）'!K514</f>
        <v>a052r000000jS9ZAAU</v>
      </c>
      <c r="H512" s="12" t="e">
        <f>'申請書（複数入力用）'!N514</f>
        <v>#N/A</v>
      </c>
      <c r="I512" s="12" t="e">
        <f>'申請書（複数入力用）'!O514</f>
        <v>#N/A</v>
      </c>
      <c r="J512" s="12">
        <f>'申請書（複数入力用）'!P514</f>
        <v>1</v>
      </c>
    </row>
    <row r="513" spans="1:10" ht="51.6" customHeight="1" x14ac:dyDescent="0.45">
      <c r="A513" s="6">
        <f>'申請書（複数入力用）'!A515</f>
        <v>509</v>
      </c>
      <c r="B513" s="13">
        <f>'申請書（複数入力用）'!AH515</f>
        <v>0</v>
      </c>
      <c r="C513" s="6">
        <f>'申請書（複数入力用）'!B515</f>
        <v>0</v>
      </c>
      <c r="D513" s="6">
        <f>'申請書（複数入力用）'!D515</f>
        <v>0</v>
      </c>
      <c r="E513" s="14">
        <f>'申請書（複数入力用）'!H515</f>
        <v>0</v>
      </c>
      <c r="F513" s="11" t="str">
        <f>'申請書（複数入力用）'!J515</f>
        <v/>
      </c>
      <c r="G513" s="6" t="str">
        <f>'申請書（複数入力用）'!K515</f>
        <v>a052r000000jS9ZAAU</v>
      </c>
      <c r="H513" s="12" t="e">
        <f>'申請書（複数入力用）'!N515</f>
        <v>#N/A</v>
      </c>
      <c r="I513" s="12" t="e">
        <f>'申請書（複数入力用）'!O515</f>
        <v>#N/A</v>
      </c>
      <c r="J513" s="12">
        <f>'申請書（複数入力用）'!P515</f>
        <v>1</v>
      </c>
    </row>
    <row r="514" spans="1:10" ht="51.6" customHeight="1" x14ac:dyDescent="0.45">
      <c r="A514" s="6">
        <f>'申請書（複数入力用）'!A516</f>
        <v>510</v>
      </c>
      <c r="B514" s="13">
        <f>'申請書（複数入力用）'!AH516</f>
        <v>0</v>
      </c>
      <c r="C514" s="6">
        <f>'申請書（複数入力用）'!B516</f>
        <v>0</v>
      </c>
      <c r="D514" s="6">
        <f>'申請書（複数入力用）'!D516</f>
        <v>0</v>
      </c>
      <c r="E514" s="14">
        <f>'申請書（複数入力用）'!H516</f>
        <v>0</v>
      </c>
      <c r="F514" s="11" t="str">
        <f>'申請書（複数入力用）'!J516</f>
        <v/>
      </c>
      <c r="G514" s="6" t="str">
        <f>'申請書（複数入力用）'!K516</f>
        <v>a052r000000jS9ZAAU</v>
      </c>
      <c r="H514" s="12" t="e">
        <f>'申請書（複数入力用）'!N516</f>
        <v>#N/A</v>
      </c>
      <c r="I514" s="12" t="e">
        <f>'申請書（複数入力用）'!O516</f>
        <v>#N/A</v>
      </c>
      <c r="J514" s="12">
        <f>'申請書（複数入力用）'!P516</f>
        <v>1</v>
      </c>
    </row>
    <row r="515" spans="1:10" ht="51.6" customHeight="1" x14ac:dyDescent="0.45">
      <c r="A515" s="6">
        <f>'申請書（複数入力用）'!A517</f>
        <v>511</v>
      </c>
      <c r="B515" s="13">
        <f>'申請書（複数入力用）'!AH517</f>
        <v>0</v>
      </c>
      <c r="C515" s="6">
        <f>'申請書（複数入力用）'!B517</f>
        <v>0</v>
      </c>
      <c r="D515" s="6">
        <f>'申請書（複数入力用）'!D517</f>
        <v>0</v>
      </c>
      <c r="E515" s="14">
        <f>'申請書（複数入力用）'!H517</f>
        <v>0</v>
      </c>
      <c r="F515" s="11" t="str">
        <f>'申請書（複数入力用）'!J517</f>
        <v/>
      </c>
      <c r="G515" s="6" t="str">
        <f>'申請書（複数入力用）'!K517</f>
        <v>a052r000000jS9ZAAU</v>
      </c>
      <c r="H515" s="12" t="e">
        <f>'申請書（複数入力用）'!N517</f>
        <v>#N/A</v>
      </c>
      <c r="I515" s="12" t="e">
        <f>'申請書（複数入力用）'!O517</f>
        <v>#N/A</v>
      </c>
      <c r="J515" s="12">
        <f>'申請書（複数入力用）'!P517</f>
        <v>1</v>
      </c>
    </row>
    <row r="516" spans="1:10" ht="51.6" customHeight="1" x14ac:dyDescent="0.45">
      <c r="A516" s="6">
        <f>'申請書（複数入力用）'!A518</f>
        <v>512</v>
      </c>
      <c r="B516" s="13">
        <f>'申請書（複数入力用）'!AH518</f>
        <v>0</v>
      </c>
      <c r="C516" s="6">
        <f>'申請書（複数入力用）'!B518</f>
        <v>0</v>
      </c>
      <c r="D516" s="6">
        <f>'申請書（複数入力用）'!D518</f>
        <v>0</v>
      </c>
      <c r="E516" s="14">
        <f>'申請書（複数入力用）'!H518</f>
        <v>0</v>
      </c>
      <c r="F516" s="11" t="str">
        <f>'申請書（複数入力用）'!J518</f>
        <v/>
      </c>
      <c r="G516" s="6" t="str">
        <f>'申請書（複数入力用）'!K518</f>
        <v>a052r000000jS9ZAAU</v>
      </c>
      <c r="H516" s="12" t="e">
        <f>'申請書（複数入力用）'!N518</f>
        <v>#N/A</v>
      </c>
      <c r="I516" s="12" t="e">
        <f>'申請書（複数入力用）'!O518</f>
        <v>#N/A</v>
      </c>
      <c r="J516" s="12">
        <f>'申請書（複数入力用）'!P518</f>
        <v>1</v>
      </c>
    </row>
    <row r="517" spans="1:10" ht="51.6" customHeight="1" x14ac:dyDescent="0.45">
      <c r="A517" s="6">
        <f>'申請書（複数入力用）'!A519</f>
        <v>513</v>
      </c>
      <c r="B517" s="13">
        <f>'申請書（複数入力用）'!AH519</f>
        <v>0</v>
      </c>
      <c r="C517" s="6">
        <f>'申請書（複数入力用）'!B519</f>
        <v>0</v>
      </c>
      <c r="D517" s="6">
        <f>'申請書（複数入力用）'!D519</f>
        <v>0</v>
      </c>
      <c r="E517" s="14">
        <f>'申請書（複数入力用）'!H519</f>
        <v>0</v>
      </c>
      <c r="F517" s="11" t="str">
        <f>'申請書（複数入力用）'!J519</f>
        <v/>
      </c>
      <c r="G517" s="6" t="str">
        <f>'申請書（複数入力用）'!K519</f>
        <v>a052r000000jS9ZAAU</v>
      </c>
      <c r="H517" s="12" t="e">
        <f>'申請書（複数入力用）'!N519</f>
        <v>#N/A</v>
      </c>
      <c r="I517" s="12" t="e">
        <f>'申請書（複数入力用）'!O519</f>
        <v>#N/A</v>
      </c>
      <c r="J517" s="12">
        <f>'申請書（複数入力用）'!P519</f>
        <v>1</v>
      </c>
    </row>
    <row r="518" spans="1:10" ht="51.6" customHeight="1" x14ac:dyDescent="0.45">
      <c r="A518" s="6">
        <f>'申請書（複数入力用）'!A520</f>
        <v>514</v>
      </c>
      <c r="B518" s="13">
        <f>'申請書（複数入力用）'!AH520</f>
        <v>0</v>
      </c>
      <c r="C518" s="6">
        <f>'申請書（複数入力用）'!B520</f>
        <v>0</v>
      </c>
      <c r="D518" s="6">
        <f>'申請書（複数入力用）'!D520</f>
        <v>0</v>
      </c>
      <c r="E518" s="14">
        <f>'申請書（複数入力用）'!H520</f>
        <v>0</v>
      </c>
      <c r="F518" s="11" t="str">
        <f>'申請書（複数入力用）'!J520</f>
        <v/>
      </c>
      <c r="G518" s="6" t="str">
        <f>'申請書（複数入力用）'!K520</f>
        <v>a052r000000jS9ZAAU</v>
      </c>
      <c r="H518" s="12" t="e">
        <f>'申請書（複数入力用）'!N520</f>
        <v>#N/A</v>
      </c>
      <c r="I518" s="12" t="e">
        <f>'申請書（複数入力用）'!O520</f>
        <v>#N/A</v>
      </c>
      <c r="J518" s="12">
        <f>'申請書（複数入力用）'!P520</f>
        <v>1</v>
      </c>
    </row>
    <row r="519" spans="1:10" ht="51.6" customHeight="1" x14ac:dyDescent="0.45">
      <c r="A519" s="6">
        <f>'申請書（複数入力用）'!A521</f>
        <v>515</v>
      </c>
      <c r="B519" s="13">
        <f>'申請書（複数入力用）'!AH521</f>
        <v>0</v>
      </c>
      <c r="C519" s="6">
        <f>'申請書（複数入力用）'!B521</f>
        <v>0</v>
      </c>
      <c r="D519" s="6">
        <f>'申請書（複数入力用）'!D521</f>
        <v>0</v>
      </c>
      <c r="E519" s="14">
        <f>'申請書（複数入力用）'!H521</f>
        <v>0</v>
      </c>
      <c r="F519" s="11" t="str">
        <f>'申請書（複数入力用）'!J521</f>
        <v/>
      </c>
      <c r="G519" s="6" t="str">
        <f>'申請書（複数入力用）'!K521</f>
        <v>a052r000000jS9ZAAU</v>
      </c>
      <c r="H519" s="12" t="e">
        <f>'申請書（複数入力用）'!N521</f>
        <v>#N/A</v>
      </c>
      <c r="I519" s="12" t="e">
        <f>'申請書（複数入力用）'!O521</f>
        <v>#N/A</v>
      </c>
      <c r="J519" s="12">
        <f>'申請書（複数入力用）'!P521</f>
        <v>1</v>
      </c>
    </row>
    <row r="520" spans="1:10" ht="51.6" customHeight="1" x14ac:dyDescent="0.45">
      <c r="A520" s="6">
        <f>'申請書（複数入力用）'!A522</f>
        <v>516</v>
      </c>
      <c r="B520" s="13">
        <f>'申請書（複数入力用）'!AH522</f>
        <v>0</v>
      </c>
      <c r="C520" s="6">
        <f>'申請書（複数入力用）'!B522</f>
        <v>0</v>
      </c>
      <c r="D520" s="6">
        <f>'申請書（複数入力用）'!D522</f>
        <v>0</v>
      </c>
      <c r="E520" s="14">
        <f>'申請書（複数入力用）'!H522</f>
        <v>0</v>
      </c>
      <c r="F520" s="11" t="str">
        <f>'申請書（複数入力用）'!J522</f>
        <v/>
      </c>
      <c r="G520" s="6" t="str">
        <f>'申請書（複数入力用）'!K522</f>
        <v>a052r000000jS9ZAAU</v>
      </c>
      <c r="H520" s="12" t="e">
        <f>'申請書（複数入力用）'!N522</f>
        <v>#N/A</v>
      </c>
      <c r="I520" s="12" t="e">
        <f>'申請書（複数入力用）'!O522</f>
        <v>#N/A</v>
      </c>
      <c r="J520" s="12">
        <f>'申請書（複数入力用）'!P522</f>
        <v>1</v>
      </c>
    </row>
    <row r="521" spans="1:10" ht="51.6" customHeight="1" x14ac:dyDescent="0.45">
      <c r="A521" s="6">
        <f>'申請書（複数入力用）'!A523</f>
        <v>517</v>
      </c>
      <c r="B521" s="13">
        <f>'申請書（複数入力用）'!AH523</f>
        <v>0</v>
      </c>
      <c r="C521" s="6">
        <f>'申請書（複数入力用）'!B523</f>
        <v>0</v>
      </c>
      <c r="D521" s="6">
        <f>'申請書（複数入力用）'!D523</f>
        <v>0</v>
      </c>
      <c r="E521" s="14">
        <f>'申請書（複数入力用）'!H523</f>
        <v>0</v>
      </c>
      <c r="F521" s="11" t="str">
        <f>'申請書（複数入力用）'!J523</f>
        <v/>
      </c>
      <c r="G521" s="6" t="str">
        <f>'申請書（複数入力用）'!K523</f>
        <v>a052r000000jS9ZAAU</v>
      </c>
      <c r="H521" s="12" t="e">
        <f>'申請書（複数入力用）'!N523</f>
        <v>#N/A</v>
      </c>
      <c r="I521" s="12" t="e">
        <f>'申請書（複数入力用）'!O523</f>
        <v>#N/A</v>
      </c>
      <c r="J521" s="12">
        <f>'申請書（複数入力用）'!P523</f>
        <v>1</v>
      </c>
    </row>
    <row r="522" spans="1:10" ht="51.6" customHeight="1" x14ac:dyDescent="0.45">
      <c r="A522" s="6">
        <f>'申請書（複数入力用）'!A524</f>
        <v>518</v>
      </c>
      <c r="B522" s="13">
        <f>'申請書（複数入力用）'!AH524</f>
        <v>0</v>
      </c>
      <c r="C522" s="6">
        <f>'申請書（複数入力用）'!B524</f>
        <v>0</v>
      </c>
      <c r="D522" s="6">
        <f>'申請書（複数入力用）'!D524</f>
        <v>0</v>
      </c>
      <c r="E522" s="14">
        <f>'申請書（複数入力用）'!H524</f>
        <v>0</v>
      </c>
      <c r="F522" s="11" t="str">
        <f>'申請書（複数入力用）'!J524</f>
        <v/>
      </c>
      <c r="G522" s="6" t="str">
        <f>'申請書（複数入力用）'!K524</f>
        <v>a052r000000jS9ZAAU</v>
      </c>
      <c r="H522" s="12" t="e">
        <f>'申請書（複数入力用）'!N524</f>
        <v>#N/A</v>
      </c>
      <c r="I522" s="12" t="e">
        <f>'申請書（複数入力用）'!O524</f>
        <v>#N/A</v>
      </c>
      <c r="J522" s="12">
        <f>'申請書（複数入力用）'!P524</f>
        <v>1</v>
      </c>
    </row>
    <row r="523" spans="1:10" ht="51.6" customHeight="1" x14ac:dyDescent="0.45">
      <c r="A523" s="6">
        <f>'申請書（複数入力用）'!A525</f>
        <v>519</v>
      </c>
      <c r="B523" s="13">
        <f>'申請書（複数入力用）'!AH525</f>
        <v>0</v>
      </c>
      <c r="C523" s="6">
        <f>'申請書（複数入力用）'!B525</f>
        <v>0</v>
      </c>
      <c r="D523" s="6">
        <f>'申請書（複数入力用）'!D525</f>
        <v>0</v>
      </c>
      <c r="E523" s="14">
        <f>'申請書（複数入力用）'!H525</f>
        <v>0</v>
      </c>
      <c r="F523" s="11" t="str">
        <f>'申請書（複数入力用）'!J525</f>
        <v/>
      </c>
      <c r="G523" s="6" t="str">
        <f>'申請書（複数入力用）'!K525</f>
        <v>a052r000000jS9ZAAU</v>
      </c>
      <c r="H523" s="12" t="e">
        <f>'申請書（複数入力用）'!N525</f>
        <v>#N/A</v>
      </c>
      <c r="I523" s="12" t="e">
        <f>'申請書（複数入力用）'!O525</f>
        <v>#N/A</v>
      </c>
      <c r="J523" s="12">
        <f>'申請書（複数入力用）'!P525</f>
        <v>1</v>
      </c>
    </row>
    <row r="524" spans="1:10" ht="51.6" customHeight="1" x14ac:dyDescent="0.45">
      <c r="A524" s="6">
        <f>'申請書（複数入力用）'!A526</f>
        <v>520</v>
      </c>
      <c r="B524" s="13">
        <f>'申請書（複数入力用）'!AH526</f>
        <v>0</v>
      </c>
      <c r="C524" s="6">
        <f>'申請書（複数入力用）'!B526</f>
        <v>0</v>
      </c>
      <c r="D524" s="6">
        <f>'申請書（複数入力用）'!D526</f>
        <v>0</v>
      </c>
      <c r="E524" s="14">
        <f>'申請書（複数入力用）'!H526</f>
        <v>0</v>
      </c>
      <c r="F524" s="11" t="str">
        <f>'申請書（複数入力用）'!J526</f>
        <v/>
      </c>
      <c r="G524" s="6" t="str">
        <f>'申請書（複数入力用）'!K526</f>
        <v>a052r000000jS9ZAAU</v>
      </c>
      <c r="H524" s="12" t="e">
        <f>'申請書（複数入力用）'!N526</f>
        <v>#N/A</v>
      </c>
      <c r="I524" s="12" t="e">
        <f>'申請書（複数入力用）'!O526</f>
        <v>#N/A</v>
      </c>
      <c r="J524" s="12">
        <f>'申請書（複数入力用）'!P526</f>
        <v>1</v>
      </c>
    </row>
    <row r="525" spans="1:10" ht="51.6" customHeight="1" x14ac:dyDescent="0.45">
      <c r="A525" s="6">
        <f>'申請書（複数入力用）'!A527</f>
        <v>521</v>
      </c>
      <c r="B525" s="13">
        <f>'申請書（複数入力用）'!AH527</f>
        <v>0</v>
      </c>
      <c r="C525" s="6">
        <f>'申請書（複数入力用）'!B527</f>
        <v>0</v>
      </c>
      <c r="D525" s="6">
        <f>'申請書（複数入力用）'!D527</f>
        <v>0</v>
      </c>
      <c r="E525" s="14">
        <f>'申請書（複数入力用）'!H527</f>
        <v>0</v>
      </c>
      <c r="F525" s="11" t="str">
        <f>'申請書（複数入力用）'!J527</f>
        <v/>
      </c>
      <c r="G525" s="6" t="str">
        <f>'申請書（複数入力用）'!K527</f>
        <v>a052r000000jS9ZAAU</v>
      </c>
      <c r="H525" s="12" t="e">
        <f>'申請書（複数入力用）'!N527</f>
        <v>#N/A</v>
      </c>
      <c r="I525" s="12" t="e">
        <f>'申請書（複数入力用）'!O527</f>
        <v>#N/A</v>
      </c>
      <c r="J525" s="12">
        <f>'申請書（複数入力用）'!P527</f>
        <v>1</v>
      </c>
    </row>
    <row r="526" spans="1:10" ht="51.6" customHeight="1" x14ac:dyDescent="0.45">
      <c r="A526" s="6">
        <f>'申請書（複数入力用）'!A528</f>
        <v>522</v>
      </c>
      <c r="B526" s="13">
        <f>'申請書（複数入力用）'!AH528</f>
        <v>0</v>
      </c>
      <c r="C526" s="6">
        <f>'申請書（複数入力用）'!B528</f>
        <v>0</v>
      </c>
      <c r="D526" s="6">
        <f>'申請書（複数入力用）'!D528</f>
        <v>0</v>
      </c>
      <c r="E526" s="14">
        <f>'申請書（複数入力用）'!H528</f>
        <v>0</v>
      </c>
      <c r="F526" s="11" t="str">
        <f>'申請書（複数入力用）'!J528</f>
        <v/>
      </c>
      <c r="G526" s="6" t="str">
        <f>'申請書（複数入力用）'!K528</f>
        <v>a052r000000jS9ZAAU</v>
      </c>
      <c r="H526" s="12" t="e">
        <f>'申請書（複数入力用）'!N528</f>
        <v>#N/A</v>
      </c>
      <c r="I526" s="12" t="e">
        <f>'申請書（複数入力用）'!O528</f>
        <v>#N/A</v>
      </c>
      <c r="J526" s="12">
        <f>'申請書（複数入力用）'!P528</f>
        <v>1</v>
      </c>
    </row>
    <row r="527" spans="1:10" ht="51.6" customHeight="1" x14ac:dyDescent="0.45">
      <c r="A527" s="6">
        <f>'申請書（複数入力用）'!A529</f>
        <v>523</v>
      </c>
      <c r="B527" s="13">
        <f>'申請書（複数入力用）'!AH529</f>
        <v>0</v>
      </c>
      <c r="C527" s="6">
        <f>'申請書（複数入力用）'!B529</f>
        <v>0</v>
      </c>
      <c r="D527" s="6">
        <f>'申請書（複数入力用）'!D529</f>
        <v>0</v>
      </c>
      <c r="E527" s="14">
        <f>'申請書（複数入力用）'!H529</f>
        <v>0</v>
      </c>
      <c r="F527" s="11" t="str">
        <f>'申請書（複数入力用）'!J529</f>
        <v/>
      </c>
      <c r="G527" s="6" t="str">
        <f>'申請書（複数入力用）'!K529</f>
        <v>a052r000000jS9ZAAU</v>
      </c>
      <c r="H527" s="12" t="e">
        <f>'申請書（複数入力用）'!N529</f>
        <v>#N/A</v>
      </c>
      <c r="I527" s="12" t="e">
        <f>'申請書（複数入力用）'!O529</f>
        <v>#N/A</v>
      </c>
      <c r="J527" s="12">
        <f>'申請書（複数入力用）'!P529</f>
        <v>1</v>
      </c>
    </row>
    <row r="528" spans="1:10" ht="51.6" customHeight="1" x14ac:dyDescent="0.45">
      <c r="A528" s="6">
        <f>'申請書（複数入力用）'!A530</f>
        <v>524</v>
      </c>
      <c r="B528" s="13">
        <f>'申請書（複数入力用）'!AH530</f>
        <v>0</v>
      </c>
      <c r="C528" s="6">
        <f>'申請書（複数入力用）'!B530</f>
        <v>0</v>
      </c>
      <c r="D528" s="6">
        <f>'申請書（複数入力用）'!D530</f>
        <v>0</v>
      </c>
      <c r="E528" s="14">
        <f>'申請書（複数入力用）'!H530</f>
        <v>0</v>
      </c>
      <c r="F528" s="11" t="str">
        <f>'申請書（複数入力用）'!J530</f>
        <v/>
      </c>
      <c r="G528" s="6" t="str">
        <f>'申請書（複数入力用）'!K530</f>
        <v>a052r000000jS9ZAAU</v>
      </c>
      <c r="H528" s="12" t="e">
        <f>'申請書（複数入力用）'!N530</f>
        <v>#N/A</v>
      </c>
      <c r="I528" s="12" t="e">
        <f>'申請書（複数入力用）'!O530</f>
        <v>#N/A</v>
      </c>
      <c r="J528" s="12">
        <f>'申請書（複数入力用）'!P530</f>
        <v>1</v>
      </c>
    </row>
    <row r="529" spans="1:10" ht="51.6" customHeight="1" x14ac:dyDescent="0.45">
      <c r="A529" s="6">
        <f>'申請書（複数入力用）'!A531</f>
        <v>525</v>
      </c>
      <c r="B529" s="13">
        <f>'申請書（複数入力用）'!AH531</f>
        <v>0</v>
      </c>
      <c r="C529" s="6">
        <f>'申請書（複数入力用）'!B531</f>
        <v>0</v>
      </c>
      <c r="D529" s="6">
        <f>'申請書（複数入力用）'!D531</f>
        <v>0</v>
      </c>
      <c r="E529" s="14">
        <f>'申請書（複数入力用）'!H531</f>
        <v>0</v>
      </c>
      <c r="F529" s="11" t="str">
        <f>'申請書（複数入力用）'!J531</f>
        <v/>
      </c>
      <c r="G529" s="6" t="str">
        <f>'申請書（複数入力用）'!K531</f>
        <v>a052r000000jS9ZAAU</v>
      </c>
      <c r="H529" s="12" t="e">
        <f>'申請書（複数入力用）'!N531</f>
        <v>#N/A</v>
      </c>
      <c r="I529" s="12" t="e">
        <f>'申請書（複数入力用）'!O531</f>
        <v>#N/A</v>
      </c>
      <c r="J529" s="12">
        <f>'申請書（複数入力用）'!P531</f>
        <v>1</v>
      </c>
    </row>
    <row r="530" spans="1:10" ht="51.6" customHeight="1" x14ac:dyDescent="0.45">
      <c r="A530" s="6">
        <f>'申請書（複数入力用）'!A532</f>
        <v>526</v>
      </c>
      <c r="B530" s="13">
        <f>'申請書（複数入力用）'!AH532</f>
        <v>0</v>
      </c>
      <c r="C530" s="6">
        <f>'申請書（複数入力用）'!B532</f>
        <v>0</v>
      </c>
      <c r="D530" s="6">
        <f>'申請書（複数入力用）'!D532</f>
        <v>0</v>
      </c>
      <c r="E530" s="14">
        <f>'申請書（複数入力用）'!H532</f>
        <v>0</v>
      </c>
      <c r="F530" s="11" t="str">
        <f>'申請書（複数入力用）'!J532</f>
        <v/>
      </c>
      <c r="G530" s="6" t="str">
        <f>'申請書（複数入力用）'!K532</f>
        <v>a052r000000jS9ZAAU</v>
      </c>
      <c r="H530" s="12" t="e">
        <f>'申請書（複数入力用）'!N532</f>
        <v>#N/A</v>
      </c>
      <c r="I530" s="12" t="e">
        <f>'申請書（複数入力用）'!O532</f>
        <v>#N/A</v>
      </c>
      <c r="J530" s="12">
        <f>'申請書（複数入力用）'!P532</f>
        <v>1</v>
      </c>
    </row>
    <row r="531" spans="1:10" ht="51.6" customHeight="1" x14ac:dyDescent="0.45">
      <c r="A531" s="6">
        <f>'申請書（複数入力用）'!A533</f>
        <v>527</v>
      </c>
      <c r="B531" s="13">
        <f>'申請書（複数入力用）'!AH533</f>
        <v>0</v>
      </c>
      <c r="C531" s="6">
        <f>'申請書（複数入力用）'!B533</f>
        <v>0</v>
      </c>
      <c r="D531" s="6">
        <f>'申請書（複数入力用）'!D533</f>
        <v>0</v>
      </c>
      <c r="E531" s="14">
        <f>'申請書（複数入力用）'!H533</f>
        <v>0</v>
      </c>
      <c r="F531" s="11" t="str">
        <f>'申請書（複数入力用）'!J533</f>
        <v/>
      </c>
      <c r="G531" s="6" t="str">
        <f>'申請書（複数入力用）'!K533</f>
        <v>a052r000000jS9ZAAU</v>
      </c>
      <c r="H531" s="12" t="e">
        <f>'申請書（複数入力用）'!N533</f>
        <v>#N/A</v>
      </c>
      <c r="I531" s="12" t="e">
        <f>'申請書（複数入力用）'!O533</f>
        <v>#N/A</v>
      </c>
      <c r="J531" s="12">
        <f>'申請書（複数入力用）'!P533</f>
        <v>1</v>
      </c>
    </row>
    <row r="532" spans="1:10" ht="51.6" customHeight="1" x14ac:dyDescent="0.45">
      <c r="A532" s="6">
        <f>'申請書（複数入力用）'!A534</f>
        <v>528</v>
      </c>
      <c r="B532" s="13">
        <f>'申請書（複数入力用）'!AH534</f>
        <v>0</v>
      </c>
      <c r="C532" s="6">
        <f>'申請書（複数入力用）'!B534</f>
        <v>0</v>
      </c>
      <c r="D532" s="6">
        <f>'申請書（複数入力用）'!D534</f>
        <v>0</v>
      </c>
      <c r="E532" s="14">
        <f>'申請書（複数入力用）'!H534</f>
        <v>0</v>
      </c>
      <c r="F532" s="11" t="str">
        <f>'申請書（複数入力用）'!J534</f>
        <v/>
      </c>
      <c r="G532" s="6" t="str">
        <f>'申請書（複数入力用）'!K534</f>
        <v>a052r000000jS9ZAAU</v>
      </c>
      <c r="H532" s="12" t="e">
        <f>'申請書（複数入力用）'!N534</f>
        <v>#N/A</v>
      </c>
      <c r="I532" s="12" t="e">
        <f>'申請書（複数入力用）'!O534</f>
        <v>#N/A</v>
      </c>
      <c r="J532" s="12">
        <f>'申請書（複数入力用）'!P534</f>
        <v>1</v>
      </c>
    </row>
    <row r="533" spans="1:10" ht="51.6" customHeight="1" x14ac:dyDescent="0.45">
      <c r="A533" s="6">
        <f>'申請書（複数入力用）'!A535</f>
        <v>529</v>
      </c>
      <c r="B533" s="13">
        <f>'申請書（複数入力用）'!AH535</f>
        <v>0</v>
      </c>
      <c r="C533" s="6">
        <f>'申請書（複数入力用）'!B535</f>
        <v>0</v>
      </c>
      <c r="D533" s="6">
        <f>'申請書（複数入力用）'!D535</f>
        <v>0</v>
      </c>
      <c r="E533" s="14">
        <f>'申請書（複数入力用）'!H535</f>
        <v>0</v>
      </c>
      <c r="F533" s="11" t="str">
        <f>'申請書（複数入力用）'!J535</f>
        <v/>
      </c>
      <c r="G533" s="6" t="str">
        <f>'申請書（複数入力用）'!K535</f>
        <v>a052r000000jS9ZAAU</v>
      </c>
      <c r="H533" s="12" t="e">
        <f>'申請書（複数入力用）'!N535</f>
        <v>#N/A</v>
      </c>
      <c r="I533" s="12" t="e">
        <f>'申請書（複数入力用）'!O535</f>
        <v>#N/A</v>
      </c>
      <c r="J533" s="12">
        <f>'申請書（複数入力用）'!P535</f>
        <v>1</v>
      </c>
    </row>
    <row r="534" spans="1:10" ht="51.6" customHeight="1" x14ac:dyDescent="0.45">
      <c r="A534" s="6">
        <f>'申請書（複数入力用）'!A536</f>
        <v>530</v>
      </c>
      <c r="B534" s="13">
        <f>'申請書（複数入力用）'!AH536</f>
        <v>0</v>
      </c>
      <c r="C534" s="6">
        <f>'申請書（複数入力用）'!B536</f>
        <v>0</v>
      </c>
      <c r="D534" s="6">
        <f>'申請書（複数入力用）'!D536</f>
        <v>0</v>
      </c>
      <c r="E534" s="14">
        <f>'申請書（複数入力用）'!H536</f>
        <v>0</v>
      </c>
      <c r="F534" s="11" t="str">
        <f>'申請書（複数入力用）'!J536</f>
        <v/>
      </c>
      <c r="G534" s="6" t="str">
        <f>'申請書（複数入力用）'!K536</f>
        <v>a052r000000jS9ZAAU</v>
      </c>
      <c r="H534" s="12" t="e">
        <f>'申請書（複数入力用）'!N536</f>
        <v>#N/A</v>
      </c>
      <c r="I534" s="12" t="e">
        <f>'申請書（複数入力用）'!O536</f>
        <v>#N/A</v>
      </c>
      <c r="J534" s="12">
        <f>'申請書（複数入力用）'!P536</f>
        <v>1</v>
      </c>
    </row>
    <row r="535" spans="1:10" ht="51.6" customHeight="1" x14ac:dyDescent="0.45">
      <c r="A535" s="6">
        <f>'申請書（複数入力用）'!A537</f>
        <v>531</v>
      </c>
      <c r="B535" s="13">
        <f>'申請書（複数入力用）'!AH537</f>
        <v>0</v>
      </c>
      <c r="C535" s="6">
        <f>'申請書（複数入力用）'!B537</f>
        <v>0</v>
      </c>
      <c r="D535" s="6">
        <f>'申請書（複数入力用）'!D537</f>
        <v>0</v>
      </c>
      <c r="E535" s="14">
        <f>'申請書（複数入力用）'!H537</f>
        <v>0</v>
      </c>
      <c r="F535" s="11" t="str">
        <f>'申請書（複数入力用）'!J537</f>
        <v/>
      </c>
      <c r="G535" s="6" t="str">
        <f>'申請書（複数入力用）'!K537</f>
        <v>a052r000000jS9ZAAU</v>
      </c>
      <c r="H535" s="12" t="e">
        <f>'申請書（複数入力用）'!N537</f>
        <v>#N/A</v>
      </c>
      <c r="I535" s="12" t="e">
        <f>'申請書（複数入力用）'!O537</f>
        <v>#N/A</v>
      </c>
      <c r="J535" s="12">
        <f>'申請書（複数入力用）'!P537</f>
        <v>1</v>
      </c>
    </row>
    <row r="536" spans="1:10" ht="51.6" customHeight="1" x14ac:dyDescent="0.45">
      <c r="A536" s="6">
        <f>'申請書（複数入力用）'!A538</f>
        <v>532</v>
      </c>
      <c r="B536" s="13">
        <f>'申請書（複数入力用）'!AH538</f>
        <v>0</v>
      </c>
      <c r="C536" s="6">
        <f>'申請書（複数入力用）'!B538</f>
        <v>0</v>
      </c>
      <c r="D536" s="6">
        <f>'申請書（複数入力用）'!D538</f>
        <v>0</v>
      </c>
      <c r="E536" s="14">
        <f>'申請書（複数入力用）'!H538</f>
        <v>0</v>
      </c>
      <c r="F536" s="11" t="str">
        <f>'申請書（複数入力用）'!J538</f>
        <v/>
      </c>
      <c r="G536" s="6" t="str">
        <f>'申請書（複数入力用）'!K538</f>
        <v>a052r000000jS9ZAAU</v>
      </c>
      <c r="H536" s="12" t="e">
        <f>'申請書（複数入力用）'!N538</f>
        <v>#N/A</v>
      </c>
      <c r="I536" s="12" t="e">
        <f>'申請書（複数入力用）'!O538</f>
        <v>#N/A</v>
      </c>
      <c r="J536" s="12">
        <f>'申請書（複数入力用）'!P538</f>
        <v>1</v>
      </c>
    </row>
    <row r="537" spans="1:10" ht="51.6" customHeight="1" x14ac:dyDescent="0.45">
      <c r="A537" s="6">
        <f>'申請書（複数入力用）'!A539</f>
        <v>533</v>
      </c>
      <c r="B537" s="13">
        <f>'申請書（複数入力用）'!AH539</f>
        <v>0</v>
      </c>
      <c r="C537" s="6">
        <f>'申請書（複数入力用）'!B539</f>
        <v>0</v>
      </c>
      <c r="D537" s="6">
        <f>'申請書（複数入力用）'!D539</f>
        <v>0</v>
      </c>
      <c r="E537" s="14">
        <f>'申請書（複数入力用）'!H539</f>
        <v>0</v>
      </c>
      <c r="F537" s="11" t="str">
        <f>'申請書（複数入力用）'!J539</f>
        <v/>
      </c>
      <c r="G537" s="6" t="str">
        <f>'申請書（複数入力用）'!K539</f>
        <v>a052r000000jS9ZAAU</v>
      </c>
      <c r="H537" s="12" t="e">
        <f>'申請書（複数入力用）'!N539</f>
        <v>#N/A</v>
      </c>
      <c r="I537" s="12" t="e">
        <f>'申請書（複数入力用）'!O539</f>
        <v>#N/A</v>
      </c>
      <c r="J537" s="12">
        <f>'申請書（複数入力用）'!P539</f>
        <v>1</v>
      </c>
    </row>
    <row r="538" spans="1:10" ht="51.6" customHeight="1" x14ac:dyDescent="0.45">
      <c r="A538" s="6">
        <f>'申請書（複数入力用）'!A540</f>
        <v>534</v>
      </c>
      <c r="B538" s="13">
        <f>'申請書（複数入力用）'!AH540</f>
        <v>0</v>
      </c>
      <c r="C538" s="6">
        <f>'申請書（複数入力用）'!B540</f>
        <v>0</v>
      </c>
      <c r="D538" s="6">
        <f>'申請書（複数入力用）'!D540</f>
        <v>0</v>
      </c>
      <c r="E538" s="14">
        <f>'申請書（複数入力用）'!H540</f>
        <v>0</v>
      </c>
      <c r="F538" s="11" t="str">
        <f>'申請書（複数入力用）'!J540</f>
        <v/>
      </c>
      <c r="G538" s="6" t="str">
        <f>'申請書（複数入力用）'!K540</f>
        <v>a052r000000jS9ZAAU</v>
      </c>
      <c r="H538" s="12" t="e">
        <f>'申請書（複数入力用）'!N540</f>
        <v>#N/A</v>
      </c>
      <c r="I538" s="12" t="e">
        <f>'申請書（複数入力用）'!O540</f>
        <v>#N/A</v>
      </c>
      <c r="J538" s="12">
        <f>'申請書（複数入力用）'!P540</f>
        <v>1</v>
      </c>
    </row>
    <row r="539" spans="1:10" ht="51.6" customHeight="1" x14ac:dyDescent="0.45">
      <c r="A539" s="6">
        <f>'申請書（複数入力用）'!A541</f>
        <v>535</v>
      </c>
      <c r="B539" s="13">
        <f>'申請書（複数入力用）'!AH541</f>
        <v>0</v>
      </c>
      <c r="C539" s="6">
        <f>'申請書（複数入力用）'!B541</f>
        <v>0</v>
      </c>
      <c r="D539" s="6">
        <f>'申請書（複数入力用）'!D541</f>
        <v>0</v>
      </c>
      <c r="E539" s="14">
        <f>'申請書（複数入力用）'!H541</f>
        <v>0</v>
      </c>
      <c r="F539" s="11" t="str">
        <f>'申請書（複数入力用）'!J541</f>
        <v/>
      </c>
      <c r="G539" s="6" t="str">
        <f>'申請書（複数入力用）'!K541</f>
        <v>a052r000000jS9ZAAU</v>
      </c>
      <c r="H539" s="12" t="e">
        <f>'申請書（複数入力用）'!N541</f>
        <v>#N/A</v>
      </c>
      <c r="I539" s="12" t="e">
        <f>'申請書（複数入力用）'!O541</f>
        <v>#N/A</v>
      </c>
      <c r="J539" s="12">
        <f>'申請書（複数入力用）'!P541</f>
        <v>1</v>
      </c>
    </row>
    <row r="540" spans="1:10" ht="51.6" customHeight="1" x14ac:dyDescent="0.45">
      <c r="A540" s="6">
        <f>'申請書（複数入力用）'!A542</f>
        <v>536</v>
      </c>
      <c r="B540" s="13">
        <f>'申請書（複数入力用）'!AH542</f>
        <v>0</v>
      </c>
      <c r="C540" s="6">
        <f>'申請書（複数入力用）'!B542</f>
        <v>0</v>
      </c>
      <c r="D540" s="6">
        <f>'申請書（複数入力用）'!D542</f>
        <v>0</v>
      </c>
      <c r="E540" s="14">
        <f>'申請書（複数入力用）'!H542</f>
        <v>0</v>
      </c>
      <c r="F540" s="11" t="str">
        <f>'申請書（複数入力用）'!J542</f>
        <v/>
      </c>
      <c r="G540" s="6" t="str">
        <f>'申請書（複数入力用）'!K542</f>
        <v>a052r000000jS9ZAAU</v>
      </c>
      <c r="H540" s="12" t="e">
        <f>'申請書（複数入力用）'!N542</f>
        <v>#N/A</v>
      </c>
      <c r="I540" s="12" t="e">
        <f>'申請書（複数入力用）'!O542</f>
        <v>#N/A</v>
      </c>
      <c r="J540" s="12">
        <f>'申請書（複数入力用）'!P542</f>
        <v>1</v>
      </c>
    </row>
    <row r="541" spans="1:10" ht="51.6" customHeight="1" x14ac:dyDescent="0.45">
      <c r="A541" s="6">
        <f>'申請書（複数入力用）'!A543</f>
        <v>537</v>
      </c>
      <c r="B541" s="13">
        <f>'申請書（複数入力用）'!AH543</f>
        <v>0</v>
      </c>
      <c r="C541" s="6">
        <f>'申請書（複数入力用）'!B543</f>
        <v>0</v>
      </c>
      <c r="D541" s="6">
        <f>'申請書（複数入力用）'!D543</f>
        <v>0</v>
      </c>
      <c r="E541" s="14">
        <f>'申請書（複数入力用）'!H543</f>
        <v>0</v>
      </c>
      <c r="F541" s="11" t="str">
        <f>'申請書（複数入力用）'!J543</f>
        <v/>
      </c>
      <c r="G541" s="6" t="str">
        <f>'申請書（複数入力用）'!K543</f>
        <v>a052r000000jS9ZAAU</v>
      </c>
      <c r="H541" s="12" t="e">
        <f>'申請書（複数入力用）'!N543</f>
        <v>#N/A</v>
      </c>
      <c r="I541" s="12" t="e">
        <f>'申請書（複数入力用）'!O543</f>
        <v>#N/A</v>
      </c>
      <c r="J541" s="12">
        <f>'申請書（複数入力用）'!P543</f>
        <v>1</v>
      </c>
    </row>
    <row r="542" spans="1:10" ht="51.6" customHeight="1" x14ac:dyDescent="0.45">
      <c r="A542" s="6">
        <f>'申請書（複数入力用）'!A544</f>
        <v>538</v>
      </c>
      <c r="B542" s="13">
        <f>'申請書（複数入力用）'!AH544</f>
        <v>0</v>
      </c>
      <c r="C542" s="6">
        <f>'申請書（複数入力用）'!B544</f>
        <v>0</v>
      </c>
      <c r="D542" s="6">
        <f>'申請書（複数入力用）'!D544</f>
        <v>0</v>
      </c>
      <c r="E542" s="14">
        <f>'申請書（複数入力用）'!H544</f>
        <v>0</v>
      </c>
      <c r="F542" s="11" t="str">
        <f>'申請書（複数入力用）'!J544</f>
        <v/>
      </c>
      <c r="G542" s="6" t="str">
        <f>'申請書（複数入力用）'!K544</f>
        <v>a052r000000jS9ZAAU</v>
      </c>
      <c r="H542" s="12" t="e">
        <f>'申請書（複数入力用）'!N544</f>
        <v>#N/A</v>
      </c>
      <c r="I542" s="12" t="e">
        <f>'申請書（複数入力用）'!O544</f>
        <v>#N/A</v>
      </c>
      <c r="J542" s="12">
        <f>'申請書（複数入力用）'!P544</f>
        <v>1</v>
      </c>
    </row>
    <row r="543" spans="1:10" ht="51.6" customHeight="1" x14ac:dyDescent="0.45">
      <c r="A543" s="6">
        <f>'申請書（複数入力用）'!A545</f>
        <v>539</v>
      </c>
      <c r="B543" s="13">
        <f>'申請書（複数入力用）'!AH545</f>
        <v>0</v>
      </c>
      <c r="C543" s="6">
        <f>'申請書（複数入力用）'!B545</f>
        <v>0</v>
      </c>
      <c r="D543" s="6">
        <f>'申請書（複数入力用）'!D545</f>
        <v>0</v>
      </c>
      <c r="E543" s="14">
        <f>'申請書（複数入力用）'!H545</f>
        <v>0</v>
      </c>
      <c r="F543" s="11" t="str">
        <f>'申請書（複数入力用）'!J545</f>
        <v/>
      </c>
      <c r="G543" s="6" t="str">
        <f>'申請書（複数入力用）'!K545</f>
        <v>a052r000000jS9ZAAU</v>
      </c>
      <c r="H543" s="12" t="e">
        <f>'申請書（複数入力用）'!N545</f>
        <v>#N/A</v>
      </c>
      <c r="I543" s="12" t="e">
        <f>'申請書（複数入力用）'!O545</f>
        <v>#N/A</v>
      </c>
      <c r="J543" s="12">
        <f>'申請書（複数入力用）'!P545</f>
        <v>1</v>
      </c>
    </row>
    <row r="544" spans="1:10" ht="51.6" customHeight="1" x14ac:dyDescent="0.45">
      <c r="A544" s="6">
        <f>'申請書（複数入力用）'!A546</f>
        <v>540</v>
      </c>
      <c r="B544" s="13">
        <f>'申請書（複数入力用）'!AH546</f>
        <v>0</v>
      </c>
      <c r="C544" s="6">
        <f>'申請書（複数入力用）'!B546</f>
        <v>0</v>
      </c>
      <c r="D544" s="6">
        <f>'申請書（複数入力用）'!D546</f>
        <v>0</v>
      </c>
      <c r="E544" s="14">
        <f>'申請書（複数入力用）'!H546</f>
        <v>0</v>
      </c>
      <c r="F544" s="11" t="str">
        <f>'申請書（複数入力用）'!J546</f>
        <v/>
      </c>
      <c r="G544" s="6" t="str">
        <f>'申請書（複数入力用）'!K546</f>
        <v>a052r000000jS9ZAAU</v>
      </c>
      <c r="H544" s="12" t="e">
        <f>'申請書（複数入力用）'!N546</f>
        <v>#N/A</v>
      </c>
      <c r="I544" s="12" t="e">
        <f>'申請書（複数入力用）'!O546</f>
        <v>#N/A</v>
      </c>
      <c r="J544" s="12">
        <f>'申請書（複数入力用）'!P546</f>
        <v>1</v>
      </c>
    </row>
    <row r="545" spans="1:10" ht="51.6" customHeight="1" x14ac:dyDescent="0.45">
      <c r="A545" s="6">
        <f>'申請書（複数入力用）'!A547</f>
        <v>541</v>
      </c>
      <c r="B545" s="13">
        <f>'申請書（複数入力用）'!AH547</f>
        <v>0</v>
      </c>
      <c r="C545" s="6">
        <f>'申請書（複数入力用）'!B547</f>
        <v>0</v>
      </c>
      <c r="D545" s="6">
        <f>'申請書（複数入力用）'!D547</f>
        <v>0</v>
      </c>
      <c r="E545" s="14">
        <f>'申請書（複数入力用）'!H547</f>
        <v>0</v>
      </c>
      <c r="F545" s="11" t="str">
        <f>'申請書（複数入力用）'!J547</f>
        <v/>
      </c>
      <c r="G545" s="6" t="str">
        <f>'申請書（複数入力用）'!K547</f>
        <v>a052r000000jS9ZAAU</v>
      </c>
      <c r="H545" s="12" t="e">
        <f>'申請書（複数入力用）'!N547</f>
        <v>#N/A</v>
      </c>
      <c r="I545" s="12" t="e">
        <f>'申請書（複数入力用）'!O547</f>
        <v>#N/A</v>
      </c>
      <c r="J545" s="12">
        <f>'申請書（複数入力用）'!P547</f>
        <v>1</v>
      </c>
    </row>
    <row r="546" spans="1:10" ht="51.6" customHeight="1" x14ac:dyDescent="0.45">
      <c r="A546" s="6">
        <f>'申請書（複数入力用）'!A548</f>
        <v>542</v>
      </c>
      <c r="B546" s="13">
        <f>'申請書（複数入力用）'!AH548</f>
        <v>0</v>
      </c>
      <c r="C546" s="6">
        <f>'申請書（複数入力用）'!B548</f>
        <v>0</v>
      </c>
      <c r="D546" s="6">
        <f>'申請書（複数入力用）'!D548</f>
        <v>0</v>
      </c>
      <c r="E546" s="14">
        <f>'申請書（複数入力用）'!H548</f>
        <v>0</v>
      </c>
      <c r="F546" s="11" t="str">
        <f>'申請書（複数入力用）'!J548</f>
        <v/>
      </c>
      <c r="G546" s="6" t="str">
        <f>'申請書（複数入力用）'!K548</f>
        <v>a052r000000jS9ZAAU</v>
      </c>
      <c r="H546" s="12" t="e">
        <f>'申請書（複数入力用）'!N548</f>
        <v>#N/A</v>
      </c>
      <c r="I546" s="12" t="e">
        <f>'申請書（複数入力用）'!O548</f>
        <v>#N/A</v>
      </c>
      <c r="J546" s="12">
        <f>'申請書（複数入力用）'!P548</f>
        <v>1</v>
      </c>
    </row>
    <row r="547" spans="1:10" ht="51.6" customHeight="1" x14ac:dyDescent="0.45">
      <c r="A547" s="6">
        <f>'申請書（複数入力用）'!A549</f>
        <v>543</v>
      </c>
      <c r="B547" s="13">
        <f>'申請書（複数入力用）'!AH549</f>
        <v>0</v>
      </c>
      <c r="C547" s="6">
        <f>'申請書（複数入力用）'!B549</f>
        <v>0</v>
      </c>
      <c r="D547" s="6">
        <f>'申請書（複数入力用）'!D549</f>
        <v>0</v>
      </c>
      <c r="E547" s="14">
        <f>'申請書（複数入力用）'!H549</f>
        <v>0</v>
      </c>
      <c r="F547" s="11" t="str">
        <f>'申請書（複数入力用）'!J549</f>
        <v/>
      </c>
      <c r="G547" s="6" t="str">
        <f>'申請書（複数入力用）'!K549</f>
        <v>a052r000000jS9ZAAU</v>
      </c>
      <c r="H547" s="12" t="e">
        <f>'申請書（複数入力用）'!N549</f>
        <v>#N/A</v>
      </c>
      <c r="I547" s="12" t="e">
        <f>'申請書（複数入力用）'!O549</f>
        <v>#N/A</v>
      </c>
      <c r="J547" s="12">
        <f>'申請書（複数入力用）'!P549</f>
        <v>1</v>
      </c>
    </row>
    <row r="548" spans="1:10" ht="51.6" customHeight="1" x14ac:dyDescent="0.45">
      <c r="A548" s="6">
        <f>'申請書（複数入力用）'!A550</f>
        <v>544</v>
      </c>
      <c r="B548" s="13">
        <f>'申請書（複数入力用）'!AH550</f>
        <v>0</v>
      </c>
      <c r="C548" s="6">
        <f>'申請書（複数入力用）'!B550</f>
        <v>0</v>
      </c>
      <c r="D548" s="6">
        <f>'申請書（複数入力用）'!D550</f>
        <v>0</v>
      </c>
      <c r="E548" s="14">
        <f>'申請書（複数入力用）'!H550</f>
        <v>0</v>
      </c>
      <c r="F548" s="11" t="str">
        <f>'申請書（複数入力用）'!J550</f>
        <v/>
      </c>
      <c r="G548" s="6" t="str">
        <f>'申請書（複数入力用）'!K550</f>
        <v>a052r000000jS9ZAAU</v>
      </c>
      <c r="H548" s="12" t="e">
        <f>'申請書（複数入力用）'!N550</f>
        <v>#N/A</v>
      </c>
      <c r="I548" s="12" t="e">
        <f>'申請書（複数入力用）'!O550</f>
        <v>#N/A</v>
      </c>
      <c r="J548" s="12">
        <f>'申請書（複数入力用）'!P550</f>
        <v>1</v>
      </c>
    </row>
    <row r="549" spans="1:10" ht="51.6" customHeight="1" x14ac:dyDescent="0.45">
      <c r="A549" s="6">
        <f>'申請書（複数入力用）'!A551</f>
        <v>545</v>
      </c>
      <c r="B549" s="13">
        <f>'申請書（複数入力用）'!AH551</f>
        <v>0</v>
      </c>
      <c r="C549" s="6">
        <f>'申請書（複数入力用）'!B551</f>
        <v>0</v>
      </c>
      <c r="D549" s="6">
        <f>'申請書（複数入力用）'!D551</f>
        <v>0</v>
      </c>
      <c r="E549" s="14">
        <f>'申請書（複数入力用）'!H551</f>
        <v>0</v>
      </c>
      <c r="F549" s="11" t="str">
        <f>'申請書（複数入力用）'!J551</f>
        <v/>
      </c>
      <c r="G549" s="6" t="str">
        <f>'申請書（複数入力用）'!K551</f>
        <v>a052r000000jS9ZAAU</v>
      </c>
      <c r="H549" s="12" t="e">
        <f>'申請書（複数入力用）'!N551</f>
        <v>#N/A</v>
      </c>
      <c r="I549" s="12" t="e">
        <f>'申請書（複数入力用）'!O551</f>
        <v>#N/A</v>
      </c>
      <c r="J549" s="12">
        <f>'申請書（複数入力用）'!P551</f>
        <v>1</v>
      </c>
    </row>
    <row r="550" spans="1:10" ht="51.6" customHeight="1" x14ac:dyDescent="0.45">
      <c r="A550" s="6">
        <f>'申請書（複数入力用）'!A552</f>
        <v>546</v>
      </c>
      <c r="B550" s="13">
        <f>'申請書（複数入力用）'!AH552</f>
        <v>0</v>
      </c>
      <c r="C550" s="6">
        <f>'申請書（複数入力用）'!B552</f>
        <v>0</v>
      </c>
      <c r="D550" s="6">
        <f>'申請書（複数入力用）'!D552</f>
        <v>0</v>
      </c>
      <c r="E550" s="14">
        <f>'申請書（複数入力用）'!H552</f>
        <v>0</v>
      </c>
      <c r="F550" s="11" t="str">
        <f>'申請書（複数入力用）'!J552</f>
        <v/>
      </c>
      <c r="G550" s="6" t="str">
        <f>'申請書（複数入力用）'!K552</f>
        <v>a052r000000jS9ZAAU</v>
      </c>
      <c r="H550" s="12" t="e">
        <f>'申請書（複数入力用）'!N552</f>
        <v>#N/A</v>
      </c>
      <c r="I550" s="12" t="e">
        <f>'申請書（複数入力用）'!O552</f>
        <v>#N/A</v>
      </c>
      <c r="J550" s="12">
        <f>'申請書（複数入力用）'!P552</f>
        <v>1</v>
      </c>
    </row>
    <row r="551" spans="1:10" ht="51.6" customHeight="1" x14ac:dyDescent="0.45">
      <c r="A551" s="6">
        <f>'申請書（複数入力用）'!A553</f>
        <v>547</v>
      </c>
      <c r="B551" s="13">
        <f>'申請書（複数入力用）'!AH553</f>
        <v>0</v>
      </c>
      <c r="C551" s="6">
        <f>'申請書（複数入力用）'!B553</f>
        <v>0</v>
      </c>
      <c r="D551" s="6">
        <f>'申請書（複数入力用）'!D553</f>
        <v>0</v>
      </c>
      <c r="E551" s="14">
        <f>'申請書（複数入力用）'!H553</f>
        <v>0</v>
      </c>
      <c r="F551" s="11" t="str">
        <f>'申請書（複数入力用）'!J553</f>
        <v/>
      </c>
      <c r="G551" s="6" t="str">
        <f>'申請書（複数入力用）'!K553</f>
        <v>a052r000000jS9ZAAU</v>
      </c>
      <c r="H551" s="12" t="e">
        <f>'申請書（複数入力用）'!N553</f>
        <v>#N/A</v>
      </c>
      <c r="I551" s="12" t="e">
        <f>'申請書（複数入力用）'!O553</f>
        <v>#N/A</v>
      </c>
      <c r="J551" s="12">
        <f>'申請書（複数入力用）'!P553</f>
        <v>1</v>
      </c>
    </row>
    <row r="552" spans="1:10" ht="51.6" customHeight="1" x14ac:dyDescent="0.45">
      <c r="A552" s="6">
        <f>'申請書（複数入力用）'!A554</f>
        <v>548</v>
      </c>
      <c r="B552" s="13">
        <f>'申請書（複数入力用）'!AH554</f>
        <v>0</v>
      </c>
      <c r="C552" s="6">
        <f>'申請書（複数入力用）'!B554</f>
        <v>0</v>
      </c>
      <c r="D552" s="6">
        <f>'申請書（複数入力用）'!D554</f>
        <v>0</v>
      </c>
      <c r="E552" s="14">
        <f>'申請書（複数入力用）'!H554</f>
        <v>0</v>
      </c>
      <c r="F552" s="11" t="str">
        <f>'申請書（複数入力用）'!J554</f>
        <v/>
      </c>
      <c r="G552" s="6" t="str">
        <f>'申請書（複数入力用）'!K554</f>
        <v>a052r000000jS9ZAAU</v>
      </c>
      <c r="H552" s="12" t="e">
        <f>'申請書（複数入力用）'!N554</f>
        <v>#N/A</v>
      </c>
      <c r="I552" s="12" t="e">
        <f>'申請書（複数入力用）'!O554</f>
        <v>#N/A</v>
      </c>
      <c r="J552" s="12">
        <f>'申請書（複数入力用）'!P554</f>
        <v>1</v>
      </c>
    </row>
    <row r="553" spans="1:10" ht="51.6" customHeight="1" x14ac:dyDescent="0.45">
      <c r="A553" s="6">
        <f>'申請書（複数入力用）'!A555</f>
        <v>549</v>
      </c>
      <c r="B553" s="13">
        <f>'申請書（複数入力用）'!AH555</f>
        <v>0</v>
      </c>
      <c r="C553" s="6">
        <f>'申請書（複数入力用）'!B555</f>
        <v>0</v>
      </c>
      <c r="D553" s="6">
        <f>'申請書（複数入力用）'!D555</f>
        <v>0</v>
      </c>
      <c r="E553" s="14">
        <f>'申請書（複数入力用）'!H555</f>
        <v>0</v>
      </c>
      <c r="F553" s="11" t="str">
        <f>'申請書（複数入力用）'!J555</f>
        <v/>
      </c>
      <c r="G553" s="6" t="str">
        <f>'申請書（複数入力用）'!K555</f>
        <v>a052r000000jS9ZAAU</v>
      </c>
      <c r="H553" s="12" t="e">
        <f>'申請書（複数入力用）'!N555</f>
        <v>#N/A</v>
      </c>
      <c r="I553" s="12" t="e">
        <f>'申請書（複数入力用）'!O555</f>
        <v>#N/A</v>
      </c>
      <c r="J553" s="12">
        <f>'申請書（複数入力用）'!P555</f>
        <v>1</v>
      </c>
    </row>
    <row r="554" spans="1:10" ht="51.6" customHeight="1" x14ac:dyDescent="0.45">
      <c r="A554" s="6">
        <f>'申請書（複数入力用）'!A556</f>
        <v>550</v>
      </c>
      <c r="B554" s="13">
        <f>'申請書（複数入力用）'!AH556</f>
        <v>0</v>
      </c>
      <c r="C554" s="6">
        <f>'申請書（複数入力用）'!B556</f>
        <v>0</v>
      </c>
      <c r="D554" s="6">
        <f>'申請書（複数入力用）'!D556</f>
        <v>0</v>
      </c>
      <c r="E554" s="14">
        <f>'申請書（複数入力用）'!H556</f>
        <v>0</v>
      </c>
      <c r="F554" s="11" t="str">
        <f>'申請書（複数入力用）'!J556</f>
        <v/>
      </c>
      <c r="G554" s="6" t="str">
        <f>'申請書（複数入力用）'!K556</f>
        <v>a052r000000jS9ZAAU</v>
      </c>
      <c r="H554" s="12" t="e">
        <f>'申請書（複数入力用）'!N556</f>
        <v>#N/A</v>
      </c>
      <c r="I554" s="12" t="e">
        <f>'申請書（複数入力用）'!O556</f>
        <v>#N/A</v>
      </c>
      <c r="J554" s="12">
        <f>'申請書（複数入力用）'!P556</f>
        <v>1</v>
      </c>
    </row>
    <row r="555" spans="1:10" ht="51.6" customHeight="1" x14ac:dyDescent="0.45">
      <c r="A555" s="6">
        <f>'申請書（複数入力用）'!A557</f>
        <v>551</v>
      </c>
      <c r="B555" s="13">
        <f>'申請書（複数入力用）'!AH557</f>
        <v>0</v>
      </c>
      <c r="C555" s="6">
        <f>'申請書（複数入力用）'!B557</f>
        <v>0</v>
      </c>
      <c r="D555" s="6">
        <f>'申請書（複数入力用）'!D557</f>
        <v>0</v>
      </c>
      <c r="E555" s="14">
        <f>'申請書（複数入力用）'!H557</f>
        <v>0</v>
      </c>
      <c r="F555" s="11" t="str">
        <f>'申請書（複数入力用）'!J557</f>
        <v/>
      </c>
      <c r="G555" s="6" t="str">
        <f>'申請書（複数入力用）'!K557</f>
        <v>a052r000000jS9ZAAU</v>
      </c>
      <c r="H555" s="12" t="e">
        <f>'申請書（複数入力用）'!N557</f>
        <v>#N/A</v>
      </c>
      <c r="I555" s="12" t="e">
        <f>'申請書（複数入力用）'!O557</f>
        <v>#N/A</v>
      </c>
      <c r="J555" s="12">
        <f>'申請書（複数入力用）'!P557</f>
        <v>1</v>
      </c>
    </row>
    <row r="556" spans="1:10" ht="51.6" customHeight="1" x14ac:dyDescent="0.45">
      <c r="A556" s="6">
        <f>'申請書（複数入力用）'!A558</f>
        <v>552</v>
      </c>
      <c r="B556" s="13">
        <f>'申請書（複数入力用）'!AH558</f>
        <v>0</v>
      </c>
      <c r="C556" s="6">
        <f>'申請書（複数入力用）'!B558</f>
        <v>0</v>
      </c>
      <c r="D556" s="6">
        <f>'申請書（複数入力用）'!D558</f>
        <v>0</v>
      </c>
      <c r="E556" s="14">
        <f>'申請書（複数入力用）'!H558</f>
        <v>0</v>
      </c>
      <c r="F556" s="11" t="str">
        <f>'申請書（複数入力用）'!J558</f>
        <v/>
      </c>
      <c r="G556" s="6" t="str">
        <f>'申請書（複数入力用）'!K558</f>
        <v>a052r000000jS9ZAAU</v>
      </c>
      <c r="H556" s="12" t="e">
        <f>'申請書（複数入力用）'!N558</f>
        <v>#N/A</v>
      </c>
      <c r="I556" s="12" t="e">
        <f>'申請書（複数入力用）'!O558</f>
        <v>#N/A</v>
      </c>
      <c r="J556" s="12">
        <f>'申請書（複数入力用）'!P558</f>
        <v>1</v>
      </c>
    </row>
    <row r="557" spans="1:10" ht="51.6" customHeight="1" x14ac:dyDescent="0.45">
      <c r="A557" s="6">
        <f>'申請書（複数入力用）'!A559</f>
        <v>553</v>
      </c>
      <c r="B557" s="13">
        <f>'申請書（複数入力用）'!AH559</f>
        <v>0</v>
      </c>
      <c r="C557" s="6">
        <f>'申請書（複数入力用）'!B559</f>
        <v>0</v>
      </c>
      <c r="D557" s="6">
        <f>'申請書（複数入力用）'!D559</f>
        <v>0</v>
      </c>
      <c r="E557" s="14">
        <f>'申請書（複数入力用）'!H559</f>
        <v>0</v>
      </c>
      <c r="F557" s="11" t="str">
        <f>'申請書（複数入力用）'!J559</f>
        <v/>
      </c>
      <c r="G557" s="6" t="str">
        <f>'申請書（複数入力用）'!K559</f>
        <v>a052r000000jS9ZAAU</v>
      </c>
      <c r="H557" s="12" t="e">
        <f>'申請書（複数入力用）'!N559</f>
        <v>#N/A</v>
      </c>
      <c r="I557" s="12" t="e">
        <f>'申請書（複数入力用）'!O559</f>
        <v>#N/A</v>
      </c>
      <c r="J557" s="12">
        <f>'申請書（複数入力用）'!P559</f>
        <v>1</v>
      </c>
    </row>
    <row r="558" spans="1:10" ht="51.6" customHeight="1" x14ac:dyDescent="0.45">
      <c r="A558" s="6">
        <f>'申請書（複数入力用）'!A560</f>
        <v>554</v>
      </c>
      <c r="B558" s="13">
        <f>'申請書（複数入力用）'!AH560</f>
        <v>0</v>
      </c>
      <c r="C558" s="6">
        <f>'申請書（複数入力用）'!B560</f>
        <v>0</v>
      </c>
      <c r="D558" s="6">
        <f>'申請書（複数入力用）'!D560</f>
        <v>0</v>
      </c>
      <c r="E558" s="14">
        <f>'申請書（複数入力用）'!H560</f>
        <v>0</v>
      </c>
      <c r="F558" s="11" t="str">
        <f>'申請書（複数入力用）'!J560</f>
        <v/>
      </c>
      <c r="G558" s="6" t="str">
        <f>'申請書（複数入力用）'!K560</f>
        <v>a052r000000jS9ZAAU</v>
      </c>
      <c r="H558" s="12" t="e">
        <f>'申請書（複数入力用）'!N560</f>
        <v>#N/A</v>
      </c>
      <c r="I558" s="12" t="e">
        <f>'申請書（複数入力用）'!O560</f>
        <v>#N/A</v>
      </c>
      <c r="J558" s="12">
        <f>'申請書（複数入力用）'!P560</f>
        <v>1</v>
      </c>
    </row>
    <row r="559" spans="1:10" ht="51.6" customHeight="1" x14ac:dyDescent="0.45">
      <c r="A559" s="6">
        <f>'申請書（複数入力用）'!A561</f>
        <v>555</v>
      </c>
      <c r="B559" s="13">
        <f>'申請書（複数入力用）'!AH561</f>
        <v>0</v>
      </c>
      <c r="C559" s="6">
        <f>'申請書（複数入力用）'!B561</f>
        <v>0</v>
      </c>
      <c r="D559" s="6">
        <f>'申請書（複数入力用）'!D561</f>
        <v>0</v>
      </c>
      <c r="E559" s="14">
        <f>'申請書（複数入力用）'!H561</f>
        <v>0</v>
      </c>
      <c r="F559" s="11" t="str">
        <f>'申請書（複数入力用）'!J561</f>
        <v/>
      </c>
      <c r="G559" s="6" t="str">
        <f>'申請書（複数入力用）'!K561</f>
        <v>a052r000000jS9ZAAU</v>
      </c>
      <c r="H559" s="12" t="e">
        <f>'申請書（複数入力用）'!N561</f>
        <v>#N/A</v>
      </c>
      <c r="I559" s="12" t="e">
        <f>'申請書（複数入力用）'!O561</f>
        <v>#N/A</v>
      </c>
      <c r="J559" s="12">
        <f>'申請書（複数入力用）'!P561</f>
        <v>1</v>
      </c>
    </row>
    <row r="560" spans="1:10" ht="51.6" customHeight="1" x14ac:dyDescent="0.45">
      <c r="A560" s="6">
        <f>'申請書（複数入力用）'!A562</f>
        <v>556</v>
      </c>
      <c r="B560" s="13">
        <f>'申請書（複数入力用）'!AH562</f>
        <v>0</v>
      </c>
      <c r="C560" s="6">
        <f>'申請書（複数入力用）'!B562</f>
        <v>0</v>
      </c>
      <c r="D560" s="6">
        <f>'申請書（複数入力用）'!D562</f>
        <v>0</v>
      </c>
      <c r="E560" s="14">
        <f>'申請書（複数入力用）'!H562</f>
        <v>0</v>
      </c>
      <c r="F560" s="11" t="str">
        <f>'申請書（複数入力用）'!J562</f>
        <v/>
      </c>
      <c r="G560" s="6" t="str">
        <f>'申請書（複数入力用）'!K562</f>
        <v>a052r000000jS9ZAAU</v>
      </c>
      <c r="H560" s="12" t="e">
        <f>'申請書（複数入力用）'!N562</f>
        <v>#N/A</v>
      </c>
      <c r="I560" s="12" t="e">
        <f>'申請書（複数入力用）'!O562</f>
        <v>#N/A</v>
      </c>
      <c r="J560" s="12">
        <f>'申請書（複数入力用）'!P562</f>
        <v>1</v>
      </c>
    </row>
    <row r="561" spans="1:10" ht="51.6" customHeight="1" x14ac:dyDescent="0.45">
      <c r="A561" s="6">
        <f>'申請書（複数入力用）'!A563</f>
        <v>557</v>
      </c>
      <c r="B561" s="13">
        <f>'申請書（複数入力用）'!AH563</f>
        <v>0</v>
      </c>
      <c r="C561" s="6">
        <f>'申請書（複数入力用）'!B563</f>
        <v>0</v>
      </c>
      <c r="D561" s="6">
        <f>'申請書（複数入力用）'!D563</f>
        <v>0</v>
      </c>
      <c r="E561" s="14">
        <f>'申請書（複数入力用）'!H563</f>
        <v>0</v>
      </c>
      <c r="F561" s="11" t="str">
        <f>'申請書（複数入力用）'!J563</f>
        <v/>
      </c>
      <c r="G561" s="6" t="str">
        <f>'申請書（複数入力用）'!K563</f>
        <v>a052r000000jS9ZAAU</v>
      </c>
      <c r="H561" s="12" t="e">
        <f>'申請書（複数入力用）'!N563</f>
        <v>#N/A</v>
      </c>
      <c r="I561" s="12" t="e">
        <f>'申請書（複数入力用）'!O563</f>
        <v>#N/A</v>
      </c>
      <c r="J561" s="12">
        <f>'申請書（複数入力用）'!P563</f>
        <v>1</v>
      </c>
    </row>
    <row r="562" spans="1:10" ht="51.6" customHeight="1" x14ac:dyDescent="0.45">
      <c r="A562" s="6">
        <f>'申請書（複数入力用）'!A564</f>
        <v>558</v>
      </c>
      <c r="B562" s="13">
        <f>'申請書（複数入力用）'!AH564</f>
        <v>0</v>
      </c>
      <c r="C562" s="6">
        <f>'申請書（複数入力用）'!B564</f>
        <v>0</v>
      </c>
      <c r="D562" s="6">
        <f>'申請書（複数入力用）'!D564</f>
        <v>0</v>
      </c>
      <c r="E562" s="14">
        <f>'申請書（複数入力用）'!H564</f>
        <v>0</v>
      </c>
      <c r="F562" s="11" t="str">
        <f>'申請書（複数入力用）'!J564</f>
        <v/>
      </c>
      <c r="G562" s="6" t="str">
        <f>'申請書（複数入力用）'!K564</f>
        <v>a052r000000jS9ZAAU</v>
      </c>
      <c r="H562" s="12" t="e">
        <f>'申請書（複数入力用）'!N564</f>
        <v>#N/A</v>
      </c>
      <c r="I562" s="12" t="e">
        <f>'申請書（複数入力用）'!O564</f>
        <v>#N/A</v>
      </c>
      <c r="J562" s="12">
        <f>'申請書（複数入力用）'!P564</f>
        <v>1</v>
      </c>
    </row>
    <row r="563" spans="1:10" ht="51.6" customHeight="1" x14ac:dyDescent="0.45">
      <c r="A563" s="6">
        <f>'申請書（複数入力用）'!A565</f>
        <v>559</v>
      </c>
      <c r="B563" s="13">
        <f>'申請書（複数入力用）'!AH565</f>
        <v>0</v>
      </c>
      <c r="C563" s="6">
        <f>'申請書（複数入力用）'!B565</f>
        <v>0</v>
      </c>
      <c r="D563" s="6">
        <f>'申請書（複数入力用）'!D565</f>
        <v>0</v>
      </c>
      <c r="E563" s="14">
        <f>'申請書（複数入力用）'!H565</f>
        <v>0</v>
      </c>
      <c r="F563" s="11" t="str">
        <f>'申請書（複数入力用）'!J565</f>
        <v/>
      </c>
      <c r="G563" s="6" t="str">
        <f>'申請書（複数入力用）'!K565</f>
        <v>a052r000000jS9ZAAU</v>
      </c>
      <c r="H563" s="12" t="e">
        <f>'申請書（複数入力用）'!N565</f>
        <v>#N/A</v>
      </c>
      <c r="I563" s="12" t="e">
        <f>'申請書（複数入力用）'!O565</f>
        <v>#N/A</v>
      </c>
      <c r="J563" s="12">
        <f>'申請書（複数入力用）'!P565</f>
        <v>1</v>
      </c>
    </row>
    <row r="564" spans="1:10" ht="51.6" customHeight="1" x14ac:dyDescent="0.45">
      <c r="A564" s="6">
        <f>'申請書（複数入力用）'!A566</f>
        <v>560</v>
      </c>
      <c r="B564" s="13">
        <f>'申請書（複数入力用）'!AH566</f>
        <v>0</v>
      </c>
      <c r="C564" s="6">
        <f>'申請書（複数入力用）'!B566</f>
        <v>0</v>
      </c>
      <c r="D564" s="6">
        <f>'申請書（複数入力用）'!D566</f>
        <v>0</v>
      </c>
      <c r="E564" s="14">
        <f>'申請書（複数入力用）'!H566</f>
        <v>0</v>
      </c>
      <c r="F564" s="11" t="str">
        <f>'申請書（複数入力用）'!J566</f>
        <v/>
      </c>
      <c r="G564" s="6" t="str">
        <f>'申請書（複数入力用）'!K566</f>
        <v>a052r000000jS9ZAAU</v>
      </c>
      <c r="H564" s="12" t="e">
        <f>'申請書（複数入力用）'!N566</f>
        <v>#N/A</v>
      </c>
      <c r="I564" s="12" t="e">
        <f>'申請書（複数入力用）'!O566</f>
        <v>#N/A</v>
      </c>
      <c r="J564" s="12">
        <f>'申請書（複数入力用）'!P566</f>
        <v>1</v>
      </c>
    </row>
    <row r="565" spans="1:10" ht="51.6" customHeight="1" x14ac:dyDescent="0.45">
      <c r="A565" s="6">
        <f>'申請書（複数入力用）'!A567</f>
        <v>561</v>
      </c>
      <c r="B565" s="13">
        <f>'申請書（複数入力用）'!AH567</f>
        <v>0</v>
      </c>
      <c r="C565" s="6">
        <f>'申請書（複数入力用）'!B567</f>
        <v>0</v>
      </c>
      <c r="D565" s="6">
        <f>'申請書（複数入力用）'!D567</f>
        <v>0</v>
      </c>
      <c r="E565" s="14">
        <f>'申請書（複数入力用）'!H567</f>
        <v>0</v>
      </c>
      <c r="F565" s="11" t="str">
        <f>'申請書（複数入力用）'!J567</f>
        <v/>
      </c>
      <c r="G565" s="6" t="str">
        <f>'申請書（複数入力用）'!K567</f>
        <v>a052r000000jS9ZAAU</v>
      </c>
      <c r="H565" s="12" t="e">
        <f>'申請書（複数入力用）'!N567</f>
        <v>#N/A</v>
      </c>
      <c r="I565" s="12" t="e">
        <f>'申請書（複数入力用）'!O567</f>
        <v>#N/A</v>
      </c>
      <c r="J565" s="12">
        <f>'申請書（複数入力用）'!P567</f>
        <v>1</v>
      </c>
    </row>
    <row r="566" spans="1:10" ht="51.6" customHeight="1" x14ac:dyDescent="0.45">
      <c r="A566" s="6">
        <f>'申請書（複数入力用）'!A568</f>
        <v>562</v>
      </c>
      <c r="B566" s="13">
        <f>'申請書（複数入力用）'!AH568</f>
        <v>0</v>
      </c>
      <c r="C566" s="6">
        <f>'申請書（複数入力用）'!B568</f>
        <v>0</v>
      </c>
      <c r="D566" s="6">
        <f>'申請書（複数入力用）'!D568</f>
        <v>0</v>
      </c>
      <c r="E566" s="14">
        <f>'申請書（複数入力用）'!H568</f>
        <v>0</v>
      </c>
      <c r="F566" s="11" t="str">
        <f>'申請書（複数入力用）'!J568</f>
        <v/>
      </c>
      <c r="G566" s="6" t="str">
        <f>'申請書（複数入力用）'!K568</f>
        <v>a052r000000jS9ZAAU</v>
      </c>
      <c r="H566" s="12" t="e">
        <f>'申請書（複数入力用）'!N568</f>
        <v>#N/A</v>
      </c>
      <c r="I566" s="12" t="e">
        <f>'申請書（複数入力用）'!O568</f>
        <v>#N/A</v>
      </c>
      <c r="J566" s="12">
        <f>'申請書（複数入力用）'!P568</f>
        <v>1</v>
      </c>
    </row>
    <row r="567" spans="1:10" ht="51.6" customHeight="1" x14ac:dyDescent="0.45">
      <c r="A567" s="6">
        <f>'申請書（複数入力用）'!A569</f>
        <v>563</v>
      </c>
      <c r="B567" s="13">
        <f>'申請書（複数入力用）'!AH569</f>
        <v>0</v>
      </c>
      <c r="C567" s="6">
        <f>'申請書（複数入力用）'!B569</f>
        <v>0</v>
      </c>
      <c r="D567" s="6">
        <f>'申請書（複数入力用）'!D569</f>
        <v>0</v>
      </c>
      <c r="E567" s="14">
        <f>'申請書（複数入力用）'!H569</f>
        <v>0</v>
      </c>
      <c r="F567" s="11" t="str">
        <f>'申請書（複数入力用）'!J569</f>
        <v/>
      </c>
      <c r="G567" s="6" t="str">
        <f>'申請書（複数入力用）'!K569</f>
        <v>a052r000000jS9ZAAU</v>
      </c>
      <c r="H567" s="12" t="e">
        <f>'申請書（複数入力用）'!N569</f>
        <v>#N/A</v>
      </c>
      <c r="I567" s="12" t="e">
        <f>'申請書（複数入力用）'!O569</f>
        <v>#N/A</v>
      </c>
      <c r="J567" s="12">
        <f>'申請書（複数入力用）'!P569</f>
        <v>1</v>
      </c>
    </row>
    <row r="568" spans="1:10" ht="51.6" customHeight="1" x14ac:dyDescent="0.45">
      <c r="A568" s="6">
        <f>'申請書（複数入力用）'!A570</f>
        <v>564</v>
      </c>
      <c r="B568" s="13">
        <f>'申請書（複数入力用）'!AH570</f>
        <v>0</v>
      </c>
      <c r="C568" s="6">
        <f>'申請書（複数入力用）'!B570</f>
        <v>0</v>
      </c>
      <c r="D568" s="6">
        <f>'申請書（複数入力用）'!D570</f>
        <v>0</v>
      </c>
      <c r="E568" s="14">
        <f>'申請書（複数入力用）'!H570</f>
        <v>0</v>
      </c>
      <c r="F568" s="11" t="str">
        <f>'申請書（複数入力用）'!J570</f>
        <v/>
      </c>
      <c r="G568" s="6" t="str">
        <f>'申請書（複数入力用）'!K570</f>
        <v>a052r000000jS9ZAAU</v>
      </c>
      <c r="H568" s="12" t="e">
        <f>'申請書（複数入力用）'!N570</f>
        <v>#N/A</v>
      </c>
      <c r="I568" s="12" t="e">
        <f>'申請書（複数入力用）'!O570</f>
        <v>#N/A</v>
      </c>
      <c r="J568" s="12">
        <f>'申請書（複数入力用）'!P570</f>
        <v>1</v>
      </c>
    </row>
    <row r="569" spans="1:10" ht="51.6" customHeight="1" x14ac:dyDescent="0.45">
      <c r="A569" s="6">
        <f>'申請書（複数入力用）'!A571</f>
        <v>565</v>
      </c>
      <c r="B569" s="13">
        <f>'申請書（複数入力用）'!AH571</f>
        <v>0</v>
      </c>
      <c r="C569" s="6">
        <f>'申請書（複数入力用）'!B571</f>
        <v>0</v>
      </c>
      <c r="D569" s="6">
        <f>'申請書（複数入力用）'!D571</f>
        <v>0</v>
      </c>
      <c r="E569" s="14">
        <f>'申請書（複数入力用）'!H571</f>
        <v>0</v>
      </c>
      <c r="F569" s="11" t="str">
        <f>'申請書（複数入力用）'!J571</f>
        <v/>
      </c>
      <c r="G569" s="6" t="str">
        <f>'申請書（複数入力用）'!K571</f>
        <v>a052r000000jS9ZAAU</v>
      </c>
      <c r="H569" s="12" t="e">
        <f>'申請書（複数入力用）'!N571</f>
        <v>#N/A</v>
      </c>
      <c r="I569" s="12" t="e">
        <f>'申請書（複数入力用）'!O571</f>
        <v>#N/A</v>
      </c>
      <c r="J569" s="12">
        <f>'申請書（複数入力用）'!P571</f>
        <v>1</v>
      </c>
    </row>
    <row r="570" spans="1:10" ht="51.6" customHeight="1" x14ac:dyDescent="0.45">
      <c r="A570" s="6">
        <f>'申請書（複数入力用）'!A572</f>
        <v>566</v>
      </c>
      <c r="B570" s="13">
        <f>'申請書（複数入力用）'!AH572</f>
        <v>0</v>
      </c>
      <c r="C570" s="6">
        <f>'申請書（複数入力用）'!B572</f>
        <v>0</v>
      </c>
      <c r="D570" s="6">
        <f>'申請書（複数入力用）'!D572</f>
        <v>0</v>
      </c>
      <c r="E570" s="14">
        <f>'申請書（複数入力用）'!H572</f>
        <v>0</v>
      </c>
      <c r="F570" s="11" t="str">
        <f>'申請書（複数入力用）'!J572</f>
        <v/>
      </c>
      <c r="G570" s="6" t="str">
        <f>'申請書（複数入力用）'!K572</f>
        <v>a052r000000jS9ZAAU</v>
      </c>
      <c r="H570" s="12" t="e">
        <f>'申請書（複数入力用）'!N572</f>
        <v>#N/A</v>
      </c>
      <c r="I570" s="12" t="e">
        <f>'申請書（複数入力用）'!O572</f>
        <v>#N/A</v>
      </c>
      <c r="J570" s="12">
        <f>'申請書（複数入力用）'!P572</f>
        <v>1</v>
      </c>
    </row>
    <row r="571" spans="1:10" ht="51.6" customHeight="1" x14ac:dyDescent="0.45">
      <c r="A571" s="6">
        <f>'申請書（複数入力用）'!A573</f>
        <v>567</v>
      </c>
      <c r="B571" s="13">
        <f>'申請書（複数入力用）'!AH573</f>
        <v>0</v>
      </c>
      <c r="C571" s="6">
        <f>'申請書（複数入力用）'!B573</f>
        <v>0</v>
      </c>
      <c r="D571" s="6">
        <f>'申請書（複数入力用）'!D573</f>
        <v>0</v>
      </c>
      <c r="E571" s="14">
        <f>'申請書（複数入力用）'!H573</f>
        <v>0</v>
      </c>
      <c r="F571" s="11" t="str">
        <f>'申請書（複数入力用）'!J573</f>
        <v/>
      </c>
      <c r="G571" s="6" t="str">
        <f>'申請書（複数入力用）'!K573</f>
        <v>a052r000000jS9ZAAU</v>
      </c>
      <c r="H571" s="12" t="e">
        <f>'申請書（複数入力用）'!N573</f>
        <v>#N/A</v>
      </c>
      <c r="I571" s="12" t="e">
        <f>'申請書（複数入力用）'!O573</f>
        <v>#N/A</v>
      </c>
      <c r="J571" s="12">
        <f>'申請書（複数入力用）'!P573</f>
        <v>1</v>
      </c>
    </row>
    <row r="572" spans="1:10" ht="51.6" customHeight="1" x14ac:dyDescent="0.45">
      <c r="A572" s="6">
        <f>'申請書（複数入力用）'!A574</f>
        <v>568</v>
      </c>
      <c r="B572" s="13">
        <f>'申請書（複数入力用）'!AH574</f>
        <v>0</v>
      </c>
      <c r="C572" s="6">
        <f>'申請書（複数入力用）'!B574</f>
        <v>0</v>
      </c>
      <c r="D572" s="6">
        <f>'申請書（複数入力用）'!D574</f>
        <v>0</v>
      </c>
      <c r="E572" s="14">
        <f>'申請書（複数入力用）'!H574</f>
        <v>0</v>
      </c>
      <c r="F572" s="11" t="str">
        <f>'申請書（複数入力用）'!J574</f>
        <v/>
      </c>
      <c r="G572" s="6" t="str">
        <f>'申請書（複数入力用）'!K574</f>
        <v>a052r000000jS9ZAAU</v>
      </c>
      <c r="H572" s="12" t="e">
        <f>'申請書（複数入力用）'!N574</f>
        <v>#N/A</v>
      </c>
      <c r="I572" s="12" t="e">
        <f>'申請書（複数入力用）'!O574</f>
        <v>#N/A</v>
      </c>
      <c r="J572" s="12">
        <f>'申請書（複数入力用）'!P574</f>
        <v>1</v>
      </c>
    </row>
    <row r="573" spans="1:10" ht="51.6" customHeight="1" x14ac:dyDescent="0.45">
      <c r="A573" s="6">
        <f>'申請書（複数入力用）'!A575</f>
        <v>569</v>
      </c>
      <c r="B573" s="13">
        <f>'申請書（複数入力用）'!AH575</f>
        <v>0</v>
      </c>
      <c r="C573" s="6">
        <f>'申請書（複数入力用）'!B575</f>
        <v>0</v>
      </c>
      <c r="D573" s="6">
        <f>'申請書（複数入力用）'!D575</f>
        <v>0</v>
      </c>
      <c r="E573" s="14">
        <f>'申請書（複数入力用）'!H575</f>
        <v>0</v>
      </c>
      <c r="F573" s="11" t="str">
        <f>'申請書（複数入力用）'!J575</f>
        <v/>
      </c>
      <c r="G573" s="6" t="str">
        <f>'申請書（複数入力用）'!K575</f>
        <v>a052r000000jS9ZAAU</v>
      </c>
      <c r="H573" s="12" t="e">
        <f>'申請書（複数入力用）'!N575</f>
        <v>#N/A</v>
      </c>
      <c r="I573" s="12" t="e">
        <f>'申請書（複数入力用）'!O575</f>
        <v>#N/A</v>
      </c>
      <c r="J573" s="12">
        <f>'申請書（複数入力用）'!P575</f>
        <v>1</v>
      </c>
    </row>
    <row r="574" spans="1:10" ht="51.6" customHeight="1" x14ac:dyDescent="0.45">
      <c r="A574" s="6">
        <f>'申請書（複数入力用）'!A576</f>
        <v>570</v>
      </c>
      <c r="B574" s="13">
        <f>'申請書（複数入力用）'!AH576</f>
        <v>0</v>
      </c>
      <c r="C574" s="6">
        <f>'申請書（複数入力用）'!B576</f>
        <v>0</v>
      </c>
      <c r="D574" s="6">
        <f>'申請書（複数入力用）'!D576</f>
        <v>0</v>
      </c>
      <c r="E574" s="14">
        <f>'申請書（複数入力用）'!H576</f>
        <v>0</v>
      </c>
      <c r="F574" s="11" t="str">
        <f>'申請書（複数入力用）'!J576</f>
        <v/>
      </c>
      <c r="G574" s="6" t="str">
        <f>'申請書（複数入力用）'!K576</f>
        <v>a052r000000jS9ZAAU</v>
      </c>
      <c r="H574" s="12" t="e">
        <f>'申請書（複数入力用）'!N576</f>
        <v>#N/A</v>
      </c>
      <c r="I574" s="12" t="e">
        <f>'申請書（複数入力用）'!O576</f>
        <v>#N/A</v>
      </c>
      <c r="J574" s="12">
        <f>'申請書（複数入力用）'!P576</f>
        <v>1</v>
      </c>
    </row>
    <row r="575" spans="1:10" ht="51.6" customHeight="1" x14ac:dyDescent="0.45">
      <c r="A575" s="6">
        <f>'申請書（複数入力用）'!A577</f>
        <v>571</v>
      </c>
      <c r="B575" s="13">
        <f>'申請書（複数入力用）'!AH577</f>
        <v>0</v>
      </c>
      <c r="C575" s="6">
        <f>'申請書（複数入力用）'!B577</f>
        <v>0</v>
      </c>
      <c r="D575" s="6">
        <f>'申請書（複数入力用）'!D577</f>
        <v>0</v>
      </c>
      <c r="E575" s="14">
        <f>'申請書（複数入力用）'!H577</f>
        <v>0</v>
      </c>
      <c r="F575" s="11" t="str">
        <f>'申請書（複数入力用）'!J577</f>
        <v/>
      </c>
      <c r="G575" s="6" t="str">
        <f>'申請書（複数入力用）'!K577</f>
        <v>a052r000000jS9ZAAU</v>
      </c>
      <c r="H575" s="12" t="e">
        <f>'申請書（複数入力用）'!N577</f>
        <v>#N/A</v>
      </c>
      <c r="I575" s="12" t="e">
        <f>'申請書（複数入力用）'!O577</f>
        <v>#N/A</v>
      </c>
      <c r="J575" s="12">
        <f>'申請書（複数入力用）'!P577</f>
        <v>1</v>
      </c>
    </row>
    <row r="576" spans="1:10" ht="51.6" customHeight="1" x14ac:dyDescent="0.45">
      <c r="A576" s="6">
        <f>'申請書（複数入力用）'!A578</f>
        <v>572</v>
      </c>
      <c r="B576" s="13">
        <f>'申請書（複数入力用）'!AH578</f>
        <v>0</v>
      </c>
      <c r="C576" s="6">
        <f>'申請書（複数入力用）'!B578</f>
        <v>0</v>
      </c>
      <c r="D576" s="6">
        <f>'申請書（複数入力用）'!D578</f>
        <v>0</v>
      </c>
      <c r="E576" s="14">
        <f>'申請書（複数入力用）'!H578</f>
        <v>0</v>
      </c>
      <c r="F576" s="11" t="str">
        <f>'申請書（複数入力用）'!J578</f>
        <v/>
      </c>
      <c r="G576" s="6" t="str">
        <f>'申請書（複数入力用）'!K578</f>
        <v>a052r000000jS9ZAAU</v>
      </c>
      <c r="H576" s="12" t="e">
        <f>'申請書（複数入力用）'!N578</f>
        <v>#N/A</v>
      </c>
      <c r="I576" s="12" t="e">
        <f>'申請書（複数入力用）'!O578</f>
        <v>#N/A</v>
      </c>
      <c r="J576" s="12">
        <f>'申請書（複数入力用）'!P578</f>
        <v>1</v>
      </c>
    </row>
    <row r="577" spans="1:10" ht="51.6" customHeight="1" x14ac:dyDescent="0.45">
      <c r="A577" s="6">
        <f>'申請書（複数入力用）'!A579</f>
        <v>573</v>
      </c>
      <c r="B577" s="13">
        <f>'申請書（複数入力用）'!AH579</f>
        <v>0</v>
      </c>
      <c r="C577" s="6">
        <f>'申請書（複数入力用）'!B579</f>
        <v>0</v>
      </c>
      <c r="D577" s="6">
        <f>'申請書（複数入力用）'!D579</f>
        <v>0</v>
      </c>
      <c r="E577" s="14">
        <f>'申請書（複数入力用）'!H579</f>
        <v>0</v>
      </c>
      <c r="F577" s="11" t="str">
        <f>'申請書（複数入力用）'!J579</f>
        <v/>
      </c>
      <c r="G577" s="6" t="str">
        <f>'申請書（複数入力用）'!K579</f>
        <v>a052r000000jS9ZAAU</v>
      </c>
      <c r="H577" s="12" t="e">
        <f>'申請書（複数入力用）'!N579</f>
        <v>#N/A</v>
      </c>
      <c r="I577" s="12" t="e">
        <f>'申請書（複数入力用）'!O579</f>
        <v>#N/A</v>
      </c>
      <c r="J577" s="12">
        <f>'申請書（複数入力用）'!P579</f>
        <v>1</v>
      </c>
    </row>
    <row r="578" spans="1:10" ht="51.6" customHeight="1" x14ac:dyDescent="0.45">
      <c r="A578" s="6">
        <f>'申請書（複数入力用）'!A580</f>
        <v>574</v>
      </c>
      <c r="B578" s="13">
        <f>'申請書（複数入力用）'!AH580</f>
        <v>0</v>
      </c>
      <c r="C578" s="6">
        <f>'申請書（複数入力用）'!B580</f>
        <v>0</v>
      </c>
      <c r="D578" s="6">
        <f>'申請書（複数入力用）'!D580</f>
        <v>0</v>
      </c>
      <c r="E578" s="14">
        <f>'申請書（複数入力用）'!H580</f>
        <v>0</v>
      </c>
      <c r="F578" s="11" t="str">
        <f>'申請書（複数入力用）'!J580</f>
        <v/>
      </c>
      <c r="G578" s="6" t="str">
        <f>'申請書（複数入力用）'!K580</f>
        <v>a052r000000jS9ZAAU</v>
      </c>
      <c r="H578" s="12" t="e">
        <f>'申請書（複数入力用）'!N580</f>
        <v>#N/A</v>
      </c>
      <c r="I578" s="12" t="e">
        <f>'申請書（複数入力用）'!O580</f>
        <v>#N/A</v>
      </c>
      <c r="J578" s="12">
        <f>'申請書（複数入力用）'!P580</f>
        <v>1</v>
      </c>
    </row>
    <row r="579" spans="1:10" ht="51.6" customHeight="1" x14ac:dyDescent="0.45">
      <c r="A579" s="6">
        <f>'申請書（複数入力用）'!A581</f>
        <v>575</v>
      </c>
      <c r="B579" s="13">
        <f>'申請書（複数入力用）'!AH581</f>
        <v>0</v>
      </c>
      <c r="C579" s="6">
        <f>'申請書（複数入力用）'!B581</f>
        <v>0</v>
      </c>
      <c r="D579" s="6">
        <f>'申請書（複数入力用）'!D581</f>
        <v>0</v>
      </c>
      <c r="E579" s="14">
        <f>'申請書（複数入力用）'!H581</f>
        <v>0</v>
      </c>
      <c r="F579" s="11" t="str">
        <f>'申請書（複数入力用）'!J581</f>
        <v/>
      </c>
      <c r="G579" s="6" t="str">
        <f>'申請書（複数入力用）'!K581</f>
        <v>a052r000000jS9ZAAU</v>
      </c>
      <c r="H579" s="12" t="e">
        <f>'申請書（複数入力用）'!N581</f>
        <v>#N/A</v>
      </c>
      <c r="I579" s="12" t="e">
        <f>'申請書（複数入力用）'!O581</f>
        <v>#N/A</v>
      </c>
      <c r="J579" s="12">
        <f>'申請書（複数入力用）'!P581</f>
        <v>1</v>
      </c>
    </row>
    <row r="580" spans="1:10" ht="51.6" customHeight="1" x14ac:dyDescent="0.45">
      <c r="A580" s="6">
        <f>'申請書（複数入力用）'!A582</f>
        <v>576</v>
      </c>
      <c r="B580" s="13">
        <f>'申請書（複数入力用）'!AH582</f>
        <v>0</v>
      </c>
      <c r="C580" s="6">
        <f>'申請書（複数入力用）'!B582</f>
        <v>0</v>
      </c>
      <c r="D580" s="6">
        <f>'申請書（複数入力用）'!D582</f>
        <v>0</v>
      </c>
      <c r="E580" s="14">
        <f>'申請書（複数入力用）'!H582</f>
        <v>0</v>
      </c>
      <c r="F580" s="11" t="str">
        <f>'申請書（複数入力用）'!J582</f>
        <v/>
      </c>
      <c r="G580" s="6" t="str">
        <f>'申請書（複数入力用）'!K582</f>
        <v>a052r000000jS9ZAAU</v>
      </c>
      <c r="H580" s="12" t="e">
        <f>'申請書（複数入力用）'!N582</f>
        <v>#N/A</v>
      </c>
      <c r="I580" s="12" t="e">
        <f>'申請書（複数入力用）'!O582</f>
        <v>#N/A</v>
      </c>
      <c r="J580" s="12">
        <f>'申請書（複数入力用）'!P582</f>
        <v>1</v>
      </c>
    </row>
    <row r="581" spans="1:10" ht="51.6" customHeight="1" x14ac:dyDescent="0.45">
      <c r="A581" s="6">
        <f>'申請書（複数入力用）'!A583</f>
        <v>577</v>
      </c>
      <c r="B581" s="13">
        <f>'申請書（複数入力用）'!AH583</f>
        <v>0</v>
      </c>
      <c r="C581" s="6">
        <f>'申請書（複数入力用）'!B583</f>
        <v>0</v>
      </c>
      <c r="D581" s="6">
        <f>'申請書（複数入力用）'!D583</f>
        <v>0</v>
      </c>
      <c r="E581" s="14">
        <f>'申請書（複数入力用）'!H583</f>
        <v>0</v>
      </c>
      <c r="F581" s="11" t="str">
        <f>'申請書（複数入力用）'!J583</f>
        <v/>
      </c>
      <c r="G581" s="6" t="str">
        <f>'申請書（複数入力用）'!K583</f>
        <v>a052r000000jS9ZAAU</v>
      </c>
      <c r="H581" s="12" t="e">
        <f>'申請書（複数入力用）'!N583</f>
        <v>#N/A</v>
      </c>
      <c r="I581" s="12" t="e">
        <f>'申請書（複数入力用）'!O583</f>
        <v>#N/A</v>
      </c>
      <c r="J581" s="12">
        <f>'申請書（複数入力用）'!P583</f>
        <v>1</v>
      </c>
    </row>
    <row r="582" spans="1:10" ht="51.6" customHeight="1" x14ac:dyDescent="0.45">
      <c r="A582" s="6">
        <f>'申請書（複数入力用）'!A584</f>
        <v>578</v>
      </c>
      <c r="B582" s="13">
        <f>'申請書（複数入力用）'!AH584</f>
        <v>0</v>
      </c>
      <c r="C582" s="6">
        <f>'申請書（複数入力用）'!B584</f>
        <v>0</v>
      </c>
      <c r="D582" s="6">
        <f>'申請書（複数入力用）'!D584</f>
        <v>0</v>
      </c>
      <c r="E582" s="14">
        <f>'申請書（複数入力用）'!H584</f>
        <v>0</v>
      </c>
      <c r="F582" s="11" t="str">
        <f>'申請書（複数入力用）'!J584</f>
        <v/>
      </c>
      <c r="G582" s="6" t="str">
        <f>'申請書（複数入力用）'!K584</f>
        <v>a052r000000jS9ZAAU</v>
      </c>
      <c r="H582" s="12" t="e">
        <f>'申請書（複数入力用）'!N584</f>
        <v>#N/A</v>
      </c>
      <c r="I582" s="12" t="e">
        <f>'申請書（複数入力用）'!O584</f>
        <v>#N/A</v>
      </c>
      <c r="J582" s="12">
        <f>'申請書（複数入力用）'!P584</f>
        <v>1</v>
      </c>
    </row>
    <row r="583" spans="1:10" ht="51.6" customHeight="1" x14ac:dyDescent="0.45">
      <c r="A583" s="6">
        <f>'申請書（複数入力用）'!A585</f>
        <v>579</v>
      </c>
      <c r="B583" s="13">
        <f>'申請書（複数入力用）'!AH585</f>
        <v>0</v>
      </c>
      <c r="C583" s="6">
        <f>'申請書（複数入力用）'!B585</f>
        <v>0</v>
      </c>
      <c r="D583" s="6">
        <f>'申請書（複数入力用）'!D585</f>
        <v>0</v>
      </c>
      <c r="E583" s="14">
        <f>'申請書（複数入力用）'!H585</f>
        <v>0</v>
      </c>
      <c r="F583" s="11" t="str">
        <f>'申請書（複数入力用）'!J585</f>
        <v/>
      </c>
      <c r="G583" s="6" t="str">
        <f>'申請書（複数入力用）'!K585</f>
        <v>a052r000000jS9ZAAU</v>
      </c>
      <c r="H583" s="12" t="e">
        <f>'申請書（複数入力用）'!N585</f>
        <v>#N/A</v>
      </c>
      <c r="I583" s="12" t="e">
        <f>'申請書（複数入力用）'!O585</f>
        <v>#N/A</v>
      </c>
      <c r="J583" s="12">
        <f>'申請書（複数入力用）'!P585</f>
        <v>1</v>
      </c>
    </row>
    <row r="584" spans="1:10" ht="51.6" customHeight="1" x14ac:dyDescent="0.45">
      <c r="A584" s="6">
        <f>'申請書（複数入力用）'!A586</f>
        <v>580</v>
      </c>
      <c r="B584" s="13">
        <f>'申請書（複数入力用）'!AH586</f>
        <v>0</v>
      </c>
      <c r="C584" s="6">
        <f>'申請書（複数入力用）'!B586</f>
        <v>0</v>
      </c>
      <c r="D584" s="6">
        <f>'申請書（複数入力用）'!D586</f>
        <v>0</v>
      </c>
      <c r="E584" s="14">
        <f>'申請書（複数入力用）'!H586</f>
        <v>0</v>
      </c>
      <c r="F584" s="11" t="str">
        <f>'申請書（複数入力用）'!J586</f>
        <v/>
      </c>
      <c r="G584" s="6" t="str">
        <f>'申請書（複数入力用）'!K586</f>
        <v>a052r000000jS9ZAAU</v>
      </c>
      <c r="H584" s="12" t="e">
        <f>'申請書（複数入力用）'!N586</f>
        <v>#N/A</v>
      </c>
      <c r="I584" s="12" t="e">
        <f>'申請書（複数入力用）'!O586</f>
        <v>#N/A</v>
      </c>
      <c r="J584" s="12">
        <f>'申請書（複数入力用）'!P586</f>
        <v>1</v>
      </c>
    </row>
    <row r="585" spans="1:10" ht="51.6" customHeight="1" x14ac:dyDescent="0.45">
      <c r="A585" s="6">
        <f>'申請書（複数入力用）'!A587</f>
        <v>581</v>
      </c>
      <c r="B585" s="13">
        <f>'申請書（複数入力用）'!AH587</f>
        <v>0</v>
      </c>
      <c r="C585" s="6">
        <f>'申請書（複数入力用）'!B587</f>
        <v>0</v>
      </c>
      <c r="D585" s="6">
        <f>'申請書（複数入力用）'!D587</f>
        <v>0</v>
      </c>
      <c r="E585" s="14">
        <f>'申請書（複数入力用）'!H587</f>
        <v>0</v>
      </c>
      <c r="F585" s="11" t="str">
        <f>'申請書（複数入力用）'!J587</f>
        <v/>
      </c>
      <c r="G585" s="6" t="str">
        <f>'申請書（複数入力用）'!K587</f>
        <v>a052r000000jS9ZAAU</v>
      </c>
      <c r="H585" s="12" t="e">
        <f>'申請書（複数入力用）'!N587</f>
        <v>#N/A</v>
      </c>
      <c r="I585" s="12" t="e">
        <f>'申請書（複数入力用）'!O587</f>
        <v>#N/A</v>
      </c>
      <c r="J585" s="12">
        <f>'申請書（複数入力用）'!P587</f>
        <v>1</v>
      </c>
    </row>
    <row r="586" spans="1:10" ht="51.6" customHeight="1" x14ac:dyDescent="0.45">
      <c r="A586" s="6">
        <f>'申請書（複数入力用）'!A588</f>
        <v>582</v>
      </c>
      <c r="B586" s="13">
        <f>'申請書（複数入力用）'!AH588</f>
        <v>0</v>
      </c>
      <c r="C586" s="6">
        <f>'申請書（複数入力用）'!B588</f>
        <v>0</v>
      </c>
      <c r="D586" s="6">
        <f>'申請書（複数入力用）'!D588</f>
        <v>0</v>
      </c>
      <c r="E586" s="14">
        <f>'申請書（複数入力用）'!H588</f>
        <v>0</v>
      </c>
      <c r="F586" s="11" t="str">
        <f>'申請書（複数入力用）'!J588</f>
        <v/>
      </c>
      <c r="G586" s="6" t="str">
        <f>'申請書（複数入力用）'!K588</f>
        <v>a052r000000jS9ZAAU</v>
      </c>
      <c r="H586" s="12" t="e">
        <f>'申請書（複数入力用）'!N588</f>
        <v>#N/A</v>
      </c>
      <c r="I586" s="12" t="e">
        <f>'申請書（複数入力用）'!O588</f>
        <v>#N/A</v>
      </c>
      <c r="J586" s="12">
        <f>'申請書（複数入力用）'!P588</f>
        <v>1</v>
      </c>
    </row>
    <row r="587" spans="1:10" ht="51.6" customHeight="1" x14ac:dyDescent="0.45">
      <c r="A587" s="6">
        <f>'申請書（複数入力用）'!A589</f>
        <v>583</v>
      </c>
      <c r="B587" s="13">
        <f>'申請書（複数入力用）'!AH589</f>
        <v>0</v>
      </c>
      <c r="C587" s="6">
        <f>'申請書（複数入力用）'!B589</f>
        <v>0</v>
      </c>
      <c r="D587" s="6">
        <f>'申請書（複数入力用）'!D589</f>
        <v>0</v>
      </c>
      <c r="E587" s="14">
        <f>'申請書（複数入力用）'!H589</f>
        <v>0</v>
      </c>
      <c r="F587" s="11" t="str">
        <f>'申請書（複数入力用）'!J589</f>
        <v/>
      </c>
      <c r="G587" s="6" t="str">
        <f>'申請書（複数入力用）'!K589</f>
        <v>a052r000000jS9ZAAU</v>
      </c>
      <c r="H587" s="12" t="e">
        <f>'申請書（複数入力用）'!N589</f>
        <v>#N/A</v>
      </c>
      <c r="I587" s="12" t="e">
        <f>'申請書（複数入力用）'!O589</f>
        <v>#N/A</v>
      </c>
      <c r="J587" s="12">
        <f>'申請書（複数入力用）'!P589</f>
        <v>1</v>
      </c>
    </row>
    <row r="588" spans="1:10" ht="51.6" customHeight="1" x14ac:dyDescent="0.45">
      <c r="A588" s="6">
        <f>'申請書（複数入力用）'!A590</f>
        <v>584</v>
      </c>
      <c r="B588" s="13">
        <f>'申請書（複数入力用）'!AH590</f>
        <v>0</v>
      </c>
      <c r="C588" s="6">
        <f>'申請書（複数入力用）'!B590</f>
        <v>0</v>
      </c>
      <c r="D588" s="6">
        <f>'申請書（複数入力用）'!D590</f>
        <v>0</v>
      </c>
      <c r="E588" s="14">
        <f>'申請書（複数入力用）'!H590</f>
        <v>0</v>
      </c>
      <c r="F588" s="11" t="str">
        <f>'申請書（複数入力用）'!J590</f>
        <v/>
      </c>
      <c r="G588" s="6" t="str">
        <f>'申請書（複数入力用）'!K590</f>
        <v>a052r000000jS9ZAAU</v>
      </c>
      <c r="H588" s="12" t="e">
        <f>'申請書（複数入力用）'!N590</f>
        <v>#N/A</v>
      </c>
      <c r="I588" s="12" t="e">
        <f>'申請書（複数入力用）'!O590</f>
        <v>#N/A</v>
      </c>
      <c r="J588" s="12">
        <f>'申請書（複数入力用）'!P590</f>
        <v>1</v>
      </c>
    </row>
    <row r="589" spans="1:10" ht="51.6" customHeight="1" x14ac:dyDescent="0.45">
      <c r="A589" s="6">
        <f>'申請書（複数入力用）'!A591</f>
        <v>585</v>
      </c>
      <c r="B589" s="13">
        <f>'申請書（複数入力用）'!AH591</f>
        <v>0</v>
      </c>
      <c r="C589" s="6">
        <f>'申請書（複数入力用）'!B591</f>
        <v>0</v>
      </c>
      <c r="D589" s="6">
        <f>'申請書（複数入力用）'!D591</f>
        <v>0</v>
      </c>
      <c r="E589" s="14">
        <f>'申請書（複数入力用）'!H591</f>
        <v>0</v>
      </c>
      <c r="F589" s="11" t="str">
        <f>'申請書（複数入力用）'!J591</f>
        <v/>
      </c>
      <c r="G589" s="6" t="str">
        <f>'申請書（複数入力用）'!K591</f>
        <v>a052r000000jS9ZAAU</v>
      </c>
      <c r="H589" s="12" t="e">
        <f>'申請書（複数入力用）'!N591</f>
        <v>#N/A</v>
      </c>
      <c r="I589" s="12" t="e">
        <f>'申請書（複数入力用）'!O591</f>
        <v>#N/A</v>
      </c>
      <c r="J589" s="12">
        <f>'申請書（複数入力用）'!P591</f>
        <v>1</v>
      </c>
    </row>
    <row r="590" spans="1:10" ht="51.6" customHeight="1" x14ac:dyDescent="0.45">
      <c r="A590" s="6">
        <f>'申請書（複数入力用）'!A592</f>
        <v>586</v>
      </c>
      <c r="B590" s="13">
        <f>'申請書（複数入力用）'!AH592</f>
        <v>0</v>
      </c>
      <c r="C590" s="6">
        <f>'申請書（複数入力用）'!B592</f>
        <v>0</v>
      </c>
      <c r="D590" s="6">
        <f>'申請書（複数入力用）'!D592</f>
        <v>0</v>
      </c>
      <c r="E590" s="14">
        <f>'申請書（複数入力用）'!H592</f>
        <v>0</v>
      </c>
      <c r="F590" s="11" t="str">
        <f>'申請書（複数入力用）'!J592</f>
        <v/>
      </c>
      <c r="G590" s="6" t="str">
        <f>'申請書（複数入力用）'!K592</f>
        <v>a052r000000jS9ZAAU</v>
      </c>
      <c r="H590" s="12" t="e">
        <f>'申請書（複数入力用）'!N592</f>
        <v>#N/A</v>
      </c>
      <c r="I590" s="12" t="e">
        <f>'申請書（複数入力用）'!O592</f>
        <v>#N/A</v>
      </c>
      <c r="J590" s="12">
        <f>'申請書（複数入力用）'!P592</f>
        <v>1</v>
      </c>
    </row>
    <row r="591" spans="1:10" ht="51.6" customHeight="1" x14ac:dyDescent="0.45">
      <c r="A591" s="6">
        <f>'申請書（複数入力用）'!A593</f>
        <v>587</v>
      </c>
      <c r="B591" s="13">
        <f>'申請書（複数入力用）'!AH593</f>
        <v>0</v>
      </c>
      <c r="C591" s="6">
        <f>'申請書（複数入力用）'!B593</f>
        <v>0</v>
      </c>
      <c r="D591" s="6">
        <f>'申請書（複数入力用）'!D593</f>
        <v>0</v>
      </c>
      <c r="E591" s="14">
        <f>'申請書（複数入力用）'!H593</f>
        <v>0</v>
      </c>
      <c r="F591" s="11" t="str">
        <f>'申請書（複数入力用）'!J593</f>
        <v/>
      </c>
      <c r="G591" s="6" t="str">
        <f>'申請書（複数入力用）'!K593</f>
        <v>a052r000000jS9ZAAU</v>
      </c>
      <c r="H591" s="12" t="e">
        <f>'申請書（複数入力用）'!N593</f>
        <v>#N/A</v>
      </c>
      <c r="I591" s="12" t="e">
        <f>'申請書（複数入力用）'!O593</f>
        <v>#N/A</v>
      </c>
      <c r="J591" s="12">
        <f>'申請書（複数入力用）'!P593</f>
        <v>1</v>
      </c>
    </row>
    <row r="592" spans="1:10" ht="51.6" customHeight="1" x14ac:dyDescent="0.45">
      <c r="A592" s="6">
        <f>'申請書（複数入力用）'!A594</f>
        <v>588</v>
      </c>
      <c r="B592" s="13">
        <f>'申請書（複数入力用）'!AH594</f>
        <v>0</v>
      </c>
      <c r="C592" s="6">
        <f>'申請書（複数入力用）'!B594</f>
        <v>0</v>
      </c>
      <c r="D592" s="6">
        <f>'申請書（複数入力用）'!D594</f>
        <v>0</v>
      </c>
      <c r="E592" s="14">
        <f>'申請書（複数入力用）'!H594</f>
        <v>0</v>
      </c>
      <c r="F592" s="11" t="str">
        <f>'申請書（複数入力用）'!J594</f>
        <v/>
      </c>
      <c r="G592" s="6" t="str">
        <f>'申請書（複数入力用）'!K594</f>
        <v>a052r000000jS9ZAAU</v>
      </c>
      <c r="H592" s="12" t="e">
        <f>'申請書（複数入力用）'!N594</f>
        <v>#N/A</v>
      </c>
      <c r="I592" s="12" t="e">
        <f>'申請書（複数入力用）'!O594</f>
        <v>#N/A</v>
      </c>
      <c r="J592" s="12">
        <f>'申請書（複数入力用）'!P594</f>
        <v>1</v>
      </c>
    </row>
    <row r="593" spans="1:10" ht="51.6" customHeight="1" x14ac:dyDescent="0.45">
      <c r="A593" s="6">
        <f>'申請書（複数入力用）'!A595</f>
        <v>589</v>
      </c>
      <c r="B593" s="13">
        <f>'申請書（複数入力用）'!AH595</f>
        <v>0</v>
      </c>
      <c r="C593" s="6">
        <f>'申請書（複数入力用）'!B595</f>
        <v>0</v>
      </c>
      <c r="D593" s="6">
        <f>'申請書（複数入力用）'!D595</f>
        <v>0</v>
      </c>
      <c r="E593" s="14">
        <f>'申請書（複数入力用）'!H595</f>
        <v>0</v>
      </c>
      <c r="F593" s="11" t="str">
        <f>'申請書（複数入力用）'!J595</f>
        <v/>
      </c>
      <c r="G593" s="6" t="str">
        <f>'申請書（複数入力用）'!K595</f>
        <v>a052r000000jS9ZAAU</v>
      </c>
      <c r="H593" s="12" t="e">
        <f>'申請書（複数入力用）'!N595</f>
        <v>#N/A</v>
      </c>
      <c r="I593" s="12" t="e">
        <f>'申請書（複数入力用）'!O595</f>
        <v>#N/A</v>
      </c>
      <c r="J593" s="12">
        <f>'申請書（複数入力用）'!P595</f>
        <v>1</v>
      </c>
    </row>
    <row r="594" spans="1:10" ht="51.6" customHeight="1" x14ac:dyDescent="0.45">
      <c r="A594" s="6">
        <f>'申請書（複数入力用）'!A596</f>
        <v>590</v>
      </c>
      <c r="B594" s="13">
        <f>'申請書（複数入力用）'!AH596</f>
        <v>0</v>
      </c>
      <c r="C594" s="6">
        <f>'申請書（複数入力用）'!B596</f>
        <v>0</v>
      </c>
      <c r="D594" s="6">
        <f>'申請書（複数入力用）'!D596</f>
        <v>0</v>
      </c>
      <c r="E594" s="14">
        <f>'申請書（複数入力用）'!H596</f>
        <v>0</v>
      </c>
      <c r="F594" s="11" t="str">
        <f>'申請書（複数入力用）'!J596</f>
        <v/>
      </c>
      <c r="G594" s="6" t="str">
        <f>'申請書（複数入力用）'!K596</f>
        <v>a052r000000jS9ZAAU</v>
      </c>
      <c r="H594" s="12" t="e">
        <f>'申請書（複数入力用）'!N596</f>
        <v>#N/A</v>
      </c>
      <c r="I594" s="12" t="e">
        <f>'申請書（複数入力用）'!O596</f>
        <v>#N/A</v>
      </c>
      <c r="J594" s="12">
        <f>'申請書（複数入力用）'!P596</f>
        <v>1</v>
      </c>
    </row>
    <row r="595" spans="1:10" ht="51.6" customHeight="1" x14ac:dyDescent="0.45">
      <c r="A595" s="6">
        <f>'申請書（複数入力用）'!A597</f>
        <v>591</v>
      </c>
      <c r="B595" s="13">
        <f>'申請書（複数入力用）'!AH597</f>
        <v>0</v>
      </c>
      <c r="C595" s="6">
        <f>'申請書（複数入力用）'!B597</f>
        <v>0</v>
      </c>
      <c r="D595" s="6">
        <f>'申請書（複数入力用）'!D597</f>
        <v>0</v>
      </c>
      <c r="E595" s="14">
        <f>'申請書（複数入力用）'!H597</f>
        <v>0</v>
      </c>
      <c r="F595" s="11" t="str">
        <f>'申請書（複数入力用）'!J597</f>
        <v/>
      </c>
      <c r="G595" s="6" t="str">
        <f>'申請書（複数入力用）'!K597</f>
        <v>a052r000000jS9ZAAU</v>
      </c>
      <c r="H595" s="12" t="e">
        <f>'申請書（複数入力用）'!N597</f>
        <v>#N/A</v>
      </c>
      <c r="I595" s="12" t="e">
        <f>'申請書（複数入力用）'!O597</f>
        <v>#N/A</v>
      </c>
      <c r="J595" s="12">
        <f>'申請書（複数入力用）'!P597</f>
        <v>1</v>
      </c>
    </row>
    <row r="596" spans="1:10" ht="51.6" customHeight="1" x14ac:dyDescent="0.45">
      <c r="A596" s="6">
        <f>'申請書（複数入力用）'!A598</f>
        <v>592</v>
      </c>
      <c r="B596" s="13">
        <f>'申請書（複数入力用）'!AH598</f>
        <v>0</v>
      </c>
      <c r="C596" s="6">
        <f>'申請書（複数入力用）'!B598</f>
        <v>0</v>
      </c>
      <c r="D596" s="6">
        <f>'申請書（複数入力用）'!D598</f>
        <v>0</v>
      </c>
      <c r="E596" s="14">
        <f>'申請書（複数入力用）'!H598</f>
        <v>0</v>
      </c>
      <c r="F596" s="11" t="str">
        <f>'申請書（複数入力用）'!J598</f>
        <v/>
      </c>
      <c r="G596" s="6" t="str">
        <f>'申請書（複数入力用）'!K598</f>
        <v>a052r000000jS9ZAAU</v>
      </c>
      <c r="H596" s="12" t="e">
        <f>'申請書（複数入力用）'!N598</f>
        <v>#N/A</v>
      </c>
      <c r="I596" s="12" t="e">
        <f>'申請書（複数入力用）'!O598</f>
        <v>#N/A</v>
      </c>
      <c r="J596" s="12">
        <f>'申請書（複数入力用）'!P598</f>
        <v>1</v>
      </c>
    </row>
    <row r="597" spans="1:10" ht="51.6" customHeight="1" x14ac:dyDescent="0.45">
      <c r="A597" s="6">
        <f>'申請書（複数入力用）'!A599</f>
        <v>593</v>
      </c>
      <c r="B597" s="13">
        <f>'申請書（複数入力用）'!AH599</f>
        <v>0</v>
      </c>
      <c r="C597" s="6">
        <f>'申請書（複数入力用）'!B599</f>
        <v>0</v>
      </c>
      <c r="D597" s="6">
        <f>'申請書（複数入力用）'!D599</f>
        <v>0</v>
      </c>
      <c r="E597" s="14">
        <f>'申請書（複数入力用）'!H599</f>
        <v>0</v>
      </c>
      <c r="F597" s="11" t="str">
        <f>'申請書（複数入力用）'!J599</f>
        <v/>
      </c>
      <c r="G597" s="6" t="str">
        <f>'申請書（複数入力用）'!K599</f>
        <v>a052r000000jS9ZAAU</v>
      </c>
      <c r="H597" s="12" t="e">
        <f>'申請書（複数入力用）'!N599</f>
        <v>#N/A</v>
      </c>
      <c r="I597" s="12" t="e">
        <f>'申請書（複数入力用）'!O599</f>
        <v>#N/A</v>
      </c>
      <c r="J597" s="12">
        <f>'申請書（複数入力用）'!P599</f>
        <v>1</v>
      </c>
    </row>
    <row r="598" spans="1:10" ht="51.6" customHeight="1" x14ac:dyDescent="0.45">
      <c r="A598" s="6">
        <f>'申請書（複数入力用）'!A600</f>
        <v>594</v>
      </c>
      <c r="B598" s="13">
        <f>'申請書（複数入力用）'!AH600</f>
        <v>0</v>
      </c>
      <c r="C598" s="6">
        <f>'申請書（複数入力用）'!B600</f>
        <v>0</v>
      </c>
      <c r="D598" s="6">
        <f>'申請書（複数入力用）'!D600</f>
        <v>0</v>
      </c>
      <c r="E598" s="14">
        <f>'申請書（複数入力用）'!H600</f>
        <v>0</v>
      </c>
      <c r="F598" s="11" t="str">
        <f>'申請書（複数入力用）'!J600</f>
        <v/>
      </c>
      <c r="G598" s="6" t="str">
        <f>'申請書（複数入力用）'!K600</f>
        <v>a052r000000jS9ZAAU</v>
      </c>
      <c r="H598" s="12" t="e">
        <f>'申請書（複数入力用）'!N600</f>
        <v>#N/A</v>
      </c>
      <c r="I598" s="12" t="e">
        <f>'申請書（複数入力用）'!O600</f>
        <v>#N/A</v>
      </c>
      <c r="J598" s="12">
        <f>'申請書（複数入力用）'!P600</f>
        <v>1</v>
      </c>
    </row>
    <row r="599" spans="1:10" ht="51.6" customHeight="1" x14ac:dyDescent="0.45">
      <c r="A599" s="6">
        <f>'申請書（複数入力用）'!A601</f>
        <v>595</v>
      </c>
      <c r="B599" s="13">
        <f>'申請書（複数入力用）'!AH601</f>
        <v>0</v>
      </c>
      <c r="C599" s="6">
        <f>'申請書（複数入力用）'!B601</f>
        <v>0</v>
      </c>
      <c r="D599" s="6">
        <f>'申請書（複数入力用）'!D601</f>
        <v>0</v>
      </c>
      <c r="E599" s="14">
        <f>'申請書（複数入力用）'!H601</f>
        <v>0</v>
      </c>
      <c r="F599" s="11" t="str">
        <f>'申請書（複数入力用）'!J601</f>
        <v/>
      </c>
      <c r="G599" s="6" t="str">
        <f>'申請書（複数入力用）'!K601</f>
        <v>a052r000000jS9ZAAU</v>
      </c>
      <c r="H599" s="12" t="e">
        <f>'申請書（複数入力用）'!N601</f>
        <v>#N/A</v>
      </c>
      <c r="I599" s="12" t="e">
        <f>'申請書（複数入力用）'!O601</f>
        <v>#N/A</v>
      </c>
      <c r="J599" s="12">
        <f>'申請書（複数入力用）'!P601</f>
        <v>1</v>
      </c>
    </row>
    <row r="600" spans="1:10" ht="51.6" customHeight="1" x14ac:dyDescent="0.45">
      <c r="A600" s="6">
        <f>'申請書（複数入力用）'!A602</f>
        <v>596</v>
      </c>
      <c r="B600" s="13">
        <f>'申請書（複数入力用）'!AH602</f>
        <v>0</v>
      </c>
      <c r="C600" s="6">
        <f>'申請書（複数入力用）'!B602</f>
        <v>0</v>
      </c>
      <c r="D600" s="6">
        <f>'申請書（複数入力用）'!D602</f>
        <v>0</v>
      </c>
      <c r="E600" s="14">
        <f>'申請書（複数入力用）'!H602</f>
        <v>0</v>
      </c>
      <c r="F600" s="11" t="str">
        <f>'申請書（複数入力用）'!J602</f>
        <v/>
      </c>
      <c r="G600" s="6" t="str">
        <f>'申請書（複数入力用）'!K602</f>
        <v>a052r000000jS9ZAAU</v>
      </c>
      <c r="H600" s="12" t="e">
        <f>'申請書（複数入力用）'!N602</f>
        <v>#N/A</v>
      </c>
      <c r="I600" s="12" t="e">
        <f>'申請書（複数入力用）'!O602</f>
        <v>#N/A</v>
      </c>
      <c r="J600" s="12">
        <f>'申請書（複数入力用）'!P602</f>
        <v>1</v>
      </c>
    </row>
    <row r="601" spans="1:10" ht="51.6" customHeight="1" x14ac:dyDescent="0.45">
      <c r="A601" s="6">
        <f>'申請書（複数入力用）'!A603</f>
        <v>597</v>
      </c>
      <c r="B601" s="13">
        <f>'申請書（複数入力用）'!AH603</f>
        <v>0</v>
      </c>
      <c r="C601" s="6">
        <f>'申請書（複数入力用）'!B603</f>
        <v>0</v>
      </c>
      <c r="D601" s="6">
        <f>'申請書（複数入力用）'!D603</f>
        <v>0</v>
      </c>
      <c r="E601" s="14">
        <f>'申請書（複数入力用）'!H603</f>
        <v>0</v>
      </c>
      <c r="F601" s="11" t="str">
        <f>'申請書（複数入力用）'!J603</f>
        <v/>
      </c>
      <c r="G601" s="6" t="str">
        <f>'申請書（複数入力用）'!K603</f>
        <v>a052r000000jS9ZAAU</v>
      </c>
      <c r="H601" s="12" t="e">
        <f>'申請書（複数入力用）'!N603</f>
        <v>#N/A</v>
      </c>
      <c r="I601" s="12" t="e">
        <f>'申請書（複数入力用）'!O603</f>
        <v>#N/A</v>
      </c>
      <c r="J601" s="12">
        <f>'申請書（複数入力用）'!P603</f>
        <v>1</v>
      </c>
    </row>
    <row r="602" spans="1:10" ht="51.6" customHeight="1" x14ac:dyDescent="0.45">
      <c r="A602" s="6">
        <f>'申請書（複数入力用）'!A604</f>
        <v>598</v>
      </c>
      <c r="B602" s="13">
        <f>'申請書（複数入力用）'!AH604</f>
        <v>0</v>
      </c>
      <c r="C602" s="6">
        <f>'申請書（複数入力用）'!B604</f>
        <v>0</v>
      </c>
      <c r="D602" s="6">
        <f>'申請書（複数入力用）'!D604</f>
        <v>0</v>
      </c>
      <c r="E602" s="14">
        <f>'申請書（複数入力用）'!H604</f>
        <v>0</v>
      </c>
      <c r="F602" s="11" t="str">
        <f>'申請書（複数入力用）'!J604</f>
        <v/>
      </c>
      <c r="G602" s="6" t="str">
        <f>'申請書（複数入力用）'!K604</f>
        <v>a052r000000jS9ZAAU</v>
      </c>
      <c r="H602" s="12" t="e">
        <f>'申請書（複数入力用）'!N604</f>
        <v>#N/A</v>
      </c>
      <c r="I602" s="12" t="e">
        <f>'申請書（複数入力用）'!O604</f>
        <v>#N/A</v>
      </c>
      <c r="J602" s="12">
        <f>'申請書（複数入力用）'!P604</f>
        <v>1</v>
      </c>
    </row>
    <row r="603" spans="1:10" ht="51.6" customHeight="1" x14ac:dyDescent="0.45">
      <c r="A603" s="6">
        <f>'申請書（複数入力用）'!A605</f>
        <v>599</v>
      </c>
      <c r="B603" s="13">
        <f>'申請書（複数入力用）'!AH605</f>
        <v>0</v>
      </c>
      <c r="C603" s="6">
        <f>'申請書（複数入力用）'!B605</f>
        <v>0</v>
      </c>
      <c r="D603" s="6">
        <f>'申請書（複数入力用）'!D605</f>
        <v>0</v>
      </c>
      <c r="E603" s="14">
        <f>'申請書（複数入力用）'!H605</f>
        <v>0</v>
      </c>
      <c r="F603" s="11" t="str">
        <f>'申請書（複数入力用）'!J605</f>
        <v/>
      </c>
      <c r="G603" s="6" t="str">
        <f>'申請書（複数入力用）'!K605</f>
        <v>a052r000000jS9ZAAU</v>
      </c>
      <c r="H603" s="12" t="e">
        <f>'申請書（複数入力用）'!N605</f>
        <v>#N/A</v>
      </c>
      <c r="I603" s="12" t="e">
        <f>'申請書（複数入力用）'!O605</f>
        <v>#N/A</v>
      </c>
      <c r="J603" s="12">
        <f>'申請書（複数入力用）'!P605</f>
        <v>1</v>
      </c>
    </row>
    <row r="604" spans="1:10" ht="51.6" customHeight="1" x14ac:dyDescent="0.45">
      <c r="A604" s="6">
        <f>'申請書（複数入力用）'!A606</f>
        <v>600</v>
      </c>
      <c r="B604" s="13">
        <f>'申請書（複数入力用）'!AH606</f>
        <v>0</v>
      </c>
      <c r="C604" s="6">
        <f>'申請書（複数入力用）'!B606</f>
        <v>0</v>
      </c>
      <c r="D604" s="6">
        <f>'申請書（複数入力用）'!D606</f>
        <v>0</v>
      </c>
      <c r="E604" s="14">
        <f>'申請書（複数入力用）'!H606</f>
        <v>0</v>
      </c>
      <c r="F604" s="11" t="str">
        <f>'申請書（複数入力用）'!J606</f>
        <v/>
      </c>
      <c r="G604" s="6" t="str">
        <f>'申請書（複数入力用）'!K606</f>
        <v>a052r000000jS9ZAAU</v>
      </c>
      <c r="H604" s="12" t="e">
        <f>'申請書（複数入力用）'!N606</f>
        <v>#N/A</v>
      </c>
      <c r="I604" s="12" t="e">
        <f>'申請書（複数入力用）'!O606</f>
        <v>#N/A</v>
      </c>
      <c r="J604" s="12">
        <f>'申請書（複数入力用）'!P606</f>
        <v>1</v>
      </c>
    </row>
    <row r="605" spans="1:10" ht="51.6" customHeight="1" x14ac:dyDescent="0.45">
      <c r="A605" s="6">
        <f>'申請書（複数入力用）'!A607</f>
        <v>601</v>
      </c>
      <c r="B605" s="13">
        <f>'申請書（複数入力用）'!AH607</f>
        <v>0</v>
      </c>
      <c r="C605" s="6">
        <f>'申請書（複数入力用）'!B607</f>
        <v>0</v>
      </c>
      <c r="D605" s="6">
        <f>'申請書（複数入力用）'!D607</f>
        <v>0</v>
      </c>
      <c r="E605" s="14">
        <f>'申請書（複数入力用）'!H607</f>
        <v>0</v>
      </c>
      <c r="F605" s="11" t="str">
        <f>'申請書（複数入力用）'!J607</f>
        <v/>
      </c>
      <c r="G605" s="6" t="str">
        <f>'申請書（複数入力用）'!K607</f>
        <v>a052r000000jS9ZAAU</v>
      </c>
      <c r="H605" s="12" t="e">
        <f>'申請書（複数入力用）'!N607</f>
        <v>#N/A</v>
      </c>
      <c r="I605" s="12" t="e">
        <f>'申請書（複数入力用）'!O607</f>
        <v>#N/A</v>
      </c>
      <c r="J605" s="12">
        <f>'申請書（複数入力用）'!P607</f>
        <v>1</v>
      </c>
    </row>
    <row r="606" spans="1:10" ht="51.6" customHeight="1" x14ac:dyDescent="0.45">
      <c r="A606" s="6">
        <f>'申請書（複数入力用）'!A608</f>
        <v>602</v>
      </c>
      <c r="B606" s="13">
        <f>'申請書（複数入力用）'!AH608</f>
        <v>0</v>
      </c>
      <c r="C606" s="6">
        <f>'申請書（複数入力用）'!B608</f>
        <v>0</v>
      </c>
      <c r="D606" s="6">
        <f>'申請書（複数入力用）'!D608</f>
        <v>0</v>
      </c>
      <c r="E606" s="14">
        <f>'申請書（複数入力用）'!H608</f>
        <v>0</v>
      </c>
      <c r="F606" s="11" t="str">
        <f>'申請書（複数入力用）'!J608</f>
        <v/>
      </c>
      <c r="G606" s="6" t="str">
        <f>'申請書（複数入力用）'!K608</f>
        <v>a052r000000jS9ZAAU</v>
      </c>
      <c r="H606" s="12" t="e">
        <f>'申請書（複数入力用）'!N608</f>
        <v>#N/A</v>
      </c>
      <c r="I606" s="12" t="e">
        <f>'申請書（複数入力用）'!O608</f>
        <v>#N/A</v>
      </c>
      <c r="J606" s="12">
        <f>'申請書（複数入力用）'!P608</f>
        <v>1</v>
      </c>
    </row>
    <row r="607" spans="1:10" ht="51.6" customHeight="1" x14ac:dyDescent="0.45">
      <c r="A607" s="6">
        <f>'申請書（複数入力用）'!A609</f>
        <v>603</v>
      </c>
      <c r="B607" s="13">
        <f>'申請書（複数入力用）'!AH609</f>
        <v>0</v>
      </c>
      <c r="C607" s="6">
        <f>'申請書（複数入力用）'!B609</f>
        <v>0</v>
      </c>
      <c r="D607" s="6">
        <f>'申請書（複数入力用）'!D609</f>
        <v>0</v>
      </c>
      <c r="E607" s="14">
        <f>'申請書（複数入力用）'!H609</f>
        <v>0</v>
      </c>
      <c r="F607" s="11" t="str">
        <f>'申請書（複数入力用）'!J609</f>
        <v/>
      </c>
      <c r="G607" s="6" t="str">
        <f>'申請書（複数入力用）'!K609</f>
        <v>a052r000000jS9ZAAU</v>
      </c>
      <c r="H607" s="12" t="e">
        <f>'申請書（複数入力用）'!N609</f>
        <v>#N/A</v>
      </c>
      <c r="I607" s="12" t="e">
        <f>'申請書（複数入力用）'!O609</f>
        <v>#N/A</v>
      </c>
      <c r="J607" s="12">
        <f>'申請書（複数入力用）'!P609</f>
        <v>1</v>
      </c>
    </row>
    <row r="608" spans="1:10" ht="51.6" customHeight="1" x14ac:dyDescent="0.45">
      <c r="A608" s="6">
        <f>'申請書（複数入力用）'!A610</f>
        <v>604</v>
      </c>
      <c r="B608" s="13">
        <f>'申請書（複数入力用）'!AH610</f>
        <v>0</v>
      </c>
      <c r="C608" s="6">
        <f>'申請書（複数入力用）'!B610</f>
        <v>0</v>
      </c>
      <c r="D608" s="6">
        <f>'申請書（複数入力用）'!D610</f>
        <v>0</v>
      </c>
      <c r="E608" s="14">
        <f>'申請書（複数入力用）'!H610</f>
        <v>0</v>
      </c>
      <c r="F608" s="11" t="str">
        <f>'申請書（複数入力用）'!J610</f>
        <v/>
      </c>
      <c r="G608" s="6" t="str">
        <f>'申請書（複数入力用）'!K610</f>
        <v>a052r000000jS9ZAAU</v>
      </c>
      <c r="H608" s="12" t="e">
        <f>'申請書（複数入力用）'!N610</f>
        <v>#N/A</v>
      </c>
      <c r="I608" s="12" t="e">
        <f>'申請書（複数入力用）'!O610</f>
        <v>#N/A</v>
      </c>
      <c r="J608" s="12">
        <f>'申請書（複数入力用）'!P610</f>
        <v>1</v>
      </c>
    </row>
    <row r="609" spans="1:10" ht="51.6" customHeight="1" x14ac:dyDescent="0.45">
      <c r="A609" s="6">
        <f>'申請書（複数入力用）'!A611</f>
        <v>605</v>
      </c>
      <c r="B609" s="13">
        <f>'申請書（複数入力用）'!AH611</f>
        <v>0</v>
      </c>
      <c r="C609" s="6">
        <f>'申請書（複数入力用）'!B611</f>
        <v>0</v>
      </c>
      <c r="D609" s="6">
        <f>'申請書（複数入力用）'!D611</f>
        <v>0</v>
      </c>
      <c r="E609" s="14">
        <f>'申請書（複数入力用）'!H611</f>
        <v>0</v>
      </c>
      <c r="F609" s="11" t="str">
        <f>'申請書（複数入力用）'!J611</f>
        <v/>
      </c>
      <c r="G609" s="6" t="str">
        <f>'申請書（複数入力用）'!K611</f>
        <v>a052r000000jS9ZAAU</v>
      </c>
      <c r="H609" s="12" t="e">
        <f>'申請書（複数入力用）'!N611</f>
        <v>#N/A</v>
      </c>
      <c r="I609" s="12" t="e">
        <f>'申請書（複数入力用）'!O611</f>
        <v>#N/A</v>
      </c>
      <c r="J609" s="12">
        <f>'申請書（複数入力用）'!P611</f>
        <v>1</v>
      </c>
    </row>
    <row r="610" spans="1:10" ht="51.6" customHeight="1" x14ac:dyDescent="0.45">
      <c r="A610" s="6">
        <f>'申請書（複数入力用）'!A612</f>
        <v>606</v>
      </c>
      <c r="B610" s="13">
        <f>'申請書（複数入力用）'!AH612</f>
        <v>0</v>
      </c>
      <c r="C610" s="6">
        <f>'申請書（複数入力用）'!B612</f>
        <v>0</v>
      </c>
      <c r="D610" s="6">
        <f>'申請書（複数入力用）'!D612</f>
        <v>0</v>
      </c>
      <c r="E610" s="14">
        <f>'申請書（複数入力用）'!H612</f>
        <v>0</v>
      </c>
      <c r="F610" s="11" t="str">
        <f>'申請書（複数入力用）'!J612</f>
        <v/>
      </c>
      <c r="G610" s="6" t="str">
        <f>'申請書（複数入力用）'!K612</f>
        <v>a052r000000jS9ZAAU</v>
      </c>
      <c r="H610" s="12" t="e">
        <f>'申請書（複数入力用）'!N612</f>
        <v>#N/A</v>
      </c>
      <c r="I610" s="12" t="e">
        <f>'申請書（複数入力用）'!O612</f>
        <v>#N/A</v>
      </c>
      <c r="J610" s="12">
        <f>'申請書（複数入力用）'!P612</f>
        <v>1</v>
      </c>
    </row>
    <row r="611" spans="1:10" ht="51.6" customHeight="1" x14ac:dyDescent="0.45">
      <c r="A611" s="6">
        <f>'申請書（複数入力用）'!A613</f>
        <v>607</v>
      </c>
      <c r="B611" s="13">
        <f>'申請書（複数入力用）'!AH613</f>
        <v>0</v>
      </c>
      <c r="C611" s="6">
        <f>'申請書（複数入力用）'!B613</f>
        <v>0</v>
      </c>
      <c r="D611" s="6">
        <f>'申請書（複数入力用）'!D613</f>
        <v>0</v>
      </c>
      <c r="E611" s="14">
        <f>'申請書（複数入力用）'!H613</f>
        <v>0</v>
      </c>
      <c r="F611" s="11" t="str">
        <f>'申請書（複数入力用）'!J613</f>
        <v/>
      </c>
      <c r="G611" s="6" t="str">
        <f>'申請書（複数入力用）'!K613</f>
        <v>a052r000000jS9ZAAU</v>
      </c>
      <c r="H611" s="12" t="e">
        <f>'申請書（複数入力用）'!N613</f>
        <v>#N/A</v>
      </c>
      <c r="I611" s="12" t="e">
        <f>'申請書（複数入力用）'!O613</f>
        <v>#N/A</v>
      </c>
      <c r="J611" s="12">
        <f>'申請書（複数入力用）'!P613</f>
        <v>1</v>
      </c>
    </row>
    <row r="612" spans="1:10" ht="51.6" customHeight="1" x14ac:dyDescent="0.45">
      <c r="A612" s="6">
        <f>'申請書（複数入力用）'!A614</f>
        <v>608</v>
      </c>
      <c r="B612" s="13">
        <f>'申請書（複数入力用）'!AH614</f>
        <v>0</v>
      </c>
      <c r="C612" s="6">
        <f>'申請書（複数入力用）'!B614</f>
        <v>0</v>
      </c>
      <c r="D612" s="6">
        <f>'申請書（複数入力用）'!D614</f>
        <v>0</v>
      </c>
      <c r="E612" s="14">
        <f>'申請書（複数入力用）'!H614</f>
        <v>0</v>
      </c>
      <c r="F612" s="11" t="str">
        <f>'申請書（複数入力用）'!J614</f>
        <v/>
      </c>
      <c r="G612" s="6" t="str">
        <f>'申請書（複数入力用）'!K614</f>
        <v>a052r000000jS9ZAAU</v>
      </c>
      <c r="H612" s="12" t="e">
        <f>'申請書（複数入力用）'!N614</f>
        <v>#N/A</v>
      </c>
      <c r="I612" s="12" t="e">
        <f>'申請書（複数入力用）'!O614</f>
        <v>#N/A</v>
      </c>
      <c r="J612" s="12">
        <f>'申請書（複数入力用）'!P614</f>
        <v>1</v>
      </c>
    </row>
    <row r="613" spans="1:10" ht="51.6" customHeight="1" x14ac:dyDescent="0.45">
      <c r="A613" s="6">
        <f>'申請書（複数入力用）'!A615</f>
        <v>609</v>
      </c>
      <c r="B613" s="13">
        <f>'申請書（複数入力用）'!AH615</f>
        <v>0</v>
      </c>
      <c r="C613" s="6">
        <f>'申請書（複数入力用）'!B615</f>
        <v>0</v>
      </c>
      <c r="D613" s="6">
        <f>'申請書（複数入力用）'!D615</f>
        <v>0</v>
      </c>
      <c r="E613" s="14">
        <f>'申請書（複数入力用）'!H615</f>
        <v>0</v>
      </c>
      <c r="F613" s="11" t="str">
        <f>'申請書（複数入力用）'!J615</f>
        <v/>
      </c>
      <c r="G613" s="6" t="str">
        <f>'申請書（複数入力用）'!K615</f>
        <v>a052r000000jS9ZAAU</v>
      </c>
      <c r="H613" s="12" t="e">
        <f>'申請書（複数入力用）'!N615</f>
        <v>#N/A</v>
      </c>
      <c r="I613" s="12" t="e">
        <f>'申請書（複数入力用）'!O615</f>
        <v>#N/A</v>
      </c>
      <c r="J613" s="12">
        <f>'申請書（複数入力用）'!P615</f>
        <v>1</v>
      </c>
    </row>
    <row r="614" spans="1:10" ht="51.6" customHeight="1" x14ac:dyDescent="0.45">
      <c r="A614" s="6">
        <f>'申請書（複数入力用）'!A616</f>
        <v>610</v>
      </c>
      <c r="B614" s="13">
        <f>'申請書（複数入力用）'!AH616</f>
        <v>0</v>
      </c>
      <c r="C614" s="6">
        <f>'申請書（複数入力用）'!B616</f>
        <v>0</v>
      </c>
      <c r="D614" s="6">
        <f>'申請書（複数入力用）'!D616</f>
        <v>0</v>
      </c>
      <c r="E614" s="14">
        <f>'申請書（複数入力用）'!H616</f>
        <v>0</v>
      </c>
      <c r="F614" s="11" t="str">
        <f>'申請書（複数入力用）'!J616</f>
        <v/>
      </c>
      <c r="G614" s="6" t="str">
        <f>'申請書（複数入力用）'!K616</f>
        <v>a052r000000jS9ZAAU</v>
      </c>
      <c r="H614" s="12" t="e">
        <f>'申請書（複数入力用）'!N616</f>
        <v>#N/A</v>
      </c>
      <c r="I614" s="12" t="e">
        <f>'申請書（複数入力用）'!O616</f>
        <v>#N/A</v>
      </c>
      <c r="J614" s="12">
        <f>'申請書（複数入力用）'!P616</f>
        <v>1</v>
      </c>
    </row>
    <row r="615" spans="1:10" ht="51.6" customHeight="1" x14ac:dyDescent="0.45">
      <c r="A615" s="6">
        <f>'申請書（複数入力用）'!A617</f>
        <v>611</v>
      </c>
      <c r="B615" s="13">
        <f>'申請書（複数入力用）'!AH617</f>
        <v>0</v>
      </c>
      <c r="C615" s="6">
        <f>'申請書（複数入力用）'!B617</f>
        <v>0</v>
      </c>
      <c r="D615" s="6">
        <f>'申請書（複数入力用）'!D617</f>
        <v>0</v>
      </c>
      <c r="E615" s="14">
        <f>'申請書（複数入力用）'!H617</f>
        <v>0</v>
      </c>
      <c r="F615" s="11" t="str">
        <f>'申請書（複数入力用）'!J617</f>
        <v/>
      </c>
      <c r="G615" s="6" t="str">
        <f>'申請書（複数入力用）'!K617</f>
        <v>a052r000000jS9ZAAU</v>
      </c>
      <c r="H615" s="12" t="e">
        <f>'申請書（複数入力用）'!N617</f>
        <v>#N/A</v>
      </c>
      <c r="I615" s="12" t="e">
        <f>'申請書（複数入力用）'!O617</f>
        <v>#N/A</v>
      </c>
      <c r="J615" s="12">
        <f>'申請書（複数入力用）'!P617</f>
        <v>1</v>
      </c>
    </row>
    <row r="616" spans="1:10" ht="51.6" customHeight="1" x14ac:dyDescent="0.45">
      <c r="A616" s="6">
        <f>'申請書（複数入力用）'!A618</f>
        <v>612</v>
      </c>
      <c r="B616" s="13">
        <f>'申請書（複数入力用）'!AH618</f>
        <v>0</v>
      </c>
      <c r="C616" s="6">
        <f>'申請書（複数入力用）'!B618</f>
        <v>0</v>
      </c>
      <c r="D616" s="6">
        <f>'申請書（複数入力用）'!D618</f>
        <v>0</v>
      </c>
      <c r="E616" s="14">
        <f>'申請書（複数入力用）'!H618</f>
        <v>0</v>
      </c>
      <c r="F616" s="11" t="str">
        <f>'申請書（複数入力用）'!J618</f>
        <v/>
      </c>
      <c r="G616" s="6" t="str">
        <f>'申請書（複数入力用）'!K618</f>
        <v>a052r000000jS9ZAAU</v>
      </c>
      <c r="H616" s="12" t="e">
        <f>'申請書（複数入力用）'!N618</f>
        <v>#N/A</v>
      </c>
      <c r="I616" s="12" t="e">
        <f>'申請書（複数入力用）'!O618</f>
        <v>#N/A</v>
      </c>
      <c r="J616" s="12">
        <f>'申請書（複数入力用）'!P618</f>
        <v>1</v>
      </c>
    </row>
    <row r="617" spans="1:10" ht="51.6" customHeight="1" x14ac:dyDescent="0.45">
      <c r="A617" s="6">
        <f>'申請書（複数入力用）'!A619</f>
        <v>613</v>
      </c>
      <c r="B617" s="13">
        <f>'申請書（複数入力用）'!AH619</f>
        <v>0</v>
      </c>
      <c r="C617" s="6">
        <f>'申請書（複数入力用）'!B619</f>
        <v>0</v>
      </c>
      <c r="D617" s="6">
        <f>'申請書（複数入力用）'!D619</f>
        <v>0</v>
      </c>
      <c r="E617" s="14">
        <f>'申請書（複数入力用）'!H619</f>
        <v>0</v>
      </c>
      <c r="F617" s="11" t="str">
        <f>'申請書（複数入力用）'!J619</f>
        <v/>
      </c>
      <c r="G617" s="6" t="str">
        <f>'申請書（複数入力用）'!K619</f>
        <v>a052r000000jS9ZAAU</v>
      </c>
      <c r="H617" s="12" t="e">
        <f>'申請書（複数入力用）'!N619</f>
        <v>#N/A</v>
      </c>
      <c r="I617" s="12" t="e">
        <f>'申請書（複数入力用）'!O619</f>
        <v>#N/A</v>
      </c>
      <c r="J617" s="12">
        <f>'申請書（複数入力用）'!P619</f>
        <v>1</v>
      </c>
    </row>
    <row r="618" spans="1:10" ht="51.6" customHeight="1" x14ac:dyDescent="0.45">
      <c r="A618" s="6">
        <f>'申請書（複数入力用）'!A620</f>
        <v>614</v>
      </c>
      <c r="B618" s="13">
        <f>'申請書（複数入力用）'!AH620</f>
        <v>0</v>
      </c>
      <c r="C618" s="6">
        <f>'申請書（複数入力用）'!B620</f>
        <v>0</v>
      </c>
      <c r="D618" s="6">
        <f>'申請書（複数入力用）'!D620</f>
        <v>0</v>
      </c>
      <c r="E618" s="14">
        <f>'申請書（複数入力用）'!H620</f>
        <v>0</v>
      </c>
      <c r="F618" s="11" t="str">
        <f>'申請書（複数入力用）'!J620</f>
        <v/>
      </c>
      <c r="G618" s="6" t="str">
        <f>'申請書（複数入力用）'!K620</f>
        <v>a052r000000jS9ZAAU</v>
      </c>
      <c r="H618" s="12" t="e">
        <f>'申請書（複数入力用）'!N620</f>
        <v>#N/A</v>
      </c>
      <c r="I618" s="12" t="e">
        <f>'申請書（複数入力用）'!O620</f>
        <v>#N/A</v>
      </c>
      <c r="J618" s="12">
        <f>'申請書（複数入力用）'!P620</f>
        <v>1</v>
      </c>
    </row>
    <row r="619" spans="1:10" ht="51.6" customHeight="1" x14ac:dyDescent="0.45">
      <c r="A619" s="6">
        <f>'申請書（複数入力用）'!A621</f>
        <v>615</v>
      </c>
      <c r="B619" s="13">
        <f>'申請書（複数入力用）'!AH621</f>
        <v>0</v>
      </c>
      <c r="C619" s="6">
        <f>'申請書（複数入力用）'!B621</f>
        <v>0</v>
      </c>
      <c r="D619" s="6">
        <f>'申請書（複数入力用）'!D621</f>
        <v>0</v>
      </c>
      <c r="E619" s="14">
        <f>'申請書（複数入力用）'!H621</f>
        <v>0</v>
      </c>
      <c r="F619" s="11" t="str">
        <f>'申請書（複数入力用）'!J621</f>
        <v/>
      </c>
      <c r="G619" s="6" t="str">
        <f>'申請書（複数入力用）'!K621</f>
        <v>a052r000000jS9ZAAU</v>
      </c>
      <c r="H619" s="12" t="e">
        <f>'申請書（複数入力用）'!N621</f>
        <v>#N/A</v>
      </c>
      <c r="I619" s="12" t="e">
        <f>'申請書（複数入力用）'!O621</f>
        <v>#N/A</v>
      </c>
      <c r="J619" s="12">
        <f>'申請書（複数入力用）'!P621</f>
        <v>1</v>
      </c>
    </row>
    <row r="620" spans="1:10" ht="51.6" customHeight="1" x14ac:dyDescent="0.45">
      <c r="A620" s="6">
        <f>'申請書（複数入力用）'!A622</f>
        <v>616</v>
      </c>
      <c r="B620" s="13">
        <f>'申請書（複数入力用）'!AH622</f>
        <v>0</v>
      </c>
      <c r="C620" s="6">
        <f>'申請書（複数入力用）'!B622</f>
        <v>0</v>
      </c>
      <c r="D620" s="6">
        <f>'申請書（複数入力用）'!D622</f>
        <v>0</v>
      </c>
      <c r="E620" s="14">
        <f>'申請書（複数入力用）'!H622</f>
        <v>0</v>
      </c>
      <c r="F620" s="11" t="str">
        <f>'申請書（複数入力用）'!J622</f>
        <v/>
      </c>
      <c r="G620" s="6" t="str">
        <f>'申請書（複数入力用）'!K622</f>
        <v>a052r000000jS9ZAAU</v>
      </c>
      <c r="H620" s="12" t="e">
        <f>'申請書（複数入力用）'!N622</f>
        <v>#N/A</v>
      </c>
      <c r="I620" s="12" t="e">
        <f>'申請書（複数入力用）'!O622</f>
        <v>#N/A</v>
      </c>
      <c r="J620" s="12">
        <f>'申請書（複数入力用）'!P622</f>
        <v>1</v>
      </c>
    </row>
    <row r="621" spans="1:10" ht="51.6" customHeight="1" x14ac:dyDescent="0.45">
      <c r="A621" s="6">
        <f>'申請書（複数入力用）'!A623</f>
        <v>617</v>
      </c>
      <c r="B621" s="13">
        <f>'申請書（複数入力用）'!AH623</f>
        <v>0</v>
      </c>
      <c r="C621" s="6">
        <f>'申請書（複数入力用）'!B623</f>
        <v>0</v>
      </c>
      <c r="D621" s="6">
        <f>'申請書（複数入力用）'!D623</f>
        <v>0</v>
      </c>
      <c r="E621" s="14">
        <f>'申請書（複数入力用）'!H623</f>
        <v>0</v>
      </c>
      <c r="F621" s="11" t="str">
        <f>'申請書（複数入力用）'!J623</f>
        <v/>
      </c>
      <c r="G621" s="6" t="str">
        <f>'申請書（複数入力用）'!K623</f>
        <v>a052r000000jS9ZAAU</v>
      </c>
      <c r="H621" s="12" t="e">
        <f>'申請書（複数入力用）'!N623</f>
        <v>#N/A</v>
      </c>
      <c r="I621" s="12" t="e">
        <f>'申請書（複数入力用）'!O623</f>
        <v>#N/A</v>
      </c>
      <c r="J621" s="12">
        <f>'申請書（複数入力用）'!P623</f>
        <v>1</v>
      </c>
    </row>
    <row r="622" spans="1:10" ht="51.6" customHeight="1" x14ac:dyDescent="0.45">
      <c r="A622" s="6">
        <f>'申請書（複数入力用）'!A624</f>
        <v>618</v>
      </c>
      <c r="B622" s="13">
        <f>'申請書（複数入力用）'!AH624</f>
        <v>0</v>
      </c>
      <c r="C622" s="6">
        <f>'申請書（複数入力用）'!B624</f>
        <v>0</v>
      </c>
      <c r="D622" s="6">
        <f>'申請書（複数入力用）'!D624</f>
        <v>0</v>
      </c>
      <c r="E622" s="14">
        <f>'申請書（複数入力用）'!H624</f>
        <v>0</v>
      </c>
      <c r="F622" s="11" t="str">
        <f>'申請書（複数入力用）'!J624</f>
        <v/>
      </c>
      <c r="G622" s="6" t="str">
        <f>'申請書（複数入力用）'!K624</f>
        <v>a052r000000jS9ZAAU</v>
      </c>
      <c r="H622" s="12" t="e">
        <f>'申請書（複数入力用）'!N624</f>
        <v>#N/A</v>
      </c>
      <c r="I622" s="12" t="e">
        <f>'申請書（複数入力用）'!O624</f>
        <v>#N/A</v>
      </c>
      <c r="J622" s="12">
        <f>'申請書（複数入力用）'!P624</f>
        <v>1</v>
      </c>
    </row>
    <row r="623" spans="1:10" ht="51.6" customHeight="1" x14ac:dyDescent="0.45">
      <c r="A623" s="6">
        <f>'申請書（複数入力用）'!A625</f>
        <v>619</v>
      </c>
      <c r="B623" s="13">
        <f>'申請書（複数入力用）'!AH625</f>
        <v>0</v>
      </c>
      <c r="C623" s="6">
        <f>'申請書（複数入力用）'!B625</f>
        <v>0</v>
      </c>
      <c r="D623" s="6">
        <f>'申請書（複数入力用）'!D625</f>
        <v>0</v>
      </c>
      <c r="E623" s="14">
        <f>'申請書（複数入力用）'!H625</f>
        <v>0</v>
      </c>
      <c r="F623" s="11" t="str">
        <f>'申請書（複数入力用）'!J625</f>
        <v/>
      </c>
      <c r="G623" s="6" t="str">
        <f>'申請書（複数入力用）'!K625</f>
        <v>a052r000000jS9ZAAU</v>
      </c>
      <c r="H623" s="12" t="e">
        <f>'申請書（複数入力用）'!N625</f>
        <v>#N/A</v>
      </c>
      <c r="I623" s="12" t="e">
        <f>'申請書（複数入力用）'!O625</f>
        <v>#N/A</v>
      </c>
      <c r="J623" s="12">
        <f>'申請書（複数入力用）'!P625</f>
        <v>1</v>
      </c>
    </row>
    <row r="624" spans="1:10" ht="51.6" customHeight="1" x14ac:dyDescent="0.45">
      <c r="A624" s="6">
        <f>'申請書（複数入力用）'!A626</f>
        <v>620</v>
      </c>
      <c r="B624" s="13">
        <f>'申請書（複数入力用）'!AH626</f>
        <v>0</v>
      </c>
      <c r="C624" s="6">
        <f>'申請書（複数入力用）'!B626</f>
        <v>0</v>
      </c>
      <c r="D624" s="6">
        <f>'申請書（複数入力用）'!D626</f>
        <v>0</v>
      </c>
      <c r="E624" s="14">
        <f>'申請書（複数入力用）'!H626</f>
        <v>0</v>
      </c>
      <c r="F624" s="11" t="str">
        <f>'申請書（複数入力用）'!J626</f>
        <v/>
      </c>
      <c r="G624" s="6" t="str">
        <f>'申請書（複数入力用）'!K626</f>
        <v>a052r000000jS9ZAAU</v>
      </c>
      <c r="H624" s="12" t="e">
        <f>'申請書（複数入力用）'!N626</f>
        <v>#N/A</v>
      </c>
      <c r="I624" s="12" t="e">
        <f>'申請書（複数入力用）'!O626</f>
        <v>#N/A</v>
      </c>
      <c r="J624" s="12">
        <f>'申請書（複数入力用）'!P626</f>
        <v>1</v>
      </c>
    </row>
    <row r="625" spans="1:10" ht="51.6" customHeight="1" x14ac:dyDescent="0.45">
      <c r="A625" s="6">
        <f>'申請書（複数入力用）'!A627</f>
        <v>621</v>
      </c>
      <c r="B625" s="13">
        <f>'申請書（複数入力用）'!AH627</f>
        <v>0</v>
      </c>
      <c r="C625" s="6">
        <f>'申請書（複数入力用）'!B627</f>
        <v>0</v>
      </c>
      <c r="D625" s="6">
        <f>'申請書（複数入力用）'!D627</f>
        <v>0</v>
      </c>
      <c r="E625" s="14">
        <f>'申請書（複数入力用）'!H627</f>
        <v>0</v>
      </c>
      <c r="F625" s="11" t="str">
        <f>'申請書（複数入力用）'!J627</f>
        <v/>
      </c>
      <c r="G625" s="6" t="str">
        <f>'申請書（複数入力用）'!K627</f>
        <v>a052r000000jS9ZAAU</v>
      </c>
      <c r="H625" s="12" t="e">
        <f>'申請書（複数入力用）'!N627</f>
        <v>#N/A</v>
      </c>
      <c r="I625" s="12" t="e">
        <f>'申請書（複数入力用）'!O627</f>
        <v>#N/A</v>
      </c>
      <c r="J625" s="12">
        <f>'申請書（複数入力用）'!P627</f>
        <v>1</v>
      </c>
    </row>
    <row r="626" spans="1:10" ht="51.6" customHeight="1" x14ac:dyDescent="0.45">
      <c r="A626" s="6">
        <f>'申請書（複数入力用）'!A628</f>
        <v>622</v>
      </c>
      <c r="B626" s="13">
        <f>'申請書（複数入力用）'!AH628</f>
        <v>0</v>
      </c>
      <c r="C626" s="6">
        <f>'申請書（複数入力用）'!B628</f>
        <v>0</v>
      </c>
      <c r="D626" s="6">
        <f>'申請書（複数入力用）'!D628</f>
        <v>0</v>
      </c>
      <c r="E626" s="14">
        <f>'申請書（複数入力用）'!H628</f>
        <v>0</v>
      </c>
      <c r="F626" s="11" t="str">
        <f>'申請書（複数入力用）'!J628</f>
        <v/>
      </c>
      <c r="G626" s="6" t="str">
        <f>'申請書（複数入力用）'!K628</f>
        <v>a052r000000jS9ZAAU</v>
      </c>
      <c r="H626" s="12" t="e">
        <f>'申請書（複数入力用）'!N628</f>
        <v>#N/A</v>
      </c>
      <c r="I626" s="12" t="e">
        <f>'申請書（複数入力用）'!O628</f>
        <v>#N/A</v>
      </c>
      <c r="J626" s="12">
        <f>'申請書（複数入力用）'!P628</f>
        <v>1</v>
      </c>
    </row>
    <row r="627" spans="1:10" ht="51.6" customHeight="1" x14ac:dyDescent="0.45">
      <c r="A627" s="6">
        <f>'申請書（複数入力用）'!A629</f>
        <v>623</v>
      </c>
      <c r="B627" s="13">
        <f>'申請書（複数入力用）'!AH629</f>
        <v>0</v>
      </c>
      <c r="C627" s="6">
        <f>'申請書（複数入力用）'!B629</f>
        <v>0</v>
      </c>
      <c r="D627" s="6">
        <f>'申請書（複数入力用）'!D629</f>
        <v>0</v>
      </c>
      <c r="E627" s="14">
        <f>'申請書（複数入力用）'!H629</f>
        <v>0</v>
      </c>
      <c r="F627" s="11" t="str">
        <f>'申請書（複数入力用）'!J629</f>
        <v/>
      </c>
      <c r="G627" s="6" t="str">
        <f>'申請書（複数入力用）'!K629</f>
        <v>a052r000000jS9ZAAU</v>
      </c>
      <c r="H627" s="12" t="e">
        <f>'申請書（複数入力用）'!N629</f>
        <v>#N/A</v>
      </c>
      <c r="I627" s="12" t="e">
        <f>'申請書（複数入力用）'!O629</f>
        <v>#N/A</v>
      </c>
      <c r="J627" s="12">
        <f>'申請書（複数入力用）'!P629</f>
        <v>1</v>
      </c>
    </row>
    <row r="628" spans="1:10" ht="51.6" customHeight="1" x14ac:dyDescent="0.45">
      <c r="A628" s="6">
        <f>'申請書（複数入力用）'!A630</f>
        <v>624</v>
      </c>
      <c r="B628" s="13">
        <f>'申請書（複数入力用）'!AH630</f>
        <v>0</v>
      </c>
      <c r="C628" s="6">
        <f>'申請書（複数入力用）'!B630</f>
        <v>0</v>
      </c>
      <c r="D628" s="6">
        <f>'申請書（複数入力用）'!D630</f>
        <v>0</v>
      </c>
      <c r="E628" s="14">
        <f>'申請書（複数入力用）'!H630</f>
        <v>0</v>
      </c>
      <c r="F628" s="11" t="str">
        <f>'申請書（複数入力用）'!J630</f>
        <v/>
      </c>
      <c r="G628" s="6" t="str">
        <f>'申請書（複数入力用）'!K630</f>
        <v>a052r000000jS9ZAAU</v>
      </c>
      <c r="H628" s="12" t="e">
        <f>'申請書（複数入力用）'!N630</f>
        <v>#N/A</v>
      </c>
      <c r="I628" s="12" t="e">
        <f>'申請書（複数入力用）'!O630</f>
        <v>#N/A</v>
      </c>
      <c r="J628" s="12">
        <f>'申請書（複数入力用）'!P630</f>
        <v>1</v>
      </c>
    </row>
    <row r="629" spans="1:10" ht="51.6" customHeight="1" x14ac:dyDescent="0.45">
      <c r="A629" s="6">
        <f>'申請書（複数入力用）'!A631</f>
        <v>625</v>
      </c>
      <c r="B629" s="13">
        <f>'申請書（複数入力用）'!AH631</f>
        <v>0</v>
      </c>
      <c r="C629" s="6">
        <f>'申請書（複数入力用）'!B631</f>
        <v>0</v>
      </c>
      <c r="D629" s="6">
        <f>'申請書（複数入力用）'!D631</f>
        <v>0</v>
      </c>
      <c r="E629" s="14">
        <f>'申請書（複数入力用）'!H631</f>
        <v>0</v>
      </c>
      <c r="F629" s="11" t="str">
        <f>'申請書（複数入力用）'!J631</f>
        <v/>
      </c>
      <c r="G629" s="6" t="str">
        <f>'申請書（複数入力用）'!K631</f>
        <v>a052r000000jS9ZAAU</v>
      </c>
      <c r="H629" s="12" t="e">
        <f>'申請書（複数入力用）'!N631</f>
        <v>#N/A</v>
      </c>
      <c r="I629" s="12" t="e">
        <f>'申請書（複数入力用）'!O631</f>
        <v>#N/A</v>
      </c>
      <c r="J629" s="12">
        <f>'申請書（複数入力用）'!P631</f>
        <v>1</v>
      </c>
    </row>
    <row r="630" spans="1:10" ht="51.6" customHeight="1" x14ac:dyDescent="0.45">
      <c r="A630" s="6">
        <f>'申請書（複数入力用）'!A632</f>
        <v>626</v>
      </c>
      <c r="B630" s="13">
        <f>'申請書（複数入力用）'!AH632</f>
        <v>0</v>
      </c>
      <c r="C630" s="6">
        <f>'申請書（複数入力用）'!B632</f>
        <v>0</v>
      </c>
      <c r="D630" s="6">
        <f>'申請書（複数入力用）'!D632</f>
        <v>0</v>
      </c>
      <c r="E630" s="14">
        <f>'申請書（複数入力用）'!H632</f>
        <v>0</v>
      </c>
      <c r="F630" s="11" t="str">
        <f>'申請書（複数入力用）'!J632</f>
        <v/>
      </c>
      <c r="G630" s="6" t="str">
        <f>'申請書（複数入力用）'!K632</f>
        <v>a052r000000jS9ZAAU</v>
      </c>
      <c r="H630" s="12" t="e">
        <f>'申請書（複数入力用）'!N632</f>
        <v>#N/A</v>
      </c>
      <c r="I630" s="12" t="e">
        <f>'申請書（複数入力用）'!O632</f>
        <v>#N/A</v>
      </c>
      <c r="J630" s="12">
        <f>'申請書（複数入力用）'!P632</f>
        <v>1</v>
      </c>
    </row>
    <row r="631" spans="1:10" ht="51.6" customHeight="1" x14ac:dyDescent="0.45">
      <c r="A631" s="6">
        <f>'申請書（複数入力用）'!A633</f>
        <v>627</v>
      </c>
      <c r="B631" s="13">
        <f>'申請書（複数入力用）'!AH633</f>
        <v>0</v>
      </c>
      <c r="C631" s="6">
        <f>'申請書（複数入力用）'!B633</f>
        <v>0</v>
      </c>
      <c r="D631" s="6">
        <f>'申請書（複数入力用）'!D633</f>
        <v>0</v>
      </c>
      <c r="E631" s="14">
        <f>'申請書（複数入力用）'!H633</f>
        <v>0</v>
      </c>
      <c r="F631" s="11" t="str">
        <f>'申請書（複数入力用）'!J633</f>
        <v/>
      </c>
      <c r="G631" s="6" t="str">
        <f>'申請書（複数入力用）'!K633</f>
        <v>a052r000000jS9ZAAU</v>
      </c>
      <c r="H631" s="12" t="e">
        <f>'申請書（複数入力用）'!N633</f>
        <v>#N/A</v>
      </c>
      <c r="I631" s="12" t="e">
        <f>'申請書（複数入力用）'!O633</f>
        <v>#N/A</v>
      </c>
      <c r="J631" s="12">
        <f>'申請書（複数入力用）'!P633</f>
        <v>1</v>
      </c>
    </row>
    <row r="632" spans="1:10" ht="51.6" customHeight="1" x14ac:dyDescent="0.45">
      <c r="A632" s="6">
        <f>'申請書（複数入力用）'!A634</f>
        <v>628</v>
      </c>
      <c r="B632" s="13">
        <f>'申請書（複数入力用）'!AH634</f>
        <v>0</v>
      </c>
      <c r="C632" s="6">
        <f>'申請書（複数入力用）'!B634</f>
        <v>0</v>
      </c>
      <c r="D632" s="6">
        <f>'申請書（複数入力用）'!D634</f>
        <v>0</v>
      </c>
      <c r="E632" s="14">
        <f>'申請書（複数入力用）'!H634</f>
        <v>0</v>
      </c>
      <c r="F632" s="11" t="str">
        <f>'申請書（複数入力用）'!J634</f>
        <v/>
      </c>
      <c r="G632" s="6" t="str">
        <f>'申請書（複数入力用）'!K634</f>
        <v>a052r000000jS9ZAAU</v>
      </c>
      <c r="H632" s="12" t="e">
        <f>'申請書（複数入力用）'!N634</f>
        <v>#N/A</v>
      </c>
      <c r="I632" s="12" t="e">
        <f>'申請書（複数入力用）'!O634</f>
        <v>#N/A</v>
      </c>
      <c r="J632" s="12">
        <f>'申請書（複数入力用）'!P634</f>
        <v>1</v>
      </c>
    </row>
    <row r="633" spans="1:10" ht="51.6" customHeight="1" x14ac:dyDescent="0.45">
      <c r="A633" s="6">
        <f>'申請書（複数入力用）'!A635</f>
        <v>629</v>
      </c>
      <c r="B633" s="13">
        <f>'申請書（複数入力用）'!AH635</f>
        <v>0</v>
      </c>
      <c r="C633" s="6">
        <f>'申請書（複数入力用）'!B635</f>
        <v>0</v>
      </c>
      <c r="D633" s="6">
        <f>'申請書（複数入力用）'!D635</f>
        <v>0</v>
      </c>
      <c r="E633" s="14">
        <f>'申請書（複数入力用）'!H635</f>
        <v>0</v>
      </c>
      <c r="F633" s="11" t="str">
        <f>'申請書（複数入力用）'!J635</f>
        <v/>
      </c>
      <c r="G633" s="6" t="str">
        <f>'申請書（複数入力用）'!K635</f>
        <v>a052r000000jS9ZAAU</v>
      </c>
      <c r="H633" s="12" t="e">
        <f>'申請書（複数入力用）'!N635</f>
        <v>#N/A</v>
      </c>
      <c r="I633" s="12" t="e">
        <f>'申請書（複数入力用）'!O635</f>
        <v>#N/A</v>
      </c>
      <c r="J633" s="12">
        <f>'申請書（複数入力用）'!P635</f>
        <v>1</v>
      </c>
    </row>
    <row r="634" spans="1:10" ht="51.6" customHeight="1" x14ac:dyDescent="0.45">
      <c r="A634" s="6">
        <f>'申請書（複数入力用）'!A636</f>
        <v>630</v>
      </c>
      <c r="B634" s="13">
        <f>'申請書（複数入力用）'!AH636</f>
        <v>0</v>
      </c>
      <c r="C634" s="6">
        <f>'申請書（複数入力用）'!B636</f>
        <v>0</v>
      </c>
      <c r="D634" s="6">
        <f>'申請書（複数入力用）'!D636</f>
        <v>0</v>
      </c>
      <c r="E634" s="14">
        <f>'申請書（複数入力用）'!H636</f>
        <v>0</v>
      </c>
      <c r="F634" s="11" t="str">
        <f>'申請書（複数入力用）'!J636</f>
        <v/>
      </c>
      <c r="G634" s="6" t="str">
        <f>'申請書（複数入力用）'!K636</f>
        <v>a052r000000jS9ZAAU</v>
      </c>
      <c r="H634" s="12" t="e">
        <f>'申請書（複数入力用）'!N636</f>
        <v>#N/A</v>
      </c>
      <c r="I634" s="12" t="e">
        <f>'申請書（複数入力用）'!O636</f>
        <v>#N/A</v>
      </c>
      <c r="J634" s="12">
        <f>'申請書（複数入力用）'!P636</f>
        <v>1</v>
      </c>
    </row>
    <row r="635" spans="1:10" ht="51.6" customHeight="1" x14ac:dyDescent="0.45">
      <c r="A635" s="6">
        <f>'申請書（複数入力用）'!A637</f>
        <v>631</v>
      </c>
      <c r="B635" s="13">
        <f>'申請書（複数入力用）'!AH637</f>
        <v>0</v>
      </c>
      <c r="C635" s="6">
        <f>'申請書（複数入力用）'!B637</f>
        <v>0</v>
      </c>
      <c r="D635" s="6">
        <f>'申請書（複数入力用）'!D637</f>
        <v>0</v>
      </c>
      <c r="E635" s="14">
        <f>'申請書（複数入力用）'!H637</f>
        <v>0</v>
      </c>
      <c r="F635" s="11" t="str">
        <f>'申請書（複数入力用）'!J637</f>
        <v/>
      </c>
      <c r="G635" s="6" t="str">
        <f>'申請書（複数入力用）'!K637</f>
        <v>a052r000000jS9ZAAU</v>
      </c>
      <c r="H635" s="12" t="e">
        <f>'申請書（複数入力用）'!N637</f>
        <v>#N/A</v>
      </c>
      <c r="I635" s="12" t="e">
        <f>'申請書（複数入力用）'!O637</f>
        <v>#N/A</v>
      </c>
      <c r="J635" s="12">
        <f>'申請書（複数入力用）'!P637</f>
        <v>1</v>
      </c>
    </row>
    <row r="636" spans="1:10" ht="51.6" customHeight="1" x14ac:dyDescent="0.45">
      <c r="A636" s="6">
        <f>'申請書（複数入力用）'!A638</f>
        <v>632</v>
      </c>
      <c r="B636" s="13">
        <f>'申請書（複数入力用）'!AH638</f>
        <v>0</v>
      </c>
      <c r="C636" s="6">
        <f>'申請書（複数入力用）'!B638</f>
        <v>0</v>
      </c>
      <c r="D636" s="6">
        <f>'申請書（複数入力用）'!D638</f>
        <v>0</v>
      </c>
      <c r="E636" s="14">
        <f>'申請書（複数入力用）'!H638</f>
        <v>0</v>
      </c>
      <c r="F636" s="11" t="str">
        <f>'申請書（複数入力用）'!J638</f>
        <v/>
      </c>
      <c r="G636" s="6" t="str">
        <f>'申請書（複数入力用）'!K638</f>
        <v>a052r000000jS9ZAAU</v>
      </c>
      <c r="H636" s="12" t="e">
        <f>'申請書（複数入力用）'!N638</f>
        <v>#N/A</v>
      </c>
      <c r="I636" s="12" t="e">
        <f>'申請書（複数入力用）'!O638</f>
        <v>#N/A</v>
      </c>
      <c r="J636" s="12">
        <f>'申請書（複数入力用）'!P638</f>
        <v>1</v>
      </c>
    </row>
    <row r="637" spans="1:10" ht="51.6" customHeight="1" x14ac:dyDescent="0.45">
      <c r="A637" s="6">
        <f>'申請書（複数入力用）'!A639</f>
        <v>633</v>
      </c>
      <c r="B637" s="13">
        <f>'申請書（複数入力用）'!AH639</f>
        <v>0</v>
      </c>
      <c r="C637" s="6">
        <f>'申請書（複数入力用）'!B639</f>
        <v>0</v>
      </c>
      <c r="D637" s="6">
        <f>'申請書（複数入力用）'!D639</f>
        <v>0</v>
      </c>
      <c r="E637" s="14">
        <f>'申請書（複数入力用）'!H639</f>
        <v>0</v>
      </c>
      <c r="F637" s="11" t="str">
        <f>'申請書（複数入力用）'!J639</f>
        <v/>
      </c>
      <c r="G637" s="6" t="str">
        <f>'申請書（複数入力用）'!K639</f>
        <v>a052r000000jS9ZAAU</v>
      </c>
      <c r="H637" s="12" t="e">
        <f>'申請書（複数入力用）'!N639</f>
        <v>#N/A</v>
      </c>
      <c r="I637" s="12" t="e">
        <f>'申請書（複数入力用）'!O639</f>
        <v>#N/A</v>
      </c>
      <c r="J637" s="12">
        <f>'申請書（複数入力用）'!P639</f>
        <v>1</v>
      </c>
    </row>
    <row r="638" spans="1:10" ht="51.6" customHeight="1" x14ac:dyDescent="0.45">
      <c r="A638" s="6">
        <f>'申請書（複数入力用）'!A640</f>
        <v>634</v>
      </c>
      <c r="B638" s="13">
        <f>'申請書（複数入力用）'!AH640</f>
        <v>0</v>
      </c>
      <c r="C638" s="6">
        <f>'申請書（複数入力用）'!B640</f>
        <v>0</v>
      </c>
      <c r="D638" s="6">
        <f>'申請書（複数入力用）'!D640</f>
        <v>0</v>
      </c>
      <c r="E638" s="14">
        <f>'申請書（複数入力用）'!H640</f>
        <v>0</v>
      </c>
      <c r="F638" s="11" t="str">
        <f>'申請書（複数入力用）'!J640</f>
        <v/>
      </c>
      <c r="G638" s="6" t="str">
        <f>'申請書（複数入力用）'!K640</f>
        <v>a052r000000jS9ZAAU</v>
      </c>
      <c r="H638" s="12" t="e">
        <f>'申請書（複数入力用）'!N640</f>
        <v>#N/A</v>
      </c>
      <c r="I638" s="12" t="e">
        <f>'申請書（複数入力用）'!O640</f>
        <v>#N/A</v>
      </c>
      <c r="J638" s="12">
        <f>'申請書（複数入力用）'!P640</f>
        <v>1</v>
      </c>
    </row>
    <row r="639" spans="1:10" ht="51.6" customHeight="1" x14ac:dyDescent="0.45">
      <c r="A639" s="6">
        <f>'申請書（複数入力用）'!A641</f>
        <v>635</v>
      </c>
      <c r="B639" s="13">
        <f>'申請書（複数入力用）'!AH641</f>
        <v>0</v>
      </c>
      <c r="C639" s="6">
        <f>'申請書（複数入力用）'!B641</f>
        <v>0</v>
      </c>
      <c r="D639" s="6">
        <f>'申請書（複数入力用）'!D641</f>
        <v>0</v>
      </c>
      <c r="E639" s="14">
        <f>'申請書（複数入力用）'!H641</f>
        <v>0</v>
      </c>
      <c r="F639" s="11" t="str">
        <f>'申請書（複数入力用）'!J641</f>
        <v/>
      </c>
      <c r="G639" s="6" t="str">
        <f>'申請書（複数入力用）'!K641</f>
        <v>a052r000000jS9ZAAU</v>
      </c>
      <c r="H639" s="12" t="e">
        <f>'申請書（複数入力用）'!N641</f>
        <v>#N/A</v>
      </c>
      <c r="I639" s="12" t="e">
        <f>'申請書（複数入力用）'!O641</f>
        <v>#N/A</v>
      </c>
      <c r="J639" s="12">
        <f>'申請書（複数入力用）'!P641</f>
        <v>1</v>
      </c>
    </row>
    <row r="640" spans="1:10" ht="51.6" customHeight="1" x14ac:dyDescent="0.45">
      <c r="A640" s="6">
        <f>'申請書（複数入力用）'!A642</f>
        <v>636</v>
      </c>
      <c r="B640" s="13">
        <f>'申請書（複数入力用）'!AH642</f>
        <v>0</v>
      </c>
      <c r="C640" s="6">
        <f>'申請書（複数入力用）'!B642</f>
        <v>0</v>
      </c>
      <c r="D640" s="6">
        <f>'申請書（複数入力用）'!D642</f>
        <v>0</v>
      </c>
      <c r="E640" s="14">
        <f>'申請書（複数入力用）'!H642</f>
        <v>0</v>
      </c>
      <c r="F640" s="11" t="str">
        <f>'申請書（複数入力用）'!J642</f>
        <v/>
      </c>
      <c r="G640" s="6" t="str">
        <f>'申請書（複数入力用）'!K642</f>
        <v>a052r000000jS9ZAAU</v>
      </c>
      <c r="H640" s="12" t="e">
        <f>'申請書（複数入力用）'!N642</f>
        <v>#N/A</v>
      </c>
      <c r="I640" s="12" t="e">
        <f>'申請書（複数入力用）'!O642</f>
        <v>#N/A</v>
      </c>
      <c r="J640" s="12">
        <f>'申請書（複数入力用）'!P642</f>
        <v>1</v>
      </c>
    </row>
    <row r="641" spans="1:10" ht="51.6" customHeight="1" x14ac:dyDescent="0.45">
      <c r="A641" s="6">
        <f>'申請書（複数入力用）'!A643</f>
        <v>637</v>
      </c>
      <c r="B641" s="13">
        <f>'申請書（複数入力用）'!AH643</f>
        <v>0</v>
      </c>
      <c r="C641" s="6">
        <f>'申請書（複数入力用）'!B643</f>
        <v>0</v>
      </c>
      <c r="D641" s="6">
        <f>'申請書（複数入力用）'!D643</f>
        <v>0</v>
      </c>
      <c r="E641" s="14">
        <f>'申請書（複数入力用）'!H643</f>
        <v>0</v>
      </c>
      <c r="F641" s="11" t="str">
        <f>'申請書（複数入力用）'!J643</f>
        <v/>
      </c>
      <c r="G641" s="6" t="str">
        <f>'申請書（複数入力用）'!K643</f>
        <v>a052r000000jS9ZAAU</v>
      </c>
      <c r="H641" s="12" t="e">
        <f>'申請書（複数入力用）'!N643</f>
        <v>#N/A</v>
      </c>
      <c r="I641" s="12" t="e">
        <f>'申請書（複数入力用）'!O643</f>
        <v>#N/A</v>
      </c>
      <c r="J641" s="12">
        <f>'申請書（複数入力用）'!P643</f>
        <v>1</v>
      </c>
    </row>
    <row r="642" spans="1:10" ht="51.6" customHeight="1" x14ac:dyDescent="0.45">
      <c r="A642" s="6">
        <f>'申請書（複数入力用）'!A644</f>
        <v>638</v>
      </c>
      <c r="B642" s="13">
        <f>'申請書（複数入力用）'!AH644</f>
        <v>0</v>
      </c>
      <c r="C642" s="6">
        <f>'申請書（複数入力用）'!B644</f>
        <v>0</v>
      </c>
      <c r="D642" s="6">
        <f>'申請書（複数入力用）'!D644</f>
        <v>0</v>
      </c>
      <c r="E642" s="14">
        <f>'申請書（複数入力用）'!H644</f>
        <v>0</v>
      </c>
      <c r="F642" s="11" t="str">
        <f>'申請書（複数入力用）'!J644</f>
        <v/>
      </c>
      <c r="G642" s="6" t="str">
        <f>'申請書（複数入力用）'!K644</f>
        <v>a052r000000jS9ZAAU</v>
      </c>
      <c r="H642" s="12" t="e">
        <f>'申請書（複数入力用）'!N644</f>
        <v>#N/A</v>
      </c>
      <c r="I642" s="12" t="e">
        <f>'申請書（複数入力用）'!O644</f>
        <v>#N/A</v>
      </c>
      <c r="J642" s="12">
        <f>'申請書（複数入力用）'!P644</f>
        <v>1</v>
      </c>
    </row>
    <row r="643" spans="1:10" ht="51.6" customHeight="1" x14ac:dyDescent="0.45">
      <c r="A643" s="6">
        <f>'申請書（複数入力用）'!A645</f>
        <v>639</v>
      </c>
      <c r="B643" s="13">
        <f>'申請書（複数入力用）'!AH645</f>
        <v>0</v>
      </c>
      <c r="C643" s="6">
        <f>'申請書（複数入力用）'!B645</f>
        <v>0</v>
      </c>
      <c r="D643" s="6">
        <f>'申請書（複数入力用）'!D645</f>
        <v>0</v>
      </c>
      <c r="E643" s="14">
        <f>'申請書（複数入力用）'!H645</f>
        <v>0</v>
      </c>
      <c r="F643" s="11" t="str">
        <f>'申請書（複数入力用）'!J645</f>
        <v/>
      </c>
      <c r="G643" s="6" t="str">
        <f>'申請書（複数入力用）'!K645</f>
        <v>a052r000000jS9ZAAU</v>
      </c>
      <c r="H643" s="12" t="e">
        <f>'申請書（複数入力用）'!N645</f>
        <v>#N/A</v>
      </c>
      <c r="I643" s="12" t="e">
        <f>'申請書（複数入力用）'!O645</f>
        <v>#N/A</v>
      </c>
      <c r="J643" s="12">
        <f>'申請書（複数入力用）'!P645</f>
        <v>1</v>
      </c>
    </row>
    <row r="644" spans="1:10" ht="51.6" customHeight="1" x14ac:dyDescent="0.45">
      <c r="A644" s="6">
        <f>'申請書（複数入力用）'!A646</f>
        <v>640</v>
      </c>
      <c r="B644" s="13">
        <f>'申請書（複数入力用）'!AH646</f>
        <v>0</v>
      </c>
      <c r="C644" s="6">
        <f>'申請書（複数入力用）'!B646</f>
        <v>0</v>
      </c>
      <c r="D644" s="6">
        <f>'申請書（複数入力用）'!D646</f>
        <v>0</v>
      </c>
      <c r="E644" s="14">
        <f>'申請書（複数入力用）'!H646</f>
        <v>0</v>
      </c>
      <c r="F644" s="11" t="str">
        <f>'申請書（複数入力用）'!J646</f>
        <v/>
      </c>
      <c r="G644" s="6" t="str">
        <f>'申請書（複数入力用）'!K646</f>
        <v>a052r000000jS9ZAAU</v>
      </c>
      <c r="H644" s="12" t="e">
        <f>'申請書（複数入力用）'!N646</f>
        <v>#N/A</v>
      </c>
      <c r="I644" s="12" t="e">
        <f>'申請書（複数入力用）'!O646</f>
        <v>#N/A</v>
      </c>
      <c r="J644" s="12">
        <f>'申請書（複数入力用）'!P646</f>
        <v>1</v>
      </c>
    </row>
    <row r="645" spans="1:10" ht="51.6" customHeight="1" x14ac:dyDescent="0.45">
      <c r="A645" s="6">
        <f>'申請書（複数入力用）'!A647</f>
        <v>641</v>
      </c>
      <c r="B645" s="13">
        <f>'申請書（複数入力用）'!AH647</f>
        <v>0</v>
      </c>
      <c r="C645" s="6">
        <f>'申請書（複数入力用）'!B647</f>
        <v>0</v>
      </c>
      <c r="D645" s="6">
        <f>'申請書（複数入力用）'!D647</f>
        <v>0</v>
      </c>
      <c r="E645" s="14">
        <f>'申請書（複数入力用）'!H647</f>
        <v>0</v>
      </c>
      <c r="F645" s="11" t="str">
        <f>'申請書（複数入力用）'!J647</f>
        <v/>
      </c>
      <c r="G645" s="6" t="str">
        <f>'申請書（複数入力用）'!K647</f>
        <v>a052r000000jS9ZAAU</v>
      </c>
      <c r="H645" s="12" t="e">
        <f>'申請書（複数入力用）'!N647</f>
        <v>#N/A</v>
      </c>
      <c r="I645" s="12" t="e">
        <f>'申請書（複数入力用）'!O647</f>
        <v>#N/A</v>
      </c>
      <c r="J645" s="12">
        <f>'申請書（複数入力用）'!P647</f>
        <v>1</v>
      </c>
    </row>
    <row r="646" spans="1:10" ht="51.6" customHeight="1" x14ac:dyDescent="0.45">
      <c r="A646" s="6">
        <f>'申請書（複数入力用）'!A648</f>
        <v>642</v>
      </c>
      <c r="B646" s="13">
        <f>'申請書（複数入力用）'!AH648</f>
        <v>0</v>
      </c>
      <c r="C646" s="6">
        <f>'申請書（複数入力用）'!B648</f>
        <v>0</v>
      </c>
      <c r="D646" s="6">
        <f>'申請書（複数入力用）'!D648</f>
        <v>0</v>
      </c>
      <c r="E646" s="14">
        <f>'申請書（複数入力用）'!H648</f>
        <v>0</v>
      </c>
      <c r="F646" s="11" t="str">
        <f>'申請書（複数入力用）'!J648</f>
        <v/>
      </c>
      <c r="G646" s="6" t="str">
        <f>'申請書（複数入力用）'!K648</f>
        <v>a052r000000jS9ZAAU</v>
      </c>
      <c r="H646" s="12" t="e">
        <f>'申請書（複数入力用）'!N648</f>
        <v>#N/A</v>
      </c>
      <c r="I646" s="12" t="e">
        <f>'申請書（複数入力用）'!O648</f>
        <v>#N/A</v>
      </c>
      <c r="J646" s="12">
        <f>'申請書（複数入力用）'!P648</f>
        <v>1</v>
      </c>
    </row>
    <row r="647" spans="1:10" ht="51.6" customHeight="1" x14ac:dyDescent="0.45">
      <c r="A647" s="6">
        <f>'申請書（複数入力用）'!A649</f>
        <v>643</v>
      </c>
      <c r="B647" s="13">
        <f>'申請書（複数入力用）'!AH649</f>
        <v>0</v>
      </c>
      <c r="C647" s="6">
        <f>'申請書（複数入力用）'!B649</f>
        <v>0</v>
      </c>
      <c r="D647" s="6">
        <f>'申請書（複数入力用）'!D649</f>
        <v>0</v>
      </c>
      <c r="E647" s="14">
        <f>'申請書（複数入力用）'!H649</f>
        <v>0</v>
      </c>
      <c r="F647" s="11" t="str">
        <f>'申請書（複数入力用）'!J649</f>
        <v/>
      </c>
      <c r="G647" s="6" t="str">
        <f>'申請書（複数入力用）'!K649</f>
        <v>a052r000000jS9ZAAU</v>
      </c>
      <c r="H647" s="12" t="e">
        <f>'申請書（複数入力用）'!N649</f>
        <v>#N/A</v>
      </c>
      <c r="I647" s="12" t="e">
        <f>'申請書（複数入力用）'!O649</f>
        <v>#N/A</v>
      </c>
      <c r="J647" s="12">
        <f>'申請書（複数入力用）'!P649</f>
        <v>1</v>
      </c>
    </row>
    <row r="648" spans="1:10" ht="51.6" customHeight="1" x14ac:dyDescent="0.45">
      <c r="A648" s="6">
        <f>'申請書（複数入力用）'!A650</f>
        <v>644</v>
      </c>
      <c r="B648" s="13">
        <f>'申請書（複数入力用）'!AH650</f>
        <v>0</v>
      </c>
      <c r="C648" s="6">
        <f>'申請書（複数入力用）'!B650</f>
        <v>0</v>
      </c>
      <c r="D648" s="6">
        <f>'申請書（複数入力用）'!D650</f>
        <v>0</v>
      </c>
      <c r="E648" s="14">
        <f>'申請書（複数入力用）'!H650</f>
        <v>0</v>
      </c>
      <c r="F648" s="11" t="str">
        <f>'申請書（複数入力用）'!J650</f>
        <v/>
      </c>
      <c r="G648" s="6" t="str">
        <f>'申請書（複数入力用）'!K650</f>
        <v>a052r000000jS9ZAAU</v>
      </c>
      <c r="H648" s="12" t="e">
        <f>'申請書（複数入力用）'!N650</f>
        <v>#N/A</v>
      </c>
      <c r="I648" s="12" t="e">
        <f>'申請書（複数入力用）'!O650</f>
        <v>#N/A</v>
      </c>
      <c r="J648" s="12">
        <f>'申請書（複数入力用）'!P650</f>
        <v>1</v>
      </c>
    </row>
    <row r="649" spans="1:10" ht="51.6" customHeight="1" x14ac:dyDescent="0.45">
      <c r="A649" s="6">
        <f>'申請書（複数入力用）'!A651</f>
        <v>645</v>
      </c>
      <c r="B649" s="13">
        <f>'申請書（複数入力用）'!AH651</f>
        <v>0</v>
      </c>
      <c r="C649" s="6">
        <f>'申請書（複数入力用）'!B651</f>
        <v>0</v>
      </c>
      <c r="D649" s="6">
        <f>'申請書（複数入力用）'!D651</f>
        <v>0</v>
      </c>
      <c r="E649" s="14">
        <f>'申請書（複数入力用）'!H651</f>
        <v>0</v>
      </c>
      <c r="F649" s="11" t="str">
        <f>'申請書（複数入力用）'!J651</f>
        <v/>
      </c>
      <c r="G649" s="6" t="str">
        <f>'申請書（複数入力用）'!K651</f>
        <v>a052r000000jS9ZAAU</v>
      </c>
      <c r="H649" s="12" t="e">
        <f>'申請書（複数入力用）'!N651</f>
        <v>#N/A</v>
      </c>
      <c r="I649" s="12" t="e">
        <f>'申請書（複数入力用）'!O651</f>
        <v>#N/A</v>
      </c>
      <c r="J649" s="12">
        <f>'申請書（複数入力用）'!P651</f>
        <v>1</v>
      </c>
    </row>
    <row r="650" spans="1:10" ht="51.6" customHeight="1" x14ac:dyDescent="0.45">
      <c r="A650" s="6">
        <f>'申請書（複数入力用）'!A652</f>
        <v>646</v>
      </c>
      <c r="B650" s="13">
        <f>'申請書（複数入力用）'!AH652</f>
        <v>0</v>
      </c>
      <c r="C650" s="6">
        <f>'申請書（複数入力用）'!B652</f>
        <v>0</v>
      </c>
      <c r="D650" s="6">
        <f>'申請書（複数入力用）'!D652</f>
        <v>0</v>
      </c>
      <c r="E650" s="14">
        <f>'申請書（複数入力用）'!H652</f>
        <v>0</v>
      </c>
      <c r="F650" s="11" t="str">
        <f>'申請書（複数入力用）'!J652</f>
        <v/>
      </c>
      <c r="G650" s="6" t="str">
        <f>'申請書（複数入力用）'!K652</f>
        <v>a052r000000jS9ZAAU</v>
      </c>
      <c r="H650" s="12" t="e">
        <f>'申請書（複数入力用）'!N652</f>
        <v>#N/A</v>
      </c>
      <c r="I650" s="12" t="e">
        <f>'申請書（複数入力用）'!O652</f>
        <v>#N/A</v>
      </c>
      <c r="J650" s="12">
        <f>'申請書（複数入力用）'!P652</f>
        <v>1</v>
      </c>
    </row>
    <row r="651" spans="1:10" ht="51.6" customHeight="1" x14ac:dyDescent="0.45">
      <c r="A651" s="6">
        <f>'申請書（複数入力用）'!A653</f>
        <v>647</v>
      </c>
      <c r="B651" s="13">
        <f>'申請書（複数入力用）'!AH653</f>
        <v>0</v>
      </c>
      <c r="C651" s="6">
        <f>'申請書（複数入力用）'!B653</f>
        <v>0</v>
      </c>
      <c r="D651" s="6">
        <f>'申請書（複数入力用）'!D653</f>
        <v>0</v>
      </c>
      <c r="E651" s="14">
        <f>'申請書（複数入力用）'!H653</f>
        <v>0</v>
      </c>
      <c r="F651" s="11" t="str">
        <f>'申請書（複数入力用）'!J653</f>
        <v/>
      </c>
      <c r="G651" s="6" t="str">
        <f>'申請書（複数入力用）'!K653</f>
        <v>a052r000000jS9ZAAU</v>
      </c>
      <c r="H651" s="12" t="e">
        <f>'申請書（複数入力用）'!N653</f>
        <v>#N/A</v>
      </c>
      <c r="I651" s="12" t="e">
        <f>'申請書（複数入力用）'!O653</f>
        <v>#N/A</v>
      </c>
      <c r="J651" s="12">
        <f>'申請書（複数入力用）'!P653</f>
        <v>1</v>
      </c>
    </row>
    <row r="652" spans="1:10" ht="51.6" customHeight="1" x14ac:dyDescent="0.45">
      <c r="A652" s="6">
        <f>'申請書（複数入力用）'!A654</f>
        <v>648</v>
      </c>
      <c r="B652" s="13">
        <f>'申請書（複数入力用）'!AH654</f>
        <v>0</v>
      </c>
      <c r="C652" s="6">
        <f>'申請書（複数入力用）'!B654</f>
        <v>0</v>
      </c>
      <c r="D652" s="6">
        <f>'申請書（複数入力用）'!D654</f>
        <v>0</v>
      </c>
      <c r="E652" s="14">
        <f>'申請書（複数入力用）'!H654</f>
        <v>0</v>
      </c>
      <c r="F652" s="11" t="str">
        <f>'申請書（複数入力用）'!J654</f>
        <v/>
      </c>
      <c r="G652" s="6" t="str">
        <f>'申請書（複数入力用）'!K654</f>
        <v>a052r000000jS9ZAAU</v>
      </c>
      <c r="H652" s="12" t="e">
        <f>'申請書（複数入力用）'!N654</f>
        <v>#N/A</v>
      </c>
      <c r="I652" s="12" t="e">
        <f>'申請書（複数入力用）'!O654</f>
        <v>#N/A</v>
      </c>
      <c r="J652" s="12">
        <f>'申請書（複数入力用）'!P654</f>
        <v>1</v>
      </c>
    </row>
    <row r="653" spans="1:10" ht="51.6" customHeight="1" x14ac:dyDescent="0.45">
      <c r="A653" s="6">
        <f>'申請書（複数入力用）'!A655</f>
        <v>649</v>
      </c>
      <c r="B653" s="13">
        <f>'申請書（複数入力用）'!AH655</f>
        <v>0</v>
      </c>
      <c r="C653" s="6">
        <f>'申請書（複数入力用）'!B655</f>
        <v>0</v>
      </c>
      <c r="D653" s="6">
        <f>'申請書（複数入力用）'!D655</f>
        <v>0</v>
      </c>
      <c r="E653" s="14">
        <f>'申請書（複数入力用）'!H655</f>
        <v>0</v>
      </c>
      <c r="F653" s="11" t="str">
        <f>'申請書（複数入力用）'!J655</f>
        <v/>
      </c>
      <c r="G653" s="6" t="str">
        <f>'申請書（複数入力用）'!K655</f>
        <v>a052r000000jS9ZAAU</v>
      </c>
      <c r="H653" s="12" t="e">
        <f>'申請書（複数入力用）'!N655</f>
        <v>#N/A</v>
      </c>
      <c r="I653" s="12" t="e">
        <f>'申請書（複数入力用）'!O655</f>
        <v>#N/A</v>
      </c>
      <c r="J653" s="12">
        <f>'申請書（複数入力用）'!P655</f>
        <v>1</v>
      </c>
    </row>
    <row r="654" spans="1:10" ht="51.6" customHeight="1" x14ac:dyDescent="0.45">
      <c r="A654" s="6">
        <f>'申請書（複数入力用）'!A656</f>
        <v>650</v>
      </c>
      <c r="B654" s="13">
        <f>'申請書（複数入力用）'!AH656</f>
        <v>0</v>
      </c>
      <c r="C654" s="6">
        <f>'申請書（複数入力用）'!B656</f>
        <v>0</v>
      </c>
      <c r="D654" s="6">
        <f>'申請書（複数入力用）'!D656</f>
        <v>0</v>
      </c>
      <c r="E654" s="14">
        <f>'申請書（複数入力用）'!H656</f>
        <v>0</v>
      </c>
      <c r="F654" s="11" t="str">
        <f>'申請書（複数入力用）'!J656</f>
        <v/>
      </c>
      <c r="G654" s="6" t="str">
        <f>'申請書（複数入力用）'!K656</f>
        <v>a052r000000jS9ZAAU</v>
      </c>
      <c r="H654" s="12" t="e">
        <f>'申請書（複数入力用）'!N656</f>
        <v>#N/A</v>
      </c>
      <c r="I654" s="12" t="e">
        <f>'申請書（複数入力用）'!O656</f>
        <v>#N/A</v>
      </c>
      <c r="J654" s="12">
        <f>'申請書（複数入力用）'!P656</f>
        <v>1</v>
      </c>
    </row>
    <row r="655" spans="1:10" ht="51.6" customHeight="1" x14ac:dyDescent="0.45">
      <c r="A655" s="6">
        <f>'申請書（複数入力用）'!A657</f>
        <v>651</v>
      </c>
      <c r="B655" s="13">
        <f>'申請書（複数入力用）'!AH657</f>
        <v>0</v>
      </c>
      <c r="C655" s="6">
        <f>'申請書（複数入力用）'!B657</f>
        <v>0</v>
      </c>
      <c r="D655" s="6">
        <f>'申請書（複数入力用）'!D657</f>
        <v>0</v>
      </c>
      <c r="E655" s="14">
        <f>'申請書（複数入力用）'!H657</f>
        <v>0</v>
      </c>
      <c r="F655" s="11" t="str">
        <f>'申請書（複数入力用）'!J657</f>
        <v/>
      </c>
      <c r="G655" s="6" t="str">
        <f>'申請書（複数入力用）'!K657</f>
        <v>a052r000000jS9ZAAU</v>
      </c>
      <c r="H655" s="12" t="e">
        <f>'申請書（複数入力用）'!N657</f>
        <v>#N/A</v>
      </c>
      <c r="I655" s="12" t="e">
        <f>'申請書（複数入力用）'!O657</f>
        <v>#N/A</v>
      </c>
      <c r="J655" s="12">
        <f>'申請書（複数入力用）'!P657</f>
        <v>1</v>
      </c>
    </row>
    <row r="656" spans="1:10" ht="51.6" customHeight="1" x14ac:dyDescent="0.45">
      <c r="A656" s="6">
        <f>'申請書（複数入力用）'!A658</f>
        <v>652</v>
      </c>
      <c r="B656" s="13">
        <f>'申請書（複数入力用）'!AH658</f>
        <v>0</v>
      </c>
      <c r="C656" s="6">
        <f>'申請書（複数入力用）'!B658</f>
        <v>0</v>
      </c>
      <c r="D656" s="6">
        <f>'申請書（複数入力用）'!D658</f>
        <v>0</v>
      </c>
      <c r="E656" s="14">
        <f>'申請書（複数入力用）'!H658</f>
        <v>0</v>
      </c>
      <c r="F656" s="11" t="str">
        <f>'申請書（複数入力用）'!J658</f>
        <v/>
      </c>
      <c r="G656" s="6" t="str">
        <f>'申請書（複数入力用）'!K658</f>
        <v>a052r000000jS9ZAAU</v>
      </c>
      <c r="H656" s="12" t="e">
        <f>'申請書（複数入力用）'!N658</f>
        <v>#N/A</v>
      </c>
      <c r="I656" s="12" t="e">
        <f>'申請書（複数入力用）'!O658</f>
        <v>#N/A</v>
      </c>
      <c r="J656" s="12">
        <f>'申請書（複数入力用）'!P658</f>
        <v>1</v>
      </c>
    </row>
    <row r="657" spans="1:10" ht="51.6" customHeight="1" x14ac:dyDescent="0.45">
      <c r="A657" s="6">
        <f>'申請書（複数入力用）'!A659</f>
        <v>653</v>
      </c>
      <c r="B657" s="13">
        <f>'申請書（複数入力用）'!AH659</f>
        <v>0</v>
      </c>
      <c r="C657" s="6">
        <f>'申請書（複数入力用）'!B659</f>
        <v>0</v>
      </c>
      <c r="D657" s="6">
        <f>'申請書（複数入力用）'!D659</f>
        <v>0</v>
      </c>
      <c r="E657" s="14">
        <f>'申請書（複数入力用）'!H659</f>
        <v>0</v>
      </c>
      <c r="F657" s="11" t="str">
        <f>'申請書（複数入力用）'!J659</f>
        <v/>
      </c>
      <c r="G657" s="6" t="str">
        <f>'申請書（複数入力用）'!K659</f>
        <v>a052r000000jS9ZAAU</v>
      </c>
      <c r="H657" s="12" t="e">
        <f>'申請書（複数入力用）'!N659</f>
        <v>#N/A</v>
      </c>
      <c r="I657" s="12" t="e">
        <f>'申請書（複数入力用）'!O659</f>
        <v>#N/A</v>
      </c>
      <c r="J657" s="12">
        <f>'申請書（複数入力用）'!P659</f>
        <v>1</v>
      </c>
    </row>
    <row r="658" spans="1:10" ht="51.6" customHeight="1" x14ac:dyDescent="0.45">
      <c r="A658" s="6">
        <f>'申請書（複数入力用）'!A660</f>
        <v>654</v>
      </c>
      <c r="B658" s="13">
        <f>'申請書（複数入力用）'!AH660</f>
        <v>0</v>
      </c>
      <c r="C658" s="6">
        <f>'申請書（複数入力用）'!B660</f>
        <v>0</v>
      </c>
      <c r="D658" s="6">
        <f>'申請書（複数入力用）'!D660</f>
        <v>0</v>
      </c>
      <c r="E658" s="14">
        <f>'申請書（複数入力用）'!H660</f>
        <v>0</v>
      </c>
      <c r="F658" s="11" t="str">
        <f>'申請書（複数入力用）'!J660</f>
        <v/>
      </c>
      <c r="G658" s="6" t="str">
        <f>'申請書（複数入力用）'!K660</f>
        <v>a052r000000jS9ZAAU</v>
      </c>
      <c r="H658" s="12" t="e">
        <f>'申請書（複数入力用）'!N660</f>
        <v>#N/A</v>
      </c>
      <c r="I658" s="12" t="e">
        <f>'申請書（複数入力用）'!O660</f>
        <v>#N/A</v>
      </c>
      <c r="J658" s="12">
        <f>'申請書（複数入力用）'!P660</f>
        <v>1</v>
      </c>
    </row>
    <row r="659" spans="1:10" ht="51.6" customHeight="1" x14ac:dyDescent="0.45">
      <c r="A659" s="6">
        <f>'申請書（複数入力用）'!A661</f>
        <v>655</v>
      </c>
      <c r="B659" s="13">
        <f>'申請書（複数入力用）'!AH661</f>
        <v>0</v>
      </c>
      <c r="C659" s="6">
        <f>'申請書（複数入力用）'!B661</f>
        <v>0</v>
      </c>
      <c r="D659" s="6">
        <f>'申請書（複数入力用）'!D661</f>
        <v>0</v>
      </c>
      <c r="E659" s="14">
        <f>'申請書（複数入力用）'!H661</f>
        <v>0</v>
      </c>
      <c r="F659" s="11" t="str">
        <f>'申請書（複数入力用）'!J661</f>
        <v/>
      </c>
      <c r="G659" s="6" t="str">
        <f>'申請書（複数入力用）'!K661</f>
        <v>a052r000000jS9ZAAU</v>
      </c>
      <c r="H659" s="12" t="e">
        <f>'申請書（複数入力用）'!N661</f>
        <v>#N/A</v>
      </c>
      <c r="I659" s="12" t="e">
        <f>'申請書（複数入力用）'!O661</f>
        <v>#N/A</v>
      </c>
      <c r="J659" s="12">
        <f>'申請書（複数入力用）'!P661</f>
        <v>1</v>
      </c>
    </row>
    <row r="660" spans="1:10" ht="51.6" customHeight="1" x14ac:dyDescent="0.45">
      <c r="A660" s="6">
        <f>'申請書（複数入力用）'!A662</f>
        <v>656</v>
      </c>
      <c r="B660" s="13">
        <f>'申請書（複数入力用）'!AH662</f>
        <v>0</v>
      </c>
      <c r="C660" s="6">
        <f>'申請書（複数入力用）'!B662</f>
        <v>0</v>
      </c>
      <c r="D660" s="6">
        <f>'申請書（複数入力用）'!D662</f>
        <v>0</v>
      </c>
      <c r="E660" s="14">
        <f>'申請書（複数入力用）'!H662</f>
        <v>0</v>
      </c>
      <c r="F660" s="11" t="str">
        <f>'申請書（複数入力用）'!J662</f>
        <v/>
      </c>
      <c r="G660" s="6" t="str">
        <f>'申請書（複数入力用）'!K662</f>
        <v>a052r000000jS9ZAAU</v>
      </c>
      <c r="H660" s="12" t="e">
        <f>'申請書（複数入力用）'!N662</f>
        <v>#N/A</v>
      </c>
      <c r="I660" s="12" t="e">
        <f>'申請書（複数入力用）'!O662</f>
        <v>#N/A</v>
      </c>
      <c r="J660" s="12">
        <f>'申請書（複数入力用）'!P662</f>
        <v>1</v>
      </c>
    </row>
    <row r="661" spans="1:10" ht="51.6" customHeight="1" x14ac:dyDescent="0.45">
      <c r="A661" s="6">
        <f>'申請書（複数入力用）'!A663</f>
        <v>657</v>
      </c>
      <c r="B661" s="13">
        <f>'申請書（複数入力用）'!AH663</f>
        <v>0</v>
      </c>
      <c r="C661" s="6">
        <f>'申請書（複数入力用）'!B663</f>
        <v>0</v>
      </c>
      <c r="D661" s="6">
        <f>'申請書（複数入力用）'!D663</f>
        <v>0</v>
      </c>
      <c r="E661" s="14">
        <f>'申請書（複数入力用）'!H663</f>
        <v>0</v>
      </c>
      <c r="F661" s="11" t="str">
        <f>'申請書（複数入力用）'!J663</f>
        <v/>
      </c>
      <c r="G661" s="6" t="str">
        <f>'申請書（複数入力用）'!K663</f>
        <v>a052r000000jS9ZAAU</v>
      </c>
      <c r="H661" s="12" t="e">
        <f>'申請書（複数入力用）'!N663</f>
        <v>#N/A</v>
      </c>
      <c r="I661" s="12" t="e">
        <f>'申請書（複数入力用）'!O663</f>
        <v>#N/A</v>
      </c>
      <c r="J661" s="12">
        <f>'申請書（複数入力用）'!P663</f>
        <v>1</v>
      </c>
    </row>
    <row r="662" spans="1:10" ht="51.6" customHeight="1" x14ac:dyDescent="0.45">
      <c r="A662" s="6">
        <f>'申請書（複数入力用）'!A664</f>
        <v>658</v>
      </c>
      <c r="B662" s="13">
        <f>'申請書（複数入力用）'!AH664</f>
        <v>0</v>
      </c>
      <c r="C662" s="6">
        <f>'申請書（複数入力用）'!B664</f>
        <v>0</v>
      </c>
      <c r="D662" s="6">
        <f>'申請書（複数入力用）'!D664</f>
        <v>0</v>
      </c>
      <c r="E662" s="14">
        <f>'申請書（複数入力用）'!H664</f>
        <v>0</v>
      </c>
      <c r="F662" s="11" t="str">
        <f>'申請書（複数入力用）'!J664</f>
        <v/>
      </c>
      <c r="G662" s="6" t="str">
        <f>'申請書（複数入力用）'!K664</f>
        <v>a052r000000jS9ZAAU</v>
      </c>
      <c r="H662" s="12" t="e">
        <f>'申請書（複数入力用）'!N664</f>
        <v>#N/A</v>
      </c>
      <c r="I662" s="12" t="e">
        <f>'申請書（複数入力用）'!O664</f>
        <v>#N/A</v>
      </c>
      <c r="J662" s="12">
        <f>'申請書（複数入力用）'!P664</f>
        <v>1</v>
      </c>
    </row>
    <row r="663" spans="1:10" ht="51.6" customHeight="1" x14ac:dyDescent="0.45">
      <c r="A663" s="6">
        <f>'申請書（複数入力用）'!A665</f>
        <v>659</v>
      </c>
      <c r="B663" s="13">
        <f>'申請書（複数入力用）'!AH665</f>
        <v>0</v>
      </c>
      <c r="C663" s="6">
        <f>'申請書（複数入力用）'!B665</f>
        <v>0</v>
      </c>
      <c r="D663" s="6">
        <f>'申請書（複数入力用）'!D665</f>
        <v>0</v>
      </c>
      <c r="E663" s="14">
        <f>'申請書（複数入力用）'!H665</f>
        <v>0</v>
      </c>
      <c r="F663" s="11" t="str">
        <f>'申請書（複数入力用）'!J665</f>
        <v/>
      </c>
      <c r="G663" s="6" t="str">
        <f>'申請書（複数入力用）'!K665</f>
        <v>a052r000000jS9ZAAU</v>
      </c>
      <c r="H663" s="12" t="e">
        <f>'申請書（複数入力用）'!N665</f>
        <v>#N/A</v>
      </c>
      <c r="I663" s="12" t="e">
        <f>'申請書（複数入力用）'!O665</f>
        <v>#N/A</v>
      </c>
      <c r="J663" s="12">
        <f>'申請書（複数入力用）'!P665</f>
        <v>1</v>
      </c>
    </row>
    <row r="664" spans="1:10" ht="51.6" customHeight="1" x14ac:dyDescent="0.45">
      <c r="A664" s="6">
        <f>'申請書（複数入力用）'!A666</f>
        <v>660</v>
      </c>
      <c r="B664" s="13">
        <f>'申請書（複数入力用）'!AH666</f>
        <v>0</v>
      </c>
      <c r="C664" s="6">
        <f>'申請書（複数入力用）'!B666</f>
        <v>0</v>
      </c>
      <c r="D664" s="6">
        <f>'申請書（複数入力用）'!D666</f>
        <v>0</v>
      </c>
      <c r="E664" s="14">
        <f>'申請書（複数入力用）'!H666</f>
        <v>0</v>
      </c>
      <c r="F664" s="11" t="str">
        <f>'申請書（複数入力用）'!J666</f>
        <v/>
      </c>
      <c r="G664" s="6" t="str">
        <f>'申請書（複数入力用）'!K666</f>
        <v>a052r000000jS9ZAAU</v>
      </c>
      <c r="H664" s="12" t="e">
        <f>'申請書（複数入力用）'!N666</f>
        <v>#N/A</v>
      </c>
      <c r="I664" s="12" t="e">
        <f>'申請書（複数入力用）'!O666</f>
        <v>#N/A</v>
      </c>
      <c r="J664" s="12">
        <f>'申請書（複数入力用）'!P666</f>
        <v>1</v>
      </c>
    </row>
    <row r="665" spans="1:10" ht="51.6" customHeight="1" x14ac:dyDescent="0.45">
      <c r="A665" s="6">
        <f>'申請書（複数入力用）'!A667</f>
        <v>661</v>
      </c>
      <c r="B665" s="13">
        <f>'申請書（複数入力用）'!AH667</f>
        <v>0</v>
      </c>
      <c r="C665" s="6">
        <f>'申請書（複数入力用）'!B667</f>
        <v>0</v>
      </c>
      <c r="D665" s="6">
        <f>'申請書（複数入力用）'!D667</f>
        <v>0</v>
      </c>
      <c r="E665" s="14">
        <f>'申請書（複数入力用）'!H667</f>
        <v>0</v>
      </c>
      <c r="F665" s="11" t="str">
        <f>'申請書（複数入力用）'!J667</f>
        <v/>
      </c>
      <c r="G665" s="6" t="str">
        <f>'申請書（複数入力用）'!K667</f>
        <v>a052r000000jS9ZAAU</v>
      </c>
      <c r="H665" s="12" t="e">
        <f>'申請書（複数入力用）'!N667</f>
        <v>#N/A</v>
      </c>
      <c r="I665" s="12" t="e">
        <f>'申請書（複数入力用）'!O667</f>
        <v>#N/A</v>
      </c>
      <c r="J665" s="12">
        <f>'申請書（複数入力用）'!P667</f>
        <v>1</v>
      </c>
    </row>
    <row r="666" spans="1:10" ht="51.6" customHeight="1" x14ac:dyDescent="0.45">
      <c r="A666" s="6">
        <f>'申請書（複数入力用）'!A668</f>
        <v>662</v>
      </c>
      <c r="B666" s="13">
        <f>'申請書（複数入力用）'!AH668</f>
        <v>0</v>
      </c>
      <c r="C666" s="6">
        <f>'申請書（複数入力用）'!B668</f>
        <v>0</v>
      </c>
      <c r="D666" s="6">
        <f>'申請書（複数入力用）'!D668</f>
        <v>0</v>
      </c>
      <c r="E666" s="14">
        <f>'申請書（複数入力用）'!H668</f>
        <v>0</v>
      </c>
      <c r="F666" s="11" t="str">
        <f>'申請書（複数入力用）'!J668</f>
        <v/>
      </c>
      <c r="G666" s="6" t="str">
        <f>'申請書（複数入力用）'!K668</f>
        <v>a052r000000jS9ZAAU</v>
      </c>
      <c r="H666" s="12" t="e">
        <f>'申請書（複数入力用）'!N668</f>
        <v>#N/A</v>
      </c>
      <c r="I666" s="12" t="e">
        <f>'申請書（複数入力用）'!O668</f>
        <v>#N/A</v>
      </c>
      <c r="J666" s="12">
        <f>'申請書（複数入力用）'!P668</f>
        <v>1</v>
      </c>
    </row>
    <row r="667" spans="1:10" ht="51.6" customHeight="1" x14ac:dyDescent="0.45">
      <c r="A667" s="6">
        <f>'申請書（複数入力用）'!A669</f>
        <v>663</v>
      </c>
      <c r="B667" s="13">
        <f>'申請書（複数入力用）'!AH669</f>
        <v>0</v>
      </c>
      <c r="C667" s="6">
        <f>'申請書（複数入力用）'!B669</f>
        <v>0</v>
      </c>
      <c r="D667" s="6">
        <f>'申請書（複数入力用）'!D669</f>
        <v>0</v>
      </c>
      <c r="E667" s="14">
        <f>'申請書（複数入力用）'!H669</f>
        <v>0</v>
      </c>
      <c r="F667" s="11" t="str">
        <f>'申請書（複数入力用）'!J669</f>
        <v/>
      </c>
      <c r="G667" s="6" t="str">
        <f>'申請書（複数入力用）'!K669</f>
        <v>a052r000000jS9ZAAU</v>
      </c>
      <c r="H667" s="12" t="e">
        <f>'申請書（複数入力用）'!N669</f>
        <v>#N/A</v>
      </c>
      <c r="I667" s="12" t="e">
        <f>'申請書（複数入力用）'!O669</f>
        <v>#N/A</v>
      </c>
      <c r="J667" s="12">
        <f>'申請書（複数入力用）'!P669</f>
        <v>1</v>
      </c>
    </row>
    <row r="668" spans="1:10" ht="51.6" customHeight="1" x14ac:dyDescent="0.45">
      <c r="A668" s="6">
        <f>'申請書（複数入力用）'!A670</f>
        <v>664</v>
      </c>
      <c r="B668" s="13">
        <f>'申請書（複数入力用）'!AH670</f>
        <v>0</v>
      </c>
      <c r="C668" s="6">
        <f>'申請書（複数入力用）'!B670</f>
        <v>0</v>
      </c>
      <c r="D668" s="6">
        <f>'申請書（複数入力用）'!D670</f>
        <v>0</v>
      </c>
      <c r="E668" s="14">
        <f>'申請書（複数入力用）'!H670</f>
        <v>0</v>
      </c>
      <c r="F668" s="11" t="str">
        <f>'申請書（複数入力用）'!J670</f>
        <v/>
      </c>
      <c r="G668" s="6" t="str">
        <f>'申請書（複数入力用）'!K670</f>
        <v>a052r000000jS9ZAAU</v>
      </c>
      <c r="H668" s="12" t="e">
        <f>'申請書（複数入力用）'!N670</f>
        <v>#N/A</v>
      </c>
      <c r="I668" s="12" t="e">
        <f>'申請書（複数入力用）'!O670</f>
        <v>#N/A</v>
      </c>
      <c r="J668" s="12">
        <f>'申請書（複数入力用）'!P670</f>
        <v>1</v>
      </c>
    </row>
    <row r="669" spans="1:10" ht="51.6" customHeight="1" x14ac:dyDescent="0.45">
      <c r="A669" s="6">
        <f>'申請書（複数入力用）'!A671</f>
        <v>665</v>
      </c>
      <c r="B669" s="13">
        <f>'申請書（複数入力用）'!AH671</f>
        <v>0</v>
      </c>
      <c r="C669" s="6">
        <f>'申請書（複数入力用）'!B671</f>
        <v>0</v>
      </c>
      <c r="D669" s="6">
        <f>'申請書（複数入力用）'!D671</f>
        <v>0</v>
      </c>
      <c r="E669" s="14">
        <f>'申請書（複数入力用）'!H671</f>
        <v>0</v>
      </c>
      <c r="F669" s="11" t="str">
        <f>'申請書（複数入力用）'!J671</f>
        <v/>
      </c>
      <c r="G669" s="6" t="str">
        <f>'申請書（複数入力用）'!K671</f>
        <v>a052r000000jS9ZAAU</v>
      </c>
      <c r="H669" s="12" t="e">
        <f>'申請書（複数入力用）'!N671</f>
        <v>#N/A</v>
      </c>
      <c r="I669" s="12" t="e">
        <f>'申請書（複数入力用）'!O671</f>
        <v>#N/A</v>
      </c>
      <c r="J669" s="12">
        <f>'申請書（複数入力用）'!P671</f>
        <v>1</v>
      </c>
    </row>
    <row r="670" spans="1:10" ht="51.6" customHeight="1" x14ac:dyDescent="0.45">
      <c r="A670" s="6">
        <f>'申請書（複数入力用）'!A672</f>
        <v>666</v>
      </c>
      <c r="B670" s="13">
        <f>'申請書（複数入力用）'!AH672</f>
        <v>0</v>
      </c>
      <c r="C670" s="6">
        <f>'申請書（複数入力用）'!B672</f>
        <v>0</v>
      </c>
      <c r="D670" s="6">
        <f>'申請書（複数入力用）'!D672</f>
        <v>0</v>
      </c>
      <c r="E670" s="14">
        <f>'申請書（複数入力用）'!H672</f>
        <v>0</v>
      </c>
      <c r="F670" s="11" t="str">
        <f>'申請書（複数入力用）'!J672</f>
        <v/>
      </c>
      <c r="G670" s="6" t="str">
        <f>'申請書（複数入力用）'!K672</f>
        <v>a052r000000jS9ZAAU</v>
      </c>
      <c r="H670" s="12" t="e">
        <f>'申請書（複数入力用）'!N672</f>
        <v>#N/A</v>
      </c>
      <c r="I670" s="12" t="e">
        <f>'申請書（複数入力用）'!O672</f>
        <v>#N/A</v>
      </c>
      <c r="J670" s="12">
        <f>'申請書（複数入力用）'!P672</f>
        <v>1</v>
      </c>
    </row>
    <row r="671" spans="1:10" ht="51.6" customHeight="1" x14ac:dyDescent="0.45">
      <c r="A671" s="6">
        <f>'申請書（複数入力用）'!A673</f>
        <v>667</v>
      </c>
      <c r="B671" s="13">
        <f>'申請書（複数入力用）'!AH673</f>
        <v>0</v>
      </c>
      <c r="C671" s="6">
        <f>'申請書（複数入力用）'!B673</f>
        <v>0</v>
      </c>
      <c r="D671" s="6">
        <f>'申請書（複数入力用）'!D673</f>
        <v>0</v>
      </c>
      <c r="E671" s="14">
        <f>'申請書（複数入力用）'!H673</f>
        <v>0</v>
      </c>
      <c r="F671" s="11" t="str">
        <f>'申請書（複数入力用）'!J673</f>
        <v/>
      </c>
      <c r="G671" s="6" t="str">
        <f>'申請書（複数入力用）'!K673</f>
        <v>a052r000000jS9ZAAU</v>
      </c>
      <c r="H671" s="12" t="e">
        <f>'申請書（複数入力用）'!N673</f>
        <v>#N/A</v>
      </c>
      <c r="I671" s="12" t="e">
        <f>'申請書（複数入力用）'!O673</f>
        <v>#N/A</v>
      </c>
      <c r="J671" s="12">
        <f>'申請書（複数入力用）'!P673</f>
        <v>1</v>
      </c>
    </row>
    <row r="672" spans="1:10" ht="51.6" customHeight="1" x14ac:dyDescent="0.45">
      <c r="A672" s="6">
        <f>'申請書（複数入力用）'!A674</f>
        <v>668</v>
      </c>
      <c r="B672" s="13">
        <f>'申請書（複数入力用）'!AH674</f>
        <v>0</v>
      </c>
      <c r="C672" s="6">
        <f>'申請書（複数入力用）'!B674</f>
        <v>0</v>
      </c>
      <c r="D672" s="6">
        <f>'申請書（複数入力用）'!D674</f>
        <v>0</v>
      </c>
      <c r="E672" s="14">
        <f>'申請書（複数入力用）'!H674</f>
        <v>0</v>
      </c>
      <c r="F672" s="11" t="str">
        <f>'申請書（複数入力用）'!J674</f>
        <v/>
      </c>
      <c r="G672" s="6" t="str">
        <f>'申請書（複数入力用）'!K674</f>
        <v>a052r000000jS9ZAAU</v>
      </c>
      <c r="H672" s="12" t="e">
        <f>'申請書（複数入力用）'!N674</f>
        <v>#N/A</v>
      </c>
      <c r="I672" s="12" t="e">
        <f>'申請書（複数入力用）'!O674</f>
        <v>#N/A</v>
      </c>
      <c r="J672" s="12">
        <f>'申請書（複数入力用）'!P674</f>
        <v>1</v>
      </c>
    </row>
    <row r="673" spans="1:10" ht="51.6" customHeight="1" x14ac:dyDescent="0.45">
      <c r="A673" s="6">
        <f>'申請書（複数入力用）'!A675</f>
        <v>669</v>
      </c>
      <c r="B673" s="13">
        <f>'申請書（複数入力用）'!AH675</f>
        <v>0</v>
      </c>
      <c r="C673" s="6">
        <f>'申請書（複数入力用）'!B675</f>
        <v>0</v>
      </c>
      <c r="D673" s="6">
        <f>'申請書（複数入力用）'!D675</f>
        <v>0</v>
      </c>
      <c r="E673" s="14">
        <f>'申請書（複数入力用）'!H675</f>
        <v>0</v>
      </c>
      <c r="F673" s="11" t="str">
        <f>'申請書（複数入力用）'!J675</f>
        <v/>
      </c>
      <c r="G673" s="6" t="str">
        <f>'申請書（複数入力用）'!K675</f>
        <v>a052r000000jS9ZAAU</v>
      </c>
      <c r="H673" s="12" t="e">
        <f>'申請書（複数入力用）'!N675</f>
        <v>#N/A</v>
      </c>
      <c r="I673" s="12" t="e">
        <f>'申請書（複数入力用）'!O675</f>
        <v>#N/A</v>
      </c>
      <c r="J673" s="12">
        <f>'申請書（複数入力用）'!P675</f>
        <v>1</v>
      </c>
    </row>
    <row r="674" spans="1:10" ht="51.6" customHeight="1" x14ac:dyDescent="0.45">
      <c r="A674" s="6">
        <f>'申請書（複数入力用）'!A676</f>
        <v>670</v>
      </c>
      <c r="B674" s="13">
        <f>'申請書（複数入力用）'!AH676</f>
        <v>0</v>
      </c>
      <c r="C674" s="6">
        <f>'申請書（複数入力用）'!B676</f>
        <v>0</v>
      </c>
      <c r="D674" s="6">
        <f>'申請書（複数入力用）'!D676</f>
        <v>0</v>
      </c>
      <c r="E674" s="14">
        <f>'申請書（複数入力用）'!H676</f>
        <v>0</v>
      </c>
      <c r="F674" s="11" t="str">
        <f>'申請書（複数入力用）'!J676</f>
        <v/>
      </c>
      <c r="G674" s="6" t="str">
        <f>'申請書（複数入力用）'!K676</f>
        <v>a052r000000jS9ZAAU</v>
      </c>
      <c r="H674" s="12" t="e">
        <f>'申請書（複数入力用）'!N676</f>
        <v>#N/A</v>
      </c>
      <c r="I674" s="12" t="e">
        <f>'申請書（複数入力用）'!O676</f>
        <v>#N/A</v>
      </c>
      <c r="J674" s="12">
        <f>'申請書（複数入力用）'!P676</f>
        <v>1</v>
      </c>
    </row>
    <row r="675" spans="1:10" ht="51.6" customHeight="1" x14ac:dyDescent="0.45">
      <c r="A675" s="6">
        <f>'申請書（複数入力用）'!A677</f>
        <v>671</v>
      </c>
      <c r="B675" s="13">
        <f>'申請書（複数入力用）'!AH677</f>
        <v>0</v>
      </c>
      <c r="C675" s="6">
        <f>'申請書（複数入力用）'!B677</f>
        <v>0</v>
      </c>
      <c r="D675" s="6">
        <f>'申請書（複数入力用）'!D677</f>
        <v>0</v>
      </c>
      <c r="E675" s="14">
        <f>'申請書（複数入力用）'!H677</f>
        <v>0</v>
      </c>
      <c r="F675" s="11" t="str">
        <f>'申請書（複数入力用）'!J677</f>
        <v/>
      </c>
      <c r="G675" s="6" t="str">
        <f>'申請書（複数入力用）'!K677</f>
        <v>a052r000000jS9ZAAU</v>
      </c>
      <c r="H675" s="12" t="e">
        <f>'申請書（複数入力用）'!N677</f>
        <v>#N/A</v>
      </c>
      <c r="I675" s="12" t="e">
        <f>'申請書（複数入力用）'!O677</f>
        <v>#N/A</v>
      </c>
      <c r="J675" s="12">
        <f>'申請書（複数入力用）'!P677</f>
        <v>1</v>
      </c>
    </row>
    <row r="676" spans="1:10" ht="51.6" customHeight="1" x14ac:dyDescent="0.45">
      <c r="A676" s="6">
        <f>'申請書（複数入力用）'!A678</f>
        <v>672</v>
      </c>
      <c r="B676" s="13">
        <f>'申請書（複数入力用）'!AH678</f>
        <v>0</v>
      </c>
      <c r="C676" s="6">
        <f>'申請書（複数入力用）'!B678</f>
        <v>0</v>
      </c>
      <c r="D676" s="6">
        <f>'申請書（複数入力用）'!D678</f>
        <v>0</v>
      </c>
      <c r="E676" s="14">
        <f>'申請書（複数入力用）'!H678</f>
        <v>0</v>
      </c>
      <c r="F676" s="11" t="str">
        <f>'申請書（複数入力用）'!J678</f>
        <v/>
      </c>
      <c r="G676" s="6" t="str">
        <f>'申請書（複数入力用）'!K678</f>
        <v>a052r000000jS9ZAAU</v>
      </c>
      <c r="H676" s="12" t="e">
        <f>'申請書（複数入力用）'!N678</f>
        <v>#N/A</v>
      </c>
      <c r="I676" s="12" t="e">
        <f>'申請書（複数入力用）'!O678</f>
        <v>#N/A</v>
      </c>
      <c r="J676" s="12">
        <f>'申請書（複数入力用）'!P678</f>
        <v>1</v>
      </c>
    </row>
    <row r="677" spans="1:10" ht="51.6" customHeight="1" x14ac:dyDescent="0.45">
      <c r="A677" s="6">
        <f>'申請書（複数入力用）'!A679</f>
        <v>673</v>
      </c>
      <c r="B677" s="13">
        <f>'申請書（複数入力用）'!AH679</f>
        <v>0</v>
      </c>
      <c r="C677" s="6">
        <f>'申請書（複数入力用）'!B679</f>
        <v>0</v>
      </c>
      <c r="D677" s="6">
        <f>'申請書（複数入力用）'!D679</f>
        <v>0</v>
      </c>
      <c r="E677" s="14">
        <f>'申請書（複数入力用）'!H679</f>
        <v>0</v>
      </c>
      <c r="F677" s="11" t="str">
        <f>'申請書（複数入力用）'!J679</f>
        <v/>
      </c>
      <c r="G677" s="6" t="str">
        <f>'申請書（複数入力用）'!K679</f>
        <v>a052r000000jS9ZAAU</v>
      </c>
      <c r="H677" s="12" t="e">
        <f>'申請書（複数入力用）'!N679</f>
        <v>#N/A</v>
      </c>
      <c r="I677" s="12" t="e">
        <f>'申請書（複数入力用）'!O679</f>
        <v>#N/A</v>
      </c>
      <c r="J677" s="12">
        <f>'申請書（複数入力用）'!P679</f>
        <v>1</v>
      </c>
    </row>
    <row r="678" spans="1:10" ht="51.6" customHeight="1" x14ac:dyDescent="0.45">
      <c r="A678" s="6">
        <f>'申請書（複数入力用）'!A680</f>
        <v>674</v>
      </c>
      <c r="B678" s="13">
        <f>'申請書（複数入力用）'!AH680</f>
        <v>0</v>
      </c>
      <c r="C678" s="6">
        <f>'申請書（複数入力用）'!B680</f>
        <v>0</v>
      </c>
      <c r="D678" s="6">
        <f>'申請書（複数入力用）'!D680</f>
        <v>0</v>
      </c>
      <c r="E678" s="14">
        <f>'申請書（複数入力用）'!H680</f>
        <v>0</v>
      </c>
      <c r="F678" s="11" t="str">
        <f>'申請書（複数入力用）'!J680</f>
        <v/>
      </c>
      <c r="G678" s="6" t="str">
        <f>'申請書（複数入力用）'!K680</f>
        <v>a052r000000jS9ZAAU</v>
      </c>
      <c r="H678" s="12" t="e">
        <f>'申請書（複数入力用）'!N680</f>
        <v>#N/A</v>
      </c>
      <c r="I678" s="12" t="e">
        <f>'申請書（複数入力用）'!O680</f>
        <v>#N/A</v>
      </c>
      <c r="J678" s="12">
        <f>'申請書（複数入力用）'!P680</f>
        <v>1</v>
      </c>
    </row>
    <row r="679" spans="1:10" ht="51.6" customHeight="1" x14ac:dyDescent="0.45">
      <c r="A679" s="6">
        <f>'申請書（複数入力用）'!A681</f>
        <v>675</v>
      </c>
      <c r="B679" s="13">
        <f>'申請書（複数入力用）'!AH681</f>
        <v>0</v>
      </c>
      <c r="C679" s="6">
        <f>'申請書（複数入力用）'!B681</f>
        <v>0</v>
      </c>
      <c r="D679" s="6">
        <f>'申請書（複数入力用）'!D681</f>
        <v>0</v>
      </c>
      <c r="E679" s="14">
        <f>'申請書（複数入力用）'!H681</f>
        <v>0</v>
      </c>
      <c r="F679" s="11" t="str">
        <f>'申請書（複数入力用）'!J681</f>
        <v/>
      </c>
      <c r="G679" s="6" t="str">
        <f>'申請書（複数入力用）'!K681</f>
        <v>a052r000000jS9ZAAU</v>
      </c>
      <c r="H679" s="12" t="e">
        <f>'申請書（複数入力用）'!N681</f>
        <v>#N/A</v>
      </c>
      <c r="I679" s="12" t="e">
        <f>'申請書（複数入力用）'!O681</f>
        <v>#N/A</v>
      </c>
      <c r="J679" s="12">
        <f>'申請書（複数入力用）'!P681</f>
        <v>1</v>
      </c>
    </row>
    <row r="680" spans="1:10" ht="51.6" customHeight="1" x14ac:dyDescent="0.45">
      <c r="A680" s="6">
        <f>'申請書（複数入力用）'!A682</f>
        <v>676</v>
      </c>
      <c r="B680" s="13">
        <f>'申請書（複数入力用）'!AH682</f>
        <v>0</v>
      </c>
      <c r="C680" s="6">
        <f>'申請書（複数入力用）'!B682</f>
        <v>0</v>
      </c>
      <c r="D680" s="6">
        <f>'申請書（複数入力用）'!D682</f>
        <v>0</v>
      </c>
      <c r="E680" s="14">
        <f>'申請書（複数入力用）'!H682</f>
        <v>0</v>
      </c>
      <c r="F680" s="11" t="str">
        <f>'申請書（複数入力用）'!J682</f>
        <v/>
      </c>
      <c r="G680" s="6" t="str">
        <f>'申請書（複数入力用）'!K682</f>
        <v>a052r000000jS9ZAAU</v>
      </c>
      <c r="H680" s="12" t="e">
        <f>'申請書（複数入力用）'!N682</f>
        <v>#N/A</v>
      </c>
      <c r="I680" s="12" t="e">
        <f>'申請書（複数入力用）'!O682</f>
        <v>#N/A</v>
      </c>
      <c r="J680" s="12">
        <f>'申請書（複数入力用）'!P682</f>
        <v>1</v>
      </c>
    </row>
    <row r="681" spans="1:10" ht="51.6" customHeight="1" x14ac:dyDescent="0.45">
      <c r="A681" s="6">
        <f>'申請書（複数入力用）'!A683</f>
        <v>677</v>
      </c>
      <c r="B681" s="13">
        <f>'申請書（複数入力用）'!AH683</f>
        <v>0</v>
      </c>
      <c r="C681" s="6">
        <f>'申請書（複数入力用）'!B683</f>
        <v>0</v>
      </c>
      <c r="D681" s="6">
        <f>'申請書（複数入力用）'!D683</f>
        <v>0</v>
      </c>
      <c r="E681" s="14">
        <f>'申請書（複数入力用）'!H683</f>
        <v>0</v>
      </c>
      <c r="F681" s="11" t="str">
        <f>'申請書（複数入力用）'!J683</f>
        <v/>
      </c>
      <c r="G681" s="6" t="str">
        <f>'申請書（複数入力用）'!K683</f>
        <v>a052r000000jS9ZAAU</v>
      </c>
      <c r="H681" s="12" t="e">
        <f>'申請書（複数入力用）'!N683</f>
        <v>#N/A</v>
      </c>
      <c r="I681" s="12" t="e">
        <f>'申請書（複数入力用）'!O683</f>
        <v>#N/A</v>
      </c>
      <c r="J681" s="12">
        <f>'申請書（複数入力用）'!P683</f>
        <v>1</v>
      </c>
    </row>
    <row r="682" spans="1:10" ht="51.6" customHeight="1" x14ac:dyDescent="0.45">
      <c r="A682" s="6">
        <f>'申請書（複数入力用）'!A684</f>
        <v>678</v>
      </c>
      <c r="B682" s="13">
        <f>'申請書（複数入力用）'!AH684</f>
        <v>0</v>
      </c>
      <c r="C682" s="6">
        <f>'申請書（複数入力用）'!B684</f>
        <v>0</v>
      </c>
      <c r="D682" s="6">
        <f>'申請書（複数入力用）'!D684</f>
        <v>0</v>
      </c>
      <c r="E682" s="14">
        <f>'申請書（複数入力用）'!H684</f>
        <v>0</v>
      </c>
      <c r="F682" s="11" t="str">
        <f>'申請書（複数入力用）'!J684</f>
        <v/>
      </c>
      <c r="G682" s="6" t="str">
        <f>'申請書（複数入力用）'!K684</f>
        <v>a052r000000jS9ZAAU</v>
      </c>
      <c r="H682" s="12" t="e">
        <f>'申請書（複数入力用）'!N684</f>
        <v>#N/A</v>
      </c>
      <c r="I682" s="12" t="e">
        <f>'申請書（複数入力用）'!O684</f>
        <v>#N/A</v>
      </c>
      <c r="J682" s="12">
        <f>'申請書（複数入力用）'!P684</f>
        <v>1</v>
      </c>
    </row>
    <row r="683" spans="1:10" ht="51.6" customHeight="1" x14ac:dyDescent="0.45">
      <c r="A683" s="6">
        <f>'申請書（複数入力用）'!A685</f>
        <v>679</v>
      </c>
      <c r="B683" s="13">
        <f>'申請書（複数入力用）'!AH685</f>
        <v>0</v>
      </c>
      <c r="C683" s="6">
        <f>'申請書（複数入力用）'!B685</f>
        <v>0</v>
      </c>
      <c r="D683" s="6">
        <f>'申請書（複数入力用）'!D685</f>
        <v>0</v>
      </c>
      <c r="E683" s="14">
        <f>'申請書（複数入力用）'!H685</f>
        <v>0</v>
      </c>
      <c r="F683" s="11" t="str">
        <f>'申請書（複数入力用）'!J685</f>
        <v/>
      </c>
      <c r="G683" s="6" t="str">
        <f>'申請書（複数入力用）'!K685</f>
        <v>a052r000000jS9ZAAU</v>
      </c>
      <c r="H683" s="12" t="e">
        <f>'申請書（複数入力用）'!N685</f>
        <v>#N/A</v>
      </c>
      <c r="I683" s="12" t="e">
        <f>'申請書（複数入力用）'!O685</f>
        <v>#N/A</v>
      </c>
      <c r="J683" s="12">
        <f>'申請書（複数入力用）'!P685</f>
        <v>1</v>
      </c>
    </row>
    <row r="684" spans="1:10" ht="51.6" customHeight="1" x14ac:dyDescent="0.45">
      <c r="A684" s="6">
        <f>'申請書（複数入力用）'!A686</f>
        <v>680</v>
      </c>
      <c r="B684" s="13">
        <f>'申請書（複数入力用）'!AH686</f>
        <v>0</v>
      </c>
      <c r="C684" s="6">
        <f>'申請書（複数入力用）'!B686</f>
        <v>0</v>
      </c>
      <c r="D684" s="6">
        <f>'申請書（複数入力用）'!D686</f>
        <v>0</v>
      </c>
      <c r="E684" s="14">
        <f>'申請書（複数入力用）'!H686</f>
        <v>0</v>
      </c>
      <c r="F684" s="11" t="str">
        <f>'申請書（複数入力用）'!J686</f>
        <v/>
      </c>
      <c r="G684" s="6" t="str">
        <f>'申請書（複数入力用）'!K686</f>
        <v>a052r000000jS9ZAAU</v>
      </c>
      <c r="H684" s="12" t="e">
        <f>'申請書（複数入力用）'!N686</f>
        <v>#N/A</v>
      </c>
      <c r="I684" s="12" t="e">
        <f>'申請書（複数入力用）'!O686</f>
        <v>#N/A</v>
      </c>
      <c r="J684" s="12">
        <f>'申請書（複数入力用）'!P686</f>
        <v>1</v>
      </c>
    </row>
    <row r="685" spans="1:10" ht="51.6" customHeight="1" x14ac:dyDescent="0.45">
      <c r="A685" s="6">
        <f>'申請書（複数入力用）'!A687</f>
        <v>681</v>
      </c>
      <c r="B685" s="13">
        <f>'申請書（複数入力用）'!AH687</f>
        <v>0</v>
      </c>
      <c r="C685" s="6">
        <f>'申請書（複数入力用）'!B687</f>
        <v>0</v>
      </c>
      <c r="D685" s="6">
        <f>'申請書（複数入力用）'!D687</f>
        <v>0</v>
      </c>
      <c r="E685" s="14">
        <f>'申請書（複数入力用）'!H687</f>
        <v>0</v>
      </c>
      <c r="F685" s="11" t="str">
        <f>'申請書（複数入力用）'!J687</f>
        <v/>
      </c>
      <c r="G685" s="6" t="str">
        <f>'申請書（複数入力用）'!K687</f>
        <v>a052r000000jS9ZAAU</v>
      </c>
      <c r="H685" s="12" t="e">
        <f>'申請書（複数入力用）'!N687</f>
        <v>#N/A</v>
      </c>
      <c r="I685" s="12" t="e">
        <f>'申請書（複数入力用）'!O687</f>
        <v>#N/A</v>
      </c>
      <c r="J685" s="12">
        <f>'申請書（複数入力用）'!P687</f>
        <v>1</v>
      </c>
    </row>
    <row r="686" spans="1:10" ht="51.6" customHeight="1" x14ac:dyDescent="0.45">
      <c r="A686" s="6">
        <f>'申請書（複数入力用）'!A688</f>
        <v>682</v>
      </c>
      <c r="B686" s="13">
        <f>'申請書（複数入力用）'!AH688</f>
        <v>0</v>
      </c>
      <c r="C686" s="6">
        <f>'申請書（複数入力用）'!B688</f>
        <v>0</v>
      </c>
      <c r="D686" s="6">
        <f>'申請書（複数入力用）'!D688</f>
        <v>0</v>
      </c>
      <c r="E686" s="14">
        <f>'申請書（複数入力用）'!H688</f>
        <v>0</v>
      </c>
      <c r="F686" s="11" t="str">
        <f>'申請書（複数入力用）'!J688</f>
        <v/>
      </c>
      <c r="G686" s="6" t="str">
        <f>'申請書（複数入力用）'!K688</f>
        <v>a052r000000jS9ZAAU</v>
      </c>
      <c r="H686" s="12" t="e">
        <f>'申請書（複数入力用）'!N688</f>
        <v>#N/A</v>
      </c>
      <c r="I686" s="12" t="e">
        <f>'申請書（複数入力用）'!O688</f>
        <v>#N/A</v>
      </c>
      <c r="J686" s="12">
        <f>'申請書（複数入力用）'!P688</f>
        <v>1</v>
      </c>
    </row>
    <row r="687" spans="1:10" ht="51.6" customHeight="1" x14ac:dyDescent="0.45">
      <c r="A687" s="6">
        <f>'申請書（複数入力用）'!A689</f>
        <v>683</v>
      </c>
      <c r="B687" s="13">
        <f>'申請書（複数入力用）'!AH689</f>
        <v>0</v>
      </c>
      <c r="C687" s="6">
        <f>'申請書（複数入力用）'!B689</f>
        <v>0</v>
      </c>
      <c r="D687" s="6">
        <f>'申請書（複数入力用）'!D689</f>
        <v>0</v>
      </c>
      <c r="E687" s="14">
        <f>'申請書（複数入力用）'!H689</f>
        <v>0</v>
      </c>
      <c r="F687" s="11" t="str">
        <f>'申請書（複数入力用）'!J689</f>
        <v/>
      </c>
      <c r="G687" s="6" t="str">
        <f>'申請書（複数入力用）'!K689</f>
        <v>a052r000000jS9ZAAU</v>
      </c>
      <c r="H687" s="12" t="e">
        <f>'申請書（複数入力用）'!N689</f>
        <v>#N/A</v>
      </c>
      <c r="I687" s="12" t="e">
        <f>'申請書（複数入力用）'!O689</f>
        <v>#N/A</v>
      </c>
      <c r="J687" s="12">
        <f>'申請書（複数入力用）'!P689</f>
        <v>1</v>
      </c>
    </row>
    <row r="688" spans="1:10" ht="51.6" customHeight="1" x14ac:dyDescent="0.45">
      <c r="A688" s="6">
        <f>'申請書（複数入力用）'!A690</f>
        <v>684</v>
      </c>
      <c r="B688" s="13">
        <f>'申請書（複数入力用）'!AH690</f>
        <v>0</v>
      </c>
      <c r="C688" s="6">
        <f>'申請書（複数入力用）'!B690</f>
        <v>0</v>
      </c>
      <c r="D688" s="6">
        <f>'申請書（複数入力用）'!D690</f>
        <v>0</v>
      </c>
      <c r="E688" s="14">
        <f>'申請書（複数入力用）'!H690</f>
        <v>0</v>
      </c>
      <c r="F688" s="11" t="str">
        <f>'申請書（複数入力用）'!J690</f>
        <v/>
      </c>
      <c r="G688" s="6" t="str">
        <f>'申請書（複数入力用）'!K690</f>
        <v>a052r000000jS9ZAAU</v>
      </c>
      <c r="H688" s="12" t="e">
        <f>'申請書（複数入力用）'!N690</f>
        <v>#N/A</v>
      </c>
      <c r="I688" s="12" t="e">
        <f>'申請書（複数入力用）'!O690</f>
        <v>#N/A</v>
      </c>
      <c r="J688" s="12">
        <f>'申請書（複数入力用）'!P690</f>
        <v>1</v>
      </c>
    </row>
    <row r="689" spans="1:10" ht="51.6" customHeight="1" x14ac:dyDescent="0.45">
      <c r="A689" s="6">
        <f>'申請書（複数入力用）'!A691</f>
        <v>685</v>
      </c>
      <c r="B689" s="13">
        <f>'申請書（複数入力用）'!AH691</f>
        <v>0</v>
      </c>
      <c r="C689" s="6">
        <f>'申請書（複数入力用）'!B691</f>
        <v>0</v>
      </c>
      <c r="D689" s="6">
        <f>'申請書（複数入力用）'!D691</f>
        <v>0</v>
      </c>
      <c r="E689" s="14">
        <f>'申請書（複数入力用）'!H691</f>
        <v>0</v>
      </c>
      <c r="F689" s="11" t="str">
        <f>'申請書（複数入力用）'!J691</f>
        <v/>
      </c>
      <c r="G689" s="6" t="str">
        <f>'申請書（複数入力用）'!K691</f>
        <v>a052r000000jS9ZAAU</v>
      </c>
      <c r="H689" s="12" t="e">
        <f>'申請書（複数入力用）'!N691</f>
        <v>#N/A</v>
      </c>
      <c r="I689" s="12" t="e">
        <f>'申請書（複数入力用）'!O691</f>
        <v>#N/A</v>
      </c>
      <c r="J689" s="12">
        <f>'申請書（複数入力用）'!P691</f>
        <v>1</v>
      </c>
    </row>
    <row r="690" spans="1:10" ht="51.6" customHeight="1" x14ac:dyDescent="0.45">
      <c r="A690" s="6">
        <f>'申請書（複数入力用）'!A692</f>
        <v>686</v>
      </c>
      <c r="B690" s="13">
        <f>'申請書（複数入力用）'!AH692</f>
        <v>0</v>
      </c>
      <c r="C690" s="6">
        <f>'申請書（複数入力用）'!B692</f>
        <v>0</v>
      </c>
      <c r="D690" s="6">
        <f>'申請書（複数入力用）'!D692</f>
        <v>0</v>
      </c>
      <c r="E690" s="14">
        <f>'申請書（複数入力用）'!H692</f>
        <v>0</v>
      </c>
      <c r="F690" s="11" t="str">
        <f>'申請書（複数入力用）'!J692</f>
        <v/>
      </c>
      <c r="G690" s="6" t="str">
        <f>'申請書（複数入力用）'!K692</f>
        <v>a052r000000jS9ZAAU</v>
      </c>
      <c r="H690" s="12" t="e">
        <f>'申請書（複数入力用）'!N692</f>
        <v>#N/A</v>
      </c>
      <c r="I690" s="12" t="e">
        <f>'申請書（複数入力用）'!O692</f>
        <v>#N/A</v>
      </c>
      <c r="J690" s="12">
        <f>'申請書（複数入力用）'!P692</f>
        <v>1</v>
      </c>
    </row>
    <row r="691" spans="1:10" ht="51.6" customHeight="1" x14ac:dyDescent="0.45">
      <c r="A691" s="6">
        <f>'申請書（複数入力用）'!A693</f>
        <v>687</v>
      </c>
      <c r="B691" s="13">
        <f>'申請書（複数入力用）'!AH693</f>
        <v>0</v>
      </c>
      <c r="C691" s="6">
        <f>'申請書（複数入力用）'!B693</f>
        <v>0</v>
      </c>
      <c r="D691" s="6">
        <f>'申請書（複数入力用）'!D693</f>
        <v>0</v>
      </c>
      <c r="E691" s="14">
        <f>'申請書（複数入力用）'!H693</f>
        <v>0</v>
      </c>
      <c r="F691" s="11" t="str">
        <f>'申請書（複数入力用）'!J693</f>
        <v/>
      </c>
      <c r="G691" s="6" t="str">
        <f>'申請書（複数入力用）'!K693</f>
        <v>a052r000000jS9ZAAU</v>
      </c>
      <c r="H691" s="12" t="e">
        <f>'申請書（複数入力用）'!N693</f>
        <v>#N/A</v>
      </c>
      <c r="I691" s="12" t="e">
        <f>'申請書（複数入力用）'!O693</f>
        <v>#N/A</v>
      </c>
      <c r="J691" s="12">
        <f>'申請書（複数入力用）'!P693</f>
        <v>1</v>
      </c>
    </row>
    <row r="692" spans="1:10" ht="51.6" customHeight="1" x14ac:dyDescent="0.45">
      <c r="A692" s="6">
        <f>'申請書（複数入力用）'!A694</f>
        <v>688</v>
      </c>
      <c r="B692" s="13">
        <f>'申請書（複数入力用）'!AH694</f>
        <v>0</v>
      </c>
      <c r="C692" s="6">
        <f>'申請書（複数入力用）'!B694</f>
        <v>0</v>
      </c>
      <c r="D692" s="6">
        <f>'申請書（複数入力用）'!D694</f>
        <v>0</v>
      </c>
      <c r="E692" s="14">
        <f>'申請書（複数入力用）'!H694</f>
        <v>0</v>
      </c>
      <c r="F692" s="11" t="str">
        <f>'申請書（複数入力用）'!J694</f>
        <v/>
      </c>
      <c r="G692" s="6" t="str">
        <f>'申請書（複数入力用）'!K694</f>
        <v>a052r000000jS9ZAAU</v>
      </c>
      <c r="H692" s="12" t="e">
        <f>'申請書（複数入力用）'!N694</f>
        <v>#N/A</v>
      </c>
      <c r="I692" s="12" t="e">
        <f>'申請書（複数入力用）'!O694</f>
        <v>#N/A</v>
      </c>
      <c r="J692" s="12">
        <f>'申請書（複数入力用）'!P694</f>
        <v>1</v>
      </c>
    </row>
    <row r="693" spans="1:10" ht="51.6" customHeight="1" x14ac:dyDescent="0.45">
      <c r="A693" s="6">
        <f>'申請書（複数入力用）'!A695</f>
        <v>689</v>
      </c>
      <c r="B693" s="13">
        <f>'申請書（複数入力用）'!AH695</f>
        <v>0</v>
      </c>
      <c r="C693" s="6">
        <f>'申請書（複数入力用）'!B695</f>
        <v>0</v>
      </c>
      <c r="D693" s="6">
        <f>'申請書（複数入力用）'!D695</f>
        <v>0</v>
      </c>
      <c r="E693" s="14">
        <f>'申請書（複数入力用）'!H695</f>
        <v>0</v>
      </c>
      <c r="F693" s="11" t="str">
        <f>'申請書（複数入力用）'!J695</f>
        <v/>
      </c>
      <c r="G693" s="6" t="str">
        <f>'申請書（複数入力用）'!K695</f>
        <v>a052r000000jS9ZAAU</v>
      </c>
      <c r="H693" s="12" t="e">
        <f>'申請書（複数入力用）'!N695</f>
        <v>#N/A</v>
      </c>
      <c r="I693" s="12" t="e">
        <f>'申請書（複数入力用）'!O695</f>
        <v>#N/A</v>
      </c>
      <c r="J693" s="12">
        <f>'申請書（複数入力用）'!P695</f>
        <v>1</v>
      </c>
    </row>
    <row r="694" spans="1:10" ht="51.6" customHeight="1" x14ac:dyDescent="0.45">
      <c r="A694" s="6">
        <f>'申請書（複数入力用）'!A696</f>
        <v>690</v>
      </c>
      <c r="B694" s="13">
        <f>'申請書（複数入力用）'!AH696</f>
        <v>0</v>
      </c>
      <c r="C694" s="6">
        <f>'申請書（複数入力用）'!B696</f>
        <v>0</v>
      </c>
      <c r="D694" s="6">
        <f>'申請書（複数入力用）'!D696</f>
        <v>0</v>
      </c>
      <c r="E694" s="14">
        <f>'申請書（複数入力用）'!H696</f>
        <v>0</v>
      </c>
      <c r="F694" s="11" t="str">
        <f>'申請書（複数入力用）'!J696</f>
        <v/>
      </c>
      <c r="G694" s="6" t="str">
        <f>'申請書（複数入力用）'!K696</f>
        <v>a052r000000jS9ZAAU</v>
      </c>
      <c r="H694" s="12" t="e">
        <f>'申請書（複数入力用）'!N696</f>
        <v>#N/A</v>
      </c>
      <c r="I694" s="12" t="e">
        <f>'申請書（複数入力用）'!O696</f>
        <v>#N/A</v>
      </c>
      <c r="J694" s="12">
        <f>'申請書（複数入力用）'!P696</f>
        <v>1</v>
      </c>
    </row>
    <row r="695" spans="1:10" ht="51.6" customHeight="1" x14ac:dyDescent="0.45">
      <c r="A695" s="6">
        <f>'申請書（複数入力用）'!A697</f>
        <v>691</v>
      </c>
      <c r="B695" s="13">
        <f>'申請書（複数入力用）'!AH697</f>
        <v>0</v>
      </c>
      <c r="C695" s="6">
        <f>'申請書（複数入力用）'!B697</f>
        <v>0</v>
      </c>
      <c r="D695" s="6">
        <f>'申請書（複数入力用）'!D697</f>
        <v>0</v>
      </c>
      <c r="E695" s="14">
        <f>'申請書（複数入力用）'!H697</f>
        <v>0</v>
      </c>
      <c r="F695" s="11" t="str">
        <f>'申請書（複数入力用）'!J697</f>
        <v/>
      </c>
      <c r="G695" s="6" t="str">
        <f>'申請書（複数入力用）'!K697</f>
        <v>a052r000000jS9ZAAU</v>
      </c>
      <c r="H695" s="12" t="e">
        <f>'申請書（複数入力用）'!N697</f>
        <v>#N/A</v>
      </c>
      <c r="I695" s="12" t="e">
        <f>'申請書（複数入力用）'!O697</f>
        <v>#N/A</v>
      </c>
      <c r="J695" s="12">
        <f>'申請書（複数入力用）'!P697</f>
        <v>1</v>
      </c>
    </row>
    <row r="696" spans="1:10" ht="51.6" customHeight="1" x14ac:dyDescent="0.45">
      <c r="A696" s="6">
        <f>'申請書（複数入力用）'!A698</f>
        <v>692</v>
      </c>
      <c r="B696" s="13">
        <f>'申請書（複数入力用）'!AH698</f>
        <v>0</v>
      </c>
      <c r="C696" s="6">
        <f>'申請書（複数入力用）'!B698</f>
        <v>0</v>
      </c>
      <c r="D696" s="6">
        <f>'申請書（複数入力用）'!D698</f>
        <v>0</v>
      </c>
      <c r="E696" s="14">
        <f>'申請書（複数入力用）'!H698</f>
        <v>0</v>
      </c>
      <c r="F696" s="11" t="str">
        <f>'申請書（複数入力用）'!J698</f>
        <v/>
      </c>
      <c r="G696" s="6" t="str">
        <f>'申請書（複数入力用）'!K698</f>
        <v>a052r000000jS9ZAAU</v>
      </c>
      <c r="H696" s="12" t="e">
        <f>'申請書（複数入力用）'!N698</f>
        <v>#N/A</v>
      </c>
      <c r="I696" s="12" t="e">
        <f>'申請書（複数入力用）'!O698</f>
        <v>#N/A</v>
      </c>
      <c r="J696" s="12">
        <f>'申請書（複数入力用）'!P698</f>
        <v>1</v>
      </c>
    </row>
    <row r="697" spans="1:10" ht="51.6" customHeight="1" x14ac:dyDescent="0.45">
      <c r="A697" s="6">
        <f>'申請書（複数入力用）'!A699</f>
        <v>693</v>
      </c>
      <c r="B697" s="13">
        <f>'申請書（複数入力用）'!AH699</f>
        <v>0</v>
      </c>
      <c r="C697" s="6">
        <f>'申請書（複数入力用）'!B699</f>
        <v>0</v>
      </c>
      <c r="D697" s="6">
        <f>'申請書（複数入力用）'!D699</f>
        <v>0</v>
      </c>
      <c r="E697" s="14">
        <f>'申請書（複数入力用）'!H699</f>
        <v>0</v>
      </c>
      <c r="F697" s="11" t="str">
        <f>'申請書（複数入力用）'!J699</f>
        <v/>
      </c>
      <c r="G697" s="6" t="str">
        <f>'申請書（複数入力用）'!K699</f>
        <v>a052r000000jS9ZAAU</v>
      </c>
      <c r="H697" s="12" t="e">
        <f>'申請書（複数入力用）'!N699</f>
        <v>#N/A</v>
      </c>
      <c r="I697" s="12" t="e">
        <f>'申請書（複数入力用）'!O699</f>
        <v>#N/A</v>
      </c>
      <c r="J697" s="12">
        <f>'申請書（複数入力用）'!P699</f>
        <v>1</v>
      </c>
    </row>
    <row r="698" spans="1:10" ht="51.6" customHeight="1" x14ac:dyDescent="0.45">
      <c r="A698" s="6">
        <f>'申請書（複数入力用）'!A700</f>
        <v>694</v>
      </c>
      <c r="B698" s="13">
        <f>'申請書（複数入力用）'!AH700</f>
        <v>0</v>
      </c>
      <c r="C698" s="6">
        <f>'申請書（複数入力用）'!B700</f>
        <v>0</v>
      </c>
      <c r="D698" s="6">
        <f>'申請書（複数入力用）'!D700</f>
        <v>0</v>
      </c>
      <c r="E698" s="14">
        <f>'申請書（複数入力用）'!H700</f>
        <v>0</v>
      </c>
      <c r="F698" s="11" t="str">
        <f>'申請書（複数入力用）'!J700</f>
        <v/>
      </c>
      <c r="G698" s="6" t="str">
        <f>'申請書（複数入力用）'!K700</f>
        <v>a052r000000jS9ZAAU</v>
      </c>
      <c r="H698" s="12" t="e">
        <f>'申請書（複数入力用）'!N700</f>
        <v>#N/A</v>
      </c>
      <c r="I698" s="12" t="e">
        <f>'申請書（複数入力用）'!O700</f>
        <v>#N/A</v>
      </c>
      <c r="J698" s="12">
        <f>'申請書（複数入力用）'!P700</f>
        <v>1</v>
      </c>
    </row>
    <row r="699" spans="1:10" ht="51.6" customHeight="1" x14ac:dyDescent="0.45">
      <c r="A699" s="6">
        <f>'申請書（複数入力用）'!A701</f>
        <v>695</v>
      </c>
      <c r="B699" s="13">
        <f>'申請書（複数入力用）'!AH701</f>
        <v>0</v>
      </c>
      <c r="C699" s="6">
        <f>'申請書（複数入力用）'!B701</f>
        <v>0</v>
      </c>
      <c r="D699" s="6">
        <f>'申請書（複数入力用）'!D701</f>
        <v>0</v>
      </c>
      <c r="E699" s="14">
        <f>'申請書（複数入力用）'!H701</f>
        <v>0</v>
      </c>
      <c r="F699" s="11" t="str">
        <f>'申請書（複数入力用）'!J701</f>
        <v/>
      </c>
      <c r="G699" s="6" t="str">
        <f>'申請書（複数入力用）'!K701</f>
        <v>a052r000000jS9ZAAU</v>
      </c>
      <c r="H699" s="12" t="e">
        <f>'申請書（複数入力用）'!N701</f>
        <v>#N/A</v>
      </c>
      <c r="I699" s="12" t="e">
        <f>'申請書（複数入力用）'!O701</f>
        <v>#N/A</v>
      </c>
      <c r="J699" s="12">
        <f>'申請書（複数入力用）'!P701</f>
        <v>1</v>
      </c>
    </row>
    <row r="700" spans="1:10" ht="51.6" customHeight="1" x14ac:dyDescent="0.45">
      <c r="A700" s="6">
        <f>'申請書（複数入力用）'!A702</f>
        <v>696</v>
      </c>
      <c r="B700" s="13">
        <f>'申請書（複数入力用）'!AH702</f>
        <v>0</v>
      </c>
      <c r="C700" s="6">
        <f>'申請書（複数入力用）'!B702</f>
        <v>0</v>
      </c>
      <c r="D700" s="6">
        <f>'申請書（複数入力用）'!D702</f>
        <v>0</v>
      </c>
      <c r="E700" s="14">
        <f>'申請書（複数入力用）'!H702</f>
        <v>0</v>
      </c>
      <c r="F700" s="11" t="str">
        <f>'申請書（複数入力用）'!J702</f>
        <v/>
      </c>
      <c r="G700" s="6" t="str">
        <f>'申請書（複数入力用）'!K702</f>
        <v>a052r000000jS9ZAAU</v>
      </c>
      <c r="H700" s="12" t="e">
        <f>'申請書（複数入力用）'!N702</f>
        <v>#N/A</v>
      </c>
      <c r="I700" s="12" t="e">
        <f>'申請書（複数入力用）'!O702</f>
        <v>#N/A</v>
      </c>
      <c r="J700" s="12">
        <f>'申請書（複数入力用）'!P702</f>
        <v>1</v>
      </c>
    </row>
    <row r="701" spans="1:10" ht="51.6" customHeight="1" x14ac:dyDescent="0.45">
      <c r="A701" s="6">
        <f>'申請書（複数入力用）'!A703</f>
        <v>697</v>
      </c>
      <c r="B701" s="13">
        <f>'申請書（複数入力用）'!AH703</f>
        <v>0</v>
      </c>
      <c r="C701" s="6">
        <f>'申請書（複数入力用）'!B703</f>
        <v>0</v>
      </c>
      <c r="D701" s="6">
        <f>'申請書（複数入力用）'!D703</f>
        <v>0</v>
      </c>
      <c r="E701" s="14">
        <f>'申請書（複数入力用）'!H703</f>
        <v>0</v>
      </c>
      <c r="F701" s="11" t="str">
        <f>'申請書（複数入力用）'!J703</f>
        <v/>
      </c>
      <c r="G701" s="6" t="str">
        <f>'申請書（複数入力用）'!K703</f>
        <v>a052r000000jS9ZAAU</v>
      </c>
      <c r="H701" s="12" t="e">
        <f>'申請書（複数入力用）'!N703</f>
        <v>#N/A</v>
      </c>
      <c r="I701" s="12" t="e">
        <f>'申請書（複数入力用）'!O703</f>
        <v>#N/A</v>
      </c>
      <c r="J701" s="12">
        <f>'申請書（複数入力用）'!P703</f>
        <v>1</v>
      </c>
    </row>
    <row r="702" spans="1:10" ht="51.6" customHeight="1" x14ac:dyDescent="0.45">
      <c r="A702" s="6">
        <f>'申請書（複数入力用）'!A704</f>
        <v>698</v>
      </c>
      <c r="B702" s="13">
        <f>'申請書（複数入力用）'!AH704</f>
        <v>0</v>
      </c>
      <c r="C702" s="6">
        <f>'申請書（複数入力用）'!B704</f>
        <v>0</v>
      </c>
      <c r="D702" s="6">
        <f>'申請書（複数入力用）'!D704</f>
        <v>0</v>
      </c>
      <c r="E702" s="14">
        <f>'申請書（複数入力用）'!H704</f>
        <v>0</v>
      </c>
      <c r="F702" s="11" t="str">
        <f>'申請書（複数入力用）'!J704</f>
        <v/>
      </c>
      <c r="G702" s="6" t="str">
        <f>'申請書（複数入力用）'!K704</f>
        <v>a052r000000jS9ZAAU</v>
      </c>
      <c r="H702" s="12" t="e">
        <f>'申請書（複数入力用）'!N704</f>
        <v>#N/A</v>
      </c>
      <c r="I702" s="12" t="e">
        <f>'申請書（複数入力用）'!O704</f>
        <v>#N/A</v>
      </c>
      <c r="J702" s="12">
        <f>'申請書（複数入力用）'!P704</f>
        <v>1</v>
      </c>
    </row>
    <row r="703" spans="1:10" ht="51.6" customHeight="1" x14ac:dyDescent="0.45">
      <c r="A703" s="6">
        <f>'申請書（複数入力用）'!A705</f>
        <v>699</v>
      </c>
      <c r="B703" s="13">
        <f>'申請書（複数入力用）'!AH705</f>
        <v>0</v>
      </c>
      <c r="C703" s="6">
        <f>'申請書（複数入力用）'!B705</f>
        <v>0</v>
      </c>
      <c r="D703" s="6">
        <f>'申請書（複数入力用）'!D705</f>
        <v>0</v>
      </c>
      <c r="E703" s="14">
        <f>'申請書（複数入力用）'!H705</f>
        <v>0</v>
      </c>
      <c r="F703" s="11" t="str">
        <f>'申請書（複数入力用）'!J705</f>
        <v/>
      </c>
      <c r="G703" s="6" t="str">
        <f>'申請書（複数入力用）'!K705</f>
        <v>a052r000000jS9ZAAU</v>
      </c>
      <c r="H703" s="12" t="e">
        <f>'申請書（複数入力用）'!N705</f>
        <v>#N/A</v>
      </c>
      <c r="I703" s="12" t="e">
        <f>'申請書（複数入力用）'!O705</f>
        <v>#N/A</v>
      </c>
      <c r="J703" s="12">
        <f>'申請書（複数入力用）'!P705</f>
        <v>1</v>
      </c>
    </row>
    <row r="704" spans="1:10" ht="51.6" customHeight="1" x14ac:dyDescent="0.45">
      <c r="A704" s="6">
        <f>'申請書（複数入力用）'!A706</f>
        <v>700</v>
      </c>
      <c r="B704" s="13">
        <f>'申請書（複数入力用）'!AH706</f>
        <v>0</v>
      </c>
      <c r="C704" s="6">
        <f>'申請書（複数入力用）'!B706</f>
        <v>0</v>
      </c>
      <c r="D704" s="6">
        <f>'申請書（複数入力用）'!D706</f>
        <v>0</v>
      </c>
      <c r="E704" s="14">
        <f>'申請書（複数入力用）'!H706</f>
        <v>0</v>
      </c>
      <c r="F704" s="11" t="str">
        <f>'申請書（複数入力用）'!J706</f>
        <v/>
      </c>
      <c r="G704" s="6" t="str">
        <f>'申請書（複数入力用）'!K706</f>
        <v>a052r000000jS9ZAAU</v>
      </c>
      <c r="H704" s="12" t="e">
        <f>'申請書（複数入力用）'!N706</f>
        <v>#N/A</v>
      </c>
      <c r="I704" s="12" t="e">
        <f>'申請書（複数入力用）'!O706</f>
        <v>#N/A</v>
      </c>
      <c r="J704" s="12">
        <f>'申請書（複数入力用）'!P706</f>
        <v>1</v>
      </c>
    </row>
    <row r="705" spans="1:10" ht="51.6" customHeight="1" x14ac:dyDescent="0.45">
      <c r="A705" s="6">
        <f>'申請書（複数入力用）'!A707</f>
        <v>701</v>
      </c>
      <c r="B705" s="13">
        <f>'申請書（複数入力用）'!AH707</f>
        <v>0</v>
      </c>
      <c r="C705" s="6">
        <f>'申請書（複数入力用）'!B707</f>
        <v>0</v>
      </c>
      <c r="D705" s="6">
        <f>'申請書（複数入力用）'!D707</f>
        <v>0</v>
      </c>
      <c r="E705" s="14">
        <f>'申請書（複数入力用）'!H707</f>
        <v>0</v>
      </c>
      <c r="F705" s="11" t="str">
        <f>'申請書（複数入力用）'!J707</f>
        <v/>
      </c>
      <c r="G705" s="6" t="str">
        <f>'申請書（複数入力用）'!K707</f>
        <v>a052r000000jS9ZAAU</v>
      </c>
      <c r="H705" s="12" t="e">
        <f>'申請書（複数入力用）'!N707</f>
        <v>#N/A</v>
      </c>
      <c r="I705" s="12" t="e">
        <f>'申請書（複数入力用）'!O707</f>
        <v>#N/A</v>
      </c>
      <c r="J705" s="12">
        <f>'申請書（複数入力用）'!P707</f>
        <v>1</v>
      </c>
    </row>
    <row r="706" spans="1:10" ht="51.6" customHeight="1" x14ac:dyDescent="0.45">
      <c r="A706" s="6">
        <f>'申請書（複数入力用）'!A708</f>
        <v>702</v>
      </c>
      <c r="B706" s="13">
        <f>'申請書（複数入力用）'!AH708</f>
        <v>0</v>
      </c>
      <c r="C706" s="6">
        <f>'申請書（複数入力用）'!B708</f>
        <v>0</v>
      </c>
      <c r="D706" s="6">
        <f>'申請書（複数入力用）'!D708</f>
        <v>0</v>
      </c>
      <c r="E706" s="14">
        <f>'申請書（複数入力用）'!H708</f>
        <v>0</v>
      </c>
      <c r="F706" s="11" t="str">
        <f>'申請書（複数入力用）'!J708</f>
        <v/>
      </c>
      <c r="G706" s="6" t="str">
        <f>'申請書（複数入力用）'!K708</f>
        <v>a052r000000jS9ZAAU</v>
      </c>
      <c r="H706" s="12" t="e">
        <f>'申請書（複数入力用）'!N708</f>
        <v>#N/A</v>
      </c>
      <c r="I706" s="12" t="e">
        <f>'申請書（複数入力用）'!O708</f>
        <v>#N/A</v>
      </c>
      <c r="J706" s="12">
        <f>'申請書（複数入力用）'!P708</f>
        <v>1</v>
      </c>
    </row>
    <row r="707" spans="1:10" ht="51.6" customHeight="1" x14ac:dyDescent="0.45">
      <c r="A707" s="6">
        <f>'申請書（複数入力用）'!A709</f>
        <v>703</v>
      </c>
      <c r="B707" s="13">
        <f>'申請書（複数入力用）'!AH709</f>
        <v>0</v>
      </c>
      <c r="C707" s="6">
        <f>'申請書（複数入力用）'!B709</f>
        <v>0</v>
      </c>
      <c r="D707" s="6">
        <f>'申請書（複数入力用）'!D709</f>
        <v>0</v>
      </c>
      <c r="E707" s="14">
        <f>'申請書（複数入力用）'!H709</f>
        <v>0</v>
      </c>
      <c r="F707" s="11" t="str">
        <f>'申請書（複数入力用）'!J709</f>
        <v/>
      </c>
      <c r="G707" s="6" t="str">
        <f>'申請書（複数入力用）'!K709</f>
        <v>a052r000000jS9ZAAU</v>
      </c>
      <c r="H707" s="12" t="e">
        <f>'申請書（複数入力用）'!N709</f>
        <v>#N/A</v>
      </c>
      <c r="I707" s="12" t="e">
        <f>'申請書（複数入力用）'!O709</f>
        <v>#N/A</v>
      </c>
      <c r="J707" s="12">
        <f>'申請書（複数入力用）'!P709</f>
        <v>1</v>
      </c>
    </row>
    <row r="708" spans="1:10" ht="51.6" customHeight="1" x14ac:dyDescent="0.45">
      <c r="A708" s="6">
        <f>'申請書（複数入力用）'!A710</f>
        <v>704</v>
      </c>
      <c r="B708" s="13">
        <f>'申請書（複数入力用）'!AH710</f>
        <v>0</v>
      </c>
      <c r="C708" s="6">
        <f>'申請書（複数入力用）'!B710</f>
        <v>0</v>
      </c>
      <c r="D708" s="6">
        <f>'申請書（複数入力用）'!D710</f>
        <v>0</v>
      </c>
      <c r="E708" s="14">
        <f>'申請書（複数入力用）'!H710</f>
        <v>0</v>
      </c>
      <c r="F708" s="11" t="str">
        <f>'申請書（複数入力用）'!J710</f>
        <v/>
      </c>
      <c r="G708" s="6" t="str">
        <f>'申請書（複数入力用）'!K710</f>
        <v>a052r000000jS9ZAAU</v>
      </c>
      <c r="H708" s="12" t="e">
        <f>'申請書（複数入力用）'!N710</f>
        <v>#N/A</v>
      </c>
      <c r="I708" s="12" t="e">
        <f>'申請書（複数入力用）'!O710</f>
        <v>#N/A</v>
      </c>
      <c r="J708" s="12">
        <f>'申請書（複数入力用）'!P710</f>
        <v>1</v>
      </c>
    </row>
    <row r="709" spans="1:10" ht="51.6" customHeight="1" x14ac:dyDescent="0.45">
      <c r="A709" s="6">
        <f>'申請書（複数入力用）'!A711</f>
        <v>705</v>
      </c>
      <c r="B709" s="13">
        <f>'申請書（複数入力用）'!AH711</f>
        <v>0</v>
      </c>
      <c r="C709" s="6">
        <f>'申請書（複数入力用）'!B711</f>
        <v>0</v>
      </c>
      <c r="D709" s="6">
        <f>'申請書（複数入力用）'!D711</f>
        <v>0</v>
      </c>
      <c r="E709" s="14">
        <f>'申請書（複数入力用）'!H711</f>
        <v>0</v>
      </c>
      <c r="F709" s="11" t="str">
        <f>'申請書（複数入力用）'!J711</f>
        <v/>
      </c>
      <c r="G709" s="6" t="str">
        <f>'申請書（複数入力用）'!K711</f>
        <v>a052r000000jS9ZAAU</v>
      </c>
      <c r="H709" s="12" t="e">
        <f>'申請書（複数入力用）'!N711</f>
        <v>#N/A</v>
      </c>
      <c r="I709" s="12" t="e">
        <f>'申請書（複数入力用）'!O711</f>
        <v>#N/A</v>
      </c>
      <c r="J709" s="12">
        <f>'申請書（複数入力用）'!P711</f>
        <v>1</v>
      </c>
    </row>
    <row r="710" spans="1:10" ht="51.6" customHeight="1" x14ac:dyDescent="0.45">
      <c r="A710" s="6">
        <f>'申請書（複数入力用）'!A712</f>
        <v>706</v>
      </c>
      <c r="B710" s="13">
        <f>'申請書（複数入力用）'!AH712</f>
        <v>0</v>
      </c>
      <c r="C710" s="6">
        <f>'申請書（複数入力用）'!B712</f>
        <v>0</v>
      </c>
      <c r="D710" s="6">
        <f>'申請書（複数入力用）'!D712</f>
        <v>0</v>
      </c>
      <c r="E710" s="14">
        <f>'申請書（複数入力用）'!H712</f>
        <v>0</v>
      </c>
      <c r="F710" s="11" t="str">
        <f>'申請書（複数入力用）'!J712</f>
        <v/>
      </c>
      <c r="G710" s="6" t="str">
        <f>'申請書（複数入力用）'!K712</f>
        <v>a052r000000jS9ZAAU</v>
      </c>
      <c r="H710" s="12" t="e">
        <f>'申請書（複数入力用）'!N712</f>
        <v>#N/A</v>
      </c>
      <c r="I710" s="12" t="e">
        <f>'申請書（複数入力用）'!O712</f>
        <v>#N/A</v>
      </c>
      <c r="J710" s="12">
        <f>'申請書（複数入力用）'!P712</f>
        <v>1</v>
      </c>
    </row>
    <row r="711" spans="1:10" ht="51.6" customHeight="1" x14ac:dyDescent="0.45">
      <c r="A711" s="6">
        <f>'申請書（複数入力用）'!A713</f>
        <v>707</v>
      </c>
      <c r="B711" s="13">
        <f>'申請書（複数入力用）'!AH713</f>
        <v>0</v>
      </c>
      <c r="C711" s="6">
        <f>'申請書（複数入力用）'!B713</f>
        <v>0</v>
      </c>
      <c r="D711" s="6">
        <f>'申請書（複数入力用）'!D713</f>
        <v>0</v>
      </c>
      <c r="E711" s="14">
        <f>'申請書（複数入力用）'!H713</f>
        <v>0</v>
      </c>
      <c r="F711" s="11" t="str">
        <f>'申請書（複数入力用）'!J713</f>
        <v/>
      </c>
      <c r="G711" s="6" t="str">
        <f>'申請書（複数入力用）'!K713</f>
        <v>a052r000000jS9ZAAU</v>
      </c>
      <c r="H711" s="12" t="e">
        <f>'申請書（複数入力用）'!N713</f>
        <v>#N/A</v>
      </c>
      <c r="I711" s="12" t="e">
        <f>'申請書（複数入力用）'!O713</f>
        <v>#N/A</v>
      </c>
      <c r="J711" s="12">
        <f>'申請書（複数入力用）'!P713</f>
        <v>1</v>
      </c>
    </row>
    <row r="712" spans="1:10" ht="51.6" customHeight="1" x14ac:dyDescent="0.45">
      <c r="A712" s="6">
        <f>'申請書（複数入力用）'!A714</f>
        <v>708</v>
      </c>
      <c r="B712" s="13">
        <f>'申請書（複数入力用）'!AH714</f>
        <v>0</v>
      </c>
      <c r="C712" s="6">
        <f>'申請書（複数入力用）'!B714</f>
        <v>0</v>
      </c>
      <c r="D712" s="6">
        <f>'申請書（複数入力用）'!D714</f>
        <v>0</v>
      </c>
      <c r="E712" s="14">
        <f>'申請書（複数入力用）'!H714</f>
        <v>0</v>
      </c>
      <c r="F712" s="11" t="str">
        <f>'申請書（複数入力用）'!J714</f>
        <v/>
      </c>
      <c r="G712" s="6" t="str">
        <f>'申請書（複数入力用）'!K714</f>
        <v>a052r000000jS9ZAAU</v>
      </c>
      <c r="H712" s="12" t="e">
        <f>'申請書（複数入力用）'!N714</f>
        <v>#N/A</v>
      </c>
      <c r="I712" s="12" t="e">
        <f>'申請書（複数入力用）'!O714</f>
        <v>#N/A</v>
      </c>
      <c r="J712" s="12">
        <f>'申請書（複数入力用）'!P714</f>
        <v>1</v>
      </c>
    </row>
    <row r="713" spans="1:10" ht="51.6" customHeight="1" x14ac:dyDescent="0.45">
      <c r="A713" s="6">
        <f>'申請書（複数入力用）'!A715</f>
        <v>709</v>
      </c>
      <c r="B713" s="13">
        <f>'申請書（複数入力用）'!AH715</f>
        <v>0</v>
      </c>
      <c r="C713" s="6">
        <f>'申請書（複数入力用）'!B715</f>
        <v>0</v>
      </c>
      <c r="D713" s="6">
        <f>'申請書（複数入力用）'!D715</f>
        <v>0</v>
      </c>
      <c r="E713" s="14">
        <f>'申請書（複数入力用）'!H715</f>
        <v>0</v>
      </c>
      <c r="F713" s="11" t="str">
        <f>'申請書（複数入力用）'!J715</f>
        <v/>
      </c>
      <c r="G713" s="6" t="str">
        <f>'申請書（複数入力用）'!K715</f>
        <v>a052r000000jS9ZAAU</v>
      </c>
      <c r="H713" s="12" t="e">
        <f>'申請書（複数入力用）'!N715</f>
        <v>#N/A</v>
      </c>
      <c r="I713" s="12" t="e">
        <f>'申請書（複数入力用）'!O715</f>
        <v>#N/A</v>
      </c>
      <c r="J713" s="12">
        <f>'申請書（複数入力用）'!P715</f>
        <v>1</v>
      </c>
    </row>
    <row r="714" spans="1:10" ht="51.6" customHeight="1" x14ac:dyDescent="0.45">
      <c r="A714" s="6">
        <f>'申請書（複数入力用）'!A716</f>
        <v>710</v>
      </c>
      <c r="B714" s="13">
        <f>'申請書（複数入力用）'!AH716</f>
        <v>0</v>
      </c>
      <c r="C714" s="6">
        <f>'申請書（複数入力用）'!B716</f>
        <v>0</v>
      </c>
      <c r="D714" s="6">
        <f>'申請書（複数入力用）'!D716</f>
        <v>0</v>
      </c>
      <c r="E714" s="14">
        <f>'申請書（複数入力用）'!H716</f>
        <v>0</v>
      </c>
      <c r="F714" s="11" t="str">
        <f>'申請書（複数入力用）'!J716</f>
        <v/>
      </c>
      <c r="G714" s="6" t="str">
        <f>'申請書（複数入力用）'!K716</f>
        <v>a052r000000jS9ZAAU</v>
      </c>
      <c r="H714" s="12" t="e">
        <f>'申請書（複数入力用）'!N716</f>
        <v>#N/A</v>
      </c>
      <c r="I714" s="12" t="e">
        <f>'申請書（複数入力用）'!O716</f>
        <v>#N/A</v>
      </c>
      <c r="J714" s="12">
        <f>'申請書（複数入力用）'!P716</f>
        <v>1</v>
      </c>
    </row>
    <row r="715" spans="1:10" ht="51.6" customHeight="1" x14ac:dyDescent="0.45">
      <c r="A715" s="6">
        <f>'申請書（複数入力用）'!A717</f>
        <v>711</v>
      </c>
      <c r="B715" s="13">
        <f>'申請書（複数入力用）'!AH717</f>
        <v>0</v>
      </c>
      <c r="C715" s="6">
        <f>'申請書（複数入力用）'!B717</f>
        <v>0</v>
      </c>
      <c r="D715" s="6">
        <f>'申請書（複数入力用）'!D717</f>
        <v>0</v>
      </c>
      <c r="E715" s="14">
        <f>'申請書（複数入力用）'!H717</f>
        <v>0</v>
      </c>
      <c r="F715" s="11" t="str">
        <f>'申請書（複数入力用）'!J717</f>
        <v/>
      </c>
      <c r="G715" s="6" t="str">
        <f>'申請書（複数入力用）'!K717</f>
        <v>a052r000000jS9ZAAU</v>
      </c>
      <c r="H715" s="12" t="e">
        <f>'申請書（複数入力用）'!N717</f>
        <v>#N/A</v>
      </c>
      <c r="I715" s="12" t="e">
        <f>'申請書（複数入力用）'!O717</f>
        <v>#N/A</v>
      </c>
      <c r="J715" s="12">
        <f>'申請書（複数入力用）'!P717</f>
        <v>1</v>
      </c>
    </row>
    <row r="716" spans="1:10" ht="51.6" customHeight="1" x14ac:dyDescent="0.45">
      <c r="A716" s="6">
        <f>'申請書（複数入力用）'!A718</f>
        <v>712</v>
      </c>
      <c r="B716" s="13">
        <f>'申請書（複数入力用）'!AH718</f>
        <v>0</v>
      </c>
      <c r="C716" s="6">
        <f>'申請書（複数入力用）'!B718</f>
        <v>0</v>
      </c>
      <c r="D716" s="6">
        <f>'申請書（複数入力用）'!D718</f>
        <v>0</v>
      </c>
      <c r="E716" s="14">
        <f>'申請書（複数入力用）'!H718</f>
        <v>0</v>
      </c>
      <c r="F716" s="11" t="str">
        <f>'申請書（複数入力用）'!J718</f>
        <v/>
      </c>
      <c r="G716" s="6" t="str">
        <f>'申請書（複数入力用）'!K718</f>
        <v>a052r000000jS9ZAAU</v>
      </c>
      <c r="H716" s="12" t="e">
        <f>'申請書（複数入力用）'!N718</f>
        <v>#N/A</v>
      </c>
      <c r="I716" s="12" t="e">
        <f>'申請書（複数入力用）'!O718</f>
        <v>#N/A</v>
      </c>
      <c r="J716" s="12">
        <f>'申請書（複数入力用）'!P718</f>
        <v>1</v>
      </c>
    </row>
    <row r="717" spans="1:10" ht="51.6" customHeight="1" x14ac:dyDescent="0.45">
      <c r="A717" s="6">
        <f>'申請書（複数入力用）'!A719</f>
        <v>713</v>
      </c>
      <c r="B717" s="13">
        <f>'申請書（複数入力用）'!AH719</f>
        <v>0</v>
      </c>
      <c r="C717" s="6">
        <f>'申請書（複数入力用）'!B719</f>
        <v>0</v>
      </c>
      <c r="D717" s="6">
        <f>'申請書（複数入力用）'!D719</f>
        <v>0</v>
      </c>
      <c r="E717" s="14">
        <f>'申請書（複数入力用）'!H719</f>
        <v>0</v>
      </c>
      <c r="F717" s="11" t="str">
        <f>'申請書（複数入力用）'!J719</f>
        <v/>
      </c>
      <c r="G717" s="6" t="str">
        <f>'申請書（複数入力用）'!K719</f>
        <v>a052r000000jS9ZAAU</v>
      </c>
      <c r="H717" s="12" t="e">
        <f>'申請書（複数入力用）'!N719</f>
        <v>#N/A</v>
      </c>
      <c r="I717" s="12" t="e">
        <f>'申請書（複数入力用）'!O719</f>
        <v>#N/A</v>
      </c>
      <c r="J717" s="12">
        <f>'申請書（複数入力用）'!P719</f>
        <v>1</v>
      </c>
    </row>
    <row r="718" spans="1:10" ht="51.6" customHeight="1" x14ac:dyDescent="0.45">
      <c r="A718" s="6">
        <f>'申請書（複数入力用）'!A720</f>
        <v>714</v>
      </c>
      <c r="B718" s="13">
        <f>'申請書（複数入力用）'!AH720</f>
        <v>0</v>
      </c>
      <c r="C718" s="6">
        <f>'申請書（複数入力用）'!B720</f>
        <v>0</v>
      </c>
      <c r="D718" s="6">
        <f>'申請書（複数入力用）'!D720</f>
        <v>0</v>
      </c>
      <c r="E718" s="14">
        <f>'申請書（複数入力用）'!H720</f>
        <v>0</v>
      </c>
      <c r="F718" s="11" t="str">
        <f>'申請書（複数入力用）'!J720</f>
        <v/>
      </c>
      <c r="G718" s="6" t="str">
        <f>'申請書（複数入力用）'!K720</f>
        <v>a052r000000jS9ZAAU</v>
      </c>
      <c r="H718" s="12" t="e">
        <f>'申請書（複数入力用）'!N720</f>
        <v>#N/A</v>
      </c>
      <c r="I718" s="12" t="e">
        <f>'申請書（複数入力用）'!O720</f>
        <v>#N/A</v>
      </c>
      <c r="J718" s="12">
        <f>'申請書（複数入力用）'!P720</f>
        <v>1</v>
      </c>
    </row>
    <row r="719" spans="1:10" ht="51.6" customHeight="1" x14ac:dyDescent="0.45">
      <c r="A719" s="6">
        <f>'申請書（複数入力用）'!A721</f>
        <v>715</v>
      </c>
      <c r="B719" s="13">
        <f>'申請書（複数入力用）'!AH721</f>
        <v>0</v>
      </c>
      <c r="C719" s="6">
        <f>'申請書（複数入力用）'!B721</f>
        <v>0</v>
      </c>
      <c r="D719" s="6">
        <f>'申請書（複数入力用）'!D721</f>
        <v>0</v>
      </c>
      <c r="E719" s="14">
        <f>'申請書（複数入力用）'!H721</f>
        <v>0</v>
      </c>
      <c r="F719" s="11" t="str">
        <f>'申請書（複数入力用）'!J721</f>
        <v/>
      </c>
      <c r="G719" s="6" t="str">
        <f>'申請書（複数入力用）'!K721</f>
        <v>a052r000000jS9ZAAU</v>
      </c>
      <c r="H719" s="12" t="e">
        <f>'申請書（複数入力用）'!N721</f>
        <v>#N/A</v>
      </c>
      <c r="I719" s="12" t="e">
        <f>'申請書（複数入力用）'!O721</f>
        <v>#N/A</v>
      </c>
      <c r="J719" s="12">
        <f>'申請書（複数入力用）'!P721</f>
        <v>1</v>
      </c>
    </row>
    <row r="720" spans="1:10" ht="51.6" customHeight="1" x14ac:dyDescent="0.45">
      <c r="A720" s="6">
        <f>'申請書（複数入力用）'!A722</f>
        <v>716</v>
      </c>
      <c r="B720" s="13">
        <f>'申請書（複数入力用）'!AH722</f>
        <v>0</v>
      </c>
      <c r="C720" s="6">
        <f>'申請書（複数入力用）'!B722</f>
        <v>0</v>
      </c>
      <c r="D720" s="6">
        <f>'申請書（複数入力用）'!D722</f>
        <v>0</v>
      </c>
      <c r="E720" s="14">
        <f>'申請書（複数入力用）'!H722</f>
        <v>0</v>
      </c>
      <c r="F720" s="11" t="str">
        <f>'申請書（複数入力用）'!J722</f>
        <v/>
      </c>
      <c r="G720" s="6" t="str">
        <f>'申請書（複数入力用）'!K722</f>
        <v>a052r000000jS9ZAAU</v>
      </c>
      <c r="H720" s="12" t="e">
        <f>'申請書（複数入力用）'!N722</f>
        <v>#N/A</v>
      </c>
      <c r="I720" s="12" t="e">
        <f>'申請書（複数入力用）'!O722</f>
        <v>#N/A</v>
      </c>
      <c r="J720" s="12">
        <f>'申請書（複数入力用）'!P722</f>
        <v>1</v>
      </c>
    </row>
    <row r="721" spans="1:10" ht="51.6" customHeight="1" x14ac:dyDescent="0.45">
      <c r="A721" s="6">
        <f>'申請書（複数入力用）'!A723</f>
        <v>717</v>
      </c>
      <c r="B721" s="13">
        <f>'申請書（複数入力用）'!AH723</f>
        <v>0</v>
      </c>
      <c r="C721" s="6">
        <f>'申請書（複数入力用）'!B723</f>
        <v>0</v>
      </c>
      <c r="D721" s="6">
        <f>'申請書（複数入力用）'!D723</f>
        <v>0</v>
      </c>
      <c r="E721" s="14">
        <f>'申請書（複数入力用）'!H723</f>
        <v>0</v>
      </c>
      <c r="F721" s="11" t="str">
        <f>'申請書（複数入力用）'!J723</f>
        <v/>
      </c>
      <c r="G721" s="6" t="str">
        <f>'申請書（複数入力用）'!K723</f>
        <v>a052r000000jS9ZAAU</v>
      </c>
      <c r="H721" s="12" t="e">
        <f>'申請書（複数入力用）'!N723</f>
        <v>#N/A</v>
      </c>
      <c r="I721" s="12" t="e">
        <f>'申請書（複数入力用）'!O723</f>
        <v>#N/A</v>
      </c>
      <c r="J721" s="12">
        <f>'申請書（複数入力用）'!P723</f>
        <v>1</v>
      </c>
    </row>
    <row r="722" spans="1:10" ht="51.6" customHeight="1" x14ac:dyDescent="0.45">
      <c r="A722" s="6">
        <f>'申請書（複数入力用）'!A724</f>
        <v>718</v>
      </c>
      <c r="B722" s="13">
        <f>'申請書（複数入力用）'!AH724</f>
        <v>0</v>
      </c>
      <c r="C722" s="6">
        <f>'申請書（複数入力用）'!B724</f>
        <v>0</v>
      </c>
      <c r="D722" s="6">
        <f>'申請書（複数入力用）'!D724</f>
        <v>0</v>
      </c>
      <c r="E722" s="14">
        <f>'申請書（複数入力用）'!H724</f>
        <v>0</v>
      </c>
      <c r="F722" s="11" t="str">
        <f>'申請書（複数入力用）'!J724</f>
        <v/>
      </c>
      <c r="G722" s="6" t="str">
        <f>'申請書（複数入力用）'!K724</f>
        <v>a052r000000jS9ZAAU</v>
      </c>
      <c r="H722" s="12" t="e">
        <f>'申請書（複数入力用）'!N724</f>
        <v>#N/A</v>
      </c>
      <c r="I722" s="12" t="e">
        <f>'申請書（複数入力用）'!O724</f>
        <v>#N/A</v>
      </c>
      <c r="J722" s="12">
        <f>'申請書（複数入力用）'!P724</f>
        <v>1</v>
      </c>
    </row>
    <row r="723" spans="1:10" ht="51.6" customHeight="1" x14ac:dyDescent="0.45">
      <c r="A723" s="6">
        <f>'申請書（複数入力用）'!A725</f>
        <v>719</v>
      </c>
      <c r="B723" s="13">
        <f>'申請書（複数入力用）'!AH725</f>
        <v>0</v>
      </c>
      <c r="C723" s="6">
        <f>'申請書（複数入力用）'!B725</f>
        <v>0</v>
      </c>
      <c r="D723" s="6">
        <f>'申請書（複数入力用）'!D725</f>
        <v>0</v>
      </c>
      <c r="E723" s="14">
        <f>'申請書（複数入力用）'!H725</f>
        <v>0</v>
      </c>
      <c r="F723" s="11" t="str">
        <f>'申請書（複数入力用）'!J725</f>
        <v/>
      </c>
      <c r="G723" s="6" t="str">
        <f>'申請書（複数入力用）'!K725</f>
        <v>a052r000000jS9ZAAU</v>
      </c>
      <c r="H723" s="12" t="e">
        <f>'申請書（複数入力用）'!N725</f>
        <v>#N/A</v>
      </c>
      <c r="I723" s="12" t="e">
        <f>'申請書（複数入力用）'!O725</f>
        <v>#N/A</v>
      </c>
      <c r="J723" s="12">
        <f>'申請書（複数入力用）'!P725</f>
        <v>1</v>
      </c>
    </row>
    <row r="724" spans="1:10" ht="51.6" customHeight="1" x14ac:dyDescent="0.45">
      <c r="A724" s="6">
        <f>'申請書（複数入力用）'!A726</f>
        <v>720</v>
      </c>
      <c r="B724" s="13">
        <f>'申請書（複数入力用）'!AH726</f>
        <v>0</v>
      </c>
      <c r="C724" s="6">
        <f>'申請書（複数入力用）'!B726</f>
        <v>0</v>
      </c>
      <c r="D724" s="6">
        <f>'申請書（複数入力用）'!D726</f>
        <v>0</v>
      </c>
      <c r="E724" s="14">
        <f>'申請書（複数入力用）'!H726</f>
        <v>0</v>
      </c>
      <c r="F724" s="11" t="str">
        <f>'申請書（複数入力用）'!J726</f>
        <v/>
      </c>
      <c r="G724" s="6" t="str">
        <f>'申請書（複数入力用）'!K726</f>
        <v>a052r000000jS9ZAAU</v>
      </c>
      <c r="H724" s="12" t="e">
        <f>'申請書（複数入力用）'!N726</f>
        <v>#N/A</v>
      </c>
      <c r="I724" s="12" t="e">
        <f>'申請書（複数入力用）'!O726</f>
        <v>#N/A</v>
      </c>
      <c r="J724" s="12">
        <f>'申請書（複数入力用）'!P726</f>
        <v>1</v>
      </c>
    </row>
    <row r="725" spans="1:10" ht="51.6" customHeight="1" x14ac:dyDescent="0.45">
      <c r="A725" s="6">
        <f>'申請書（複数入力用）'!A727</f>
        <v>721</v>
      </c>
      <c r="B725" s="13">
        <f>'申請書（複数入力用）'!AH727</f>
        <v>0</v>
      </c>
      <c r="C725" s="6">
        <f>'申請書（複数入力用）'!B727</f>
        <v>0</v>
      </c>
      <c r="D725" s="6">
        <f>'申請書（複数入力用）'!D727</f>
        <v>0</v>
      </c>
      <c r="E725" s="14">
        <f>'申請書（複数入力用）'!H727</f>
        <v>0</v>
      </c>
      <c r="F725" s="11" t="str">
        <f>'申請書（複数入力用）'!J727</f>
        <v/>
      </c>
      <c r="G725" s="6" t="str">
        <f>'申請書（複数入力用）'!K727</f>
        <v>a052r000000jS9ZAAU</v>
      </c>
      <c r="H725" s="12" t="e">
        <f>'申請書（複数入力用）'!N727</f>
        <v>#N/A</v>
      </c>
      <c r="I725" s="12" t="e">
        <f>'申請書（複数入力用）'!O727</f>
        <v>#N/A</v>
      </c>
      <c r="J725" s="12">
        <f>'申請書（複数入力用）'!P727</f>
        <v>1</v>
      </c>
    </row>
    <row r="726" spans="1:10" ht="51.6" customHeight="1" x14ac:dyDescent="0.45">
      <c r="A726" s="6">
        <f>'申請書（複数入力用）'!A728</f>
        <v>722</v>
      </c>
      <c r="B726" s="13">
        <f>'申請書（複数入力用）'!AH728</f>
        <v>0</v>
      </c>
      <c r="C726" s="6">
        <f>'申請書（複数入力用）'!B728</f>
        <v>0</v>
      </c>
      <c r="D726" s="6">
        <f>'申請書（複数入力用）'!D728</f>
        <v>0</v>
      </c>
      <c r="E726" s="14">
        <f>'申請書（複数入力用）'!H728</f>
        <v>0</v>
      </c>
      <c r="F726" s="11" t="str">
        <f>'申請書（複数入力用）'!J728</f>
        <v/>
      </c>
      <c r="G726" s="6" t="str">
        <f>'申請書（複数入力用）'!K728</f>
        <v>a052r000000jS9ZAAU</v>
      </c>
      <c r="H726" s="12" t="e">
        <f>'申請書（複数入力用）'!N728</f>
        <v>#N/A</v>
      </c>
      <c r="I726" s="12" t="e">
        <f>'申請書（複数入力用）'!O728</f>
        <v>#N/A</v>
      </c>
      <c r="J726" s="12">
        <f>'申請書（複数入力用）'!P728</f>
        <v>1</v>
      </c>
    </row>
    <row r="727" spans="1:10" ht="51.6" customHeight="1" x14ac:dyDescent="0.45">
      <c r="A727" s="6">
        <f>'申請書（複数入力用）'!A729</f>
        <v>723</v>
      </c>
      <c r="B727" s="13">
        <f>'申請書（複数入力用）'!AH729</f>
        <v>0</v>
      </c>
      <c r="C727" s="6">
        <f>'申請書（複数入力用）'!B729</f>
        <v>0</v>
      </c>
      <c r="D727" s="6">
        <f>'申請書（複数入力用）'!D729</f>
        <v>0</v>
      </c>
      <c r="E727" s="14">
        <f>'申請書（複数入力用）'!H729</f>
        <v>0</v>
      </c>
      <c r="F727" s="11" t="str">
        <f>'申請書（複数入力用）'!J729</f>
        <v/>
      </c>
      <c r="G727" s="6" t="str">
        <f>'申請書（複数入力用）'!K729</f>
        <v>a052r000000jS9ZAAU</v>
      </c>
      <c r="H727" s="12" t="e">
        <f>'申請書（複数入力用）'!N729</f>
        <v>#N/A</v>
      </c>
      <c r="I727" s="12" t="e">
        <f>'申請書（複数入力用）'!O729</f>
        <v>#N/A</v>
      </c>
      <c r="J727" s="12">
        <f>'申請書（複数入力用）'!P729</f>
        <v>1</v>
      </c>
    </row>
    <row r="728" spans="1:10" ht="51.6" customHeight="1" x14ac:dyDescent="0.45">
      <c r="A728" s="6">
        <f>'申請書（複数入力用）'!A730</f>
        <v>724</v>
      </c>
      <c r="B728" s="13">
        <f>'申請書（複数入力用）'!AH730</f>
        <v>0</v>
      </c>
      <c r="C728" s="6">
        <f>'申請書（複数入力用）'!B730</f>
        <v>0</v>
      </c>
      <c r="D728" s="6">
        <f>'申請書（複数入力用）'!D730</f>
        <v>0</v>
      </c>
      <c r="E728" s="14">
        <f>'申請書（複数入力用）'!H730</f>
        <v>0</v>
      </c>
      <c r="F728" s="11" t="str">
        <f>'申請書（複数入力用）'!J730</f>
        <v/>
      </c>
      <c r="G728" s="6" t="str">
        <f>'申請書（複数入力用）'!K730</f>
        <v>a052r000000jS9ZAAU</v>
      </c>
      <c r="H728" s="12" t="e">
        <f>'申請書（複数入力用）'!N730</f>
        <v>#N/A</v>
      </c>
      <c r="I728" s="12" t="e">
        <f>'申請書（複数入力用）'!O730</f>
        <v>#N/A</v>
      </c>
      <c r="J728" s="12">
        <f>'申請書（複数入力用）'!P730</f>
        <v>1</v>
      </c>
    </row>
    <row r="729" spans="1:10" ht="51.6" customHeight="1" x14ac:dyDescent="0.45">
      <c r="A729" s="6">
        <f>'申請書（複数入力用）'!A731</f>
        <v>725</v>
      </c>
      <c r="B729" s="13">
        <f>'申請書（複数入力用）'!AH731</f>
        <v>0</v>
      </c>
      <c r="C729" s="6">
        <f>'申請書（複数入力用）'!B731</f>
        <v>0</v>
      </c>
      <c r="D729" s="6">
        <f>'申請書（複数入力用）'!D731</f>
        <v>0</v>
      </c>
      <c r="E729" s="14">
        <f>'申請書（複数入力用）'!H731</f>
        <v>0</v>
      </c>
      <c r="F729" s="11" t="str">
        <f>'申請書（複数入力用）'!J731</f>
        <v/>
      </c>
      <c r="G729" s="6" t="str">
        <f>'申請書（複数入力用）'!K731</f>
        <v>a052r000000jS9ZAAU</v>
      </c>
      <c r="H729" s="12" t="e">
        <f>'申請書（複数入力用）'!N731</f>
        <v>#N/A</v>
      </c>
      <c r="I729" s="12" t="e">
        <f>'申請書（複数入力用）'!O731</f>
        <v>#N/A</v>
      </c>
      <c r="J729" s="12">
        <f>'申請書（複数入力用）'!P731</f>
        <v>1</v>
      </c>
    </row>
    <row r="730" spans="1:10" ht="51.6" customHeight="1" x14ac:dyDescent="0.45">
      <c r="A730" s="6">
        <f>'申請書（複数入力用）'!A732</f>
        <v>726</v>
      </c>
      <c r="B730" s="13">
        <f>'申請書（複数入力用）'!AH732</f>
        <v>0</v>
      </c>
      <c r="C730" s="6">
        <f>'申請書（複数入力用）'!B732</f>
        <v>0</v>
      </c>
      <c r="D730" s="6">
        <f>'申請書（複数入力用）'!D732</f>
        <v>0</v>
      </c>
      <c r="E730" s="14">
        <f>'申請書（複数入力用）'!H732</f>
        <v>0</v>
      </c>
      <c r="F730" s="11" t="str">
        <f>'申請書（複数入力用）'!J732</f>
        <v/>
      </c>
      <c r="G730" s="6" t="str">
        <f>'申請書（複数入力用）'!K732</f>
        <v>a052r000000jS9ZAAU</v>
      </c>
      <c r="H730" s="12" t="e">
        <f>'申請書（複数入力用）'!N732</f>
        <v>#N/A</v>
      </c>
      <c r="I730" s="12" t="e">
        <f>'申請書（複数入力用）'!O732</f>
        <v>#N/A</v>
      </c>
      <c r="J730" s="12">
        <f>'申請書（複数入力用）'!P732</f>
        <v>1</v>
      </c>
    </row>
    <row r="731" spans="1:10" ht="51.6" customHeight="1" x14ac:dyDescent="0.45">
      <c r="A731" s="6">
        <f>'申請書（複数入力用）'!A733</f>
        <v>727</v>
      </c>
      <c r="B731" s="13">
        <f>'申請書（複数入力用）'!AH733</f>
        <v>0</v>
      </c>
      <c r="C731" s="6">
        <f>'申請書（複数入力用）'!B733</f>
        <v>0</v>
      </c>
      <c r="D731" s="6">
        <f>'申請書（複数入力用）'!D733</f>
        <v>0</v>
      </c>
      <c r="E731" s="14">
        <f>'申請書（複数入力用）'!H733</f>
        <v>0</v>
      </c>
      <c r="F731" s="11" t="str">
        <f>'申請書（複数入力用）'!J733</f>
        <v/>
      </c>
      <c r="G731" s="6" t="str">
        <f>'申請書（複数入力用）'!K733</f>
        <v>a052r000000jS9ZAAU</v>
      </c>
      <c r="H731" s="12" t="e">
        <f>'申請書（複数入力用）'!N733</f>
        <v>#N/A</v>
      </c>
      <c r="I731" s="12" t="e">
        <f>'申請書（複数入力用）'!O733</f>
        <v>#N/A</v>
      </c>
      <c r="J731" s="12">
        <f>'申請書（複数入力用）'!P733</f>
        <v>1</v>
      </c>
    </row>
    <row r="732" spans="1:10" ht="51.6" customHeight="1" x14ac:dyDescent="0.45">
      <c r="A732" s="6">
        <f>'申請書（複数入力用）'!A734</f>
        <v>728</v>
      </c>
      <c r="B732" s="13">
        <f>'申請書（複数入力用）'!AH734</f>
        <v>0</v>
      </c>
      <c r="C732" s="6">
        <f>'申請書（複数入力用）'!B734</f>
        <v>0</v>
      </c>
      <c r="D732" s="6">
        <f>'申請書（複数入力用）'!D734</f>
        <v>0</v>
      </c>
      <c r="E732" s="14">
        <f>'申請書（複数入力用）'!H734</f>
        <v>0</v>
      </c>
      <c r="F732" s="11" t="str">
        <f>'申請書（複数入力用）'!J734</f>
        <v/>
      </c>
      <c r="G732" s="6" t="str">
        <f>'申請書（複数入力用）'!K734</f>
        <v>a052r000000jS9ZAAU</v>
      </c>
      <c r="H732" s="12" t="e">
        <f>'申請書（複数入力用）'!N734</f>
        <v>#N/A</v>
      </c>
      <c r="I732" s="12" t="e">
        <f>'申請書（複数入力用）'!O734</f>
        <v>#N/A</v>
      </c>
      <c r="J732" s="12">
        <f>'申請書（複数入力用）'!P734</f>
        <v>1</v>
      </c>
    </row>
    <row r="733" spans="1:10" ht="51.6" customHeight="1" x14ac:dyDescent="0.45">
      <c r="A733" s="6">
        <f>'申請書（複数入力用）'!A735</f>
        <v>729</v>
      </c>
      <c r="B733" s="13">
        <f>'申請書（複数入力用）'!AH735</f>
        <v>0</v>
      </c>
      <c r="C733" s="6">
        <f>'申請書（複数入力用）'!B735</f>
        <v>0</v>
      </c>
      <c r="D733" s="6">
        <f>'申請書（複数入力用）'!D735</f>
        <v>0</v>
      </c>
      <c r="E733" s="14">
        <f>'申請書（複数入力用）'!H735</f>
        <v>0</v>
      </c>
      <c r="F733" s="11" t="str">
        <f>'申請書（複数入力用）'!J735</f>
        <v/>
      </c>
      <c r="G733" s="6" t="str">
        <f>'申請書（複数入力用）'!K735</f>
        <v>a052r000000jS9ZAAU</v>
      </c>
      <c r="H733" s="12" t="e">
        <f>'申請書（複数入力用）'!N735</f>
        <v>#N/A</v>
      </c>
      <c r="I733" s="12" t="e">
        <f>'申請書（複数入力用）'!O735</f>
        <v>#N/A</v>
      </c>
      <c r="J733" s="12">
        <f>'申請書（複数入力用）'!P735</f>
        <v>1</v>
      </c>
    </row>
    <row r="734" spans="1:10" ht="51.6" customHeight="1" x14ac:dyDescent="0.45">
      <c r="A734" s="6">
        <f>'申請書（複数入力用）'!A736</f>
        <v>730</v>
      </c>
      <c r="B734" s="13">
        <f>'申請書（複数入力用）'!AH736</f>
        <v>0</v>
      </c>
      <c r="C734" s="6">
        <f>'申請書（複数入力用）'!B736</f>
        <v>0</v>
      </c>
      <c r="D734" s="6">
        <f>'申請書（複数入力用）'!D736</f>
        <v>0</v>
      </c>
      <c r="E734" s="14">
        <f>'申請書（複数入力用）'!H736</f>
        <v>0</v>
      </c>
      <c r="F734" s="11" t="str">
        <f>'申請書（複数入力用）'!J736</f>
        <v/>
      </c>
      <c r="G734" s="6" t="str">
        <f>'申請書（複数入力用）'!K736</f>
        <v>a052r000000jS9ZAAU</v>
      </c>
      <c r="H734" s="12" t="e">
        <f>'申請書（複数入力用）'!N736</f>
        <v>#N/A</v>
      </c>
      <c r="I734" s="12" t="e">
        <f>'申請書（複数入力用）'!O736</f>
        <v>#N/A</v>
      </c>
      <c r="J734" s="12">
        <f>'申請書（複数入力用）'!P736</f>
        <v>1</v>
      </c>
    </row>
    <row r="735" spans="1:10" ht="51.6" customHeight="1" x14ac:dyDescent="0.45">
      <c r="A735" s="6">
        <f>'申請書（複数入力用）'!A737</f>
        <v>731</v>
      </c>
      <c r="B735" s="13">
        <f>'申請書（複数入力用）'!AH737</f>
        <v>0</v>
      </c>
      <c r="C735" s="6">
        <f>'申請書（複数入力用）'!B737</f>
        <v>0</v>
      </c>
      <c r="D735" s="6">
        <f>'申請書（複数入力用）'!D737</f>
        <v>0</v>
      </c>
      <c r="E735" s="14">
        <f>'申請書（複数入力用）'!H737</f>
        <v>0</v>
      </c>
      <c r="F735" s="11" t="str">
        <f>'申請書（複数入力用）'!J737</f>
        <v/>
      </c>
      <c r="G735" s="6" t="str">
        <f>'申請書（複数入力用）'!K737</f>
        <v>a052r000000jS9ZAAU</v>
      </c>
      <c r="H735" s="12" t="e">
        <f>'申請書（複数入力用）'!N737</f>
        <v>#N/A</v>
      </c>
      <c r="I735" s="12" t="e">
        <f>'申請書（複数入力用）'!O737</f>
        <v>#N/A</v>
      </c>
      <c r="J735" s="12">
        <f>'申請書（複数入力用）'!P737</f>
        <v>1</v>
      </c>
    </row>
    <row r="736" spans="1:10" ht="51.6" customHeight="1" x14ac:dyDescent="0.45">
      <c r="A736" s="6">
        <f>'申請書（複数入力用）'!A738</f>
        <v>732</v>
      </c>
      <c r="B736" s="13">
        <f>'申請書（複数入力用）'!AH738</f>
        <v>0</v>
      </c>
      <c r="C736" s="6">
        <f>'申請書（複数入力用）'!B738</f>
        <v>0</v>
      </c>
      <c r="D736" s="6">
        <f>'申請書（複数入力用）'!D738</f>
        <v>0</v>
      </c>
      <c r="E736" s="14">
        <f>'申請書（複数入力用）'!H738</f>
        <v>0</v>
      </c>
      <c r="F736" s="11" t="str">
        <f>'申請書（複数入力用）'!J738</f>
        <v/>
      </c>
      <c r="G736" s="6" t="str">
        <f>'申請書（複数入力用）'!K738</f>
        <v>a052r000000jS9ZAAU</v>
      </c>
      <c r="H736" s="12" t="e">
        <f>'申請書（複数入力用）'!N738</f>
        <v>#N/A</v>
      </c>
      <c r="I736" s="12" t="e">
        <f>'申請書（複数入力用）'!O738</f>
        <v>#N/A</v>
      </c>
      <c r="J736" s="12">
        <f>'申請書（複数入力用）'!P738</f>
        <v>1</v>
      </c>
    </row>
    <row r="737" spans="1:10" ht="51.6" customHeight="1" x14ac:dyDescent="0.45">
      <c r="A737" s="6">
        <f>'申請書（複数入力用）'!A739</f>
        <v>733</v>
      </c>
      <c r="B737" s="13">
        <f>'申請書（複数入力用）'!AH739</f>
        <v>0</v>
      </c>
      <c r="C737" s="6">
        <f>'申請書（複数入力用）'!B739</f>
        <v>0</v>
      </c>
      <c r="D737" s="6">
        <f>'申請書（複数入力用）'!D739</f>
        <v>0</v>
      </c>
      <c r="E737" s="14">
        <f>'申請書（複数入力用）'!H739</f>
        <v>0</v>
      </c>
      <c r="F737" s="11" t="str">
        <f>'申請書（複数入力用）'!J739</f>
        <v/>
      </c>
      <c r="G737" s="6" t="str">
        <f>'申請書（複数入力用）'!K739</f>
        <v>a052r000000jS9ZAAU</v>
      </c>
      <c r="H737" s="12" t="e">
        <f>'申請書（複数入力用）'!N739</f>
        <v>#N/A</v>
      </c>
      <c r="I737" s="12" t="e">
        <f>'申請書（複数入力用）'!O739</f>
        <v>#N/A</v>
      </c>
      <c r="J737" s="12">
        <f>'申請書（複数入力用）'!P739</f>
        <v>1</v>
      </c>
    </row>
    <row r="738" spans="1:10" ht="51.6" customHeight="1" x14ac:dyDescent="0.45">
      <c r="A738" s="6">
        <f>'申請書（複数入力用）'!A740</f>
        <v>734</v>
      </c>
      <c r="B738" s="13">
        <f>'申請書（複数入力用）'!AH740</f>
        <v>0</v>
      </c>
      <c r="C738" s="6">
        <f>'申請書（複数入力用）'!B740</f>
        <v>0</v>
      </c>
      <c r="D738" s="6">
        <f>'申請書（複数入力用）'!D740</f>
        <v>0</v>
      </c>
      <c r="E738" s="14">
        <f>'申請書（複数入力用）'!H740</f>
        <v>0</v>
      </c>
      <c r="F738" s="11" t="str">
        <f>'申請書（複数入力用）'!J740</f>
        <v/>
      </c>
      <c r="G738" s="6" t="str">
        <f>'申請書（複数入力用）'!K740</f>
        <v>a052r000000jS9ZAAU</v>
      </c>
      <c r="H738" s="12" t="e">
        <f>'申請書（複数入力用）'!N740</f>
        <v>#N/A</v>
      </c>
      <c r="I738" s="12" t="e">
        <f>'申請書（複数入力用）'!O740</f>
        <v>#N/A</v>
      </c>
      <c r="J738" s="12">
        <f>'申請書（複数入力用）'!P740</f>
        <v>1</v>
      </c>
    </row>
    <row r="739" spans="1:10" ht="51.6" customHeight="1" x14ac:dyDescent="0.45">
      <c r="A739" s="6">
        <f>'申請書（複数入力用）'!A741</f>
        <v>735</v>
      </c>
      <c r="B739" s="13">
        <f>'申請書（複数入力用）'!AH741</f>
        <v>0</v>
      </c>
      <c r="C739" s="6">
        <f>'申請書（複数入力用）'!B741</f>
        <v>0</v>
      </c>
      <c r="D739" s="6">
        <f>'申請書（複数入力用）'!D741</f>
        <v>0</v>
      </c>
      <c r="E739" s="14">
        <f>'申請書（複数入力用）'!H741</f>
        <v>0</v>
      </c>
      <c r="F739" s="11" t="str">
        <f>'申請書（複数入力用）'!J741</f>
        <v/>
      </c>
      <c r="G739" s="6" t="str">
        <f>'申請書（複数入力用）'!K741</f>
        <v>a052r000000jS9ZAAU</v>
      </c>
      <c r="H739" s="12" t="e">
        <f>'申請書（複数入力用）'!N741</f>
        <v>#N/A</v>
      </c>
      <c r="I739" s="12" t="e">
        <f>'申請書（複数入力用）'!O741</f>
        <v>#N/A</v>
      </c>
      <c r="J739" s="12">
        <f>'申請書（複数入力用）'!P741</f>
        <v>1</v>
      </c>
    </row>
    <row r="740" spans="1:10" ht="51.6" customHeight="1" x14ac:dyDescent="0.45">
      <c r="A740" s="6">
        <f>'申請書（複数入力用）'!A742</f>
        <v>736</v>
      </c>
      <c r="B740" s="13">
        <f>'申請書（複数入力用）'!AH742</f>
        <v>0</v>
      </c>
      <c r="C740" s="6">
        <f>'申請書（複数入力用）'!B742</f>
        <v>0</v>
      </c>
      <c r="D740" s="6">
        <f>'申請書（複数入力用）'!D742</f>
        <v>0</v>
      </c>
      <c r="E740" s="14">
        <f>'申請書（複数入力用）'!H742</f>
        <v>0</v>
      </c>
      <c r="F740" s="11" t="str">
        <f>'申請書（複数入力用）'!J742</f>
        <v/>
      </c>
      <c r="G740" s="6" t="str">
        <f>'申請書（複数入力用）'!K742</f>
        <v>a052r000000jS9ZAAU</v>
      </c>
      <c r="H740" s="12" t="e">
        <f>'申請書（複数入力用）'!N742</f>
        <v>#N/A</v>
      </c>
      <c r="I740" s="12" t="e">
        <f>'申請書（複数入力用）'!O742</f>
        <v>#N/A</v>
      </c>
      <c r="J740" s="12">
        <f>'申請書（複数入力用）'!P742</f>
        <v>1</v>
      </c>
    </row>
    <row r="741" spans="1:10" ht="51.6" customHeight="1" x14ac:dyDescent="0.45">
      <c r="A741" s="6">
        <f>'申請書（複数入力用）'!A743</f>
        <v>737</v>
      </c>
      <c r="B741" s="13">
        <f>'申請書（複数入力用）'!AH743</f>
        <v>0</v>
      </c>
      <c r="C741" s="6">
        <f>'申請書（複数入力用）'!B743</f>
        <v>0</v>
      </c>
      <c r="D741" s="6">
        <f>'申請書（複数入力用）'!D743</f>
        <v>0</v>
      </c>
      <c r="E741" s="14">
        <f>'申請書（複数入力用）'!H743</f>
        <v>0</v>
      </c>
      <c r="F741" s="11" t="str">
        <f>'申請書（複数入力用）'!J743</f>
        <v/>
      </c>
      <c r="G741" s="6" t="str">
        <f>'申請書（複数入力用）'!K743</f>
        <v>a052r000000jS9ZAAU</v>
      </c>
      <c r="H741" s="12" t="e">
        <f>'申請書（複数入力用）'!N743</f>
        <v>#N/A</v>
      </c>
      <c r="I741" s="12" t="e">
        <f>'申請書（複数入力用）'!O743</f>
        <v>#N/A</v>
      </c>
      <c r="J741" s="12">
        <f>'申請書（複数入力用）'!P743</f>
        <v>1</v>
      </c>
    </row>
    <row r="742" spans="1:10" ht="51.6" customHeight="1" x14ac:dyDescent="0.45">
      <c r="A742" s="6">
        <f>'申請書（複数入力用）'!A744</f>
        <v>738</v>
      </c>
      <c r="B742" s="13">
        <f>'申請書（複数入力用）'!AH744</f>
        <v>0</v>
      </c>
      <c r="C742" s="6">
        <f>'申請書（複数入力用）'!B744</f>
        <v>0</v>
      </c>
      <c r="D742" s="6">
        <f>'申請書（複数入力用）'!D744</f>
        <v>0</v>
      </c>
      <c r="E742" s="14">
        <f>'申請書（複数入力用）'!H744</f>
        <v>0</v>
      </c>
      <c r="F742" s="11" t="str">
        <f>'申請書（複数入力用）'!J744</f>
        <v/>
      </c>
      <c r="G742" s="6" t="str">
        <f>'申請書（複数入力用）'!K744</f>
        <v>a052r000000jS9ZAAU</v>
      </c>
      <c r="H742" s="12" t="e">
        <f>'申請書（複数入力用）'!N744</f>
        <v>#N/A</v>
      </c>
      <c r="I742" s="12" t="e">
        <f>'申請書（複数入力用）'!O744</f>
        <v>#N/A</v>
      </c>
      <c r="J742" s="12">
        <f>'申請書（複数入力用）'!P744</f>
        <v>1</v>
      </c>
    </row>
    <row r="743" spans="1:10" ht="51.6" customHeight="1" x14ac:dyDescent="0.45">
      <c r="A743" s="6">
        <f>'申請書（複数入力用）'!A745</f>
        <v>739</v>
      </c>
      <c r="B743" s="13">
        <f>'申請書（複数入力用）'!AH745</f>
        <v>0</v>
      </c>
      <c r="C743" s="6">
        <f>'申請書（複数入力用）'!B745</f>
        <v>0</v>
      </c>
      <c r="D743" s="6">
        <f>'申請書（複数入力用）'!D745</f>
        <v>0</v>
      </c>
      <c r="E743" s="14">
        <f>'申請書（複数入力用）'!H745</f>
        <v>0</v>
      </c>
      <c r="F743" s="11" t="str">
        <f>'申請書（複数入力用）'!J745</f>
        <v/>
      </c>
      <c r="G743" s="6" t="str">
        <f>'申請書（複数入力用）'!K745</f>
        <v>a052r000000jS9ZAAU</v>
      </c>
      <c r="H743" s="12" t="e">
        <f>'申請書（複数入力用）'!N745</f>
        <v>#N/A</v>
      </c>
      <c r="I743" s="12" t="e">
        <f>'申請書（複数入力用）'!O745</f>
        <v>#N/A</v>
      </c>
      <c r="J743" s="12">
        <f>'申請書（複数入力用）'!P745</f>
        <v>1</v>
      </c>
    </row>
    <row r="744" spans="1:10" ht="51.6" customHeight="1" x14ac:dyDescent="0.45">
      <c r="A744" s="6">
        <f>'申請書（複数入力用）'!A746</f>
        <v>740</v>
      </c>
      <c r="B744" s="13">
        <f>'申請書（複数入力用）'!AH746</f>
        <v>0</v>
      </c>
      <c r="C744" s="6">
        <f>'申請書（複数入力用）'!B746</f>
        <v>0</v>
      </c>
      <c r="D744" s="6">
        <f>'申請書（複数入力用）'!D746</f>
        <v>0</v>
      </c>
      <c r="E744" s="14">
        <f>'申請書（複数入力用）'!H746</f>
        <v>0</v>
      </c>
      <c r="F744" s="11" t="str">
        <f>'申請書（複数入力用）'!J746</f>
        <v/>
      </c>
      <c r="G744" s="6" t="str">
        <f>'申請書（複数入力用）'!K746</f>
        <v>a052r000000jS9ZAAU</v>
      </c>
      <c r="H744" s="12" t="e">
        <f>'申請書（複数入力用）'!N746</f>
        <v>#N/A</v>
      </c>
      <c r="I744" s="12" t="e">
        <f>'申請書（複数入力用）'!O746</f>
        <v>#N/A</v>
      </c>
      <c r="J744" s="12">
        <f>'申請書（複数入力用）'!P746</f>
        <v>1</v>
      </c>
    </row>
    <row r="745" spans="1:10" ht="51.6" customHeight="1" x14ac:dyDescent="0.45">
      <c r="A745" s="6">
        <f>'申請書（複数入力用）'!A747</f>
        <v>741</v>
      </c>
      <c r="B745" s="13">
        <f>'申請書（複数入力用）'!AH747</f>
        <v>0</v>
      </c>
      <c r="C745" s="6">
        <f>'申請書（複数入力用）'!B747</f>
        <v>0</v>
      </c>
      <c r="D745" s="6">
        <f>'申請書（複数入力用）'!D747</f>
        <v>0</v>
      </c>
      <c r="E745" s="14">
        <f>'申請書（複数入力用）'!H747</f>
        <v>0</v>
      </c>
      <c r="F745" s="11" t="str">
        <f>'申請書（複数入力用）'!J747</f>
        <v/>
      </c>
      <c r="G745" s="6" t="str">
        <f>'申請書（複数入力用）'!K747</f>
        <v>a052r000000jS9ZAAU</v>
      </c>
      <c r="H745" s="12" t="e">
        <f>'申請書（複数入力用）'!N747</f>
        <v>#N/A</v>
      </c>
      <c r="I745" s="12" t="e">
        <f>'申請書（複数入力用）'!O747</f>
        <v>#N/A</v>
      </c>
      <c r="J745" s="12">
        <f>'申請書（複数入力用）'!P747</f>
        <v>1</v>
      </c>
    </row>
    <row r="746" spans="1:10" ht="51.6" customHeight="1" x14ac:dyDescent="0.45">
      <c r="A746" s="6">
        <f>'申請書（複数入力用）'!A748</f>
        <v>742</v>
      </c>
      <c r="B746" s="13">
        <f>'申請書（複数入力用）'!AH748</f>
        <v>0</v>
      </c>
      <c r="C746" s="6">
        <f>'申請書（複数入力用）'!B748</f>
        <v>0</v>
      </c>
      <c r="D746" s="6">
        <f>'申請書（複数入力用）'!D748</f>
        <v>0</v>
      </c>
      <c r="E746" s="14">
        <f>'申請書（複数入力用）'!H748</f>
        <v>0</v>
      </c>
      <c r="F746" s="11" t="str">
        <f>'申請書（複数入力用）'!J748</f>
        <v/>
      </c>
      <c r="G746" s="6" t="str">
        <f>'申請書（複数入力用）'!K748</f>
        <v>a052r000000jS9ZAAU</v>
      </c>
      <c r="H746" s="12" t="e">
        <f>'申請書（複数入力用）'!N748</f>
        <v>#N/A</v>
      </c>
      <c r="I746" s="12" t="e">
        <f>'申請書（複数入力用）'!O748</f>
        <v>#N/A</v>
      </c>
      <c r="J746" s="12">
        <f>'申請書（複数入力用）'!P748</f>
        <v>1</v>
      </c>
    </row>
    <row r="747" spans="1:10" ht="51.6" customHeight="1" x14ac:dyDescent="0.45">
      <c r="A747" s="6">
        <f>'申請書（複数入力用）'!A749</f>
        <v>743</v>
      </c>
      <c r="B747" s="13">
        <f>'申請書（複数入力用）'!AH749</f>
        <v>0</v>
      </c>
      <c r="C747" s="6">
        <f>'申請書（複数入力用）'!B749</f>
        <v>0</v>
      </c>
      <c r="D747" s="6">
        <f>'申請書（複数入力用）'!D749</f>
        <v>0</v>
      </c>
      <c r="E747" s="14">
        <f>'申請書（複数入力用）'!H749</f>
        <v>0</v>
      </c>
      <c r="F747" s="11" t="str">
        <f>'申請書（複数入力用）'!J749</f>
        <v/>
      </c>
      <c r="G747" s="6" t="str">
        <f>'申請書（複数入力用）'!K749</f>
        <v>a052r000000jS9ZAAU</v>
      </c>
      <c r="H747" s="12" t="e">
        <f>'申請書（複数入力用）'!N749</f>
        <v>#N/A</v>
      </c>
      <c r="I747" s="12" t="e">
        <f>'申請書（複数入力用）'!O749</f>
        <v>#N/A</v>
      </c>
      <c r="J747" s="12">
        <f>'申請書（複数入力用）'!P749</f>
        <v>1</v>
      </c>
    </row>
    <row r="748" spans="1:10" ht="51.6" customHeight="1" x14ac:dyDescent="0.45">
      <c r="A748" s="6">
        <f>'申請書（複数入力用）'!A750</f>
        <v>744</v>
      </c>
      <c r="B748" s="13">
        <f>'申請書（複数入力用）'!AH750</f>
        <v>0</v>
      </c>
      <c r="C748" s="6">
        <f>'申請書（複数入力用）'!B750</f>
        <v>0</v>
      </c>
      <c r="D748" s="6">
        <f>'申請書（複数入力用）'!D750</f>
        <v>0</v>
      </c>
      <c r="E748" s="14">
        <f>'申請書（複数入力用）'!H750</f>
        <v>0</v>
      </c>
      <c r="F748" s="11" t="str">
        <f>'申請書（複数入力用）'!J750</f>
        <v/>
      </c>
      <c r="G748" s="6" t="str">
        <f>'申請書（複数入力用）'!K750</f>
        <v>a052r000000jS9ZAAU</v>
      </c>
      <c r="H748" s="12" t="e">
        <f>'申請書（複数入力用）'!N750</f>
        <v>#N/A</v>
      </c>
      <c r="I748" s="12" t="e">
        <f>'申請書（複数入力用）'!O750</f>
        <v>#N/A</v>
      </c>
      <c r="J748" s="12">
        <f>'申請書（複数入力用）'!P750</f>
        <v>1</v>
      </c>
    </row>
    <row r="749" spans="1:10" ht="51.6" customHeight="1" x14ac:dyDescent="0.45">
      <c r="A749" s="6">
        <f>'申請書（複数入力用）'!A751</f>
        <v>745</v>
      </c>
      <c r="B749" s="13">
        <f>'申請書（複数入力用）'!AH751</f>
        <v>0</v>
      </c>
      <c r="C749" s="6">
        <f>'申請書（複数入力用）'!B751</f>
        <v>0</v>
      </c>
      <c r="D749" s="6">
        <f>'申請書（複数入力用）'!D751</f>
        <v>0</v>
      </c>
      <c r="E749" s="14">
        <f>'申請書（複数入力用）'!H751</f>
        <v>0</v>
      </c>
      <c r="F749" s="11" t="str">
        <f>'申請書（複数入力用）'!J751</f>
        <v/>
      </c>
      <c r="G749" s="6" t="str">
        <f>'申請書（複数入力用）'!K751</f>
        <v>a052r000000jS9ZAAU</v>
      </c>
      <c r="H749" s="12" t="e">
        <f>'申請書（複数入力用）'!N751</f>
        <v>#N/A</v>
      </c>
      <c r="I749" s="12" t="e">
        <f>'申請書（複数入力用）'!O751</f>
        <v>#N/A</v>
      </c>
      <c r="J749" s="12">
        <f>'申請書（複数入力用）'!P751</f>
        <v>1</v>
      </c>
    </row>
    <row r="750" spans="1:10" ht="51.6" customHeight="1" x14ac:dyDescent="0.45">
      <c r="A750" s="6">
        <f>'申請書（複数入力用）'!A752</f>
        <v>746</v>
      </c>
      <c r="B750" s="13">
        <f>'申請書（複数入力用）'!AH752</f>
        <v>0</v>
      </c>
      <c r="C750" s="6">
        <f>'申請書（複数入力用）'!B752</f>
        <v>0</v>
      </c>
      <c r="D750" s="6">
        <f>'申請書（複数入力用）'!D752</f>
        <v>0</v>
      </c>
      <c r="E750" s="14">
        <f>'申請書（複数入力用）'!H752</f>
        <v>0</v>
      </c>
      <c r="F750" s="11" t="str">
        <f>'申請書（複数入力用）'!J752</f>
        <v/>
      </c>
      <c r="G750" s="6" t="str">
        <f>'申請書（複数入力用）'!K752</f>
        <v>a052r000000jS9ZAAU</v>
      </c>
      <c r="H750" s="12" t="e">
        <f>'申請書（複数入力用）'!N752</f>
        <v>#N/A</v>
      </c>
      <c r="I750" s="12" t="e">
        <f>'申請書（複数入力用）'!O752</f>
        <v>#N/A</v>
      </c>
      <c r="J750" s="12">
        <f>'申請書（複数入力用）'!P752</f>
        <v>1</v>
      </c>
    </row>
    <row r="751" spans="1:10" ht="51.6" customHeight="1" x14ac:dyDescent="0.45">
      <c r="A751" s="6">
        <f>'申請書（複数入力用）'!A753</f>
        <v>747</v>
      </c>
      <c r="B751" s="13">
        <f>'申請書（複数入力用）'!AH753</f>
        <v>0</v>
      </c>
      <c r="C751" s="6">
        <f>'申請書（複数入力用）'!B753</f>
        <v>0</v>
      </c>
      <c r="D751" s="6">
        <f>'申請書（複数入力用）'!D753</f>
        <v>0</v>
      </c>
      <c r="E751" s="14">
        <f>'申請書（複数入力用）'!H753</f>
        <v>0</v>
      </c>
      <c r="F751" s="11" t="str">
        <f>'申請書（複数入力用）'!J753</f>
        <v/>
      </c>
      <c r="G751" s="6" t="str">
        <f>'申請書（複数入力用）'!K753</f>
        <v>a052r000000jS9ZAAU</v>
      </c>
      <c r="H751" s="12" t="e">
        <f>'申請書（複数入力用）'!N753</f>
        <v>#N/A</v>
      </c>
      <c r="I751" s="12" t="e">
        <f>'申請書（複数入力用）'!O753</f>
        <v>#N/A</v>
      </c>
      <c r="J751" s="12">
        <f>'申請書（複数入力用）'!P753</f>
        <v>1</v>
      </c>
    </row>
    <row r="752" spans="1:10" ht="51.6" customHeight="1" x14ac:dyDescent="0.45">
      <c r="A752" s="6">
        <f>'申請書（複数入力用）'!A754</f>
        <v>748</v>
      </c>
      <c r="B752" s="13">
        <f>'申請書（複数入力用）'!AH754</f>
        <v>0</v>
      </c>
      <c r="C752" s="6">
        <f>'申請書（複数入力用）'!B754</f>
        <v>0</v>
      </c>
      <c r="D752" s="6">
        <f>'申請書（複数入力用）'!D754</f>
        <v>0</v>
      </c>
      <c r="E752" s="14">
        <f>'申請書（複数入力用）'!H754</f>
        <v>0</v>
      </c>
      <c r="F752" s="11" t="str">
        <f>'申請書（複数入力用）'!J754</f>
        <v/>
      </c>
      <c r="G752" s="6" t="str">
        <f>'申請書（複数入力用）'!K754</f>
        <v>a052r000000jS9ZAAU</v>
      </c>
      <c r="H752" s="12" t="e">
        <f>'申請書（複数入力用）'!N754</f>
        <v>#N/A</v>
      </c>
      <c r="I752" s="12" t="e">
        <f>'申請書（複数入力用）'!O754</f>
        <v>#N/A</v>
      </c>
      <c r="J752" s="12">
        <f>'申請書（複数入力用）'!P754</f>
        <v>1</v>
      </c>
    </row>
    <row r="753" spans="1:10" ht="51.6" customHeight="1" x14ac:dyDescent="0.45">
      <c r="A753" s="6">
        <f>'申請書（複数入力用）'!A755</f>
        <v>749</v>
      </c>
      <c r="B753" s="13">
        <f>'申請書（複数入力用）'!AH755</f>
        <v>0</v>
      </c>
      <c r="C753" s="6">
        <f>'申請書（複数入力用）'!B755</f>
        <v>0</v>
      </c>
      <c r="D753" s="6">
        <f>'申請書（複数入力用）'!D755</f>
        <v>0</v>
      </c>
      <c r="E753" s="14">
        <f>'申請書（複数入力用）'!H755</f>
        <v>0</v>
      </c>
      <c r="F753" s="11" t="str">
        <f>'申請書（複数入力用）'!J755</f>
        <v/>
      </c>
      <c r="G753" s="6" t="str">
        <f>'申請書（複数入力用）'!K755</f>
        <v>a052r000000jS9ZAAU</v>
      </c>
      <c r="H753" s="12" t="e">
        <f>'申請書（複数入力用）'!N755</f>
        <v>#N/A</v>
      </c>
      <c r="I753" s="12" t="e">
        <f>'申請書（複数入力用）'!O755</f>
        <v>#N/A</v>
      </c>
      <c r="J753" s="12">
        <f>'申請書（複数入力用）'!P755</f>
        <v>1</v>
      </c>
    </row>
    <row r="754" spans="1:10" ht="51.6" customHeight="1" x14ac:dyDescent="0.45">
      <c r="A754" s="6">
        <f>'申請書（複数入力用）'!A756</f>
        <v>750</v>
      </c>
      <c r="B754" s="13">
        <f>'申請書（複数入力用）'!AH756</f>
        <v>0</v>
      </c>
      <c r="C754" s="6">
        <f>'申請書（複数入力用）'!B756</f>
        <v>0</v>
      </c>
      <c r="D754" s="6">
        <f>'申請書（複数入力用）'!D756</f>
        <v>0</v>
      </c>
      <c r="E754" s="14">
        <f>'申請書（複数入力用）'!H756</f>
        <v>0</v>
      </c>
      <c r="F754" s="11" t="str">
        <f>'申請書（複数入力用）'!J756</f>
        <v/>
      </c>
      <c r="G754" s="6" t="str">
        <f>'申請書（複数入力用）'!K756</f>
        <v>a052r000000jS9ZAAU</v>
      </c>
      <c r="H754" s="12" t="e">
        <f>'申請書（複数入力用）'!N756</f>
        <v>#N/A</v>
      </c>
      <c r="I754" s="12" t="e">
        <f>'申請書（複数入力用）'!O756</f>
        <v>#N/A</v>
      </c>
      <c r="J754" s="12">
        <f>'申請書（複数入力用）'!P756</f>
        <v>1</v>
      </c>
    </row>
    <row r="755" spans="1:10" ht="51.6" customHeight="1" x14ac:dyDescent="0.45">
      <c r="A755" s="6">
        <f>'申請書（複数入力用）'!A757</f>
        <v>751</v>
      </c>
      <c r="B755" s="13">
        <f>'申請書（複数入力用）'!AH757</f>
        <v>0</v>
      </c>
      <c r="C755" s="6">
        <f>'申請書（複数入力用）'!B757</f>
        <v>0</v>
      </c>
      <c r="D755" s="6">
        <f>'申請書（複数入力用）'!D757</f>
        <v>0</v>
      </c>
      <c r="E755" s="14">
        <f>'申請書（複数入力用）'!H757</f>
        <v>0</v>
      </c>
      <c r="F755" s="11" t="str">
        <f>'申請書（複数入力用）'!J757</f>
        <v/>
      </c>
      <c r="G755" s="6" t="str">
        <f>'申請書（複数入力用）'!K757</f>
        <v>a052r000000jS9ZAAU</v>
      </c>
      <c r="H755" s="12" t="e">
        <f>'申請書（複数入力用）'!N757</f>
        <v>#N/A</v>
      </c>
      <c r="I755" s="12" t="e">
        <f>'申請書（複数入力用）'!O757</f>
        <v>#N/A</v>
      </c>
      <c r="J755" s="12">
        <f>'申請書（複数入力用）'!P757</f>
        <v>1</v>
      </c>
    </row>
    <row r="756" spans="1:10" ht="51.6" customHeight="1" x14ac:dyDescent="0.45">
      <c r="A756" s="6">
        <f>'申請書（複数入力用）'!A758</f>
        <v>752</v>
      </c>
      <c r="B756" s="13">
        <f>'申請書（複数入力用）'!AH758</f>
        <v>0</v>
      </c>
      <c r="C756" s="6">
        <f>'申請書（複数入力用）'!B758</f>
        <v>0</v>
      </c>
      <c r="D756" s="6">
        <f>'申請書（複数入力用）'!D758</f>
        <v>0</v>
      </c>
      <c r="E756" s="14">
        <f>'申請書（複数入力用）'!H758</f>
        <v>0</v>
      </c>
      <c r="F756" s="11" t="str">
        <f>'申請書（複数入力用）'!J758</f>
        <v/>
      </c>
      <c r="G756" s="6" t="str">
        <f>'申請書（複数入力用）'!K758</f>
        <v>a052r000000jS9ZAAU</v>
      </c>
      <c r="H756" s="12" t="e">
        <f>'申請書（複数入力用）'!N758</f>
        <v>#N/A</v>
      </c>
      <c r="I756" s="12" t="e">
        <f>'申請書（複数入力用）'!O758</f>
        <v>#N/A</v>
      </c>
      <c r="J756" s="12">
        <f>'申請書（複数入力用）'!P758</f>
        <v>1</v>
      </c>
    </row>
    <row r="757" spans="1:10" ht="51.6" customHeight="1" x14ac:dyDescent="0.45">
      <c r="A757" s="6">
        <f>'申請書（複数入力用）'!A759</f>
        <v>753</v>
      </c>
      <c r="B757" s="13">
        <f>'申請書（複数入力用）'!AH759</f>
        <v>0</v>
      </c>
      <c r="C757" s="6">
        <f>'申請書（複数入力用）'!B759</f>
        <v>0</v>
      </c>
      <c r="D757" s="6">
        <f>'申請書（複数入力用）'!D759</f>
        <v>0</v>
      </c>
      <c r="E757" s="14">
        <f>'申請書（複数入力用）'!H759</f>
        <v>0</v>
      </c>
      <c r="F757" s="11" t="str">
        <f>'申請書（複数入力用）'!J759</f>
        <v/>
      </c>
      <c r="G757" s="6" t="str">
        <f>'申請書（複数入力用）'!K759</f>
        <v>a052r000000jS9ZAAU</v>
      </c>
      <c r="H757" s="12" t="e">
        <f>'申請書（複数入力用）'!N759</f>
        <v>#N/A</v>
      </c>
      <c r="I757" s="12" t="e">
        <f>'申請書（複数入力用）'!O759</f>
        <v>#N/A</v>
      </c>
      <c r="J757" s="12">
        <f>'申請書（複数入力用）'!P759</f>
        <v>1</v>
      </c>
    </row>
    <row r="758" spans="1:10" ht="51.6" customHeight="1" x14ac:dyDescent="0.45">
      <c r="A758" s="6">
        <f>'申請書（複数入力用）'!A760</f>
        <v>754</v>
      </c>
      <c r="B758" s="13">
        <f>'申請書（複数入力用）'!AH760</f>
        <v>0</v>
      </c>
      <c r="C758" s="6">
        <f>'申請書（複数入力用）'!B760</f>
        <v>0</v>
      </c>
      <c r="D758" s="6">
        <f>'申請書（複数入力用）'!D760</f>
        <v>0</v>
      </c>
      <c r="E758" s="14">
        <f>'申請書（複数入力用）'!H760</f>
        <v>0</v>
      </c>
      <c r="F758" s="11" t="str">
        <f>'申請書（複数入力用）'!J760</f>
        <v/>
      </c>
      <c r="G758" s="6" t="str">
        <f>'申請書（複数入力用）'!K760</f>
        <v>a052r000000jS9ZAAU</v>
      </c>
      <c r="H758" s="12" t="e">
        <f>'申請書（複数入力用）'!N760</f>
        <v>#N/A</v>
      </c>
      <c r="I758" s="12" t="e">
        <f>'申請書（複数入力用）'!O760</f>
        <v>#N/A</v>
      </c>
      <c r="J758" s="12">
        <f>'申請書（複数入力用）'!P760</f>
        <v>1</v>
      </c>
    </row>
    <row r="759" spans="1:10" ht="51.6" customHeight="1" x14ac:dyDescent="0.45">
      <c r="A759" s="6">
        <f>'申請書（複数入力用）'!A761</f>
        <v>755</v>
      </c>
      <c r="B759" s="13">
        <f>'申請書（複数入力用）'!AH761</f>
        <v>0</v>
      </c>
      <c r="C759" s="6">
        <f>'申請書（複数入力用）'!B761</f>
        <v>0</v>
      </c>
      <c r="D759" s="6">
        <f>'申請書（複数入力用）'!D761</f>
        <v>0</v>
      </c>
      <c r="E759" s="14">
        <f>'申請書（複数入力用）'!H761</f>
        <v>0</v>
      </c>
      <c r="F759" s="11" t="str">
        <f>'申請書（複数入力用）'!J761</f>
        <v/>
      </c>
      <c r="G759" s="6" t="str">
        <f>'申請書（複数入力用）'!K761</f>
        <v>a052r000000jS9ZAAU</v>
      </c>
      <c r="H759" s="12" t="e">
        <f>'申請書（複数入力用）'!N761</f>
        <v>#N/A</v>
      </c>
      <c r="I759" s="12" t="e">
        <f>'申請書（複数入力用）'!O761</f>
        <v>#N/A</v>
      </c>
      <c r="J759" s="12">
        <f>'申請書（複数入力用）'!P761</f>
        <v>1</v>
      </c>
    </row>
    <row r="760" spans="1:10" ht="51.6" customHeight="1" x14ac:dyDescent="0.45">
      <c r="A760" s="6">
        <f>'申請書（複数入力用）'!A762</f>
        <v>756</v>
      </c>
      <c r="B760" s="13">
        <f>'申請書（複数入力用）'!AH762</f>
        <v>0</v>
      </c>
      <c r="C760" s="6">
        <f>'申請書（複数入力用）'!B762</f>
        <v>0</v>
      </c>
      <c r="D760" s="6">
        <f>'申請書（複数入力用）'!D762</f>
        <v>0</v>
      </c>
      <c r="E760" s="14">
        <f>'申請書（複数入力用）'!H762</f>
        <v>0</v>
      </c>
      <c r="F760" s="11" t="str">
        <f>'申請書（複数入力用）'!J762</f>
        <v/>
      </c>
      <c r="G760" s="6" t="str">
        <f>'申請書（複数入力用）'!K762</f>
        <v>a052r000000jS9ZAAU</v>
      </c>
      <c r="H760" s="12" t="e">
        <f>'申請書（複数入力用）'!N762</f>
        <v>#N/A</v>
      </c>
      <c r="I760" s="12" t="e">
        <f>'申請書（複数入力用）'!O762</f>
        <v>#N/A</v>
      </c>
      <c r="J760" s="12">
        <f>'申請書（複数入力用）'!P762</f>
        <v>1</v>
      </c>
    </row>
    <row r="761" spans="1:10" ht="51.6" customHeight="1" x14ac:dyDescent="0.45">
      <c r="A761" s="6">
        <f>'申請書（複数入力用）'!A763</f>
        <v>757</v>
      </c>
      <c r="B761" s="13">
        <f>'申請書（複数入力用）'!AH763</f>
        <v>0</v>
      </c>
      <c r="C761" s="6">
        <f>'申請書（複数入力用）'!B763</f>
        <v>0</v>
      </c>
      <c r="D761" s="6">
        <f>'申請書（複数入力用）'!D763</f>
        <v>0</v>
      </c>
      <c r="E761" s="14">
        <f>'申請書（複数入力用）'!H763</f>
        <v>0</v>
      </c>
      <c r="F761" s="11" t="str">
        <f>'申請書（複数入力用）'!J763</f>
        <v/>
      </c>
      <c r="G761" s="6" t="str">
        <f>'申請書（複数入力用）'!K763</f>
        <v>a052r000000jS9ZAAU</v>
      </c>
      <c r="H761" s="12" t="e">
        <f>'申請書（複数入力用）'!N763</f>
        <v>#N/A</v>
      </c>
      <c r="I761" s="12" t="e">
        <f>'申請書（複数入力用）'!O763</f>
        <v>#N/A</v>
      </c>
      <c r="J761" s="12">
        <f>'申請書（複数入力用）'!P763</f>
        <v>1</v>
      </c>
    </row>
    <row r="762" spans="1:10" ht="51.6" customHeight="1" x14ac:dyDescent="0.45">
      <c r="A762" s="6">
        <f>'申請書（複数入力用）'!A764</f>
        <v>758</v>
      </c>
      <c r="B762" s="13">
        <f>'申請書（複数入力用）'!AH764</f>
        <v>0</v>
      </c>
      <c r="C762" s="6">
        <f>'申請書（複数入力用）'!B764</f>
        <v>0</v>
      </c>
      <c r="D762" s="6">
        <f>'申請書（複数入力用）'!D764</f>
        <v>0</v>
      </c>
      <c r="E762" s="14">
        <f>'申請書（複数入力用）'!H764</f>
        <v>0</v>
      </c>
      <c r="F762" s="11" t="str">
        <f>'申請書（複数入力用）'!J764</f>
        <v/>
      </c>
      <c r="G762" s="6" t="str">
        <f>'申請書（複数入力用）'!K764</f>
        <v>a052r000000jS9ZAAU</v>
      </c>
      <c r="H762" s="12" t="e">
        <f>'申請書（複数入力用）'!N764</f>
        <v>#N/A</v>
      </c>
      <c r="I762" s="12" t="e">
        <f>'申請書（複数入力用）'!O764</f>
        <v>#N/A</v>
      </c>
      <c r="J762" s="12">
        <f>'申請書（複数入力用）'!P764</f>
        <v>1</v>
      </c>
    </row>
    <row r="763" spans="1:10" ht="51.6" customHeight="1" x14ac:dyDescent="0.45">
      <c r="A763" s="6">
        <f>'申請書（複数入力用）'!A765</f>
        <v>759</v>
      </c>
      <c r="B763" s="13">
        <f>'申請書（複数入力用）'!AH765</f>
        <v>0</v>
      </c>
      <c r="C763" s="6">
        <f>'申請書（複数入力用）'!B765</f>
        <v>0</v>
      </c>
      <c r="D763" s="6">
        <f>'申請書（複数入力用）'!D765</f>
        <v>0</v>
      </c>
      <c r="E763" s="14">
        <f>'申請書（複数入力用）'!H765</f>
        <v>0</v>
      </c>
      <c r="F763" s="11" t="str">
        <f>'申請書（複数入力用）'!J765</f>
        <v/>
      </c>
      <c r="G763" s="6" t="str">
        <f>'申請書（複数入力用）'!K765</f>
        <v>a052r000000jS9ZAAU</v>
      </c>
      <c r="H763" s="12" t="e">
        <f>'申請書（複数入力用）'!N765</f>
        <v>#N/A</v>
      </c>
      <c r="I763" s="12" t="e">
        <f>'申請書（複数入力用）'!O765</f>
        <v>#N/A</v>
      </c>
      <c r="J763" s="12">
        <f>'申請書（複数入力用）'!P765</f>
        <v>1</v>
      </c>
    </row>
    <row r="764" spans="1:10" ht="51.6" customHeight="1" x14ac:dyDescent="0.45">
      <c r="A764" s="6">
        <f>'申請書（複数入力用）'!A766</f>
        <v>760</v>
      </c>
      <c r="B764" s="13">
        <f>'申請書（複数入力用）'!AH766</f>
        <v>0</v>
      </c>
      <c r="C764" s="6">
        <f>'申請書（複数入力用）'!B766</f>
        <v>0</v>
      </c>
      <c r="D764" s="6">
        <f>'申請書（複数入力用）'!D766</f>
        <v>0</v>
      </c>
      <c r="E764" s="14">
        <f>'申請書（複数入力用）'!H766</f>
        <v>0</v>
      </c>
      <c r="F764" s="11" t="str">
        <f>'申請書（複数入力用）'!J766</f>
        <v/>
      </c>
      <c r="G764" s="6" t="str">
        <f>'申請書（複数入力用）'!K766</f>
        <v>a052r000000jS9ZAAU</v>
      </c>
      <c r="H764" s="12" t="e">
        <f>'申請書（複数入力用）'!N766</f>
        <v>#N/A</v>
      </c>
      <c r="I764" s="12" t="e">
        <f>'申請書（複数入力用）'!O766</f>
        <v>#N/A</v>
      </c>
      <c r="J764" s="12">
        <f>'申請書（複数入力用）'!P766</f>
        <v>1</v>
      </c>
    </row>
    <row r="765" spans="1:10" ht="51.6" customHeight="1" x14ac:dyDescent="0.45">
      <c r="A765" s="6">
        <f>'申請書（複数入力用）'!A767</f>
        <v>761</v>
      </c>
      <c r="B765" s="13">
        <f>'申請書（複数入力用）'!AH767</f>
        <v>0</v>
      </c>
      <c r="C765" s="6">
        <f>'申請書（複数入力用）'!B767</f>
        <v>0</v>
      </c>
      <c r="D765" s="6">
        <f>'申請書（複数入力用）'!D767</f>
        <v>0</v>
      </c>
      <c r="E765" s="14">
        <f>'申請書（複数入力用）'!H767</f>
        <v>0</v>
      </c>
      <c r="F765" s="11" t="str">
        <f>'申請書（複数入力用）'!J767</f>
        <v/>
      </c>
      <c r="G765" s="6" t="str">
        <f>'申請書（複数入力用）'!K767</f>
        <v>a052r000000jS9ZAAU</v>
      </c>
      <c r="H765" s="12" t="e">
        <f>'申請書（複数入力用）'!N767</f>
        <v>#N/A</v>
      </c>
      <c r="I765" s="12" t="e">
        <f>'申請書（複数入力用）'!O767</f>
        <v>#N/A</v>
      </c>
      <c r="J765" s="12">
        <f>'申請書（複数入力用）'!P767</f>
        <v>1</v>
      </c>
    </row>
    <row r="766" spans="1:10" ht="51.6" customHeight="1" x14ac:dyDescent="0.45">
      <c r="A766" s="6">
        <f>'申請書（複数入力用）'!A768</f>
        <v>762</v>
      </c>
      <c r="B766" s="13">
        <f>'申請書（複数入力用）'!AH768</f>
        <v>0</v>
      </c>
      <c r="C766" s="6">
        <f>'申請書（複数入力用）'!B768</f>
        <v>0</v>
      </c>
      <c r="D766" s="6">
        <f>'申請書（複数入力用）'!D768</f>
        <v>0</v>
      </c>
      <c r="E766" s="14">
        <f>'申請書（複数入力用）'!H768</f>
        <v>0</v>
      </c>
      <c r="F766" s="11" t="str">
        <f>'申請書（複数入力用）'!J768</f>
        <v/>
      </c>
      <c r="G766" s="6" t="str">
        <f>'申請書（複数入力用）'!K768</f>
        <v>a052r000000jS9ZAAU</v>
      </c>
      <c r="H766" s="12" t="e">
        <f>'申請書（複数入力用）'!N768</f>
        <v>#N/A</v>
      </c>
      <c r="I766" s="12" t="e">
        <f>'申請書（複数入力用）'!O768</f>
        <v>#N/A</v>
      </c>
      <c r="J766" s="12">
        <f>'申請書（複数入力用）'!P768</f>
        <v>1</v>
      </c>
    </row>
    <row r="767" spans="1:10" ht="51.6" customHeight="1" x14ac:dyDescent="0.45">
      <c r="A767" s="6">
        <f>'申請書（複数入力用）'!A769</f>
        <v>763</v>
      </c>
      <c r="B767" s="13">
        <f>'申請書（複数入力用）'!AH769</f>
        <v>0</v>
      </c>
      <c r="C767" s="6">
        <f>'申請書（複数入力用）'!B769</f>
        <v>0</v>
      </c>
      <c r="D767" s="6">
        <f>'申請書（複数入力用）'!D769</f>
        <v>0</v>
      </c>
      <c r="E767" s="14">
        <f>'申請書（複数入力用）'!H769</f>
        <v>0</v>
      </c>
      <c r="F767" s="11" t="str">
        <f>'申請書（複数入力用）'!J769</f>
        <v/>
      </c>
      <c r="G767" s="6" t="str">
        <f>'申請書（複数入力用）'!K769</f>
        <v>a052r000000jS9ZAAU</v>
      </c>
      <c r="H767" s="12" t="e">
        <f>'申請書（複数入力用）'!N769</f>
        <v>#N/A</v>
      </c>
      <c r="I767" s="12" t="e">
        <f>'申請書（複数入力用）'!O769</f>
        <v>#N/A</v>
      </c>
      <c r="J767" s="12">
        <f>'申請書（複数入力用）'!P769</f>
        <v>1</v>
      </c>
    </row>
    <row r="768" spans="1:10" ht="51.6" customHeight="1" x14ac:dyDescent="0.45">
      <c r="A768" s="6">
        <f>'申請書（複数入力用）'!A770</f>
        <v>764</v>
      </c>
      <c r="B768" s="13">
        <f>'申請書（複数入力用）'!AH770</f>
        <v>0</v>
      </c>
      <c r="C768" s="6">
        <f>'申請書（複数入力用）'!B770</f>
        <v>0</v>
      </c>
      <c r="D768" s="6">
        <f>'申請書（複数入力用）'!D770</f>
        <v>0</v>
      </c>
      <c r="E768" s="14">
        <f>'申請書（複数入力用）'!H770</f>
        <v>0</v>
      </c>
      <c r="F768" s="11" t="str">
        <f>'申請書（複数入力用）'!J770</f>
        <v/>
      </c>
      <c r="G768" s="6" t="str">
        <f>'申請書（複数入力用）'!K770</f>
        <v>a052r000000jS9ZAAU</v>
      </c>
      <c r="H768" s="12" t="e">
        <f>'申請書（複数入力用）'!N770</f>
        <v>#N/A</v>
      </c>
      <c r="I768" s="12" t="e">
        <f>'申請書（複数入力用）'!O770</f>
        <v>#N/A</v>
      </c>
      <c r="J768" s="12">
        <f>'申請書（複数入力用）'!P770</f>
        <v>1</v>
      </c>
    </row>
    <row r="769" spans="1:10" ht="51.6" customHeight="1" x14ac:dyDescent="0.45">
      <c r="A769" s="6">
        <f>'申請書（複数入力用）'!A771</f>
        <v>765</v>
      </c>
      <c r="B769" s="13">
        <f>'申請書（複数入力用）'!AH771</f>
        <v>0</v>
      </c>
      <c r="C769" s="6">
        <f>'申請書（複数入力用）'!B771</f>
        <v>0</v>
      </c>
      <c r="D769" s="6">
        <f>'申請書（複数入力用）'!D771</f>
        <v>0</v>
      </c>
      <c r="E769" s="14">
        <f>'申請書（複数入力用）'!H771</f>
        <v>0</v>
      </c>
      <c r="F769" s="11" t="str">
        <f>'申請書（複数入力用）'!J771</f>
        <v/>
      </c>
      <c r="G769" s="6" t="str">
        <f>'申請書（複数入力用）'!K771</f>
        <v>a052r000000jS9ZAAU</v>
      </c>
      <c r="H769" s="12" t="e">
        <f>'申請書（複数入力用）'!N771</f>
        <v>#N/A</v>
      </c>
      <c r="I769" s="12" t="e">
        <f>'申請書（複数入力用）'!O771</f>
        <v>#N/A</v>
      </c>
      <c r="J769" s="12">
        <f>'申請書（複数入力用）'!P771</f>
        <v>1</v>
      </c>
    </row>
    <row r="770" spans="1:10" ht="51.6" customHeight="1" x14ac:dyDescent="0.45">
      <c r="A770" s="6">
        <f>'申請書（複数入力用）'!A772</f>
        <v>766</v>
      </c>
      <c r="B770" s="13">
        <f>'申請書（複数入力用）'!AH772</f>
        <v>0</v>
      </c>
      <c r="C770" s="6">
        <f>'申請書（複数入力用）'!B772</f>
        <v>0</v>
      </c>
      <c r="D770" s="6">
        <f>'申請書（複数入力用）'!D772</f>
        <v>0</v>
      </c>
      <c r="E770" s="14">
        <f>'申請書（複数入力用）'!H772</f>
        <v>0</v>
      </c>
      <c r="F770" s="11" t="str">
        <f>'申請書（複数入力用）'!J772</f>
        <v/>
      </c>
      <c r="G770" s="6" t="str">
        <f>'申請書（複数入力用）'!K772</f>
        <v>a052r000000jS9ZAAU</v>
      </c>
      <c r="H770" s="12" t="e">
        <f>'申請書（複数入力用）'!N772</f>
        <v>#N/A</v>
      </c>
      <c r="I770" s="12" t="e">
        <f>'申請書（複数入力用）'!O772</f>
        <v>#N/A</v>
      </c>
      <c r="J770" s="12">
        <f>'申請書（複数入力用）'!P772</f>
        <v>1</v>
      </c>
    </row>
    <row r="771" spans="1:10" ht="51.6" customHeight="1" x14ac:dyDescent="0.45">
      <c r="A771" s="6">
        <f>'申請書（複数入力用）'!A773</f>
        <v>767</v>
      </c>
      <c r="B771" s="13">
        <f>'申請書（複数入力用）'!AH773</f>
        <v>0</v>
      </c>
      <c r="C771" s="6">
        <f>'申請書（複数入力用）'!B773</f>
        <v>0</v>
      </c>
      <c r="D771" s="6">
        <f>'申請書（複数入力用）'!D773</f>
        <v>0</v>
      </c>
      <c r="E771" s="14">
        <f>'申請書（複数入力用）'!H773</f>
        <v>0</v>
      </c>
      <c r="F771" s="11" t="str">
        <f>'申請書（複数入力用）'!J773</f>
        <v/>
      </c>
      <c r="G771" s="6" t="str">
        <f>'申請書（複数入力用）'!K773</f>
        <v>a052r000000jS9ZAAU</v>
      </c>
      <c r="H771" s="12" t="e">
        <f>'申請書（複数入力用）'!N773</f>
        <v>#N/A</v>
      </c>
      <c r="I771" s="12" t="e">
        <f>'申請書（複数入力用）'!O773</f>
        <v>#N/A</v>
      </c>
      <c r="J771" s="12">
        <f>'申請書（複数入力用）'!P773</f>
        <v>1</v>
      </c>
    </row>
    <row r="772" spans="1:10" ht="51.6" customHeight="1" x14ac:dyDescent="0.45">
      <c r="A772" s="6">
        <f>'申請書（複数入力用）'!A774</f>
        <v>768</v>
      </c>
      <c r="B772" s="13">
        <f>'申請書（複数入力用）'!AH774</f>
        <v>0</v>
      </c>
      <c r="C772" s="6">
        <f>'申請書（複数入力用）'!B774</f>
        <v>0</v>
      </c>
      <c r="D772" s="6">
        <f>'申請書（複数入力用）'!D774</f>
        <v>0</v>
      </c>
      <c r="E772" s="14">
        <f>'申請書（複数入力用）'!H774</f>
        <v>0</v>
      </c>
      <c r="F772" s="11" t="str">
        <f>'申請書（複数入力用）'!J774</f>
        <v/>
      </c>
      <c r="G772" s="6" t="str">
        <f>'申請書（複数入力用）'!K774</f>
        <v>a052r000000jS9ZAAU</v>
      </c>
      <c r="H772" s="12" t="e">
        <f>'申請書（複数入力用）'!N774</f>
        <v>#N/A</v>
      </c>
      <c r="I772" s="12" t="e">
        <f>'申請書（複数入力用）'!O774</f>
        <v>#N/A</v>
      </c>
      <c r="J772" s="12">
        <f>'申請書（複数入力用）'!P774</f>
        <v>1</v>
      </c>
    </row>
    <row r="773" spans="1:10" ht="51.6" customHeight="1" x14ac:dyDescent="0.45">
      <c r="A773" s="6">
        <f>'申請書（複数入力用）'!A775</f>
        <v>769</v>
      </c>
      <c r="B773" s="13">
        <f>'申請書（複数入力用）'!AH775</f>
        <v>0</v>
      </c>
      <c r="C773" s="6">
        <f>'申請書（複数入力用）'!B775</f>
        <v>0</v>
      </c>
      <c r="D773" s="6">
        <f>'申請書（複数入力用）'!D775</f>
        <v>0</v>
      </c>
      <c r="E773" s="14">
        <f>'申請書（複数入力用）'!H775</f>
        <v>0</v>
      </c>
      <c r="F773" s="11" t="str">
        <f>'申請書（複数入力用）'!J775</f>
        <v/>
      </c>
      <c r="G773" s="6" t="str">
        <f>'申請書（複数入力用）'!K775</f>
        <v>a052r000000jS9ZAAU</v>
      </c>
      <c r="H773" s="12" t="e">
        <f>'申請書（複数入力用）'!N775</f>
        <v>#N/A</v>
      </c>
      <c r="I773" s="12" t="e">
        <f>'申請書（複数入力用）'!O775</f>
        <v>#N/A</v>
      </c>
      <c r="J773" s="12">
        <f>'申請書（複数入力用）'!P775</f>
        <v>1</v>
      </c>
    </row>
    <row r="774" spans="1:10" ht="51.6" customHeight="1" x14ac:dyDescent="0.45">
      <c r="A774" s="6">
        <f>'申請書（複数入力用）'!A776</f>
        <v>770</v>
      </c>
      <c r="B774" s="13">
        <f>'申請書（複数入力用）'!AH776</f>
        <v>0</v>
      </c>
      <c r="C774" s="6">
        <f>'申請書（複数入力用）'!B776</f>
        <v>0</v>
      </c>
      <c r="D774" s="6">
        <f>'申請書（複数入力用）'!D776</f>
        <v>0</v>
      </c>
      <c r="E774" s="14">
        <f>'申請書（複数入力用）'!H776</f>
        <v>0</v>
      </c>
      <c r="F774" s="11" t="str">
        <f>'申請書（複数入力用）'!J776</f>
        <v/>
      </c>
      <c r="G774" s="6" t="str">
        <f>'申請書（複数入力用）'!K776</f>
        <v>a052r000000jS9ZAAU</v>
      </c>
      <c r="H774" s="12" t="e">
        <f>'申請書（複数入力用）'!N776</f>
        <v>#N/A</v>
      </c>
      <c r="I774" s="12" t="e">
        <f>'申請書（複数入力用）'!O776</f>
        <v>#N/A</v>
      </c>
      <c r="J774" s="12">
        <f>'申請書（複数入力用）'!P776</f>
        <v>1</v>
      </c>
    </row>
    <row r="775" spans="1:10" ht="51.6" customHeight="1" x14ac:dyDescent="0.45">
      <c r="A775" s="6">
        <f>'申請書（複数入力用）'!A777</f>
        <v>771</v>
      </c>
      <c r="B775" s="13">
        <f>'申請書（複数入力用）'!AH777</f>
        <v>0</v>
      </c>
      <c r="C775" s="6">
        <f>'申請書（複数入力用）'!B777</f>
        <v>0</v>
      </c>
      <c r="D775" s="6">
        <f>'申請書（複数入力用）'!D777</f>
        <v>0</v>
      </c>
      <c r="E775" s="14">
        <f>'申請書（複数入力用）'!H777</f>
        <v>0</v>
      </c>
      <c r="F775" s="11" t="str">
        <f>'申請書（複数入力用）'!J777</f>
        <v/>
      </c>
      <c r="G775" s="6" t="str">
        <f>'申請書（複数入力用）'!K777</f>
        <v>a052r000000jS9ZAAU</v>
      </c>
      <c r="H775" s="12" t="e">
        <f>'申請書（複数入力用）'!N777</f>
        <v>#N/A</v>
      </c>
      <c r="I775" s="12" t="e">
        <f>'申請書（複数入力用）'!O777</f>
        <v>#N/A</v>
      </c>
      <c r="J775" s="12">
        <f>'申請書（複数入力用）'!P777</f>
        <v>1</v>
      </c>
    </row>
    <row r="776" spans="1:10" ht="51.6" customHeight="1" x14ac:dyDescent="0.45">
      <c r="A776" s="6">
        <f>'申請書（複数入力用）'!A778</f>
        <v>772</v>
      </c>
      <c r="B776" s="13">
        <f>'申請書（複数入力用）'!AH778</f>
        <v>0</v>
      </c>
      <c r="C776" s="6">
        <f>'申請書（複数入力用）'!B778</f>
        <v>0</v>
      </c>
      <c r="D776" s="6">
        <f>'申請書（複数入力用）'!D778</f>
        <v>0</v>
      </c>
      <c r="E776" s="14">
        <f>'申請書（複数入力用）'!H778</f>
        <v>0</v>
      </c>
      <c r="F776" s="11" t="str">
        <f>'申請書（複数入力用）'!J778</f>
        <v/>
      </c>
      <c r="G776" s="6" t="str">
        <f>'申請書（複数入力用）'!K778</f>
        <v>a052r000000jS9ZAAU</v>
      </c>
      <c r="H776" s="12" t="e">
        <f>'申請書（複数入力用）'!N778</f>
        <v>#N/A</v>
      </c>
      <c r="I776" s="12" t="e">
        <f>'申請書（複数入力用）'!O778</f>
        <v>#N/A</v>
      </c>
      <c r="J776" s="12">
        <f>'申請書（複数入力用）'!P778</f>
        <v>1</v>
      </c>
    </row>
    <row r="777" spans="1:10" ht="51.6" customHeight="1" x14ac:dyDescent="0.45">
      <c r="A777" s="6">
        <f>'申請書（複数入力用）'!A779</f>
        <v>773</v>
      </c>
      <c r="B777" s="13">
        <f>'申請書（複数入力用）'!AH779</f>
        <v>0</v>
      </c>
      <c r="C777" s="6">
        <f>'申請書（複数入力用）'!B779</f>
        <v>0</v>
      </c>
      <c r="D777" s="6">
        <f>'申請書（複数入力用）'!D779</f>
        <v>0</v>
      </c>
      <c r="E777" s="14">
        <f>'申請書（複数入力用）'!H779</f>
        <v>0</v>
      </c>
      <c r="F777" s="11" t="str">
        <f>'申請書（複数入力用）'!J779</f>
        <v/>
      </c>
      <c r="G777" s="6" t="str">
        <f>'申請書（複数入力用）'!K779</f>
        <v>a052r000000jS9ZAAU</v>
      </c>
      <c r="H777" s="12" t="e">
        <f>'申請書（複数入力用）'!N779</f>
        <v>#N/A</v>
      </c>
      <c r="I777" s="12" t="e">
        <f>'申請書（複数入力用）'!O779</f>
        <v>#N/A</v>
      </c>
      <c r="J777" s="12">
        <f>'申請書（複数入力用）'!P779</f>
        <v>1</v>
      </c>
    </row>
    <row r="778" spans="1:10" ht="51.6" customHeight="1" x14ac:dyDescent="0.45">
      <c r="A778" s="6">
        <f>'申請書（複数入力用）'!A780</f>
        <v>774</v>
      </c>
      <c r="B778" s="13">
        <f>'申請書（複数入力用）'!AH780</f>
        <v>0</v>
      </c>
      <c r="C778" s="6">
        <f>'申請書（複数入力用）'!B780</f>
        <v>0</v>
      </c>
      <c r="D778" s="6">
        <f>'申請書（複数入力用）'!D780</f>
        <v>0</v>
      </c>
      <c r="E778" s="14">
        <f>'申請書（複数入力用）'!H780</f>
        <v>0</v>
      </c>
      <c r="F778" s="11" t="str">
        <f>'申請書（複数入力用）'!J780</f>
        <v/>
      </c>
      <c r="G778" s="6" t="str">
        <f>'申請書（複数入力用）'!K780</f>
        <v>a052r000000jS9ZAAU</v>
      </c>
      <c r="H778" s="12" t="e">
        <f>'申請書（複数入力用）'!N780</f>
        <v>#N/A</v>
      </c>
      <c r="I778" s="12" t="e">
        <f>'申請書（複数入力用）'!O780</f>
        <v>#N/A</v>
      </c>
      <c r="J778" s="12">
        <f>'申請書（複数入力用）'!P780</f>
        <v>1</v>
      </c>
    </row>
    <row r="779" spans="1:10" ht="51.6" customHeight="1" x14ac:dyDescent="0.45">
      <c r="A779" s="6">
        <f>'申請書（複数入力用）'!A781</f>
        <v>775</v>
      </c>
      <c r="B779" s="13">
        <f>'申請書（複数入力用）'!AH781</f>
        <v>0</v>
      </c>
      <c r="C779" s="6">
        <f>'申請書（複数入力用）'!B781</f>
        <v>0</v>
      </c>
      <c r="D779" s="6">
        <f>'申請書（複数入力用）'!D781</f>
        <v>0</v>
      </c>
      <c r="E779" s="14">
        <f>'申請書（複数入力用）'!H781</f>
        <v>0</v>
      </c>
      <c r="F779" s="11" t="str">
        <f>'申請書（複数入力用）'!J781</f>
        <v/>
      </c>
      <c r="G779" s="6" t="str">
        <f>'申請書（複数入力用）'!K781</f>
        <v>a052r000000jS9ZAAU</v>
      </c>
      <c r="H779" s="12" t="e">
        <f>'申請書（複数入力用）'!N781</f>
        <v>#N/A</v>
      </c>
      <c r="I779" s="12" t="e">
        <f>'申請書（複数入力用）'!O781</f>
        <v>#N/A</v>
      </c>
      <c r="J779" s="12">
        <f>'申請書（複数入力用）'!P781</f>
        <v>1</v>
      </c>
    </row>
    <row r="780" spans="1:10" ht="51.6" customHeight="1" x14ac:dyDescent="0.45">
      <c r="A780" s="6">
        <f>'申請書（複数入力用）'!A782</f>
        <v>776</v>
      </c>
      <c r="B780" s="13">
        <f>'申請書（複数入力用）'!AH782</f>
        <v>0</v>
      </c>
      <c r="C780" s="6">
        <f>'申請書（複数入力用）'!B782</f>
        <v>0</v>
      </c>
      <c r="D780" s="6">
        <f>'申請書（複数入力用）'!D782</f>
        <v>0</v>
      </c>
      <c r="E780" s="14">
        <f>'申請書（複数入力用）'!H782</f>
        <v>0</v>
      </c>
      <c r="F780" s="11" t="str">
        <f>'申請書（複数入力用）'!J782</f>
        <v/>
      </c>
      <c r="G780" s="6" t="str">
        <f>'申請書（複数入力用）'!K782</f>
        <v>a052r000000jS9ZAAU</v>
      </c>
      <c r="H780" s="12" t="e">
        <f>'申請書（複数入力用）'!N782</f>
        <v>#N/A</v>
      </c>
      <c r="I780" s="12" t="e">
        <f>'申請書（複数入力用）'!O782</f>
        <v>#N/A</v>
      </c>
      <c r="J780" s="12">
        <f>'申請書（複数入力用）'!P782</f>
        <v>1</v>
      </c>
    </row>
    <row r="781" spans="1:10" ht="51.6" customHeight="1" x14ac:dyDescent="0.45">
      <c r="A781" s="6">
        <f>'申請書（複数入力用）'!A783</f>
        <v>777</v>
      </c>
      <c r="B781" s="13">
        <f>'申請書（複数入力用）'!AH783</f>
        <v>0</v>
      </c>
      <c r="C781" s="6">
        <f>'申請書（複数入力用）'!B783</f>
        <v>0</v>
      </c>
      <c r="D781" s="6">
        <f>'申請書（複数入力用）'!D783</f>
        <v>0</v>
      </c>
      <c r="E781" s="14">
        <f>'申請書（複数入力用）'!H783</f>
        <v>0</v>
      </c>
      <c r="F781" s="11" t="str">
        <f>'申請書（複数入力用）'!J783</f>
        <v/>
      </c>
      <c r="G781" s="6" t="str">
        <f>'申請書（複数入力用）'!K783</f>
        <v>a052r000000jS9ZAAU</v>
      </c>
      <c r="H781" s="12" t="e">
        <f>'申請書（複数入力用）'!N783</f>
        <v>#N/A</v>
      </c>
      <c r="I781" s="12" t="e">
        <f>'申請書（複数入力用）'!O783</f>
        <v>#N/A</v>
      </c>
      <c r="J781" s="12">
        <f>'申請書（複数入力用）'!P783</f>
        <v>1</v>
      </c>
    </row>
    <row r="782" spans="1:10" ht="51.6" customHeight="1" x14ac:dyDescent="0.45">
      <c r="A782" s="6">
        <f>'申請書（複数入力用）'!A784</f>
        <v>778</v>
      </c>
      <c r="B782" s="13">
        <f>'申請書（複数入力用）'!AH784</f>
        <v>0</v>
      </c>
      <c r="C782" s="6">
        <f>'申請書（複数入力用）'!B784</f>
        <v>0</v>
      </c>
      <c r="D782" s="6">
        <f>'申請書（複数入力用）'!D784</f>
        <v>0</v>
      </c>
      <c r="E782" s="14">
        <f>'申請書（複数入力用）'!H784</f>
        <v>0</v>
      </c>
      <c r="F782" s="11" t="str">
        <f>'申請書（複数入力用）'!J784</f>
        <v/>
      </c>
      <c r="G782" s="6" t="str">
        <f>'申請書（複数入力用）'!K784</f>
        <v>a052r000000jS9ZAAU</v>
      </c>
      <c r="H782" s="12" t="e">
        <f>'申請書（複数入力用）'!N784</f>
        <v>#N/A</v>
      </c>
      <c r="I782" s="12" t="e">
        <f>'申請書（複数入力用）'!O784</f>
        <v>#N/A</v>
      </c>
      <c r="J782" s="12">
        <f>'申請書（複数入力用）'!P784</f>
        <v>1</v>
      </c>
    </row>
    <row r="783" spans="1:10" ht="51.6" customHeight="1" x14ac:dyDescent="0.45">
      <c r="A783" s="6">
        <f>'申請書（複数入力用）'!A785</f>
        <v>779</v>
      </c>
      <c r="B783" s="13">
        <f>'申請書（複数入力用）'!AH785</f>
        <v>0</v>
      </c>
      <c r="C783" s="6">
        <f>'申請書（複数入力用）'!B785</f>
        <v>0</v>
      </c>
      <c r="D783" s="6">
        <f>'申請書（複数入力用）'!D785</f>
        <v>0</v>
      </c>
      <c r="E783" s="14">
        <f>'申請書（複数入力用）'!H785</f>
        <v>0</v>
      </c>
      <c r="F783" s="11" t="str">
        <f>'申請書（複数入力用）'!J785</f>
        <v/>
      </c>
      <c r="G783" s="6" t="str">
        <f>'申請書（複数入力用）'!K785</f>
        <v>a052r000000jS9ZAAU</v>
      </c>
      <c r="H783" s="12" t="e">
        <f>'申請書（複数入力用）'!N785</f>
        <v>#N/A</v>
      </c>
      <c r="I783" s="12" t="e">
        <f>'申請書（複数入力用）'!O785</f>
        <v>#N/A</v>
      </c>
      <c r="J783" s="12">
        <f>'申請書（複数入力用）'!P785</f>
        <v>1</v>
      </c>
    </row>
    <row r="784" spans="1:10" ht="51.6" customHeight="1" x14ac:dyDescent="0.45">
      <c r="A784" s="6">
        <f>'申請書（複数入力用）'!A786</f>
        <v>780</v>
      </c>
      <c r="B784" s="13">
        <f>'申請書（複数入力用）'!AH786</f>
        <v>0</v>
      </c>
      <c r="C784" s="6">
        <f>'申請書（複数入力用）'!B786</f>
        <v>0</v>
      </c>
      <c r="D784" s="6">
        <f>'申請書（複数入力用）'!D786</f>
        <v>0</v>
      </c>
      <c r="E784" s="14">
        <f>'申請書（複数入力用）'!H786</f>
        <v>0</v>
      </c>
      <c r="F784" s="11" t="str">
        <f>'申請書（複数入力用）'!J786</f>
        <v/>
      </c>
      <c r="G784" s="6" t="str">
        <f>'申請書（複数入力用）'!K786</f>
        <v>a052r000000jS9ZAAU</v>
      </c>
      <c r="H784" s="12" t="e">
        <f>'申請書（複数入力用）'!N786</f>
        <v>#N/A</v>
      </c>
      <c r="I784" s="12" t="e">
        <f>'申請書（複数入力用）'!O786</f>
        <v>#N/A</v>
      </c>
      <c r="J784" s="12">
        <f>'申請書（複数入力用）'!P786</f>
        <v>1</v>
      </c>
    </row>
    <row r="785" spans="1:10" ht="51.6" customHeight="1" x14ac:dyDescent="0.45">
      <c r="A785" s="6">
        <f>'申請書（複数入力用）'!A787</f>
        <v>781</v>
      </c>
      <c r="B785" s="13">
        <f>'申請書（複数入力用）'!AH787</f>
        <v>0</v>
      </c>
      <c r="C785" s="6">
        <f>'申請書（複数入力用）'!B787</f>
        <v>0</v>
      </c>
      <c r="D785" s="6">
        <f>'申請書（複数入力用）'!D787</f>
        <v>0</v>
      </c>
      <c r="E785" s="14">
        <f>'申請書（複数入力用）'!H787</f>
        <v>0</v>
      </c>
      <c r="F785" s="11" t="str">
        <f>'申請書（複数入力用）'!J787</f>
        <v/>
      </c>
      <c r="G785" s="6" t="str">
        <f>'申請書（複数入力用）'!K787</f>
        <v>a052r000000jS9ZAAU</v>
      </c>
      <c r="H785" s="12" t="e">
        <f>'申請書（複数入力用）'!N787</f>
        <v>#N/A</v>
      </c>
      <c r="I785" s="12" t="e">
        <f>'申請書（複数入力用）'!O787</f>
        <v>#N/A</v>
      </c>
      <c r="J785" s="12">
        <f>'申請書（複数入力用）'!P787</f>
        <v>1</v>
      </c>
    </row>
    <row r="786" spans="1:10" ht="51.6" customHeight="1" x14ac:dyDescent="0.45">
      <c r="A786" s="6">
        <f>'申請書（複数入力用）'!A788</f>
        <v>782</v>
      </c>
      <c r="B786" s="13">
        <f>'申請書（複数入力用）'!AH788</f>
        <v>0</v>
      </c>
      <c r="C786" s="6">
        <f>'申請書（複数入力用）'!B788</f>
        <v>0</v>
      </c>
      <c r="D786" s="6">
        <f>'申請書（複数入力用）'!D788</f>
        <v>0</v>
      </c>
      <c r="E786" s="14">
        <f>'申請書（複数入力用）'!H788</f>
        <v>0</v>
      </c>
      <c r="F786" s="11" t="str">
        <f>'申請書（複数入力用）'!J788</f>
        <v/>
      </c>
      <c r="G786" s="6" t="str">
        <f>'申請書（複数入力用）'!K788</f>
        <v>a052r000000jS9ZAAU</v>
      </c>
      <c r="H786" s="12" t="e">
        <f>'申請書（複数入力用）'!N788</f>
        <v>#N/A</v>
      </c>
      <c r="I786" s="12" t="e">
        <f>'申請書（複数入力用）'!O788</f>
        <v>#N/A</v>
      </c>
      <c r="J786" s="12">
        <f>'申請書（複数入力用）'!P788</f>
        <v>1</v>
      </c>
    </row>
    <row r="787" spans="1:10" ht="51.6" customHeight="1" x14ac:dyDescent="0.45">
      <c r="A787" s="6">
        <f>'申請書（複数入力用）'!A789</f>
        <v>783</v>
      </c>
      <c r="B787" s="13">
        <f>'申請書（複数入力用）'!AH789</f>
        <v>0</v>
      </c>
      <c r="C787" s="6">
        <f>'申請書（複数入力用）'!B789</f>
        <v>0</v>
      </c>
      <c r="D787" s="6">
        <f>'申請書（複数入力用）'!D789</f>
        <v>0</v>
      </c>
      <c r="E787" s="14">
        <f>'申請書（複数入力用）'!H789</f>
        <v>0</v>
      </c>
      <c r="F787" s="11" t="str">
        <f>'申請書（複数入力用）'!J789</f>
        <v/>
      </c>
      <c r="G787" s="6" t="str">
        <f>'申請書（複数入力用）'!K789</f>
        <v>a052r000000jS9ZAAU</v>
      </c>
      <c r="H787" s="12" t="e">
        <f>'申請書（複数入力用）'!N789</f>
        <v>#N/A</v>
      </c>
      <c r="I787" s="12" t="e">
        <f>'申請書（複数入力用）'!O789</f>
        <v>#N/A</v>
      </c>
      <c r="J787" s="12">
        <f>'申請書（複数入力用）'!P789</f>
        <v>1</v>
      </c>
    </row>
    <row r="788" spans="1:10" ht="51.6" customHeight="1" x14ac:dyDescent="0.45">
      <c r="A788" s="6">
        <f>'申請書（複数入力用）'!A790</f>
        <v>784</v>
      </c>
      <c r="B788" s="13">
        <f>'申請書（複数入力用）'!AH790</f>
        <v>0</v>
      </c>
      <c r="C788" s="6">
        <f>'申請書（複数入力用）'!B790</f>
        <v>0</v>
      </c>
      <c r="D788" s="6">
        <f>'申請書（複数入力用）'!D790</f>
        <v>0</v>
      </c>
      <c r="E788" s="14">
        <f>'申請書（複数入力用）'!H790</f>
        <v>0</v>
      </c>
      <c r="F788" s="11" t="str">
        <f>'申請書（複数入力用）'!J790</f>
        <v/>
      </c>
      <c r="G788" s="6" t="str">
        <f>'申請書（複数入力用）'!K790</f>
        <v>a052r000000jS9ZAAU</v>
      </c>
      <c r="H788" s="12" t="e">
        <f>'申請書（複数入力用）'!N790</f>
        <v>#N/A</v>
      </c>
      <c r="I788" s="12" t="e">
        <f>'申請書（複数入力用）'!O790</f>
        <v>#N/A</v>
      </c>
      <c r="J788" s="12">
        <f>'申請書（複数入力用）'!P790</f>
        <v>1</v>
      </c>
    </row>
    <row r="789" spans="1:10" ht="51.6" customHeight="1" x14ac:dyDescent="0.45">
      <c r="A789" s="6">
        <f>'申請書（複数入力用）'!A791</f>
        <v>785</v>
      </c>
      <c r="B789" s="13">
        <f>'申請書（複数入力用）'!AH791</f>
        <v>0</v>
      </c>
      <c r="C789" s="6">
        <f>'申請書（複数入力用）'!B791</f>
        <v>0</v>
      </c>
      <c r="D789" s="6">
        <f>'申請書（複数入力用）'!D791</f>
        <v>0</v>
      </c>
      <c r="E789" s="14">
        <f>'申請書（複数入力用）'!H791</f>
        <v>0</v>
      </c>
      <c r="F789" s="11" t="str">
        <f>'申請書（複数入力用）'!J791</f>
        <v/>
      </c>
      <c r="G789" s="6" t="str">
        <f>'申請書（複数入力用）'!K791</f>
        <v>a052r000000jS9ZAAU</v>
      </c>
      <c r="H789" s="12" t="e">
        <f>'申請書（複数入力用）'!N791</f>
        <v>#N/A</v>
      </c>
      <c r="I789" s="12" t="e">
        <f>'申請書（複数入力用）'!O791</f>
        <v>#N/A</v>
      </c>
      <c r="J789" s="12">
        <f>'申請書（複数入力用）'!P791</f>
        <v>1</v>
      </c>
    </row>
    <row r="790" spans="1:10" ht="51.6" customHeight="1" x14ac:dyDescent="0.45">
      <c r="A790" s="6">
        <f>'申請書（複数入力用）'!A792</f>
        <v>786</v>
      </c>
      <c r="B790" s="13">
        <f>'申請書（複数入力用）'!AH792</f>
        <v>0</v>
      </c>
      <c r="C790" s="6">
        <f>'申請書（複数入力用）'!B792</f>
        <v>0</v>
      </c>
      <c r="D790" s="6">
        <f>'申請書（複数入力用）'!D792</f>
        <v>0</v>
      </c>
      <c r="E790" s="14">
        <f>'申請書（複数入力用）'!H792</f>
        <v>0</v>
      </c>
      <c r="F790" s="11" t="str">
        <f>'申請書（複数入力用）'!J792</f>
        <v/>
      </c>
      <c r="G790" s="6" t="str">
        <f>'申請書（複数入力用）'!K792</f>
        <v>a052r000000jS9ZAAU</v>
      </c>
      <c r="H790" s="12" t="e">
        <f>'申請書（複数入力用）'!N792</f>
        <v>#N/A</v>
      </c>
      <c r="I790" s="12" t="e">
        <f>'申請書（複数入力用）'!O792</f>
        <v>#N/A</v>
      </c>
      <c r="J790" s="12">
        <f>'申請書（複数入力用）'!P792</f>
        <v>1</v>
      </c>
    </row>
    <row r="791" spans="1:10" ht="51.6" customHeight="1" x14ac:dyDescent="0.45">
      <c r="A791" s="6">
        <f>'申請書（複数入力用）'!A793</f>
        <v>787</v>
      </c>
      <c r="B791" s="13">
        <f>'申請書（複数入力用）'!AH793</f>
        <v>0</v>
      </c>
      <c r="C791" s="6">
        <f>'申請書（複数入力用）'!B793</f>
        <v>0</v>
      </c>
      <c r="D791" s="6">
        <f>'申請書（複数入力用）'!D793</f>
        <v>0</v>
      </c>
      <c r="E791" s="14">
        <f>'申請書（複数入力用）'!H793</f>
        <v>0</v>
      </c>
      <c r="F791" s="11" t="str">
        <f>'申請書（複数入力用）'!J793</f>
        <v/>
      </c>
      <c r="G791" s="6" t="str">
        <f>'申請書（複数入力用）'!K793</f>
        <v>a052r000000jS9ZAAU</v>
      </c>
      <c r="H791" s="12" t="e">
        <f>'申請書（複数入力用）'!N793</f>
        <v>#N/A</v>
      </c>
      <c r="I791" s="12" t="e">
        <f>'申請書（複数入力用）'!O793</f>
        <v>#N/A</v>
      </c>
      <c r="J791" s="12">
        <f>'申請書（複数入力用）'!P793</f>
        <v>1</v>
      </c>
    </row>
    <row r="792" spans="1:10" ht="51.6" customHeight="1" x14ac:dyDescent="0.45">
      <c r="A792" s="6">
        <f>'申請書（複数入力用）'!A794</f>
        <v>788</v>
      </c>
      <c r="B792" s="13">
        <f>'申請書（複数入力用）'!AH794</f>
        <v>0</v>
      </c>
      <c r="C792" s="6">
        <f>'申請書（複数入力用）'!B794</f>
        <v>0</v>
      </c>
      <c r="D792" s="6">
        <f>'申請書（複数入力用）'!D794</f>
        <v>0</v>
      </c>
      <c r="E792" s="14">
        <f>'申請書（複数入力用）'!H794</f>
        <v>0</v>
      </c>
      <c r="F792" s="11" t="str">
        <f>'申請書（複数入力用）'!J794</f>
        <v/>
      </c>
      <c r="G792" s="6" t="str">
        <f>'申請書（複数入力用）'!K794</f>
        <v>a052r000000jS9ZAAU</v>
      </c>
      <c r="H792" s="12" t="e">
        <f>'申請書（複数入力用）'!N794</f>
        <v>#N/A</v>
      </c>
      <c r="I792" s="12" t="e">
        <f>'申請書（複数入力用）'!O794</f>
        <v>#N/A</v>
      </c>
      <c r="J792" s="12">
        <f>'申請書（複数入力用）'!P794</f>
        <v>1</v>
      </c>
    </row>
    <row r="793" spans="1:10" ht="51.6" customHeight="1" x14ac:dyDescent="0.45">
      <c r="A793" s="6">
        <f>'申請書（複数入力用）'!A795</f>
        <v>789</v>
      </c>
      <c r="B793" s="13">
        <f>'申請書（複数入力用）'!AH795</f>
        <v>0</v>
      </c>
      <c r="C793" s="6">
        <f>'申請書（複数入力用）'!B795</f>
        <v>0</v>
      </c>
      <c r="D793" s="6">
        <f>'申請書（複数入力用）'!D795</f>
        <v>0</v>
      </c>
      <c r="E793" s="14">
        <f>'申請書（複数入力用）'!H795</f>
        <v>0</v>
      </c>
      <c r="F793" s="11" t="str">
        <f>'申請書（複数入力用）'!J795</f>
        <v/>
      </c>
      <c r="G793" s="6" t="str">
        <f>'申請書（複数入力用）'!K795</f>
        <v>a052r000000jS9ZAAU</v>
      </c>
      <c r="H793" s="12" t="e">
        <f>'申請書（複数入力用）'!N795</f>
        <v>#N/A</v>
      </c>
      <c r="I793" s="12" t="e">
        <f>'申請書（複数入力用）'!O795</f>
        <v>#N/A</v>
      </c>
      <c r="J793" s="12">
        <f>'申請書（複数入力用）'!P795</f>
        <v>1</v>
      </c>
    </row>
    <row r="794" spans="1:10" ht="51.6" customHeight="1" x14ac:dyDescent="0.45">
      <c r="A794" s="6">
        <f>'申請書（複数入力用）'!A796</f>
        <v>790</v>
      </c>
      <c r="B794" s="13">
        <f>'申請書（複数入力用）'!AH796</f>
        <v>0</v>
      </c>
      <c r="C794" s="6">
        <f>'申請書（複数入力用）'!B796</f>
        <v>0</v>
      </c>
      <c r="D794" s="6">
        <f>'申請書（複数入力用）'!D796</f>
        <v>0</v>
      </c>
      <c r="E794" s="14">
        <f>'申請書（複数入力用）'!H796</f>
        <v>0</v>
      </c>
      <c r="F794" s="11" t="str">
        <f>'申請書（複数入力用）'!J796</f>
        <v/>
      </c>
      <c r="G794" s="6" t="str">
        <f>'申請書（複数入力用）'!K796</f>
        <v>a052r000000jS9ZAAU</v>
      </c>
      <c r="H794" s="12" t="e">
        <f>'申請書（複数入力用）'!N796</f>
        <v>#N/A</v>
      </c>
      <c r="I794" s="12" t="e">
        <f>'申請書（複数入力用）'!O796</f>
        <v>#N/A</v>
      </c>
      <c r="J794" s="12">
        <f>'申請書（複数入力用）'!P796</f>
        <v>1</v>
      </c>
    </row>
    <row r="795" spans="1:10" ht="51.6" customHeight="1" x14ac:dyDescent="0.45">
      <c r="A795" s="6">
        <f>'申請書（複数入力用）'!A797</f>
        <v>791</v>
      </c>
      <c r="B795" s="13">
        <f>'申請書（複数入力用）'!AH797</f>
        <v>0</v>
      </c>
      <c r="C795" s="6">
        <f>'申請書（複数入力用）'!B797</f>
        <v>0</v>
      </c>
      <c r="D795" s="6">
        <f>'申請書（複数入力用）'!D797</f>
        <v>0</v>
      </c>
      <c r="E795" s="14">
        <f>'申請書（複数入力用）'!H797</f>
        <v>0</v>
      </c>
      <c r="F795" s="11" t="str">
        <f>'申請書（複数入力用）'!J797</f>
        <v/>
      </c>
      <c r="G795" s="6" t="str">
        <f>'申請書（複数入力用）'!K797</f>
        <v>a052r000000jS9ZAAU</v>
      </c>
      <c r="H795" s="12" t="e">
        <f>'申請書（複数入力用）'!N797</f>
        <v>#N/A</v>
      </c>
      <c r="I795" s="12" t="e">
        <f>'申請書（複数入力用）'!O797</f>
        <v>#N/A</v>
      </c>
      <c r="J795" s="12">
        <f>'申請書（複数入力用）'!P797</f>
        <v>1</v>
      </c>
    </row>
    <row r="796" spans="1:10" ht="51.6" customHeight="1" x14ac:dyDescent="0.45">
      <c r="A796" s="6">
        <f>'申請書（複数入力用）'!A798</f>
        <v>792</v>
      </c>
      <c r="B796" s="13">
        <f>'申請書（複数入力用）'!AH798</f>
        <v>0</v>
      </c>
      <c r="C796" s="6">
        <f>'申請書（複数入力用）'!B798</f>
        <v>0</v>
      </c>
      <c r="D796" s="6">
        <f>'申請書（複数入力用）'!D798</f>
        <v>0</v>
      </c>
      <c r="E796" s="14">
        <f>'申請書（複数入力用）'!H798</f>
        <v>0</v>
      </c>
      <c r="F796" s="11" t="str">
        <f>'申請書（複数入力用）'!J798</f>
        <v/>
      </c>
      <c r="G796" s="6" t="str">
        <f>'申請書（複数入力用）'!K798</f>
        <v>a052r000000jS9ZAAU</v>
      </c>
      <c r="H796" s="12" t="e">
        <f>'申請書（複数入力用）'!N798</f>
        <v>#N/A</v>
      </c>
      <c r="I796" s="12" t="e">
        <f>'申請書（複数入力用）'!O798</f>
        <v>#N/A</v>
      </c>
      <c r="J796" s="12">
        <f>'申請書（複数入力用）'!P798</f>
        <v>1</v>
      </c>
    </row>
    <row r="797" spans="1:10" ht="51.6" customHeight="1" x14ac:dyDescent="0.45">
      <c r="A797" s="6">
        <f>'申請書（複数入力用）'!A799</f>
        <v>793</v>
      </c>
      <c r="B797" s="13">
        <f>'申請書（複数入力用）'!AH799</f>
        <v>0</v>
      </c>
      <c r="C797" s="6">
        <f>'申請書（複数入力用）'!B799</f>
        <v>0</v>
      </c>
      <c r="D797" s="6">
        <f>'申請書（複数入力用）'!D799</f>
        <v>0</v>
      </c>
      <c r="E797" s="14">
        <f>'申請書（複数入力用）'!H799</f>
        <v>0</v>
      </c>
      <c r="F797" s="11" t="str">
        <f>'申請書（複数入力用）'!J799</f>
        <v/>
      </c>
      <c r="G797" s="6" t="str">
        <f>'申請書（複数入力用）'!K799</f>
        <v>a052r000000jS9ZAAU</v>
      </c>
      <c r="H797" s="12" t="e">
        <f>'申請書（複数入力用）'!N799</f>
        <v>#N/A</v>
      </c>
      <c r="I797" s="12" t="e">
        <f>'申請書（複数入力用）'!O799</f>
        <v>#N/A</v>
      </c>
      <c r="J797" s="12">
        <f>'申請書（複数入力用）'!P799</f>
        <v>1</v>
      </c>
    </row>
    <row r="798" spans="1:10" ht="51.6" customHeight="1" x14ac:dyDescent="0.45">
      <c r="A798" s="6">
        <f>'申請書（複数入力用）'!A800</f>
        <v>794</v>
      </c>
      <c r="B798" s="13">
        <f>'申請書（複数入力用）'!AH800</f>
        <v>0</v>
      </c>
      <c r="C798" s="6">
        <f>'申請書（複数入力用）'!B800</f>
        <v>0</v>
      </c>
      <c r="D798" s="6">
        <f>'申請書（複数入力用）'!D800</f>
        <v>0</v>
      </c>
      <c r="E798" s="14">
        <f>'申請書（複数入力用）'!H800</f>
        <v>0</v>
      </c>
      <c r="F798" s="11" t="str">
        <f>'申請書（複数入力用）'!J800</f>
        <v/>
      </c>
      <c r="G798" s="6" t="str">
        <f>'申請書（複数入力用）'!K800</f>
        <v>a052r000000jS9ZAAU</v>
      </c>
      <c r="H798" s="12" t="e">
        <f>'申請書（複数入力用）'!N800</f>
        <v>#N/A</v>
      </c>
      <c r="I798" s="12" t="e">
        <f>'申請書（複数入力用）'!O800</f>
        <v>#N/A</v>
      </c>
      <c r="J798" s="12">
        <f>'申請書（複数入力用）'!P800</f>
        <v>1</v>
      </c>
    </row>
    <row r="799" spans="1:10" ht="51.6" customHeight="1" x14ac:dyDescent="0.45">
      <c r="A799" s="6">
        <f>'申請書（複数入力用）'!A801</f>
        <v>795</v>
      </c>
      <c r="B799" s="13">
        <f>'申請書（複数入力用）'!AH801</f>
        <v>0</v>
      </c>
      <c r="C799" s="6">
        <f>'申請書（複数入力用）'!B801</f>
        <v>0</v>
      </c>
      <c r="D799" s="6">
        <f>'申請書（複数入力用）'!D801</f>
        <v>0</v>
      </c>
      <c r="E799" s="14">
        <f>'申請書（複数入力用）'!H801</f>
        <v>0</v>
      </c>
      <c r="F799" s="11" t="str">
        <f>'申請書（複数入力用）'!J801</f>
        <v/>
      </c>
      <c r="G799" s="6" t="str">
        <f>'申請書（複数入力用）'!K801</f>
        <v>a052r000000jS9ZAAU</v>
      </c>
      <c r="H799" s="12" t="e">
        <f>'申請書（複数入力用）'!N801</f>
        <v>#N/A</v>
      </c>
      <c r="I799" s="12" t="e">
        <f>'申請書（複数入力用）'!O801</f>
        <v>#N/A</v>
      </c>
      <c r="J799" s="12">
        <f>'申請書（複数入力用）'!P801</f>
        <v>1</v>
      </c>
    </row>
    <row r="800" spans="1:10" ht="51.6" customHeight="1" x14ac:dyDescent="0.45">
      <c r="A800" s="6">
        <f>'申請書（複数入力用）'!A802</f>
        <v>796</v>
      </c>
      <c r="B800" s="13">
        <f>'申請書（複数入力用）'!AH802</f>
        <v>0</v>
      </c>
      <c r="C800" s="6">
        <f>'申請書（複数入力用）'!B802</f>
        <v>0</v>
      </c>
      <c r="D800" s="6">
        <f>'申請書（複数入力用）'!D802</f>
        <v>0</v>
      </c>
      <c r="E800" s="14">
        <f>'申請書（複数入力用）'!H802</f>
        <v>0</v>
      </c>
      <c r="F800" s="11" t="str">
        <f>'申請書（複数入力用）'!J802</f>
        <v/>
      </c>
      <c r="G800" s="6" t="str">
        <f>'申請書（複数入力用）'!K802</f>
        <v>a052r000000jS9ZAAU</v>
      </c>
      <c r="H800" s="12" t="e">
        <f>'申請書（複数入力用）'!N802</f>
        <v>#N/A</v>
      </c>
      <c r="I800" s="12" t="e">
        <f>'申請書（複数入力用）'!O802</f>
        <v>#N/A</v>
      </c>
      <c r="J800" s="12">
        <f>'申請書（複数入力用）'!P802</f>
        <v>1</v>
      </c>
    </row>
    <row r="801" spans="1:10" ht="51.6" customHeight="1" x14ac:dyDescent="0.45">
      <c r="A801" s="6">
        <f>'申請書（複数入力用）'!A803</f>
        <v>797</v>
      </c>
      <c r="B801" s="13">
        <f>'申請書（複数入力用）'!AH803</f>
        <v>0</v>
      </c>
      <c r="C801" s="6">
        <f>'申請書（複数入力用）'!B803</f>
        <v>0</v>
      </c>
      <c r="D801" s="6">
        <f>'申請書（複数入力用）'!D803</f>
        <v>0</v>
      </c>
      <c r="E801" s="14">
        <f>'申請書（複数入力用）'!H803</f>
        <v>0</v>
      </c>
      <c r="F801" s="11" t="str">
        <f>'申請書（複数入力用）'!J803</f>
        <v/>
      </c>
      <c r="G801" s="6" t="str">
        <f>'申請書（複数入力用）'!K803</f>
        <v>a052r000000jS9ZAAU</v>
      </c>
      <c r="H801" s="12" t="e">
        <f>'申請書（複数入力用）'!N803</f>
        <v>#N/A</v>
      </c>
      <c r="I801" s="12" t="e">
        <f>'申請書（複数入力用）'!O803</f>
        <v>#N/A</v>
      </c>
      <c r="J801" s="12">
        <f>'申請書（複数入力用）'!P803</f>
        <v>1</v>
      </c>
    </row>
    <row r="802" spans="1:10" ht="51.6" customHeight="1" x14ac:dyDescent="0.45">
      <c r="A802" s="6">
        <f>'申請書（複数入力用）'!A804</f>
        <v>798</v>
      </c>
      <c r="B802" s="13">
        <f>'申請書（複数入力用）'!AH804</f>
        <v>0</v>
      </c>
      <c r="C802" s="6">
        <f>'申請書（複数入力用）'!B804</f>
        <v>0</v>
      </c>
      <c r="D802" s="6">
        <f>'申請書（複数入力用）'!D804</f>
        <v>0</v>
      </c>
      <c r="E802" s="14">
        <f>'申請書（複数入力用）'!H804</f>
        <v>0</v>
      </c>
      <c r="F802" s="11" t="str">
        <f>'申請書（複数入力用）'!J804</f>
        <v/>
      </c>
      <c r="G802" s="6" t="str">
        <f>'申請書（複数入力用）'!K804</f>
        <v>a052r000000jS9ZAAU</v>
      </c>
      <c r="H802" s="12" t="e">
        <f>'申請書（複数入力用）'!N804</f>
        <v>#N/A</v>
      </c>
      <c r="I802" s="12" t="e">
        <f>'申請書（複数入力用）'!O804</f>
        <v>#N/A</v>
      </c>
      <c r="J802" s="12">
        <f>'申請書（複数入力用）'!P804</f>
        <v>1</v>
      </c>
    </row>
    <row r="803" spans="1:10" ht="51.6" customHeight="1" x14ac:dyDescent="0.45">
      <c r="A803" s="6">
        <f>'申請書（複数入力用）'!A805</f>
        <v>799</v>
      </c>
      <c r="B803" s="13">
        <f>'申請書（複数入力用）'!AH805</f>
        <v>0</v>
      </c>
      <c r="C803" s="6">
        <f>'申請書（複数入力用）'!B805</f>
        <v>0</v>
      </c>
      <c r="D803" s="6">
        <f>'申請書（複数入力用）'!D805</f>
        <v>0</v>
      </c>
      <c r="E803" s="14">
        <f>'申請書（複数入力用）'!H805</f>
        <v>0</v>
      </c>
      <c r="F803" s="11" t="str">
        <f>'申請書（複数入力用）'!J805</f>
        <v/>
      </c>
      <c r="G803" s="6" t="str">
        <f>'申請書（複数入力用）'!K805</f>
        <v>a052r000000jS9ZAAU</v>
      </c>
      <c r="H803" s="12" t="e">
        <f>'申請書（複数入力用）'!N805</f>
        <v>#N/A</v>
      </c>
      <c r="I803" s="12" t="e">
        <f>'申請書（複数入力用）'!O805</f>
        <v>#N/A</v>
      </c>
      <c r="J803" s="12">
        <f>'申請書（複数入力用）'!P805</f>
        <v>1</v>
      </c>
    </row>
    <row r="804" spans="1:10" ht="51.6" customHeight="1" x14ac:dyDescent="0.45">
      <c r="A804" s="6">
        <f>'申請書（複数入力用）'!A806</f>
        <v>800</v>
      </c>
      <c r="B804" s="13">
        <f>'申請書（複数入力用）'!AH806</f>
        <v>0</v>
      </c>
      <c r="C804" s="6">
        <f>'申請書（複数入力用）'!B806</f>
        <v>0</v>
      </c>
      <c r="D804" s="6">
        <f>'申請書（複数入力用）'!D806</f>
        <v>0</v>
      </c>
      <c r="E804" s="14">
        <f>'申請書（複数入力用）'!H806</f>
        <v>0</v>
      </c>
      <c r="F804" s="11" t="str">
        <f>'申請書（複数入力用）'!J806</f>
        <v/>
      </c>
      <c r="G804" s="6" t="str">
        <f>'申請書（複数入力用）'!K806</f>
        <v>a052r000000jS9ZAAU</v>
      </c>
      <c r="H804" s="12" t="e">
        <f>'申請書（複数入力用）'!N806</f>
        <v>#N/A</v>
      </c>
      <c r="I804" s="12" t="e">
        <f>'申請書（複数入力用）'!O806</f>
        <v>#N/A</v>
      </c>
      <c r="J804" s="12">
        <f>'申請書（複数入力用）'!P806</f>
        <v>1</v>
      </c>
    </row>
    <row r="805" spans="1:10" ht="51.6" customHeight="1" x14ac:dyDescent="0.45">
      <c r="A805" s="6">
        <f>'申請書（複数入力用）'!A807</f>
        <v>801</v>
      </c>
      <c r="B805" s="13">
        <f>'申請書（複数入力用）'!AH807</f>
        <v>0</v>
      </c>
      <c r="C805" s="6">
        <f>'申請書（複数入力用）'!B807</f>
        <v>0</v>
      </c>
      <c r="D805" s="6">
        <f>'申請書（複数入力用）'!D807</f>
        <v>0</v>
      </c>
      <c r="E805" s="14">
        <f>'申請書（複数入力用）'!H807</f>
        <v>0</v>
      </c>
      <c r="F805" s="11" t="str">
        <f>'申請書（複数入力用）'!J807</f>
        <v/>
      </c>
      <c r="G805" s="6" t="str">
        <f>'申請書（複数入力用）'!K807</f>
        <v>a052r000000jS9ZAAU</v>
      </c>
      <c r="H805" s="12" t="e">
        <f>'申請書（複数入力用）'!N807</f>
        <v>#N/A</v>
      </c>
      <c r="I805" s="12" t="e">
        <f>'申請書（複数入力用）'!O807</f>
        <v>#N/A</v>
      </c>
      <c r="J805" s="12">
        <f>'申請書（複数入力用）'!P807</f>
        <v>1</v>
      </c>
    </row>
    <row r="806" spans="1:10" ht="51.6" customHeight="1" x14ac:dyDescent="0.45">
      <c r="A806" s="6">
        <f>'申請書（複数入力用）'!A808</f>
        <v>802</v>
      </c>
      <c r="B806" s="13">
        <f>'申請書（複数入力用）'!AH808</f>
        <v>0</v>
      </c>
      <c r="C806" s="6">
        <f>'申請書（複数入力用）'!B808</f>
        <v>0</v>
      </c>
      <c r="D806" s="6">
        <f>'申請書（複数入力用）'!D808</f>
        <v>0</v>
      </c>
      <c r="E806" s="14">
        <f>'申請書（複数入力用）'!H808</f>
        <v>0</v>
      </c>
      <c r="F806" s="11" t="str">
        <f>'申請書（複数入力用）'!J808</f>
        <v/>
      </c>
      <c r="G806" s="6" t="str">
        <f>'申請書（複数入力用）'!K808</f>
        <v>a052r000000jS9ZAAU</v>
      </c>
      <c r="H806" s="12" t="e">
        <f>'申請書（複数入力用）'!N808</f>
        <v>#N/A</v>
      </c>
      <c r="I806" s="12" t="e">
        <f>'申請書（複数入力用）'!O808</f>
        <v>#N/A</v>
      </c>
      <c r="J806" s="12">
        <f>'申請書（複数入力用）'!P808</f>
        <v>1</v>
      </c>
    </row>
    <row r="807" spans="1:10" ht="51.6" customHeight="1" x14ac:dyDescent="0.45">
      <c r="A807" s="6">
        <f>'申請書（複数入力用）'!A809</f>
        <v>803</v>
      </c>
      <c r="B807" s="13">
        <f>'申請書（複数入力用）'!AH809</f>
        <v>0</v>
      </c>
      <c r="C807" s="6">
        <f>'申請書（複数入力用）'!B809</f>
        <v>0</v>
      </c>
      <c r="D807" s="6">
        <f>'申請書（複数入力用）'!D809</f>
        <v>0</v>
      </c>
      <c r="E807" s="14">
        <f>'申請書（複数入力用）'!H809</f>
        <v>0</v>
      </c>
      <c r="F807" s="11" t="str">
        <f>'申請書（複数入力用）'!J809</f>
        <v/>
      </c>
      <c r="G807" s="6" t="str">
        <f>'申請書（複数入力用）'!K809</f>
        <v>a052r000000jS9ZAAU</v>
      </c>
      <c r="H807" s="12" t="e">
        <f>'申請書（複数入力用）'!N809</f>
        <v>#N/A</v>
      </c>
      <c r="I807" s="12" t="e">
        <f>'申請書（複数入力用）'!O809</f>
        <v>#N/A</v>
      </c>
      <c r="J807" s="12">
        <f>'申請書（複数入力用）'!P809</f>
        <v>1</v>
      </c>
    </row>
    <row r="808" spans="1:10" ht="51.6" customHeight="1" x14ac:dyDescent="0.45">
      <c r="A808" s="6">
        <f>'申請書（複数入力用）'!A810</f>
        <v>804</v>
      </c>
      <c r="B808" s="13">
        <f>'申請書（複数入力用）'!AH810</f>
        <v>0</v>
      </c>
      <c r="C808" s="6">
        <f>'申請書（複数入力用）'!B810</f>
        <v>0</v>
      </c>
      <c r="D808" s="6">
        <f>'申請書（複数入力用）'!D810</f>
        <v>0</v>
      </c>
      <c r="E808" s="14">
        <f>'申請書（複数入力用）'!H810</f>
        <v>0</v>
      </c>
      <c r="F808" s="11" t="str">
        <f>'申請書（複数入力用）'!J810</f>
        <v/>
      </c>
      <c r="G808" s="6" t="str">
        <f>'申請書（複数入力用）'!K810</f>
        <v>a052r000000jS9ZAAU</v>
      </c>
      <c r="H808" s="12" t="e">
        <f>'申請書（複数入力用）'!N810</f>
        <v>#N/A</v>
      </c>
      <c r="I808" s="12" t="e">
        <f>'申請書（複数入力用）'!O810</f>
        <v>#N/A</v>
      </c>
      <c r="J808" s="12">
        <f>'申請書（複数入力用）'!P810</f>
        <v>1</v>
      </c>
    </row>
    <row r="809" spans="1:10" ht="51.6" customHeight="1" x14ac:dyDescent="0.45">
      <c r="A809" s="6">
        <f>'申請書（複数入力用）'!A811</f>
        <v>805</v>
      </c>
      <c r="B809" s="13">
        <f>'申請書（複数入力用）'!AH811</f>
        <v>0</v>
      </c>
      <c r="C809" s="6">
        <f>'申請書（複数入力用）'!B811</f>
        <v>0</v>
      </c>
      <c r="D809" s="6">
        <f>'申請書（複数入力用）'!D811</f>
        <v>0</v>
      </c>
      <c r="E809" s="14">
        <f>'申請書（複数入力用）'!H811</f>
        <v>0</v>
      </c>
      <c r="F809" s="11" t="str">
        <f>'申請書（複数入力用）'!J811</f>
        <v/>
      </c>
      <c r="G809" s="6" t="str">
        <f>'申請書（複数入力用）'!K811</f>
        <v>a052r000000jS9ZAAU</v>
      </c>
      <c r="H809" s="12" t="e">
        <f>'申請書（複数入力用）'!N811</f>
        <v>#N/A</v>
      </c>
      <c r="I809" s="12" t="e">
        <f>'申請書（複数入力用）'!O811</f>
        <v>#N/A</v>
      </c>
      <c r="J809" s="12">
        <f>'申請書（複数入力用）'!P811</f>
        <v>1</v>
      </c>
    </row>
    <row r="810" spans="1:10" ht="51.6" customHeight="1" x14ac:dyDescent="0.45">
      <c r="A810" s="6">
        <f>'申請書（複数入力用）'!A812</f>
        <v>806</v>
      </c>
      <c r="B810" s="13">
        <f>'申請書（複数入力用）'!AH812</f>
        <v>0</v>
      </c>
      <c r="C810" s="6">
        <f>'申請書（複数入力用）'!B812</f>
        <v>0</v>
      </c>
      <c r="D810" s="6">
        <f>'申請書（複数入力用）'!D812</f>
        <v>0</v>
      </c>
      <c r="E810" s="14">
        <f>'申請書（複数入力用）'!H812</f>
        <v>0</v>
      </c>
      <c r="F810" s="11" t="str">
        <f>'申請書（複数入力用）'!J812</f>
        <v/>
      </c>
      <c r="G810" s="6" t="str">
        <f>'申請書（複数入力用）'!K812</f>
        <v>a052r000000jS9ZAAU</v>
      </c>
      <c r="H810" s="12" t="e">
        <f>'申請書（複数入力用）'!N812</f>
        <v>#N/A</v>
      </c>
      <c r="I810" s="12" t="e">
        <f>'申請書（複数入力用）'!O812</f>
        <v>#N/A</v>
      </c>
      <c r="J810" s="12">
        <f>'申請書（複数入力用）'!P812</f>
        <v>1</v>
      </c>
    </row>
    <row r="811" spans="1:10" ht="51.6" customHeight="1" x14ac:dyDescent="0.45">
      <c r="A811" s="6">
        <f>'申請書（複数入力用）'!A813</f>
        <v>807</v>
      </c>
      <c r="B811" s="13">
        <f>'申請書（複数入力用）'!AH813</f>
        <v>0</v>
      </c>
      <c r="C811" s="6">
        <f>'申請書（複数入力用）'!B813</f>
        <v>0</v>
      </c>
      <c r="D811" s="6">
        <f>'申請書（複数入力用）'!D813</f>
        <v>0</v>
      </c>
      <c r="E811" s="14">
        <f>'申請書（複数入力用）'!H813</f>
        <v>0</v>
      </c>
      <c r="F811" s="11" t="str">
        <f>'申請書（複数入力用）'!J813</f>
        <v/>
      </c>
      <c r="G811" s="6" t="str">
        <f>'申請書（複数入力用）'!K813</f>
        <v>a052r000000jS9ZAAU</v>
      </c>
      <c r="H811" s="12" t="e">
        <f>'申請書（複数入力用）'!N813</f>
        <v>#N/A</v>
      </c>
      <c r="I811" s="12" t="e">
        <f>'申請書（複数入力用）'!O813</f>
        <v>#N/A</v>
      </c>
      <c r="J811" s="12">
        <f>'申請書（複数入力用）'!P813</f>
        <v>1</v>
      </c>
    </row>
    <row r="812" spans="1:10" ht="51.6" customHeight="1" x14ac:dyDescent="0.45">
      <c r="A812" s="6">
        <f>'申請書（複数入力用）'!A814</f>
        <v>808</v>
      </c>
      <c r="B812" s="13">
        <f>'申請書（複数入力用）'!AH814</f>
        <v>0</v>
      </c>
      <c r="C812" s="6">
        <f>'申請書（複数入力用）'!B814</f>
        <v>0</v>
      </c>
      <c r="D812" s="6">
        <f>'申請書（複数入力用）'!D814</f>
        <v>0</v>
      </c>
      <c r="E812" s="14">
        <f>'申請書（複数入力用）'!H814</f>
        <v>0</v>
      </c>
      <c r="F812" s="11" t="str">
        <f>'申請書（複数入力用）'!J814</f>
        <v/>
      </c>
      <c r="G812" s="6" t="str">
        <f>'申請書（複数入力用）'!K814</f>
        <v>a052r000000jS9ZAAU</v>
      </c>
      <c r="H812" s="12" t="e">
        <f>'申請書（複数入力用）'!N814</f>
        <v>#N/A</v>
      </c>
      <c r="I812" s="12" t="e">
        <f>'申請書（複数入力用）'!O814</f>
        <v>#N/A</v>
      </c>
      <c r="J812" s="12">
        <f>'申請書（複数入力用）'!P814</f>
        <v>1</v>
      </c>
    </row>
    <row r="813" spans="1:10" ht="51.6" customHeight="1" x14ac:dyDescent="0.45">
      <c r="A813" s="6">
        <f>'申請書（複数入力用）'!A815</f>
        <v>809</v>
      </c>
      <c r="B813" s="13">
        <f>'申請書（複数入力用）'!AH815</f>
        <v>0</v>
      </c>
      <c r="C813" s="6">
        <f>'申請書（複数入力用）'!B815</f>
        <v>0</v>
      </c>
      <c r="D813" s="6">
        <f>'申請書（複数入力用）'!D815</f>
        <v>0</v>
      </c>
      <c r="E813" s="14">
        <f>'申請書（複数入力用）'!H815</f>
        <v>0</v>
      </c>
      <c r="F813" s="11" t="str">
        <f>'申請書（複数入力用）'!J815</f>
        <v/>
      </c>
      <c r="G813" s="6" t="str">
        <f>'申請書（複数入力用）'!K815</f>
        <v>a052r000000jS9ZAAU</v>
      </c>
      <c r="H813" s="12" t="e">
        <f>'申請書（複数入力用）'!N815</f>
        <v>#N/A</v>
      </c>
      <c r="I813" s="12" t="e">
        <f>'申請書（複数入力用）'!O815</f>
        <v>#N/A</v>
      </c>
      <c r="J813" s="12">
        <f>'申請書（複数入力用）'!P815</f>
        <v>1</v>
      </c>
    </row>
    <row r="814" spans="1:10" ht="51.6" customHeight="1" x14ac:dyDescent="0.45">
      <c r="A814" s="6">
        <f>'申請書（複数入力用）'!A816</f>
        <v>810</v>
      </c>
      <c r="B814" s="13">
        <f>'申請書（複数入力用）'!AH816</f>
        <v>0</v>
      </c>
      <c r="C814" s="6">
        <f>'申請書（複数入力用）'!B816</f>
        <v>0</v>
      </c>
      <c r="D814" s="6">
        <f>'申請書（複数入力用）'!D816</f>
        <v>0</v>
      </c>
      <c r="E814" s="14">
        <f>'申請書（複数入力用）'!H816</f>
        <v>0</v>
      </c>
      <c r="F814" s="11" t="str">
        <f>'申請書（複数入力用）'!J816</f>
        <v/>
      </c>
      <c r="G814" s="6" t="str">
        <f>'申請書（複数入力用）'!K816</f>
        <v>a052r000000jS9ZAAU</v>
      </c>
      <c r="H814" s="12" t="e">
        <f>'申請書（複数入力用）'!N816</f>
        <v>#N/A</v>
      </c>
      <c r="I814" s="12" t="e">
        <f>'申請書（複数入力用）'!O816</f>
        <v>#N/A</v>
      </c>
      <c r="J814" s="12">
        <f>'申請書（複数入力用）'!P816</f>
        <v>1</v>
      </c>
    </row>
    <row r="815" spans="1:10" ht="51.6" customHeight="1" x14ac:dyDescent="0.45">
      <c r="A815" s="6">
        <f>'申請書（複数入力用）'!A817</f>
        <v>811</v>
      </c>
      <c r="B815" s="13">
        <f>'申請書（複数入力用）'!AH817</f>
        <v>0</v>
      </c>
      <c r="C815" s="6">
        <f>'申請書（複数入力用）'!B817</f>
        <v>0</v>
      </c>
      <c r="D815" s="6">
        <f>'申請書（複数入力用）'!D817</f>
        <v>0</v>
      </c>
      <c r="E815" s="14">
        <f>'申請書（複数入力用）'!H817</f>
        <v>0</v>
      </c>
      <c r="F815" s="11" t="str">
        <f>'申請書（複数入力用）'!J817</f>
        <v/>
      </c>
      <c r="G815" s="6" t="str">
        <f>'申請書（複数入力用）'!K817</f>
        <v>a052r000000jS9ZAAU</v>
      </c>
      <c r="H815" s="12" t="e">
        <f>'申請書（複数入力用）'!N817</f>
        <v>#N/A</v>
      </c>
      <c r="I815" s="12" t="e">
        <f>'申請書（複数入力用）'!O817</f>
        <v>#N/A</v>
      </c>
      <c r="J815" s="12">
        <f>'申請書（複数入力用）'!P817</f>
        <v>1</v>
      </c>
    </row>
    <row r="816" spans="1:10" ht="51.6" customHeight="1" x14ac:dyDescent="0.45">
      <c r="A816" s="6">
        <f>'申請書（複数入力用）'!A818</f>
        <v>812</v>
      </c>
      <c r="B816" s="13">
        <f>'申請書（複数入力用）'!AH818</f>
        <v>0</v>
      </c>
      <c r="C816" s="6">
        <f>'申請書（複数入力用）'!B818</f>
        <v>0</v>
      </c>
      <c r="D816" s="6">
        <f>'申請書（複数入力用）'!D818</f>
        <v>0</v>
      </c>
      <c r="E816" s="14">
        <f>'申請書（複数入力用）'!H818</f>
        <v>0</v>
      </c>
      <c r="F816" s="11" t="str">
        <f>'申請書（複数入力用）'!J818</f>
        <v/>
      </c>
      <c r="G816" s="6" t="str">
        <f>'申請書（複数入力用）'!K818</f>
        <v>a052r000000jS9ZAAU</v>
      </c>
      <c r="H816" s="12" t="e">
        <f>'申請書（複数入力用）'!N818</f>
        <v>#N/A</v>
      </c>
      <c r="I816" s="12" t="e">
        <f>'申請書（複数入力用）'!O818</f>
        <v>#N/A</v>
      </c>
      <c r="J816" s="12">
        <f>'申請書（複数入力用）'!P818</f>
        <v>1</v>
      </c>
    </row>
    <row r="817" spans="1:10" ht="51.6" customHeight="1" x14ac:dyDescent="0.45">
      <c r="A817" s="6">
        <f>'申請書（複数入力用）'!A819</f>
        <v>813</v>
      </c>
      <c r="B817" s="13">
        <f>'申請書（複数入力用）'!AH819</f>
        <v>0</v>
      </c>
      <c r="C817" s="6">
        <f>'申請書（複数入力用）'!B819</f>
        <v>0</v>
      </c>
      <c r="D817" s="6">
        <f>'申請書（複数入力用）'!D819</f>
        <v>0</v>
      </c>
      <c r="E817" s="14">
        <f>'申請書（複数入力用）'!H819</f>
        <v>0</v>
      </c>
      <c r="F817" s="11" t="str">
        <f>'申請書（複数入力用）'!J819</f>
        <v/>
      </c>
      <c r="G817" s="6" t="str">
        <f>'申請書（複数入力用）'!K819</f>
        <v>a052r000000jS9ZAAU</v>
      </c>
      <c r="H817" s="12" t="e">
        <f>'申請書（複数入力用）'!N819</f>
        <v>#N/A</v>
      </c>
      <c r="I817" s="12" t="e">
        <f>'申請書（複数入力用）'!O819</f>
        <v>#N/A</v>
      </c>
      <c r="J817" s="12">
        <f>'申請書（複数入力用）'!P819</f>
        <v>1</v>
      </c>
    </row>
    <row r="818" spans="1:10" ht="51.6" customHeight="1" x14ac:dyDescent="0.45">
      <c r="A818" s="6">
        <f>'申請書（複数入力用）'!A820</f>
        <v>814</v>
      </c>
      <c r="B818" s="13">
        <f>'申請書（複数入力用）'!AH820</f>
        <v>0</v>
      </c>
      <c r="C818" s="6">
        <f>'申請書（複数入力用）'!B820</f>
        <v>0</v>
      </c>
      <c r="D818" s="6">
        <f>'申請書（複数入力用）'!D820</f>
        <v>0</v>
      </c>
      <c r="E818" s="14">
        <f>'申請書（複数入力用）'!H820</f>
        <v>0</v>
      </c>
      <c r="F818" s="11" t="str">
        <f>'申請書（複数入力用）'!J820</f>
        <v/>
      </c>
      <c r="G818" s="6" t="str">
        <f>'申請書（複数入力用）'!K820</f>
        <v>a052r000000jS9ZAAU</v>
      </c>
      <c r="H818" s="12" t="e">
        <f>'申請書（複数入力用）'!N820</f>
        <v>#N/A</v>
      </c>
      <c r="I818" s="12" t="e">
        <f>'申請書（複数入力用）'!O820</f>
        <v>#N/A</v>
      </c>
      <c r="J818" s="12">
        <f>'申請書（複数入力用）'!P820</f>
        <v>1</v>
      </c>
    </row>
    <row r="819" spans="1:10" ht="51.6" customHeight="1" x14ac:dyDescent="0.45">
      <c r="A819" s="6">
        <f>'申請書（複数入力用）'!A821</f>
        <v>815</v>
      </c>
      <c r="B819" s="13">
        <f>'申請書（複数入力用）'!AH821</f>
        <v>0</v>
      </c>
      <c r="C819" s="6">
        <f>'申請書（複数入力用）'!B821</f>
        <v>0</v>
      </c>
      <c r="D819" s="6">
        <f>'申請書（複数入力用）'!D821</f>
        <v>0</v>
      </c>
      <c r="E819" s="14">
        <f>'申請書（複数入力用）'!H821</f>
        <v>0</v>
      </c>
      <c r="F819" s="11" t="str">
        <f>'申請書（複数入力用）'!J821</f>
        <v/>
      </c>
      <c r="G819" s="6" t="str">
        <f>'申請書（複数入力用）'!K821</f>
        <v>a052r000000jS9ZAAU</v>
      </c>
      <c r="H819" s="12" t="e">
        <f>'申請書（複数入力用）'!N821</f>
        <v>#N/A</v>
      </c>
      <c r="I819" s="12" t="e">
        <f>'申請書（複数入力用）'!O821</f>
        <v>#N/A</v>
      </c>
      <c r="J819" s="12">
        <f>'申請書（複数入力用）'!P821</f>
        <v>1</v>
      </c>
    </row>
    <row r="820" spans="1:10" ht="51.6" customHeight="1" x14ac:dyDescent="0.45">
      <c r="A820" s="6">
        <f>'申請書（複数入力用）'!A822</f>
        <v>816</v>
      </c>
      <c r="B820" s="13">
        <f>'申請書（複数入力用）'!AH822</f>
        <v>0</v>
      </c>
      <c r="C820" s="6">
        <f>'申請書（複数入力用）'!B822</f>
        <v>0</v>
      </c>
      <c r="D820" s="6">
        <f>'申請書（複数入力用）'!D822</f>
        <v>0</v>
      </c>
      <c r="E820" s="14">
        <f>'申請書（複数入力用）'!H822</f>
        <v>0</v>
      </c>
      <c r="F820" s="11" t="str">
        <f>'申請書（複数入力用）'!J822</f>
        <v/>
      </c>
      <c r="G820" s="6" t="str">
        <f>'申請書（複数入力用）'!K822</f>
        <v>a052r000000jS9ZAAU</v>
      </c>
      <c r="H820" s="12" t="e">
        <f>'申請書（複数入力用）'!N822</f>
        <v>#N/A</v>
      </c>
      <c r="I820" s="12" t="e">
        <f>'申請書（複数入力用）'!O822</f>
        <v>#N/A</v>
      </c>
      <c r="J820" s="12">
        <f>'申請書（複数入力用）'!P822</f>
        <v>1</v>
      </c>
    </row>
    <row r="821" spans="1:10" ht="51.6" customHeight="1" x14ac:dyDescent="0.45">
      <c r="A821" s="6">
        <f>'申請書（複数入力用）'!A823</f>
        <v>817</v>
      </c>
      <c r="B821" s="13">
        <f>'申請書（複数入力用）'!AH823</f>
        <v>0</v>
      </c>
      <c r="C821" s="6">
        <f>'申請書（複数入力用）'!B823</f>
        <v>0</v>
      </c>
      <c r="D821" s="6">
        <f>'申請書（複数入力用）'!D823</f>
        <v>0</v>
      </c>
      <c r="E821" s="14">
        <f>'申請書（複数入力用）'!H823</f>
        <v>0</v>
      </c>
      <c r="F821" s="11" t="str">
        <f>'申請書（複数入力用）'!J823</f>
        <v/>
      </c>
      <c r="G821" s="6" t="str">
        <f>'申請書（複数入力用）'!K823</f>
        <v>a052r000000jS9ZAAU</v>
      </c>
      <c r="H821" s="12" t="e">
        <f>'申請書（複数入力用）'!N823</f>
        <v>#N/A</v>
      </c>
      <c r="I821" s="12" t="e">
        <f>'申請書（複数入力用）'!O823</f>
        <v>#N/A</v>
      </c>
      <c r="J821" s="12">
        <f>'申請書（複数入力用）'!P823</f>
        <v>1</v>
      </c>
    </row>
    <row r="822" spans="1:10" ht="51.6" customHeight="1" x14ac:dyDescent="0.45">
      <c r="A822" s="6">
        <f>'申請書（複数入力用）'!A824</f>
        <v>818</v>
      </c>
      <c r="B822" s="13">
        <f>'申請書（複数入力用）'!AH824</f>
        <v>0</v>
      </c>
      <c r="C822" s="6">
        <f>'申請書（複数入力用）'!B824</f>
        <v>0</v>
      </c>
      <c r="D822" s="6">
        <f>'申請書（複数入力用）'!D824</f>
        <v>0</v>
      </c>
      <c r="E822" s="14">
        <f>'申請書（複数入力用）'!H824</f>
        <v>0</v>
      </c>
      <c r="F822" s="11" t="str">
        <f>'申請書（複数入力用）'!J824</f>
        <v/>
      </c>
      <c r="G822" s="6" t="str">
        <f>'申請書（複数入力用）'!K824</f>
        <v>a052r000000jS9ZAAU</v>
      </c>
      <c r="H822" s="12" t="e">
        <f>'申請書（複数入力用）'!N824</f>
        <v>#N/A</v>
      </c>
      <c r="I822" s="12" t="e">
        <f>'申請書（複数入力用）'!O824</f>
        <v>#N/A</v>
      </c>
      <c r="J822" s="12">
        <f>'申請書（複数入力用）'!P824</f>
        <v>1</v>
      </c>
    </row>
    <row r="823" spans="1:10" ht="51.6" customHeight="1" x14ac:dyDescent="0.45">
      <c r="A823" s="6">
        <f>'申請書（複数入力用）'!A825</f>
        <v>819</v>
      </c>
      <c r="B823" s="13">
        <f>'申請書（複数入力用）'!AH825</f>
        <v>0</v>
      </c>
      <c r="C823" s="6">
        <f>'申請書（複数入力用）'!B825</f>
        <v>0</v>
      </c>
      <c r="D823" s="6">
        <f>'申請書（複数入力用）'!D825</f>
        <v>0</v>
      </c>
      <c r="E823" s="14">
        <f>'申請書（複数入力用）'!H825</f>
        <v>0</v>
      </c>
      <c r="F823" s="11" t="str">
        <f>'申請書（複数入力用）'!J825</f>
        <v/>
      </c>
      <c r="G823" s="6" t="str">
        <f>'申請書（複数入力用）'!K825</f>
        <v>a052r000000jS9ZAAU</v>
      </c>
      <c r="H823" s="12" t="e">
        <f>'申請書（複数入力用）'!N825</f>
        <v>#N/A</v>
      </c>
      <c r="I823" s="12" t="e">
        <f>'申請書（複数入力用）'!O825</f>
        <v>#N/A</v>
      </c>
      <c r="J823" s="12">
        <f>'申請書（複数入力用）'!P825</f>
        <v>1</v>
      </c>
    </row>
    <row r="824" spans="1:10" ht="51.6" customHeight="1" x14ac:dyDescent="0.45">
      <c r="A824" s="6">
        <f>'申請書（複数入力用）'!A826</f>
        <v>820</v>
      </c>
      <c r="B824" s="13">
        <f>'申請書（複数入力用）'!AH826</f>
        <v>0</v>
      </c>
      <c r="C824" s="6">
        <f>'申請書（複数入力用）'!B826</f>
        <v>0</v>
      </c>
      <c r="D824" s="6">
        <f>'申請書（複数入力用）'!D826</f>
        <v>0</v>
      </c>
      <c r="E824" s="14">
        <f>'申請書（複数入力用）'!H826</f>
        <v>0</v>
      </c>
      <c r="F824" s="11" t="str">
        <f>'申請書（複数入力用）'!J826</f>
        <v/>
      </c>
      <c r="G824" s="6" t="str">
        <f>'申請書（複数入力用）'!K826</f>
        <v>a052r000000jS9ZAAU</v>
      </c>
      <c r="H824" s="12" t="e">
        <f>'申請書（複数入力用）'!N826</f>
        <v>#N/A</v>
      </c>
      <c r="I824" s="12" t="e">
        <f>'申請書（複数入力用）'!O826</f>
        <v>#N/A</v>
      </c>
      <c r="J824" s="12">
        <f>'申請書（複数入力用）'!P826</f>
        <v>1</v>
      </c>
    </row>
    <row r="825" spans="1:10" ht="51.6" customHeight="1" x14ac:dyDescent="0.45">
      <c r="A825" s="6">
        <f>'申請書（複数入力用）'!A827</f>
        <v>821</v>
      </c>
      <c r="B825" s="13">
        <f>'申請書（複数入力用）'!AH827</f>
        <v>0</v>
      </c>
      <c r="C825" s="6">
        <f>'申請書（複数入力用）'!B827</f>
        <v>0</v>
      </c>
      <c r="D825" s="6">
        <f>'申請書（複数入力用）'!D827</f>
        <v>0</v>
      </c>
      <c r="E825" s="14">
        <f>'申請書（複数入力用）'!H827</f>
        <v>0</v>
      </c>
      <c r="F825" s="11" t="str">
        <f>'申請書（複数入力用）'!J827</f>
        <v/>
      </c>
      <c r="G825" s="6" t="str">
        <f>'申請書（複数入力用）'!K827</f>
        <v>a052r000000jS9ZAAU</v>
      </c>
      <c r="H825" s="12" t="e">
        <f>'申請書（複数入力用）'!N827</f>
        <v>#N/A</v>
      </c>
      <c r="I825" s="12" t="e">
        <f>'申請書（複数入力用）'!O827</f>
        <v>#N/A</v>
      </c>
      <c r="J825" s="12">
        <f>'申請書（複数入力用）'!P827</f>
        <v>1</v>
      </c>
    </row>
    <row r="826" spans="1:10" ht="51.6" customHeight="1" x14ac:dyDescent="0.45">
      <c r="A826" s="6">
        <f>'申請書（複数入力用）'!A828</f>
        <v>822</v>
      </c>
      <c r="B826" s="13">
        <f>'申請書（複数入力用）'!AH828</f>
        <v>0</v>
      </c>
      <c r="C826" s="6">
        <f>'申請書（複数入力用）'!B828</f>
        <v>0</v>
      </c>
      <c r="D826" s="6">
        <f>'申請書（複数入力用）'!D828</f>
        <v>0</v>
      </c>
      <c r="E826" s="14">
        <f>'申請書（複数入力用）'!H828</f>
        <v>0</v>
      </c>
      <c r="F826" s="11" t="str">
        <f>'申請書（複数入力用）'!J828</f>
        <v/>
      </c>
      <c r="G826" s="6" t="str">
        <f>'申請書（複数入力用）'!K828</f>
        <v>a052r000000jS9ZAAU</v>
      </c>
      <c r="H826" s="12" t="e">
        <f>'申請書（複数入力用）'!N828</f>
        <v>#N/A</v>
      </c>
      <c r="I826" s="12" t="e">
        <f>'申請書（複数入力用）'!O828</f>
        <v>#N/A</v>
      </c>
      <c r="J826" s="12">
        <f>'申請書（複数入力用）'!P828</f>
        <v>1</v>
      </c>
    </row>
    <row r="827" spans="1:10" ht="51.6" customHeight="1" x14ac:dyDescent="0.45">
      <c r="A827" s="6">
        <f>'申請書（複数入力用）'!A829</f>
        <v>823</v>
      </c>
      <c r="B827" s="13">
        <f>'申請書（複数入力用）'!AH829</f>
        <v>0</v>
      </c>
      <c r="C827" s="6">
        <f>'申請書（複数入力用）'!B829</f>
        <v>0</v>
      </c>
      <c r="D827" s="6">
        <f>'申請書（複数入力用）'!D829</f>
        <v>0</v>
      </c>
      <c r="E827" s="14">
        <f>'申請書（複数入力用）'!H829</f>
        <v>0</v>
      </c>
      <c r="F827" s="11" t="str">
        <f>'申請書（複数入力用）'!J829</f>
        <v/>
      </c>
      <c r="G827" s="6" t="str">
        <f>'申請書（複数入力用）'!K829</f>
        <v>a052r000000jS9ZAAU</v>
      </c>
      <c r="H827" s="12" t="e">
        <f>'申請書（複数入力用）'!N829</f>
        <v>#N/A</v>
      </c>
      <c r="I827" s="12" t="e">
        <f>'申請書（複数入力用）'!O829</f>
        <v>#N/A</v>
      </c>
      <c r="J827" s="12">
        <f>'申請書（複数入力用）'!P829</f>
        <v>1</v>
      </c>
    </row>
    <row r="828" spans="1:10" ht="51.6" customHeight="1" x14ac:dyDescent="0.45">
      <c r="A828" s="6">
        <f>'申請書（複数入力用）'!A830</f>
        <v>824</v>
      </c>
      <c r="B828" s="13">
        <f>'申請書（複数入力用）'!AH830</f>
        <v>0</v>
      </c>
      <c r="C828" s="6">
        <f>'申請書（複数入力用）'!B830</f>
        <v>0</v>
      </c>
      <c r="D828" s="6">
        <f>'申請書（複数入力用）'!D830</f>
        <v>0</v>
      </c>
      <c r="E828" s="14">
        <f>'申請書（複数入力用）'!H830</f>
        <v>0</v>
      </c>
      <c r="F828" s="11" t="str">
        <f>'申請書（複数入力用）'!J830</f>
        <v/>
      </c>
      <c r="G828" s="6" t="str">
        <f>'申請書（複数入力用）'!K830</f>
        <v>a052r000000jS9ZAAU</v>
      </c>
      <c r="H828" s="12" t="e">
        <f>'申請書（複数入力用）'!N830</f>
        <v>#N/A</v>
      </c>
      <c r="I828" s="12" t="e">
        <f>'申請書（複数入力用）'!O830</f>
        <v>#N/A</v>
      </c>
      <c r="J828" s="12">
        <f>'申請書（複数入力用）'!P830</f>
        <v>1</v>
      </c>
    </row>
    <row r="829" spans="1:10" ht="51.6" customHeight="1" x14ac:dyDescent="0.45">
      <c r="A829" s="6">
        <f>'申請書（複数入力用）'!A831</f>
        <v>825</v>
      </c>
      <c r="B829" s="13">
        <f>'申請書（複数入力用）'!AH831</f>
        <v>0</v>
      </c>
      <c r="C829" s="6">
        <f>'申請書（複数入力用）'!B831</f>
        <v>0</v>
      </c>
      <c r="D829" s="6">
        <f>'申請書（複数入力用）'!D831</f>
        <v>0</v>
      </c>
      <c r="E829" s="14">
        <f>'申請書（複数入力用）'!H831</f>
        <v>0</v>
      </c>
      <c r="F829" s="11" t="str">
        <f>'申請書（複数入力用）'!J831</f>
        <v/>
      </c>
      <c r="G829" s="6" t="str">
        <f>'申請書（複数入力用）'!K831</f>
        <v>a052r000000jS9ZAAU</v>
      </c>
      <c r="H829" s="12" t="e">
        <f>'申請書（複数入力用）'!N831</f>
        <v>#N/A</v>
      </c>
      <c r="I829" s="12" t="e">
        <f>'申請書（複数入力用）'!O831</f>
        <v>#N/A</v>
      </c>
      <c r="J829" s="12">
        <f>'申請書（複数入力用）'!P831</f>
        <v>1</v>
      </c>
    </row>
    <row r="830" spans="1:10" ht="51.6" customHeight="1" x14ac:dyDescent="0.45">
      <c r="A830" s="6">
        <f>'申請書（複数入力用）'!A832</f>
        <v>826</v>
      </c>
      <c r="B830" s="13">
        <f>'申請書（複数入力用）'!AH832</f>
        <v>0</v>
      </c>
      <c r="C830" s="6">
        <f>'申請書（複数入力用）'!B832</f>
        <v>0</v>
      </c>
      <c r="D830" s="6">
        <f>'申請書（複数入力用）'!D832</f>
        <v>0</v>
      </c>
      <c r="E830" s="14">
        <f>'申請書（複数入力用）'!H832</f>
        <v>0</v>
      </c>
      <c r="F830" s="11" t="str">
        <f>'申請書（複数入力用）'!J832</f>
        <v/>
      </c>
      <c r="G830" s="6" t="str">
        <f>'申請書（複数入力用）'!K832</f>
        <v>a052r000000jS9ZAAU</v>
      </c>
      <c r="H830" s="12" t="e">
        <f>'申請書（複数入力用）'!N832</f>
        <v>#N/A</v>
      </c>
      <c r="I830" s="12" t="e">
        <f>'申請書（複数入力用）'!O832</f>
        <v>#N/A</v>
      </c>
      <c r="J830" s="12">
        <f>'申請書（複数入力用）'!P832</f>
        <v>1</v>
      </c>
    </row>
    <row r="831" spans="1:10" ht="51.6" customHeight="1" x14ac:dyDescent="0.45">
      <c r="A831" s="6">
        <f>'申請書（複数入力用）'!A833</f>
        <v>827</v>
      </c>
      <c r="B831" s="13">
        <f>'申請書（複数入力用）'!AH833</f>
        <v>0</v>
      </c>
      <c r="C831" s="6">
        <f>'申請書（複数入力用）'!B833</f>
        <v>0</v>
      </c>
      <c r="D831" s="6">
        <f>'申請書（複数入力用）'!D833</f>
        <v>0</v>
      </c>
      <c r="E831" s="14">
        <f>'申請書（複数入力用）'!H833</f>
        <v>0</v>
      </c>
      <c r="F831" s="11" t="str">
        <f>'申請書（複数入力用）'!J833</f>
        <v/>
      </c>
      <c r="G831" s="6" t="str">
        <f>'申請書（複数入力用）'!K833</f>
        <v>a052r000000jS9ZAAU</v>
      </c>
      <c r="H831" s="12" t="e">
        <f>'申請書（複数入力用）'!N833</f>
        <v>#N/A</v>
      </c>
      <c r="I831" s="12" t="e">
        <f>'申請書（複数入力用）'!O833</f>
        <v>#N/A</v>
      </c>
      <c r="J831" s="12">
        <f>'申請書（複数入力用）'!P833</f>
        <v>1</v>
      </c>
    </row>
    <row r="832" spans="1:10" ht="51.6" customHeight="1" x14ac:dyDescent="0.45">
      <c r="A832" s="6">
        <f>'申請書（複数入力用）'!A834</f>
        <v>828</v>
      </c>
      <c r="B832" s="13">
        <f>'申請書（複数入力用）'!AH834</f>
        <v>0</v>
      </c>
      <c r="C832" s="6">
        <f>'申請書（複数入力用）'!B834</f>
        <v>0</v>
      </c>
      <c r="D832" s="6">
        <f>'申請書（複数入力用）'!D834</f>
        <v>0</v>
      </c>
      <c r="E832" s="14">
        <f>'申請書（複数入力用）'!H834</f>
        <v>0</v>
      </c>
      <c r="F832" s="11" t="str">
        <f>'申請書（複数入力用）'!J834</f>
        <v/>
      </c>
      <c r="G832" s="6" t="str">
        <f>'申請書（複数入力用）'!K834</f>
        <v>a052r000000jS9ZAAU</v>
      </c>
      <c r="H832" s="12" t="e">
        <f>'申請書（複数入力用）'!N834</f>
        <v>#N/A</v>
      </c>
      <c r="I832" s="12" t="e">
        <f>'申請書（複数入力用）'!O834</f>
        <v>#N/A</v>
      </c>
      <c r="J832" s="12">
        <f>'申請書（複数入力用）'!P834</f>
        <v>1</v>
      </c>
    </row>
    <row r="833" spans="1:10" ht="51.6" customHeight="1" x14ac:dyDescent="0.45">
      <c r="A833" s="6">
        <f>'申請書（複数入力用）'!A835</f>
        <v>829</v>
      </c>
      <c r="B833" s="13">
        <f>'申請書（複数入力用）'!AH835</f>
        <v>0</v>
      </c>
      <c r="C833" s="6">
        <f>'申請書（複数入力用）'!B835</f>
        <v>0</v>
      </c>
      <c r="D833" s="6">
        <f>'申請書（複数入力用）'!D835</f>
        <v>0</v>
      </c>
      <c r="E833" s="14">
        <f>'申請書（複数入力用）'!H835</f>
        <v>0</v>
      </c>
      <c r="F833" s="11" t="str">
        <f>'申請書（複数入力用）'!J835</f>
        <v/>
      </c>
      <c r="G833" s="6" t="str">
        <f>'申請書（複数入力用）'!K835</f>
        <v>a052r000000jS9ZAAU</v>
      </c>
      <c r="H833" s="12" t="e">
        <f>'申請書（複数入力用）'!N835</f>
        <v>#N/A</v>
      </c>
      <c r="I833" s="12" t="e">
        <f>'申請書（複数入力用）'!O835</f>
        <v>#N/A</v>
      </c>
      <c r="J833" s="12">
        <f>'申請書（複数入力用）'!P835</f>
        <v>1</v>
      </c>
    </row>
    <row r="834" spans="1:10" ht="51.6" customHeight="1" x14ac:dyDescent="0.45">
      <c r="A834" s="6">
        <f>'申請書（複数入力用）'!A836</f>
        <v>830</v>
      </c>
      <c r="B834" s="13">
        <f>'申請書（複数入力用）'!AH836</f>
        <v>0</v>
      </c>
      <c r="C834" s="6">
        <f>'申請書（複数入力用）'!B836</f>
        <v>0</v>
      </c>
      <c r="D834" s="6">
        <f>'申請書（複数入力用）'!D836</f>
        <v>0</v>
      </c>
      <c r="E834" s="14">
        <f>'申請書（複数入力用）'!H836</f>
        <v>0</v>
      </c>
      <c r="F834" s="11" t="str">
        <f>'申請書（複数入力用）'!J836</f>
        <v/>
      </c>
      <c r="G834" s="6" t="str">
        <f>'申請書（複数入力用）'!K836</f>
        <v>a052r000000jS9ZAAU</v>
      </c>
      <c r="H834" s="12" t="e">
        <f>'申請書（複数入力用）'!N836</f>
        <v>#N/A</v>
      </c>
      <c r="I834" s="12" t="e">
        <f>'申請書（複数入力用）'!O836</f>
        <v>#N/A</v>
      </c>
      <c r="J834" s="12">
        <f>'申請書（複数入力用）'!P836</f>
        <v>1</v>
      </c>
    </row>
    <row r="835" spans="1:10" ht="51.6" customHeight="1" x14ac:dyDescent="0.45">
      <c r="A835" s="6">
        <f>'申請書（複数入力用）'!A837</f>
        <v>831</v>
      </c>
      <c r="B835" s="13">
        <f>'申請書（複数入力用）'!AH837</f>
        <v>0</v>
      </c>
      <c r="C835" s="6">
        <f>'申請書（複数入力用）'!B837</f>
        <v>0</v>
      </c>
      <c r="D835" s="6">
        <f>'申請書（複数入力用）'!D837</f>
        <v>0</v>
      </c>
      <c r="E835" s="14">
        <f>'申請書（複数入力用）'!H837</f>
        <v>0</v>
      </c>
      <c r="F835" s="11" t="str">
        <f>'申請書（複数入力用）'!J837</f>
        <v/>
      </c>
      <c r="G835" s="6" t="str">
        <f>'申請書（複数入力用）'!K837</f>
        <v>a052r000000jS9ZAAU</v>
      </c>
      <c r="H835" s="12" t="e">
        <f>'申請書（複数入力用）'!N837</f>
        <v>#N/A</v>
      </c>
      <c r="I835" s="12" t="e">
        <f>'申請書（複数入力用）'!O837</f>
        <v>#N/A</v>
      </c>
      <c r="J835" s="12">
        <f>'申請書（複数入力用）'!P837</f>
        <v>1</v>
      </c>
    </row>
    <row r="836" spans="1:10" ht="51.6" customHeight="1" x14ac:dyDescent="0.45">
      <c r="A836" s="6">
        <f>'申請書（複数入力用）'!A838</f>
        <v>832</v>
      </c>
      <c r="B836" s="13">
        <f>'申請書（複数入力用）'!AH838</f>
        <v>0</v>
      </c>
      <c r="C836" s="6">
        <f>'申請書（複数入力用）'!B838</f>
        <v>0</v>
      </c>
      <c r="D836" s="6">
        <f>'申請書（複数入力用）'!D838</f>
        <v>0</v>
      </c>
      <c r="E836" s="14">
        <f>'申請書（複数入力用）'!H838</f>
        <v>0</v>
      </c>
      <c r="F836" s="11" t="str">
        <f>'申請書（複数入力用）'!J838</f>
        <v/>
      </c>
      <c r="G836" s="6" t="str">
        <f>'申請書（複数入力用）'!K838</f>
        <v>a052r000000jS9ZAAU</v>
      </c>
      <c r="H836" s="12" t="e">
        <f>'申請書（複数入力用）'!N838</f>
        <v>#N/A</v>
      </c>
      <c r="I836" s="12" t="e">
        <f>'申請書（複数入力用）'!O838</f>
        <v>#N/A</v>
      </c>
      <c r="J836" s="12">
        <f>'申請書（複数入力用）'!P838</f>
        <v>1</v>
      </c>
    </row>
    <row r="837" spans="1:10" ht="51.6" customHeight="1" x14ac:dyDescent="0.45">
      <c r="A837" s="6">
        <f>'申請書（複数入力用）'!A839</f>
        <v>833</v>
      </c>
      <c r="B837" s="13">
        <f>'申請書（複数入力用）'!AH839</f>
        <v>0</v>
      </c>
      <c r="C837" s="6">
        <f>'申請書（複数入力用）'!B839</f>
        <v>0</v>
      </c>
      <c r="D837" s="6">
        <f>'申請書（複数入力用）'!D839</f>
        <v>0</v>
      </c>
      <c r="E837" s="14">
        <f>'申請書（複数入力用）'!H839</f>
        <v>0</v>
      </c>
      <c r="F837" s="11" t="str">
        <f>'申請書（複数入力用）'!J839</f>
        <v/>
      </c>
      <c r="G837" s="6" t="str">
        <f>'申請書（複数入力用）'!K839</f>
        <v>a052r000000jS9ZAAU</v>
      </c>
      <c r="H837" s="12" t="e">
        <f>'申請書（複数入力用）'!N839</f>
        <v>#N/A</v>
      </c>
      <c r="I837" s="12" t="e">
        <f>'申請書（複数入力用）'!O839</f>
        <v>#N/A</v>
      </c>
      <c r="J837" s="12">
        <f>'申請書（複数入力用）'!P839</f>
        <v>1</v>
      </c>
    </row>
    <row r="838" spans="1:10" ht="51.6" customHeight="1" x14ac:dyDescent="0.45">
      <c r="A838" s="6">
        <f>'申請書（複数入力用）'!A840</f>
        <v>834</v>
      </c>
      <c r="B838" s="13">
        <f>'申請書（複数入力用）'!AH840</f>
        <v>0</v>
      </c>
      <c r="C838" s="6">
        <f>'申請書（複数入力用）'!B840</f>
        <v>0</v>
      </c>
      <c r="D838" s="6">
        <f>'申請書（複数入力用）'!D840</f>
        <v>0</v>
      </c>
      <c r="E838" s="14">
        <f>'申請書（複数入力用）'!H840</f>
        <v>0</v>
      </c>
      <c r="F838" s="11" t="str">
        <f>'申請書（複数入力用）'!J840</f>
        <v/>
      </c>
      <c r="G838" s="6" t="str">
        <f>'申請書（複数入力用）'!K840</f>
        <v>a052r000000jS9ZAAU</v>
      </c>
      <c r="H838" s="12" t="e">
        <f>'申請書（複数入力用）'!N840</f>
        <v>#N/A</v>
      </c>
      <c r="I838" s="12" t="e">
        <f>'申請書（複数入力用）'!O840</f>
        <v>#N/A</v>
      </c>
      <c r="J838" s="12">
        <f>'申請書（複数入力用）'!P840</f>
        <v>1</v>
      </c>
    </row>
    <row r="839" spans="1:10" ht="51.6" customHeight="1" x14ac:dyDescent="0.45">
      <c r="A839" s="6">
        <f>'申請書（複数入力用）'!A841</f>
        <v>835</v>
      </c>
      <c r="B839" s="13">
        <f>'申請書（複数入力用）'!AH841</f>
        <v>0</v>
      </c>
      <c r="C839" s="6">
        <f>'申請書（複数入力用）'!B841</f>
        <v>0</v>
      </c>
      <c r="D839" s="6">
        <f>'申請書（複数入力用）'!D841</f>
        <v>0</v>
      </c>
      <c r="E839" s="14">
        <f>'申請書（複数入力用）'!H841</f>
        <v>0</v>
      </c>
      <c r="F839" s="11" t="str">
        <f>'申請書（複数入力用）'!J841</f>
        <v/>
      </c>
      <c r="G839" s="6" t="str">
        <f>'申請書（複数入力用）'!K841</f>
        <v>a052r000000jS9ZAAU</v>
      </c>
      <c r="H839" s="12" t="e">
        <f>'申請書（複数入力用）'!N841</f>
        <v>#N/A</v>
      </c>
      <c r="I839" s="12" t="e">
        <f>'申請書（複数入力用）'!O841</f>
        <v>#N/A</v>
      </c>
      <c r="J839" s="12">
        <f>'申請書（複数入力用）'!P841</f>
        <v>1</v>
      </c>
    </row>
    <row r="840" spans="1:10" ht="51.6" customHeight="1" x14ac:dyDescent="0.45">
      <c r="A840" s="6">
        <f>'申請書（複数入力用）'!A842</f>
        <v>836</v>
      </c>
      <c r="B840" s="13">
        <f>'申請書（複数入力用）'!AH842</f>
        <v>0</v>
      </c>
      <c r="C840" s="6">
        <f>'申請書（複数入力用）'!B842</f>
        <v>0</v>
      </c>
      <c r="D840" s="6">
        <f>'申請書（複数入力用）'!D842</f>
        <v>0</v>
      </c>
      <c r="E840" s="14">
        <f>'申請書（複数入力用）'!H842</f>
        <v>0</v>
      </c>
      <c r="F840" s="11" t="str">
        <f>'申請書（複数入力用）'!J842</f>
        <v/>
      </c>
      <c r="G840" s="6" t="str">
        <f>'申請書（複数入力用）'!K842</f>
        <v>a052r000000jS9ZAAU</v>
      </c>
      <c r="H840" s="12" t="e">
        <f>'申請書（複数入力用）'!N842</f>
        <v>#N/A</v>
      </c>
      <c r="I840" s="12" t="e">
        <f>'申請書（複数入力用）'!O842</f>
        <v>#N/A</v>
      </c>
      <c r="J840" s="12">
        <f>'申請書（複数入力用）'!P842</f>
        <v>1</v>
      </c>
    </row>
    <row r="841" spans="1:10" ht="51.6" customHeight="1" x14ac:dyDescent="0.45">
      <c r="A841" s="6">
        <f>'申請書（複数入力用）'!A843</f>
        <v>837</v>
      </c>
      <c r="B841" s="13">
        <f>'申請書（複数入力用）'!AH843</f>
        <v>0</v>
      </c>
      <c r="C841" s="6">
        <f>'申請書（複数入力用）'!B843</f>
        <v>0</v>
      </c>
      <c r="D841" s="6">
        <f>'申請書（複数入力用）'!D843</f>
        <v>0</v>
      </c>
      <c r="E841" s="14">
        <f>'申請書（複数入力用）'!H843</f>
        <v>0</v>
      </c>
      <c r="F841" s="11" t="str">
        <f>'申請書（複数入力用）'!J843</f>
        <v/>
      </c>
      <c r="G841" s="6" t="str">
        <f>'申請書（複数入力用）'!K843</f>
        <v>a052r000000jS9ZAAU</v>
      </c>
      <c r="H841" s="12" t="e">
        <f>'申請書（複数入力用）'!N843</f>
        <v>#N/A</v>
      </c>
      <c r="I841" s="12" t="e">
        <f>'申請書（複数入力用）'!O843</f>
        <v>#N/A</v>
      </c>
      <c r="J841" s="12">
        <f>'申請書（複数入力用）'!P843</f>
        <v>1</v>
      </c>
    </row>
    <row r="842" spans="1:10" ht="51.6" customHeight="1" x14ac:dyDescent="0.45">
      <c r="A842" s="6">
        <f>'申請書（複数入力用）'!A844</f>
        <v>838</v>
      </c>
      <c r="B842" s="13">
        <f>'申請書（複数入力用）'!AH844</f>
        <v>0</v>
      </c>
      <c r="C842" s="6">
        <f>'申請書（複数入力用）'!B844</f>
        <v>0</v>
      </c>
      <c r="D842" s="6">
        <f>'申請書（複数入力用）'!D844</f>
        <v>0</v>
      </c>
      <c r="E842" s="14">
        <f>'申請書（複数入力用）'!H844</f>
        <v>0</v>
      </c>
      <c r="F842" s="11" t="str">
        <f>'申請書（複数入力用）'!J844</f>
        <v/>
      </c>
      <c r="G842" s="6" t="str">
        <f>'申請書（複数入力用）'!K844</f>
        <v>a052r000000jS9ZAAU</v>
      </c>
      <c r="H842" s="12" t="e">
        <f>'申請書（複数入力用）'!N844</f>
        <v>#N/A</v>
      </c>
      <c r="I842" s="12" t="e">
        <f>'申請書（複数入力用）'!O844</f>
        <v>#N/A</v>
      </c>
      <c r="J842" s="12">
        <f>'申請書（複数入力用）'!P844</f>
        <v>1</v>
      </c>
    </row>
    <row r="843" spans="1:10" ht="51.6" customHeight="1" x14ac:dyDescent="0.45">
      <c r="A843" s="6">
        <f>'申請書（複数入力用）'!A845</f>
        <v>839</v>
      </c>
      <c r="B843" s="13">
        <f>'申請書（複数入力用）'!AH845</f>
        <v>0</v>
      </c>
      <c r="C843" s="6">
        <f>'申請書（複数入力用）'!B845</f>
        <v>0</v>
      </c>
      <c r="D843" s="6">
        <f>'申請書（複数入力用）'!D845</f>
        <v>0</v>
      </c>
      <c r="E843" s="14">
        <f>'申請書（複数入力用）'!H845</f>
        <v>0</v>
      </c>
      <c r="F843" s="11" t="str">
        <f>'申請書（複数入力用）'!J845</f>
        <v/>
      </c>
      <c r="G843" s="6" t="str">
        <f>'申請書（複数入力用）'!K845</f>
        <v>a052r000000jS9ZAAU</v>
      </c>
      <c r="H843" s="12" t="e">
        <f>'申請書（複数入力用）'!N845</f>
        <v>#N/A</v>
      </c>
      <c r="I843" s="12" t="e">
        <f>'申請書（複数入力用）'!O845</f>
        <v>#N/A</v>
      </c>
      <c r="J843" s="12">
        <f>'申請書（複数入力用）'!P845</f>
        <v>1</v>
      </c>
    </row>
    <row r="844" spans="1:10" ht="51.6" customHeight="1" x14ac:dyDescent="0.45">
      <c r="A844" s="6">
        <f>'申請書（複数入力用）'!A846</f>
        <v>840</v>
      </c>
      <c r="B844" s="13">
        <f>'申請書（複数入力用）'!AH846</f>
        <v>0</v>
      </c>
      <c r="C844" s="6">
        <f>'申請書（複数入力用）'!B846</f>
        <v>0</v>
      </c>
      <c r="D844" s="6">
        <f>'申請書（複数入力用）'!D846</f>
        <v>0</v>
      </c>
      <c r="E844" s="14">
        <f>'申請書（複数入力用）'!H846</f>
        <v>0</v>
      </c>
      <c r="F844" s="11" t="str">
        <f>'申請書（複数入力用）'!J846</f>
        <v/>
      </c>
      <c r="G844" s="6" t="str">
        <f>'申請書（複数入力用）'!K846</f>
        <v>a052r000000jS9ZAAU</v>
      </c>
      <c r="H844" s="12" t="e">
        <f>'申請書（複数入力用）'!N846</f>
        <v>#N/A</v>
      </c>
      <c r="I844" s="12" t="e">
        <f>'申請書（複数入力用）'!O846</f>
        <v>#N/A</v>
      </c>
      <c r="J844" s="12">
        <f>'申請書（複数入力用）'!P846</f>
        <v>1</v>
      </c>
    </row>
    <row r="845" spans="1:10" ht="51.6" customHeight="1" x14ac:dyDescent="0.45">
      <c r="A845" s="6">
        <f>'申請書（複数入力用）'!A847</f>
        <v>841</v>
      </c>
      <c r="B845" s="13">
        <f>'申請書（複数入力用）'!AH847</f>
        <v>0</v>
      </c>
      <c r="C845" s="6">
        <f>'申請書（複数入力用）'!B847</f>
        <v>0</v>
      </c>
      <c r="D845" s="6">
        <f>'申請書（複数入力用）'!D847</f>
        <v>0</v>
      </c>
      <c r="E845" s="14">
        <f>'申請書（複数入力用）'!H847</f>
        <v>0</v>
      </c>
      <c r="F845" s="11" t="str">
        <f>'申請書（複数入力用）'!J847</f>
        <v/>
      </c>
      <c r="G845" s="6" t="str">
        <f>'申請書（複数入力用）'!K847</f>
        <v>a052r000000jS9ZAAU</v>
      </c>
      <c r="H845" s="12" t="e">
        <f>'申請書（複数入力用）'!N847</f>
        <v>#N/A</v>
      </c>
      <c r="I845" s="12" t="e">
        <f>'申請書（複数入力用）'!O847</f>
        <v>#N/A</v>
      </c>
      <c r="J845" s="12">
        <f>'申請書（複数入力用）'!P847</f>
        <v>1</v>
      </c>
    </row>
    <row r="846" spans="1:10" ht="51.6" customHeight="1" x14ac:dyDescent="0.45">
      <c r="A846" s="6">
        <f>'申請書（複数入力用）'!A848</f>
        <v>842</v>
      </c>
      <c r="B846" s="13">
        <f>'申請書（複数入力用）'!AH848</f>
        <v>0</v>
      </c>
      <c r="C846" s="6">
        <f>'申請書（複数入力用）'!B848</f>
        <v>0</v>
      </c>
      <c r="D846" s="6">
        <f>'申請書（複数入力用）'!D848</f>
        <v>0</v>
      </c>
      <c r="E846" s="14">
        <f>'申請書（複数入力用）'!H848</f>
        <v>0</v>
      </c>
      <c r="F846" s="11" t="str">
        <f>'申請書（複数入力用）'!J848</f>
        <v/>
      </c>
      <c r="G846" s="6" t="str">
        <f>'申請書（複数入力用）'!K848</f>
        <v>a052r000000jS9ZAAU</v>
      </c>
      <c r="H846" s="12" t="e">
        <f>'申請書（複数入力用）'!N848</f>
        <v>#N/A</v>
      </c>
      <c r="I846" s="12" t="e">
        <f>'申請書（複数入力用）'!O848</f>
        <v>#N/A</v>
      </c>
      <c r="J846" s="12">
        <f>'申請書（複数入力用）'!P848</f>
        <v>1</v>
      </c>
    </row>
    <row r="847" spans="1:10" ht="51.6" customHeight="1" x14ac:dyDescent="0.45">
      <c r="A847" s="6">
        <f>'申請書（複数入力用）'!A849</f>
        <v>843</v>
      </c>
      <c r="B847" s="13">
        <f>'申請書（複数入力用）'!AH849</f>
        <v>0</v>
      </c>
      <c r="C847" s="6">
        <f>'申請書（複数入力用）'!B849</f>
        <v>0</v>
      </c>
      <c r="D847" s="6">
        <f>'申請書（複数入力用）'!D849</f>
        <v>0</v>
      </c>
      <c r="E847" s="14">
        <f>'申請書（複数入力用）'!H849</f>
        <v>0</v>
      </c>
      <c r="F847" s="11" t="str">
        <f>'申請書（複数入力用）'!J849</f>
        <v/>
      </c>
      <c r="G847" s="6" t="str">
        <f>'申請書（複数入力用）'!K849</f>
        <v>a052r000000jS9ZAAU</v>
      </c>
      <c r="H847" s="12" t="e">
        <f>'申請書（複数入力用）'!N849</f>
        <v>#N/A</v>
      </c>
      <c r="I847" s="12" t="e">
        <f>'申請書（複数入力用）'!O849</f>
        <v>#N/A</v>
      </c>
      <c r="J847" s="12">
        <f>'申請書（複数入力用）'!P849</f>
        <v>1</v>
      </c>
    </row>
    <row r="848" spans="1:10" ht="51.6" customHeight="1" x14ac:dyDescent="0.45">
      <c r="A848" s="6">
        <f>'申請書（複数入力用）'!A850</f>
        <v>844</v>
      </c>
      <c r="B848" s="13">
        <f>'申請書（複数入力用）'!AH850</f>
        <v>0</v>
      </c>
      <c r="C848" s="6">
        <f>'申請書（複数入力用）'!B850</f>
        <v>0</v>
      </c>
      <c r="D848" s="6">
        <f>'申請書（複数入力用）'!D850</f>
        <v>0</v>
      </c>
      <c r="E848" s="14">
        <f>'申請書（複数入力用）'!H850</f>
        <v>0</v>
      </c>
      <c r="F848" s="11" t="str">
        <f>'申請書（複数入力用）'!J850</f>
        <v/>
      </c>
      <c r="G848" s="6" t="str">
        <f>'申請書（複数入力用）'!K850</f>
        <v>a052r000000jS9ZAAU</v>
      </c>
      <c r="H848" s="12" t="e">
        <f>'申請書（複数入力用）'!N850</f>
        <v>#N/A</v>
      </c>
      <c r="I848" s="12" t="e">
        <f>'申請書（複数入力用）'!O850</f>
        <v>#N/A</v>
      </c>
      <c r="J848" s="12">
        <f>'申請書（複数入力用）'!P850</f>
        <v>1</v>
      </c>
    </row>
    <row r="849" spans="1:10" ht="51.6" customHeight="1" x14ac:dyDescent="0.45">
      <c r="A849" s="6">
        <f>'申請書（複数入力用）'!A851</f>
        <v>845</v>
      </c>
      <c r="B849" s="13">
        <f>'申請書（複数入力用）'!AH851</f>
        <v>0</v>
      </c>
      <c r="C849" s="6">
        <f>'申請書（複数入力用）'!B851</f>
        <v>0</v>
      </c>
      <c r="D849" s="6">
        <f>'申請書（複数入力用）'!D851</f>
        <v>0</v>
      </c>
      <c r="E849" s="14">
        <f>'申請書（複数入力用）'!H851</f>
        <v>0</v>
      </c>
      <c r="F849" s="11" t="str">
        <f>'申請書（複数入力用）'!J851</f>
        <v/>
      </c>
      <c r="G849" s="6" t="str">
        <f>'申請書（複数入力用）'!K851</f>
        <v>a052r000000jS9ZAAU</v>
      </c>
      <c r="H849" s="12" t="e">
        <f>'申請書（複数入力用）'!N851</f>
        <v>#N/A</v>
      </c>
      <c r="I849" s="12" t="e">
        <f>'申請書（複数入力用）'!O851</f>
        <v>#N/A</v>
      </c>
      <c r="J849" s="12">
        <f>'申請書（複数入力用）'!P851</f>
        <v>1</v>
      </c>
    </row>
    <row r="850" spans="1:10" ht="51.6" customHeight="1" x14ac:dyDescent="0.45">
      <c r="A850" s="6">
        <f>'申請書（複数入力用）'!A852</f>
        <v>846</v>
      </c>
      <c r="B850" s="13">
        <f>'申請書（複数入力用）'!AH852</f>
        <v>0</v>
      </c>
      <c r="C850" s="6">
        <f>'申請書（複数入力用）'!B852</f>
        <v>0</v>
      </c>
      <c r="D850" s="6">
        <f>'申請書（複数入力用）'!D852</f>
        <v>0</v>
      </c>
      <c r="E850" s="14">
        <f>'申請書（複数入力用）'!H852</f>
        <v>0</v>
      </c>
      <c r="F850" s="11" t="str">
        <f>'申請書（複数入力用）'!J852</f>
        <v/>
      </c>
      <c r="G850" s="6" t="str">
        <f>'申請書（複数入力用）'!K852</f>
        <v>a052r000000jS9ZAAU</v>
      </c>
      <c r="H850" s="12" t="e">
        <f>'申請書（複数入力用）'!N852</f>
        <v>#N/A</v>
      </c>
      <c r="I850" s="12" t="e">
        <f>'申請書（複数入力用）'!O852</f>
        <v>#N/A</v>
      </c>
      <c r="J850" s="12">
        <f>'申請書（複数入力用）'!P852</f>
        <v>1</v>
      </c>
    </row>
    <row r="851" spans="1:10" ht="51.6" customHeight="1" x14ac:dyDescent="0.45">
      <c r="A851" s="6">
        <f>'申請書（複数入力用）'!A853</f>
        <v>847</v>
      </c>
      <c r="B851" s="13">
        <f>'申請書（複数入力用）'!AH853</f>
        <v>0</v>
      </c>
      <c r="C851" s="6">
        <f>'申請書（複数入力用）'!B853</f>
        <v>0</v>
      </c>
      <c r="D851" s="6">
        <f>'申請書（複数入力用）'!D853</f>
        <v>0</v>
      </c>
      <c r="E851" s="14">
        <f>'申請書（複数入力用）'!H853</f>
        <v>0</v>
      </c>
      <c r="F851" s="11" t="str">
        <f>'申請書（複数入力用）'!J853</f>
        <v/>
      </c>
      <c r="G851" s="6" t="str">
        <f>'申請書（複数入力用）'!K853</f>
        <v>a052r000000jS9ZAAU</v>
      </c>
      <c r="H851" s="12" t="e">
        <f>'申請書（複数入力用）'!N853</f>
        <v>#N/A</v>
      </c>
      <c r="I851" s="12" t="e">
        <f>'申請書（複数入力用）'!O853</f>
        <v>#N/A</v>
      </c>
      <c r="J851" s="12">
        <f>'申請書（複数入力用）'!P853</f>
        <v>1</v>
      </c>
    </row>
    <row r="852" spans="1:10" ht="51.6" customHeight="1" x14ac:dyDescent="0.45">
      <c r="A852" s="6">
        <f>'申請書（複数入力用）'!A854</f>
        <v>848</v>
      </c>
      <c r="B852" s="13">
        <f>'申請書（複数入力用）'!AH854</f>
        <v>0</v>
      </c>
      <c r="C852" s="6">
        <f>'申請書（複数入力用）'!B854</f>
        <v>0</v>
      </c>
      <c r="D852" s="6">
        <f>'申請書（複数入力用）'!D854</f>
        <v>0</v>
      </c>
      <c r="E852" s="14">
        <f>'申請書（複数入力用）'!H854</f>
        <v>0</v>
      </c>
      <c r="F852" s="11" t="str">
        <f>'申請書（複数入力用）'!J854</f>
        <v/>
      </c>
      <c r="G852" s="6" t="str">
        <f>'申請書（複数入力用）'!K854</f>
        <v>a052r000000jS9ZAAU</v>
      </c>
      <c r="H852" s="12" t="e">
        <f>'申請書（複数入力用）'!N854</f>
        <v>#N/A</v>
      </c>
      <c r="I852" s="12" t="e">
        <f>'申請書（複数入力用）'!O854</f>
        <v>#N/A</v>
      </c>
      <c r="J852" s="12">
        <f>'申請書（複数入力用）'!P854</f>
        <v>1</v>
      </c>
    </row>
    <row r="853" spans="1:10" ht="51.6" customHeight="1" x14ac:dyDescent="0.45">
      <c r="A853" s="6">
        <f>'申請書（複数入力用）'!A855</f>
        <v>849</v>
      </c>
      <c r="B853" s="13">
        <f>'申請書（複数入力用）'!AH855</f>
        <v>0</v>
      </c>
      <c r="C853" s="6">
        <f>'申請書（複数入力用）'!B855</f>
        <v>0</v>
      </c>
      <c r="D853" s="6">
        <f>'申請書（複数入力用）'!D855</f>
        <v>0</v>
      </c>
      <c r="E853" s="14">
        <f>'申請書（複数入力用）'!H855</f>
        <v>0</v>
      </c>
      <c r="F853" s="11" t="str">
        <f>'申請書（複数入力用）'!J855</f>
        <v/>
      </c>
      <c r="G853" s="6" t="str">
        <f>'申請書（複数入力用）'!K855</f>
        <v>a052r000000jS9ZAAU</v>
      </c>
      <c r="H853" s="12" t="e">
        <f>'申請書（複数入力用）'!N855</f>
        <v>#N/A</v>
      </c>
      <c r="I853" s="12" t="e">
        <f>'申請書（複数入力用）'!O855</f>
        <v>#N/A</v>
      </c>
      <c r="J853" s="12">
        <f>'申請書（複数入力用）'!P855</f>
        <v>1</v>
      </c>
    </row>
    <row r="854" spans="1:10" ht="51.6" customHeight="1" x14ac:dyDescent="0.45">
      <c r="A854" s="6">
        <f>'申請書（複数入力用）'!A856</f>
        <v>850</v>
      </c>
      <c r="B854" s="13">
        <f>'申請書（複数入力用）'!AH856</f>
        <v>0</v>
      </c>
      <c r="C854" s="6">
        <f>'申請書（複数入力用）'!B856</f>
        <v>0</v>
      </c>
      <c r="D854" s="6">
        <f>'申請書（複数入力用）'!D856</f>
        <v>0</v>
      </c>
      <c r="E854" s="14">
        <f>'申請書（複数入力用）'!H856</f>
        <v>0</v>
      </c>
      <c r="F854" s="11" t="str">
        <f>'申請書（複数入力用）'!J856</f>
        <v/>
      </c>
      <c r="G854" s="6" t="str">
        <f>'申請書（複数入力用）'!K856</f>
        <v>a052r000000jS9ZAAU</v>
      </c>
      <c r="H854" s="12" t="e">
        <f>'申請書（複数入力用）'!N856</f>
        <v>#N/A</v>
      </c>
      <c r="I854" s="12" t="e">
        <f>'申請書（複数入力用）'!O856</f>
        <v>#N/A</v>
      </c>
      <c r="J854" s="12">
        <f>'申請書（複数入力用）'!P856</f>
        <v>1</v>
      </c>
    </row>
    <row r="855" spans="1:10" ht="51.6" customHeight="1" x14ac:dyDescent="0.45">
      <c r="A855" s="6">
        <f>'申請書（複数入力用）'!A857</f>
        <v>851</v>
      </c>
      <c r="B855" s="13">
        <f>'申請書（複数入力用）'!AH857</f>
        <v>0</v>
      </c>
      <c r="C855" s="6">
        <f>'申請書（複数入力用）'!B857</f>
        <v>0</v>
      </c>
      <c r="D855" s="6">
        <f>'申請書（複数入力用）'!D857</f>
        <v>0</v>
      </c>
      <c r="E855" s="14">
        <f>'申請書（複数入力用）'!H857</f>
        <v>0</v>
      </c>
      <c r="F855" s="11" t="str">
        <f>'申請書（複数入力用）'!J857</f>
        <v/>
      </c>
      <c r="G855" s="6" t="str">
        <f>'申請書（複数入力用）'!K857</f>
        <v>a052r000000jS9ZAAU</v>
      </c>
      <c r="H855" s="12" t="e">
        <f>'申請書（複数入力用）'!N857</f>
        <v>#N/A</v>
      </c>
      <c r="I855" s="12" t="e">
        <f>'申請書（複数入力用）'!O857</f>
        <v>#N/A</v>
      </c>
      <c r="J855" s="12">
        <f>'申請書（複数入力用）'!P857</f>
        <v>1</v>
      </c>
    </row>
    <row r="856" spans="1:10" ht="51.6" customHeight="1" x14ac:dyDescent="0.45">
      <c r="A856" s="6">
        <f>'申請書（複数入力用）'!A858</f>
        <v>852</v>
      </c>
      <c r="B856" s="13">
        <f>'申請書（複数入力用）'!AH858</f>
        <v>0</v>
      </c>
      <c r="C856" s="6">
        <f>'申請書（複数入力用）'!B858</f>
        <v>0</v>
      </c>
      <c r="D856" s="6">
        <f>'申請書（複数入力用）'!D858</f>
        <v>0</v>
      </c>
      <c r="E856" s="14">
        <f>'申請書（複数入力用）'!H858</f>
        <v>0</v>
      </c>
      <c r="F856" s="11" t="str">
        <f>'申請書（複数入力用）'!J858</f>
        <v/>
      </c>
      <c r="G856" s="6" t="str">
        <f>'申請書（複数入力用）'!K858</f>
        <v>a052r000000jS9ZAAU</v>
      </c>
      <c r="H856" s="12" t="e">
        <f>'申請書（複数入力用）'!N858</f>
        <v>#N/A</v>
      </c>
      <c r="I856" s="12" t="e">
        <f>'申請書（複数入力用）'!O858</f>
        <v>#N/A</v>
      </c>
      <c r="J856" s="12">
        <f>'申請書（複数入力用）'!P858</f>
        <v>1</v>
      </c>
    </row>
    <row r="857" spans="1:10" ht="51.6" customHeight="1" x14ac:dyDescent="0.45">
      <c r="A857" s="6">
        <f>'申請書（複数入力用）'!A859</f>
        <v>853</v>
      </c>
      <c r="B857" s="13">
        <f>'申請書（複数入力用）'!AH859</f>
        <v>0</v>
      </c>
      <c r="C857" s="6">
        <f>'申請書（複数入力用）'!B859</f>
        <v>0</v>
      </c>
      <c r="D857" s="6">
        <f>'申請書（複数入力用）'!D859</f>
        <v>0</v>
      </c>
      <c r="E857" s="14">
        <f>'申請書（複数入力用）'!H859</f>
        <v>0</v>
      </c>
      <c r="F857" s="11" t="str">
        <f>'申請書（複数入力用）'!J859</f>
        <v/>
      </c>
      <c r="G857" s="6" t="str">
        <f>'申請書（複数入力用）'!K859</f>
        <v>a052r000000jS9ZAAU</v>
      </c>
      <c r="H857" s="12" t="e">
        <f>'申請書（複数入力用）'!N859</f>
        <v>#N/A</v>
      </c>
      <c r="I857" s="12" t="e">
        <f>'申請書（複数入力用）'!O859</f>
        <v>#N/A</v>
      </c>
      <c r="J857" s="12">
        <f>'申請書（複数入力用）'!P859</f>
        <v>1</v>
      </c>
    </row>
    <row r="858" spans="1:10" ht="51.6" customHeight="1" x14ac:dyDescent="0.45">
      <c r="A858" s="6">
        <f>'申請書（複数入力用）'!A860</f>
        <v>854</v>
      </c>
      <c r="B858" s="13">
        <f>'申請書（複数入力用）'!AH860</f>
        <v>0</v>
      </c>
      <c r="C858" s="6">
        <f>'申請書（複数入力用）'!B860</f>
        <v>0</v>
      </c>
      <c r="D858" s="6">
        <f>'申請書（複数入力用）'!D860</f>
        <v>0</v>
      </c>
      <c r="E858" s="14">
        <f>'申請書（複数入力用）'!H860</f>
        <v>0</v>
      </c>
      <c r="F858" s="11" t="str">
        <f>'申請書（複数入力用）'!J860</f>
        <v/>
      </c>
      <c r="G858" s="6" t="str">
        <f>'申請書（複数入力用）'!K860</f>
        <v>a052r000000jS9ZAAU</v>
      </c>
      <c r="H858" s="12" t="e">
        <f>'申請書（複数入力用）'!N860</f>
        <v>#N/A</v>
      </c>
      <c r="I858" s="12" t="e">
        <f>'申請書（複数入力用）'!O860</f>
        <v>#N/A</v>
      </c>
      <c r="J858" s="12">
        <f>'申請書（複数入力用）'!P860</f>
        <v>1</v>
      </c>
    </row>
    <row r="859" spans="1:10" ht="51.6" customHeight="1" x14ac:dyDescent="0.45">
      <c r="A859" s="6">
        <f>'申請書（複数入力用）'!A861</f>
        <v>855</v>
      </c>
      <c r="B859" s="13">
        <f>'申請書（複数入力用）'!AH861</f>
        <v>0</v>
      </c>
      <c r="C859" s="6">
        <f>'申請書（複数入力用）'!B861</f>
        <v>0</v>
      </c>
      <c r="D859" s="6">
        <f>'申請書（複数入力用）'!D861</f>
        <v>0</v>
      </c>
      <c r="E859" s="14">
        <f>'申請書（複数入力用）'!H861</f>
        <v>0</v>
      </c>
      <c r="F859" s="11" t="str">
        <f>'申請書（複数入力用）'!J861</f>
        <v/>
      </c>
      <c r="G859" s="6" t="str">
        <f>'申請書（複数入力用）'!K861</f>
        <v>a052r000000jS9ZAAU</v>
      </c>
      <c r="H859" s="12" t="e">
        <f>'申請書（複数入力用）'!N861</f>
        <v>#N/A</v>
      </c>
      <c r="I859" s="12" t="e">
        <f>'申請書（複数入力用）'!O861</f>
        <v>#N/A</v>
      </c>
      <c r="J859" s="12">
        <f>'申請書（複数入力用）'!P861</f>
        <v>1</v>
      </c>
    </row>
    <row r="860" spans="1:10" ht="51.6" customHeight="1" x14ac:dyDescent="0.45">
      <c r="A860" s="6">
        <f>'申請書（複数入力用）'!A862</f>
        <v>856</v>
      </c>
      <c r="B860" s="13">
        <f>'申請書（複数入力用）'!AH862</f>
        <v>0</v>
      </c>
      <c r="C860" s="6">
        <f>'申請書（複数入力用）'!B862</f>
        <v>0</v>
      </c>
      <c r="D860" s="6">
        <f>'申請書（複数入力用）'!D862</f>
        <v>0</v>
      </c>
      <c r="E860" s="14">
        <f>'申請書（複数入力用）'!H862</f>
        <v>0</v>
      </c>
      <c r="F860" s="11" t="str">
        <f>'申請書（複数入力用）'!J862</f>
        <v/>
      </c>
      <c r="G860" s="6" t="str">
        <f>'申請書（複数入力用）'!K862</f>
        <v>a052r000000jS9ZAAU</v>
      </c>
      <c r="H860" s="12" t="e">
        <f>'申請書（複数入力用）'!N862</f>
        <v>#N/A</v>
      </c>
      <c r="I860" s="12" t="e">
        <f>'申請書（複数入力用）'!O862</f>
        <v>#N/A</v>
      </c>
      <c r="J860" s="12">
        <f>'申請書（複数入力用）'!P862</f>
        <v>1</v>
      </c>
    </row>
    <row r="861" spans="1:10" ht="51.6" customHeight="1" x14ac:dyDescent="0.45">
      <c r="A861" s="6">
        <f>'申請書（複数入力用）'!A863</f>
        <v>857</v>
      </c>
      <c r="B861" s="13">
        <f>'申請書（複数入力用）'!AH863</f>
        <v>0</v>
      </c>
      <c r="C861" s="6">
        <f>'申請書（複数入力用）'!B863</f>
        <v>0</v>
      </c>
      <c r="D861" s="6">
        <f>'申請書（複数入力用）'!D863</f>
        <v>0</v>
      </c>
      <c r="E861" s="14">
        <f>'申請書（複数入力用）'!H863</f>
        <v>0</v>
      </c>
      <c r="F861" s="11" t="str">
        <f>'申請書（複数入力用）'!J863</f>
        <v/>
      </c>
      <c r="G861" s="6" t="str">
        <f>'申請書（複数入力用）'!K863</f>
        <v>a052r000000jS9ZAAU</v>
      </c>
      <c r="H861" s="12" t="e">
        <f>'申請書（複数入力用）'!N863</f>
        <v>#N/A</v>
      </c>
      <c r="I861" s="12" t="e">
        <f>'申請書（複数入力用）'!O863</f>
        <v>#N/A</v>
      </c>
      <c r="J861" s="12">
        <f>'申請書（複数入力用）'!P863</f>
        <v>1</v>
      </c>
    </row>
    <row r="862" spans="1:10" ht="51.6" customHeight="1" x14ac:dyDescent="0.45">
      <c r="A862" s="6">
        <f>'申請書（複数入力用）'!A864</f>
        <v>858</v>
      </c>
      <c r="B862" s="13">
        <f>'申請書（複数入力用）'!AH864</f>
        <v>0</v>
      </c>
      <c r="C862" s="6">
        <f>'申請書（複数入力用）'!B864</f>
        <v>0</v>
      </c>
      <c r="D862" s="6">
        <f>'申請書（複数入力用）'!D864</f>
        <v>0</v>
      </c>
      <c r="E862" s="14">
        <f>'申請書（複数入力用）'!H864</f>
        <v>0</v>
      </c>
      <c r="F862" s="11" t="str">
        <f>'申請書（複数入力用）'!J864</f>
        <v/>
      </c>
      <c r="G862" s="6" t="str">
        <f>'申請書（複数入力用）'!K864</f>
        <v>a052r000000jS9ZAAU</v>
      </c>
      <c r="H862" s="12" t="e">
        <f>'申請書（複数入力用）'!N864</f>
        <v>#N/A</v>
      </c>
      <c r="I862" s="12" t="e">
        <f>'申請書（複数入力用）'!O864</f>
        <v>#N/A</v>
      </c>
      <c r="J862" s="12">
        <f>'申請書（複数入力用）'!P864</f>
        <v>1</v>
      </c>
    </row>
    <row r="863" spans="1:10" ht="51.6" customHeight="1" x14ac:dyDescent="0.45">
      <c r="A863" s="6">
        <f>'申請書（複数入力用）'!A865</f>
        <v>859</v>
      </c>
      <c r="B863" s="13">
        <f>'申請書（複数入力用）'!AH865</f>
        <v>0</v>
      </c>
      <c r="C863" s="6">
        <f>'申請書（複数入力用）'!B865</f>
        <v>0</v>
      </c>
      <c r="D863" s="6">
        <f>'申請書（複数入力用）'!D865</f>
        <v>0</v>
      </c>
      <c r="E863" s="14">
        <f>'申請書（複数入力用）'!H865</f>
        <v>0</v>
      </c>
      <c r="F863" s="11" t="str">
        <f>'申請書（複数入力用）'!J865</f>
        <v/>
      </c>
      <c r="G863" s="6" t="str">
        <f>'申請書（複数入力用）'!K865</f>
        <v>a052r000000jS9ZAAU</v>
      </c>
      <c r="H863" s="12" t="e">
        <f>'申請書（複数入力用）'!N865</f>
        <v>#N/A</v>
      </c>
      <c r="I863" s="12" t="e">
        <f>'申請書（複数入力用）'!O865</f>
        <v>#N/A</v>
      </c>
      <c r="J863" s="12">
        <f>'申請書（複数入力用）'!P865</f>
        <v>1</v>
      </c>
    </row>
    <row r="864" spans="1:10" ht="51.6" customHeight="1" x14ac:dyDescent="0.45">
      <c r="A864" s="6">
        <f>'申請書（複数入力用）'!A866</f>
        <v>860</v>
      </c>
      <c r="B864" s="13">
        <f>'申請書（複数入力用）'!AH866</f>
        <v>0</v>
      </c>
      <c r="C864" s="6">
        <f>'申請書（複数入力用）'!B866</f>
        <v>0</v>
      </c>
      <c r="D864" s="6">
        <f>'申請書（複数入力用）'!D866</f>
        <v>0</v>
      </c>
      <c r="E864" s="14">
        <f>'申請書（複数入力用）'!H866</f>
        <v>0</v>
      </c>
      <c r="F864" s="11" t="str">
        <f>'申請書（複数入力用）'!J866</f>
        <v/>
      </c>
      <c r="G864" s="6" t="str">
        <f>'申請書（複数入力用）'!K866</f>
        <v>a052r000000jS9ZAAU</v>
      </c>
      <c r="H864" s="12" t="e">
        <f>'申請書（複数入力用）'!N866</f>
        <v>#N/A</v>
      </c>
      <c r="I864" s="12" t="e">
        <f>'申請書（複数入力用）'!O866</f>
        <v>#N/A</v>
      </c>
      <c r="J864" s="12">
        <f>'申請書（複数入力用）'!P866</f>
        <v>1</v>
      </c>
    </row>
    <row r="865" spans="1:10" ht="51.6" customHeight="1" x14ac:dyDescent="0.45">
      <c r="A865" s="6">
        <f>'申請書（複数入力用）'!A867</f>
        <v>861</v>
      </c>
      <c r="B865" s="13">
        <f>'申請書（複数入力用）'!AH867</f>
        <v>0</v>
      </c>
      <c r="C865" s="6">
        <f>'申請書（複数入力用）'!B867</f>
        <v>0</v>
      </c>
      <c r="D865" s="6">
        <f>'申請書（複数入力用）'!D867</f>
        <v>0</v>
      </c>
      <c r="E865" s="14">
        <f>'申請書（複数入力用）'!H867</f>
        <v>0</v>
      </c>
      <c r="F865" s="11" t="str">
        <f>'申請書（複数入力用）'!J867</f>
        <v/>
      </c>
      <c r="G865" s="6" t="str">
        <f>'申請書（複数入力用）'!K867</f>
        <v>a052r000000jS9ZAAU</v>
      </c>
      <c r="H865" s="12" t="e">
        <f>'申請書（複数入力用）'!N867</f>
        <v>#N/A</v>
      </c>
      <c r="I865" s="12" t="e">
        <f>'申請書（複数入力用）'!O867</f>
        <v>#N/A</v>
      </c>
      <c r="J865" s="12">
        <f>'申請書（複数入力用）'!P867</f>
        <v>1</v>
      </c>
    </row>
    <row r="866" spans="1:10" ht="51.6" customHeight="1" x14ac:dyDescent="0.45">
      <c r="A866" s="6">
        <f>'申請書（複数入力用）'!A868</f>
        <v>862</v>
      </c>
      <c r="B866" s="13">
        <f>'申請書（複数入力用）'!AH868</f>
        <v>0</v>
      </c>
      <c r="C866" s="6">
        <f>'申請書（複数入力用）'!B868</f>
        <v>0</v>
      </c>
      <c r="D866" s="6">
        <f>'申請書（複数入力用）'!D868</f>
        <v>0</v>
      </c>
      <c r="E866" s="14">
        <f>'申請書（複数入力用）'!H868</f>
        <v>0</v>
      </c>
      <c r="F866" s="11" t="str">
        <f>'申請書（複数入力用）'!J868</f>
        <v/>
      </c>
      <c r="G866" s="6" t="str">
        <f>'申請書（複数入力用）'!K868</f>
        <v>a052r000000jS9ZAAU</v>
      </c>
      <c r="H866" s="12" t="e">
        <f>'申請書（複数入力用）'!N868</f>
        <v>#N/A</v>
      </c>
      <c r="I866" s="12" t="e">
        <f>'申請書（複数入力用）'!O868</f>
        <v>#N/A</v>
      </c>
      <c r="J866" s="12">
        <f>'申請書（複数入力用）'!P868</f>
        <v>1</v>
      </c>
    </row>
    <row r="867" spans="1:10" ht="51.6" customHeight="1" x14ac:dyDescent="0.45">
      <c r="A867" s="6">
        <f>'申請書（複数入力用）'!A869</f>
        <v>863</v>
      </c>
      <c r="B867" s="13">
        <f>'申請書（複数入力用）'!AH869</f>
        <v>0</v>
      </c>
      <c r="C867" s="6">
        <f>'申請書（複数入力用）'!B869</f>
        <v>0</v>
      </c>
      <c r="D867" s="6">
        <f>'申請書（複数入力用）'!D869</f>
        <v>0</v>
      </c>
      <c r="E867" s="14">
        <f>'申請書（複数入力用）'!H869</f>
        <v>0</v>
      </c>
      <c r="F867" s="11" t="str">
        <f>'申請書（複数入力用）'!J869</f>
        <v/>
      </c>
      <c r="G867" s="6" t="str">
        <f>'申請書（複数入力用）'!K869</f>
        <v>a052r000000jS9ZAAU</v>
      </c>
      <c r="H867" s="12" t="e">
        <f>'申請書（複数入力用）'!N869</f>
        <v>#N/A</v>
      </c>
      <c r="I867" s="12" t="e">
        <f>'申請書（複数入力用）'!O869</f>
        <v>#N/A</v>
      </c>
      <c r="J867" s="12">
        <f>'申請書（複数入力用）'!P869</f>
        <v>1</v>
      </c>
    </row>
    <row r="868" spans="1:10" ht="51.6" customHeight="1" x14ac:dyDescent="0.45">
      <c r="A868" s="6">
        <f>'申請書（複数入力用）'!A870</f>
        <v>864</v>
      </c>
      <c r="B868" s="13">
        <f>'申請書（複数入力用）'!AH870</f>
        <v>0</v>
      </c>
      <c r="C868" s="6">
        <f>'申請書（複数入力用）'!B870</f>
        <v>0</v>
      </c>
      <c r="D868" s="6">
        <f>'申請書（複数入力用）'!D870</f>
        <v>0</v>
      </c>
      <c r="E868" s="14">
        <f>'申請書（複数入力用）'!H870</f>
        <v>0</v>
      </c>
      <c r="F868" s="11" t="str">
        <f>'申請書（複数入力用）'!J870</f>
        <v/>
      </c>
      <c r="G868" s="6" t="str">
        <f>'申請書（複数入力用）'!K870</f>
        <v>a052r000000jS9ZAAU</v>
      </c>
      <c r="H868" s="12" t="e">
        <f>'申請書（複数入力用）'!N870</f>
        <v>#N/A</v>
      </c>
      <c r="I868" s="12" t="e">
        <f>'申請書（複数入力用）'!O870</f>
        <v>#N/A</v>
      </c>
      <c r="J868" s="12">
        <f>'申請書（複数入力用）'!P870</f>
        <v>1</v>
      </c>
    </row>
    <row r="869" spans="1:10" ht="51.6" customHeight="1" x14ac:dyDescent="0.45">
      <c r="A869" s="6">
        <f>'申請書（複数入力用）'!A871</f>
        <v>865</v>
      </c>
      <c r="B869" s="13">
        <f>'申請書（複数入力用）'!AH871</f>
        <v>0</v>
      </c>
      <c r="C869" s="6">
        <f>'申請書（複数入力用）'!B871</f>
        <v>0</v>
      </c>
      <c r="D869" s="6">
        <f>'申請書（複数入力用）'!D871</f>
        <v>0</v>
      </c>
      <c r="E869" s="14">
        <f>'申請書（複数入力用）'!H871</f>
        <v>0</v>
      </c>
      <c r="F869" s="11" t="str">
        <f>'申請書（複数入力用）'!J871</f>
        <v/>
      </c>
      <c r="G869" s="6" t="str">
        <f>'申請書（複数入力用）'!K871</f>
        <v>a052r000000jS9ZAAU</v>
      </c>
      <c r="H869" s="12" t="e">
        <f>'申請書（複数入力用）'!N871</f>
        <v>#N/A</v>
      </c>
      <c r="I869" s="12" t="e">
        <f>'申請書（複数入力用）'!O871</f>
        <v>#N/A</v>
      </c>
      <c r="J869" s="12">
        <f>'申請書（複数入力用）'!P871</f>
        <v>1</v>
      </c>
    </row>
    <row r="870" spans="1:10" ht="51.6" customHeight="1" x14ac:dyDescent="0.45">
      <c r="A870" s="6">
        <f>'申請書（複数入力用）'!A872</f>
        <v>866</v>
      </c>
      <c r="B870" s="13">
        <f>'申請書（複数入力用）'!AH872</f>
        <v>0</v>
      </c>
      <c r="C870" s="6">
        <f>'申請書（複数入力用）'!B872</f>
        <v>0</v>
      </c>
      <c r="D870" s="6">
        <f>'申請書（複数入力用）'!D872</f>
        <v>0</v>
      </c>
      <c r="E870" s="14">
        <f>'申請書（複数入力用）'!H872</f>
        <v>0</v>
      </c>
      <c r="F870" s="11" t="str">
        <f>'申請書（複数入力用）'!J872</f>
        <v/>
      </c>
      <c r="G870" s="6" t="str">
        <f>'申請書（複数入力用）'!K872</f>
        <v>a052r000000jS9ZAAU</v>
      </c>
      <c r="H870" s="12" t="e">
        <f>'申請書（複数入力用）'!N872</f>
        <v>#N/A</v>
      </c>
      <c r="I870" s="12" t="e">
        <f>'申請書（複数入力用）'!O872</f>
        <v>#N/A</v>
      </c>
      <c r="J870" s="12">
        <f>'申請書（複数入力用）'!P872</f>
        <v>1</v>
      </c>
    </row>
    <row r="871" spans="1:10" ht="51.6" customHeight="1" x14ac:dyDescent="0.45">
      <c r="A871" s="6">
        <f>'申請書（複数入力用）'!A873</f>
        <v>867</v>
      </c>
      <c r="B871" s="13">
        <f>'申請書（複数入力用）'!AH873</f>
        <v>0</v>
      </c>
      <c r="C871" s="6">
        <f>'申請書（複数入力用）'!B873</f>
        <v>0</v>
      </c>
      <c r="D871" s="6">
        <f>'申請書（複数入力用）'!D873</f>
        <v>0</v>
      </c>
      <c r="E871" s="14">
        <f>'申請書（複数入力用）'!H873</f>
        <v>0</v>
      </c>
      <c r="F871" s="11" t="str">
        <f>'申請書（複数入力用）'!J873</f>
        <v/>
      </c>
      <c r="G871" s="6" t="str">
        <f>'申請書（複数入力用）'!K873</f>
        <v>a052r000000jS9ZAAU</v>
      </c>
      <c r="H871" s="12" t="e">
        <f>'申請書（複数入力用）'!N873</f>
        <v>#N/A</v>
      </c>
      <c r="I871" s="12" t="e">
        <f>'申請書（複数入力用）'!O873</f>
        <v>#N/A</v>
      </c>
      <c r="J871" s="12">
        <f>'申請書（複数入力用）'!P873</f>
        <v>1</v>
      </c>
    </row>
    <row r="872" spans="1:10" ht="51.6" customHeight="1" x14ac:dyDescent="0.45">
      <c r="A872" s="6">
        <f>'申請書（複数入力用）'!A874</f>
        <v>868</v>
      </c>
      <c r="B872" s="13">
        <f>'申請書（複数入力用）'!AH874</f>
        <v>0</v>
      </c>
      <c r="C872" s="6">
        <f>'申請書（複数入力用）'!B874</f>
        <v>0</v>
      </c>
      <c r="D872" s="6">
        <f>'申請書（複数入力用）'!D874</f>
        <v>0</v>
      </c>
      <c r="E872" s="14">
        <f>'申請書（複数入力用）'!H874</f>
        <v>0</v>
      </c>
      <c r="F872" s="11" t="str">
        <f>'申請書（複数入力用）'!J874</f>
        <v/>
      </c>
      <c r="G872" s="6" t="str">
        <f>'申請書（複数入力用）'!K874</f>
        <v>a052r000000jS9ZAAU</v>
      </c>
      <c r="H872" s="12" t="e">
        <f>'申請書（複数入力用）'!N874</f>
        <v>#N/A</v>
      </c>
      <c r="I872" s="12" t="e">
        <f>'申請書（複数入力用）'!O874</f>
        <v>#N/A</v>
      </c>
      <c r="J872" s="12">
        <f>'申請書（複数入力用）'!P874</f>
        <v>1</v>
      </c>
    </row>
    <row r="873" spans="1:10" ht="51.6" customHeight="1" x14ac:dyDescent="0.45">
      <c r="A873" s="6">
        <f>'申請書（複数入力用）'!A875</f>
        <v>869</v>
      </c>
      <c r="B873" s="13">
        <f>'申請書（複数入力用）'!AH875</f>
        <v>0</v>
      </c>
      <c r="C873" s="6">
        <f>'申請書（複数入力用）'!B875</f>
        <v>0</v>
      </c>
      <c r="D873" s="6">
        <f>'申請書（複数入力用）'!D875</f>
        <v>0</v>
      </c>
      <c r="E873" s="14">
        <f>'申請書（複数入力用）'!H875</f>
        <v>0</v>
      </c>
      <c r="F873" s="11" t="str">
        <f>'申請書（複数入力用）'!J875</f>
        <v/>
      </c>
      <c r="G873" s="6" t="str">
        <f>'申請書（複数入力用）'!K875</f>
        <v>a052r000000jS9ZAAU</v>
      </c>
      <c r="H873" s="12" t="e">
        <f>'申請書（複数入力用）'!N875</f>
        <v>#N/A</v>
      </c>
      <c r="I873" s="12" t="e">
        <f>'申請書（複数入力用）'!O875</f>
        <v>#N/A</v>
      </c>
      <c r="J873" s="12">
        <f>'申請書（複数入力用）'!P875</f>
        <v>1</v>
      </c>
    </row>
    <row r="874" spans="1:10" ht="51.6" customHeight="1" x14ac:dyDescent="0.45">
      <c r="A874" s="6">
        <f>'申請書（複数入力用）'!A876</f>
        <v>870</v>
      </c>
      <c r="B874" s="13">
        <f>'申請書（複数入力用）'!AH876</f>
        <v>0</v>
      </c>
      <c r="C874" s="6">
        <f>'申請書（複数入力用）'!B876</f>
        <v>0</v>
      </c>
      <c r="D874" s="6">
        <f>'申請書（複数入力用）'!D876</f>
        <v>0</v>
      </c>
      <c r="E874" s="14">
        <f>'申請書（複数入力用）'!H876</f>
        <v>0</v>
      </c>
      <c r="F874" s="11" t="str">
        <f>'申請書（複数入力用）'!J876</f>
        <v/>
      </c>
      <c r="G874" s="6" t="str">
        <f>'申請書（複数入力用）'!K876</f>
        <v>a052r000000jS9ZAAU</v>
      </c>
      <c r="H874" s="12" t="e">
        <f>'申請書（複数入力用）'!N876</f>
        <v>#N/A</v>
      </c>
      <c r="I874" s="12" t="e">
        <f>'申請書（複数入力用）'!O876</f>
        <v>#N/A</v>
      </c>
      <c r="J874" s="12">
        <f>'申請書（複数入力用）'!P876</f>
        <v>1</v>
      </c>
    </row>
    <row r="875" spans="1:10" ht="51.6" customHeight="1" x14ac:dyDescent="0.45">
      <c r="A875" s="6">
        <f>'申請書（複数入力用）'!A877</f>
        <v>871</v>
      </c>
      <c r="B875" s="13">
        <f>'申請書（複数入力用）'!AH877</f>
        <v>0</v>
      </c>
      <c r="C875" s="6">
        <f>'申請書（複数入力用）'!B877</f>
        <v>0</v>
      </c>
      <c r="D875" s="6">
        <f>'申請書（複数入力用）'!D877</f>
        <v>0</v>
      </c>
      <c r="E875" s="14">
        <f>'申請書（複数入力用）'!H877</f>
        <v>0</v>
      </c>
      <c r="F875" s="11" t="str">
        <f>'申請書（複数入力用）'!J877</f>
        <v/>
      </c>
      <c r="G875" s="6" t="str">
        <f>'申請書（複数入力用）'!K877</f>
        <v>a052r000000jS9ZAAU</v>
      </c>
      <c r="H875" s="12" t="e">
        <f>'申請書（複数入力用）'!N877</f>
        <v>#N/A</v>
      </c>
      <c r="I875" s="12" t="e">
        <f>'申請書（複数入力用）'!O877</f>
        <v>#N/A</v>
      </c>
      <c r="J875" s="12">
        <f>'申請書（複数入力用）'!P877</f>
        <v>1</v>
      </c>
    </row>
    <row r="876" spans="1:10" ht="51.6" customHeight="1" x14ac:dyDescent="0.45">
      <c r="A876" s="6">
        <f>'申請書（複数入力用）'!A878</f>
        <v>872</v>
      </c>
      <c r="B876" s="13">
        <f>'申請書（複数入力用）'!AH878</f>
        <v>0</v>
      </c>
      <c r="C876" s="6">
        <f>'申請書（複数入力用）'!B878</f>
        <v>0</v>
      </c>
      <c r="D876" s="6">
        <f>'申請書（複数入力用）'!D878</f>
        <v>0</v>
      </c>
      <c r="E876" s="14">
        <f>'申請書（複数入力用）'!H878</f>
        <v>0</v>
      </c>
      <c r="F876" s="11" t="str">
        <f>'申請書（複数入力用）'!J878</f>
        <v/>
      </c>
      <c r="G876" s="6" t="str">
        <f>'申請書（複数入力用）'!K878</f>
        <v>a052r000000jS9ZAAU</v>
      </c>
      <c r="H876" s="12" t="e">
        <f>'申請書（複数入力用）'!N878</f>
        <v>#N/A</v>
      </c>
      <c r="I876" s="12" t="e">
        <f>'申請書（複数入力用）'!O878</f>
        <v>#N/A</v>
      </c>
      <c r="J876" s="12">
        <f>'申請書（複数入力用）'!P878</f>
        <v>1</v>
      </c>
    </row>
    <row r="877" spans="1:10" ht="51.6" customHeight="1" x14ac:dyDescent="0.45">
      <c r="A877" s="6">
        <f>'申請書（複数入力用）'!A879</f>
        <v>873</v>
      </c>
      <c r="B877" s="13">
        <f>'申請書（複数入力用）'!AH879</f>
        <v>0</v>
      </c>
      <c r="C877" s="6">
        <f>'申請書（複数入力用）'!B879</f>
        <v>0</v>
      </c>
      <c r="D877" s="6">
        <f>'申請書（複数入力用）'!D879</f>
        <v>0</v>
      </c>
      <c r="E877" s="14">
        <f>'申請書（複数入力用）'!H879</f>
        <v>0</v>
      </c>
      <c r="F877" s="11" t="str">
        <f>'申請書（複数入力用）'!J879</f>
        <v/>
      </c>
      <c r="G877" s="6" t="str">
        <f>'申請書（複数入力用）'!K879</f>
        <v>a052r000000jS9ZAAU</v>
      </c>
      <c r="H877" s="12" t="e">
        <f>'申請書（複数入力用）'!N879</f>
        <v>#N/A</v>
      </c>
      <c r="I877" s="12" t="e">
        <f>'申請書（複数入力用）'!O879</f>
        <v>#N/A</v>
      </c>
      <c r="J877" s="12">
        <f>'申請書（複数入力用）'!P879</f>
        <v>1</v>
      </c>
    </row>
    <row r="878" spans="1:10" ht="51.6" customHeight="1" x14ac:dyDescent="0.45">
      <c r="A878" s="6">
        <f>'申請書（複数入力用）'!A880</f>
        <v>874</v>
      </c>
      <c r="B878" s="13">
        <f>'申請書（複数入力用）'!AH880</f>
        <v>0</v>
      </c>
      <c r="C878" s="6">
        <f>'申請書（複数入力用）'!B880</f>
        <v>0</v>
      </c>
      <c r="D878" s="6">
        <f>'申請書（複数入力用）'!D880</f>
        <v>0</v>
      </c>
      <c r="E878" s="14">
        <f>'申請書（複数入力用）'!H880</f>
        <v>0</v>
      </c>
      <c r="F878" s="11" t="str">
        <f>'申請書（複数入力用）'!J880</f>
        <v/>
      </c>
      <c r="G878" s="6" t="str">
        <f>'申請書（複数入力用）'!K880</f>
        <v>a052r000000jS9ZAAU</v>
      </c>
      <c r="H878" s="12" t="e">
        <f>'申請書（複数入力用）'!N880</f>
        <v>#N/A</v>
      </c>
      <c r="I878" s="12" t="e">
        <f>'申請書（複数入力用）'!O880</f>
        <v>#N/A</v>
      </c>
      <c r="J878" s="12">
        <f>'申請書（複数入力用）'!P880</f>
        <v>1</v>
      </c>
    </row>
    <row r="879" spans="1:10" ht="51.6" customHeight="1" x14ac:dyDescent="0.45">
      <c r="A879" s="6">
        <f>'申請書（複数入力用）'!A881</f>
        <v>875</v>
      </c>
      <c r="B879" s="13">
        <f>'申請書（複数入力用）'!AH881</f>
        <v>0</v>
      </c>
      <c r="C879" s="6">
        <f>'申請書（複数入力用）'!B881</f>
        <v>0</v>
      </c>
      <c r="D879" s="6">
        <f>'申請書（複数入力用）'!D881</f>
        <v>0</v>
      </c>
      <c r="E879" s="14">
        <f>'申請書（複数入力用）'!H881</f>
        <v>0</v>
      </c>
      <c r="F879" s="11" t="str">
        <f>'申請書（複数入力用）'!J881</f>
        <v/>
      </c>
      <c r="G879" s="6" t="str">
        <f>'申請書（複数入力用）'!K881</f>
        <v>a052r000000jS9ZAAU</v>
      </c>
      <c r="H879" s="12" t="e">
        <f>'申請書（複数入力用）'!N881</f>
        <v>#N/A</v>
      </c>
      <c r="I879" s="12" t="e">
        <f>'申請書（複数入力用）'!O881</f>
        <v>#N/A</v>
      </c>
      <c r="J879" s="12">
        <f>'申請書（複数入力用）'!P881</f>
        <v>1</v>
      </c>
    </row>
    <row r="880" spans="1:10" ht="51.6" customHeight="1" x14ac:dyDescent="0.45">
      <c r="A880" s="6">
        <f>'申請書（複数入力用）'!A882</f>
        <v>876</v>
      </c>
      <c r="B880" s="13">
        <f>'申請書（複数入力用）'!AH882</f>
        <v>0</v>
      </c>
      <c r="C880" s="6">
        <f>'申請書（複数入力用）'!B882</f>
        <v>0</v>
      </c>
      <c r="D880" s="6">
        <f>'申請書（複数入力用）'!D882</f>
        <v>0</v>
      </c>
      <c r="E880" s="14">
        <f>'申請書（複数入力用）'!H882</f>
        <v>0</v>
      </c>
      <c r="F880" s="11" t="str">
        <f>'申請書（複数入力用）'!J882</f>
        <v/>
      </c>
      <c r="G880" s="6" t="str">
        <f>'申請書（複数入力用）'!K882</f>
        <v>a052r000000jS9ZAAU</v>
      </c>
      <c r="H880" s="12" t="e">
        <f>'申請書（複数入力用）'!N882</f>
        <v>#N/A</v>
      </c>
      <c r="I880" s="12" t="e">
        <f>'申請書（複数入力用）'!O882</f>
        <v>#N/A</v>
      </c>
      <c r="J880" s="12">
        <f>'申請書（複数入力用）'!P882</f>
        <v>1</v>
      </c>
    </row>
    <row r="881" spans="1:10" ht="51.6" customHeight="1" x14ac:dyDescent="0.45">
      <c r="A881" s="6">
        <f>'申請書（複数入力用）'!A883</f>
        <v>877</v>
      </c>
      <c r="B881" s="13">
        <f>'申請書（複数入力用）'!AH883</f>
        <v>0</v>
      </c>
      <c r="C881" s="6">
        <f>'申請書（複数入力用）'!B883</f>
        <v>0</v>
      </c>
      <c r="D881" s="6">
        <f>'申請書（複数入力用）'!D883</f>
        <v>0</v>
      </c>
      <c r="E881" s="14">
        <f>'申請書（複数入力用）'!H883</f>
        <v>0</v>
      </c>
      <c r="F881" s="11" t="str">
        <f>'申請書（複数入力用）'!J883</f>
        <v/>
      </c>
      <c r="G881" s="6" t="str">
        <f>'申請書（複数入力用）'!K883</f>
        <v>a052r000000jS9ZAAU</v>
      </c>
      <c r="H881" s="12" t="e">
        <f>'申請書（複数入力用）'!N883</f>
        <v>#N/A</v>
      </c>
      <c r="I881" s="12" t="e">
        <f>'申請書（複数入力用）'!O883</f>
        <v>#N/A</v>
      </c>
      <c r="J881" s="12">
        <f>'申請書（複数入力用）'!P883</f>
        <v>1</v>
      </c>
    </row>
    <row r="882" spans="1:10" ht="51.6" customHeight="1" x14ac:dyDescent="0.45">
      <c r="A882" s="6">
        <f>'申請書（複数入力用）'!A884</f>
        <v>878</v>
      </c>
      <c r="B882" s="13">
        <f>'申請書（複数入力用）'!AH884</f>
        <v>0</v>
      </c>
      <c r="C882" s="6">
        <f>'申請書（複数入力用）'!B884</f>
        <v>0</v>
      </c>
      <c r="D882" s="6">
        <f>'申請書（複数入力用）'!D884</f>
        <v>0</v>
      </c>
      <c r="E882" s="14">
        <f>'申請書（複数入力用）'!H884</f>
        <v>0</v>
      </c>
      <c r="F882" s="11" t="str">
        <f>'申請書（複数入力用）'!J884</f>
        <v/>
      </c>
      <c r="G882" s="6" t="str">
        <f>'申請書（複数入力用）'!K884</f>
        <v>a052r000000jS9ZAAU</v>
      </c>
      <c r="H882" s="12" t="e">
        <f>'申請書（複数入力用）'!N884</f>
        <v>#N/A</v>
      </c>
      <c r="I882" s="12" t="e">
        <f>'申請書（複数入力用）'!O884</f>
        <v>#N/A</v>
      </c>
      <c r="J882" s="12">
        <f>'申請書（複数入力用）'!P884</f>
        <v>1</v>
      </c>
    </row>
    <row r="883" spans="1:10" ht="51.6" customHeight="1" x14ac:dyDescent="0.45">
      <c r="A883" s="6">
        <f>'申請書（複数入力用）'!A885</f>
        <v>879</v>
      </c>
      <c r="B883" s="13">
        <f>'申請書（複数入力用）'!AH885</f>
        <v>0</v>
      </c>
      <c r="C883" s="6">
        <f>'申請書（複数入力用）'!B885</f>
        <v>0</v>
      </c>
      <c r="D883" s="6">
        <f>'申請書（複数入力用）'!D885</f>
        <v>0</v>
      </c>
      <c r="E883" s="14">
        <f>'申請書（複数入力用）'!H885</f>
        <v>0</v>
      </c>
      <c r="F883" s="11" t="str">
        <f>'申請書（複数入力用）'!J885</f>
        <v/>
      </c>
      <c r="G883" s="6" t="str">
        <f>'申請書（複数入力用）'!K885</f>
        <v>a052r000000jS9ZAAU</v>
      </c>
      <c r="H883" s="12" t="e">
        <f>'申請書（複数入力用）'!N885</f>
        <v>#N/A</v>
      </c>
      <c r="I883" s="12" t="e">
        <f>'申請書（複数入力用）'!O885</f>
        <v>#N/A</v>
      </c>
      <c r="J883" s="12">
        <f>'申請書（複数入力用）'!P885</f>
        <v>1</v>
      </c>
    </row>
    <row r="884" spans="1:10" ht="51.6" customHeight="1" x14ac:dyDescent="0.45">
      <c r="A884" s="6">
        <f>'申請書（複数入力用）'!A886</f>
        <v>880</v>
      </c>
      <c r="B884" s="13">
        <f>'申請書（複数入力用）'!AH886</f>
        <v>0</v>
      </c>
      <c r="C884" s="6">
        <f>'申請書（複数入力用）'!B886</f>
        <v>0</v>
      </c>
      <c r="D884" s="6">
        <f>'申請書（複数入力用）'!D886</f>
        <v>0</v>
      </c>
      <c r="E884" s="14">
        <f>'申請書（複数入力用）'!H886</f>
        <v>0</v>
      </c>
      <c r="F884" s="11" t="str">
        <f>'申請書（複数入力用）'!J886</f>
        <v/>
      </c>
      <c r="G884" s="6" t="str">
        <f>'申請書（複数入力用）'!K886</f>
        <v>a052r000000jS9ZAAU</v>
      </c>
      <c r="H884" s="12" t="e">
        <f>'申請書（複数入力用）'!N886</f>
        <v>#N/A</v>
      </c>
      <c r="I884" s="12" t="e">
        <f>'申請書（複数入力用）'!O886</f>
        <v>#N/A</v>
      </c>
      <c r="J884" s="12">
        <f>'申請書（複数入力用）'!P886</f>
        <v>1</v>
      </c>
    </row>
    <row r="885" spans="1:10" ht="51.6" customHeight="1" x14ac:dyDescent="0.45">
      <c r="A885" s="6">
        <f>'申請書（複数入力用）'!A887</f>
        <v>881</v>
      </c>
      <c r="B885" s="13">
        <f>'申請書（複数入力用）'!AH887</f>
        <v>0</v>
      </c>
      <c r="C885" s="6">
        <f>'申請書（複数入力用）'!B887</f>
        <v>0</v>
      </c>
      <c r="D885" s="6">
        <f>'申請書（複数入力用）'!D887</f>
        <v>0</v>
      </c>
      <c r="E885" s="14">
        <f>'申請書（複数入力用）'!H887</f>
        <v>0</v>
      </c>
      <c r="F885" s="11" t="str">
        <f>'申請書（複数入力用）'!J887</f>
        <v/>
      </c>
      <c r="G885" s="6" t="str">
        <f>'申請書（複数入力用）'!K887</f>
        <v>a052r000000jS9ZAAU</v>
      </c>
      <c r="H885" s="12" t="e">
        <f>'申請書（複数入力用）'!N887</f>
        <v>#N/A</v>
      </c>
      <c r="I885" s="12" t="e">
        <f>'申請書（複数入力用）'!O887</f>
        <v>#N/A</v>
      </c>
      <c r="J885" s="12">
        <f>'申請書（複数入力用）'!P887</f>
        <v>1</v>
      </c>
    </row>
    <row r="886" spans="1:10" ht="51.6" customHeight="1" x14ac:dyDescent="0.45">
      <c r="A886" s="6">
        <f>'申請書（複数入力用）'!A888</f>
        <v>882</v>
      </c>
      <c r="B886" s="13">
        <f>'申請書（複数入力用）'!AH888</f>
        <v>0</v>
      </c>
      <c r="C886" s="6">
        <f>'申請書（複数入力用）'!B888</f>
        <v>0</v>
      </c>
      <c r="D886" s="6">
        <f>'申請書（複数入力用）'!D888</f>
        <v>0</v>
      </c>
      <c r="E886" s="14">
        <f>'申請書（複数入力用）'!H888</f>
        <v>0</v>
      </c>
      <c r="F886" s="11" t="str">
        <f>'申請書（複数入力用）'!J888</f>
        <v/>
      </c>
      <c r="G886" s="6" t="str">
        <f>'申請書（複数入力用）'!K888</f>
        <v>a052r000000jS9ZAAU</v>
      </c>
      <c r="H886" s="12" t="e">
        <f>'申請書（複数入力用）'!N888</f>
        <v>#N/A</v>
      </c>
      <c r="I886" s="12" t="e">
        <f>'申請書（複数入力用）'!O888</f>
        <v>#N/A</v>
      </c>
      <c r="J886" s="12">
        <f>'申請書（複数入力用）'!P888</f>
        <v>1</v>
      </c>
    </row>
    <row r="887" spans="1:10" ht="51.6" customHeight="1" x14ac:dyDescent="0.45">
      <c r="A887" s="6">
        <f>'申請書（複数入力用）'!A889</f>
        <v>883</v>
      </c>
      <c r="B887" s="13">
        <f>'申請書（複数入力用）'!AH889</f>
        <v>0</v>
      </c>
      <c r="C887" s="6">
        <f>'申請書（複数入力用）'!B889</f>
        <v>0</v>
      </c>
      <c r="D887" s="6">
        <f>'申請書（複数入力用）'!D889</f>
        <v>0</v>
      </c>
      <c r="E887" s="14">
        <f>'申請書（複数入力用）'!H889</f>
        <v>0</v>
      </c>
      <c r="F887" s="11" t="str">
        <f>'申請書（複数入力用）'!J889</f>
        <v/>
      </c>
      <c r="G887" s="6" t="str">
        <f>'申請書（複数入力用）'!K889</f>
        <v>a052r000000jS9ZAAU</v>
      </c>
      <c r="H887" s="12" t="e">
        <f>'申請書（複数入力用）'!N889</f>
        <v>#N/A</v>
      </c>
      <c r="I887" s="12" t="e">
        <f>'申請書（複数入力用）'!O889</f>
        <v>#N/A</v>
      </c>
      <c r="J887" s="12">
        <f>'申請書（複数入力用）'!P889</f>
        <v>1</v>
      </c>
    </row>
    <row r="888" spans="1:10" ht="51.6" customHeight="1" x14ac:dyDescent="0.45">
      <c r="A888" s="6">
        <f>'申請書（複数入力用）'!A890</f>
        <v>884</v>
      </c>
      <c r="B888" s="13">
        <f>'申請書（複数入力用）'!AH890</f>
        <v>0</v>
      </c>
      <c r="C888" s="6">
        <f>'申請書（複数入力用）'!B890</f>
        <v>0</v>
      </c>
      <c r="D888" s="6">
        <f>'申請書（複数入力用）'!D890</f>
        <v>0</v>
      </c>
      <c r="E888" s="14">
        <f>'申請書（複数入力用）'!H890</f>
        <v>0</v>
      </c>
      <c r="F888" s="11" t="str">
        <f>'申請書（複数入力用）'!J890</f>
        <v/>
      </c>
      <c r="G888" s="6" t="str">
        <f>'申請書（複数入力用）'!K890</f>
        <v>a052r000000jS9ZAAU</v>
      </c>
      <c r="H888" s="12" t="e">
        <f>'申請書（複数入力用）'!N890</f>
        <v>#N/A</v>
      </c>
      <c r="I888" s="12" t="e">
        <f>'申請書（複数入力用）'!O890</f>
        <v>#N/A</v>
      </c>
      <c r="J888" s="12">
        <f>'申請書（複数入力用）'!P890</f>
        <v>1</v>
      </c>
    </row>
    <row r="889" spans="1:10" ht="51.6" customHeight="1" x14ac:dyDescent="0.45">
      <c r="A889" s="6">
        <f>'申請書（複数入力用）'!A891</f>
        <v>885</v>
      </c>
      <c r="B889" s="13">
        <f>'申請書（複数入力用）'!AH891</f>
        <v>0</v>
      </c>
      <c r="C889" s="6">
        <f>'申請書（複数入力用）'!B891</f>
        <v>0</v>
      </c>
      <c r="D889" s="6">
        <f>'申請書（複数入力用）'!D891</f>
        <v>0</v>
      </c>
      <c r="E889" s="14">
        <f>'申請書（複数入力用）'!H891</f>
        <v>0</v>
      </c>
      <c r="F889" s="11" t="str">
        <f>'申請書（複数入力用）'!J891</f>
        <v/>
      </c>
      <c r="G889" s="6" t="str">
        <f>'申請書（複数入力用）'!K891</f>
        <v>a052r000000jS9ZAAU</v>
      </c>
      <c r="H889" s="12" t="e">
        <f>'申請書（複数入力用）'!N891</f>
        <v>#N/A</v>
      </c>
      <c r="I889" s="12" t="e">
        <f>'申請書（複数入力用）'!O891</f>
        <v>#N/A</v>
      </c>
      <c r="J889" s="12">
        <f>'申請書（複数入力用）'!P891</f>
        <v>1</v>
      </c>
    </row>
    <row r="890" spans="1:10" ht="51.6" customHeight="1" x14ac:dyDescent="0.45">
      <c r="A890" s="6">
        <f>'申請書（複数入力用）'!A892</f>
        <v>886</v>
      </c>
      <c r="B890" s="13">
        <f>'申請書（複数入力用）'!AH892</f>
        <v>0</v>
      </c>
      <c r="C890" s="6">
        <f>'申請書（複数入力用）'!B892</f>
        <v>0</v>
      </c>
      <c r="D890" s="6">
        <f>'申請書（複数入力用）'!D892</f>
        <v>0</v>
      </c>
      <c r="E890" s="14">
        <f>'申請書（複数入力用）'!H892</f>
        <v>0</v>
      </c>
      <c r="F890" s="11" t="str">
        <f>'申請書（複数入力用）'!J892</f>
        <v/>
      </c>
      <c r="G890" s="6" t="str">
        <f>'申請書（複数入力用）'!K892</f>
        <v>a052r000000jS9ZAAU</v>
      </c>
      <c r="H890" s="12" t="e">
        <f>'申請書（複数入力用）'!N892</f>
        <v>#N/A</v>
      </c>
      <c r="I890" s="12" t="e">
        <f>'申請書（複数入力用）'!O892</f>
        <v>#N/A</v>
      </c>
      <c r="J890" s="12">
        <f>'申請書（複数入力用）'!P892</f>
        <v>1</v>
      </c>
    </row>
    <row r="891" spans="1:10" ht="51.6" customHeight="1" x14ac:dyDescent="0.45">
      <c r="A891" s="6">
        <f>'申請書（複数入力用）'!A893</f>
        <v>887</v>
      </c>
      <c r="B891" s="13">
        <f>'申請書（複数入力用）'!AH893</f>
        <v>0</v>
      </c>
      <c r="C891" s="6">
        <f>'申請書（複数入力用）'!B893</f>
        <v>0</v>
      </c>
      <c r="D891" s="6">
        <f>'申請書（複数入力用）'!D893</f>
        <v>0</v>
      </c>
      <c r="E891" s="14">
        <f>'申請書（複数入力用）'!H893</f>
        <v>0</v>
      </c>
      <c r="F891" s="11" t="str">
        <f>'申請書（複数入力用）'!J893</f>
        <v/>
      </c>
      <c r="G891" s="6" t="str">
        <f>'申請書（複数入力用）'!K893</f>
        <v>a052r000000jS9ZAAU</v>
      </c>
      <c r="H891" s="12" t="e">
        <f>'申請書（複数入力用）'!N893</f>
        <v>#N/A</v>
      </c>
      <c r="I891" s="12" t="e">
        <f>'申請書（複数入力用）'!O893</f>
        <v>#N/A</v>
      </c>
      <c r="J891" s="12">
        <f>'申請書（複数入力用）'!P893</f>
        <v>1</v>
      </c>
    </row>
    <row r="892" spans="1:10" ht="51.6" customHeight="1" x14ac:dyDescent="0.45">
      <c r="A892" s="6">
        <f>'申請書（複数入力用）'!A894</f>
        <v>888</v>
      </c>
      <c r="B892" s="13">
        <f>'申請書（複数入力用）'!AH894</f>
        <v>0</v>
      </c>
      <c r="C892" s="6">
        <f>'申請書（複数入力用）'!B894</f>
        <v>0</v>
      </c>
      <c r="D892" s="6">
        <f>'申請書（複数入力用）'!D894</f>
        <v>0</v>
      </c>
      <c r="E892" s="14">
        <f>'申請書（複数入力用）'!H894</f>
        <v>0</v>
      </c>
      <c r="F892" s="11" t="str">
        <f>'申請書（複数入力用）'!J894</f>
        <v/>
      </c>
      <c r="G892" s="6" t="str">
        <f>'申請書（複数入力用）'!K894</f>
        <v>a052r000000jS9ZAAU</v>
      </c>
      <c r="H892" s="12" t="e">
        <f>'申請書（複数入力用）'!N894</f>
        <v>#N/A</v>
      </c>
      <c r="I892" s="12" t="e">
        <f>'申請書（複数入力用）'!O894</f>
        <v>#N/A</v>
      </c>
      <c r="J892" s="12">
        <f>'申請書（複数入力用）'!P894</f>
        <v>1</v>
      </c>
    </row>
    <row r="893" spans="1:10" ht="51.6" customHeight="1" x14ac:dyDescent="0.45">
      <c r="A893" s="6">
        <f>'申請書（複数入力用）'!A895</f>
        <v>889</v>
      </c>
      <c r="B893" s="13">
        <f>'申請書（複数入力用）'!AH895</f>
        <v>0</v>
      </c>
      <c r="C893" s="6">
        <f>'申請書（複数入力用）'!B895</f>
        <v>0</v>
      </c>
      <c r="D893" s="6">
        <f>'申請書（複数入力用）'!D895</f>
        <v>0</v>
      </c>
      <c r="E893" s="14">
        <f>'申請書（複数入力用）'!H895</f>
        <v>0</v>
      </c>
      <c r="F893" s="11" t="str">
        <f>'申請書（複数入力用）'!J895</f>
        <v/>
      </c>
      <c r="G893" s="6" t="str">
        <f>'申請書（複数入力用）'!K895</f>
        <v>a052r000000jS9ZAAU</v>
      </c>
      <c r="H893" s="12" t="e">
        <f>'申請書（複数入力用）'!N895</f>
        <v>#N/A</v>
      </c>
      <c r="I893" s="12" t="e">
        <f>'申請書（複数入力用）'!O895</f>
        <v>#N/A</v>
      </c>
      <c r="J893" s="12">
        <f>'申請書（複数入力用）'!P895</f>
        <v>1</v>
      </c>
    </row>
    <row r="894" spans="1:10" ht="51.6" customHeight="1" x14ac:dyDescent="0.45">
      <c r="A894" s="6">
        <f>'申請書（複数入力用）'!A896</f>
        <v>890</v>
      </c>
      <c r="B894" s="13">
        <f>'申請書（複数入力用）'!AH896</f>
        <v>0</v>
      </c>
      <c r="C894" s="6">
        <f>'申請書（複数入力用）'!B896</f>
        <v>0</v>
      </c>
      <c r="D894" s="6">
        <f>'申請書（複数入力用）'!D896</f>
        <v>0</v>
      </c>
      <c r="E894" s="14">
        <f>'申請書（複数入力用）'!H896</f>
        <v>0</v>
      </c>
      <c r="F894" s="11" t="str">
        <f>'申請書（複数入力用）'!J896</f>
        <v/>
      </c>
      <c r="G894" s="6" t="str">
        <f>'申請書（複数入力用）'!K896</f>
        <v>a052r000000jS9ZAAU</v>
      </c>
      <c r="H894" s="12" t="e">
        <f>'申請書（複数入力用）'!N896</f>
        <v>#N/A</v>
      </c>
      <c r="I894" s="12" t="e">
        <f>'申請書（複数入力用）'!O896</f>
        <v>#N/A</v>
      </c>
      <c r="J894" s="12">
        <f>'申請書（複数入力用）'!P896</f>
        <v>1</v>
      </c>
    </row>
    <row r="895" spans="1:10" ht="51.6" customHeight="1" x14ac:dyDescent="0.45">
      <c r="A895" s="6">
        <f>'申請書（複数入力用）'!A897</f>
        <v>891</v>
      </c>
      <c r="B895" s="13">
        <f>'申請書（複数入力用）'!AH897</f>
        <v>0</v>
      </c>
      <c r="C895" s="6">
        <f>'申請書（複数入力用）'!B897</f>
        <v>0</v>
      </c>
      <c r="D895" s="6">
        <f>'申請書（複数入力用）'!D897</f>
        <v>0</v>
      </c>
      <c r="E895" s="14">
        <f>'申請書（複数入力用）'!H897</f>
        <v>0</v>
      </c>
      <c r="F895" s="11" t="str">
        <f>'申請書（複数入力用）'!J897</f>
        <v/>
      </c>
      <c r="G895" s="6" t="str">
        <f>'申請書（複数入力用）'!K897</f>
        <v>a052r000000jS9ZAAU</v>
      </c>
      <c r="H895" s="12" t="e">
        <f>'申請書（複数入力用）'!N897</f>
        <v>#N/A</v>
      </c>
      <c r="I895" s="12" t="e">
        <f>'申請書（複数入力用）'!O897</f>
        <v>#N/A</v>
      </c>
      <c r="J895" s="12">
        <f>'申請書（複数入力用）'!P897</f>
        <v>1</v>
      </c>
    </row>
    <row r="896" spans="1:10" ht="51.6" customHeight="1" x14ac:dyDescent="0.45">
      <c r="A896" s="6">
        <f>'申請書（複数入力用）'!A898</f>
        <v>892</v>
      </c>
      <c r="B896" s="13">
        <f>'申請書（複数入力用）'!AH898</f>
        <v>0</v>
      </c>
      <c r="C896" s="6">
        <f>'申請書（複数入力用）'!B898</f>
        <v>0</v>
      </c>
      <c r="D896" s="6">
        <f>'申請書（複数入力用）'!D898</f>
        <v>0</v>
      </c>
      <c r="E896" s="14">
        <f>'申請書（複数入力用）'!H898</f>
        <v>0</v>
      </c>
      <c r="F896" s="11" t="str">
        <f>'申請書（複数入力用）'!J898</f>
        <v/>
      </c>
      <c r="G896" s="6" t="str">
        <f>'申請書（複数入力用）'!K898</f>
        <v>a052r000000jS9ZAAU</v>
      </c>
      <c r="H896" s="12" t="e">
        <f>'申請書（複数入力用）'!N898</f>
        <v>#N/A</v>
      </c>
      <c r="I896" s="12" t="e">
        <f>'申請書（複数入力用）'!O898</f>
        <v>#N/A</v>
      </c>
      <c r="J896" s="12">
        <f>'申請書（複数入力用）'!P898</f>
        <v>1</v>
      </c>
    </row>
    <row r="897" spans="1:10" ht="51.6" customHeight="1" x14ac:dyDescent="0.45">
      <c r="A897" s="6">
        <f>'申請書（複数入力用）'!A899</f>
        <v>893</v>
      </c>
      <c r="B897" s="13">
        <f>'申請書（複数入力用）'!AH899</f>
        <v>0</v>
      </c>
      <c r="C897" s="6">
        <f>'申請書（複数入力用）'!B899</f>
        <v>0</v>
      </c>
      <c r="D897" s="6">
        <f>'申請書（複数入力用）'!D899</f>
        <v>0</v>
      </c>
      <c r="E897" s="14">
        <f>'申請書（複数入力用）'!H899</f>
        <v>0</v>
      </c>
      <c r="F897" s="11" t="str">
        <f>'申請書（複数入力用）'!J899</f>
        <v/>
      </c>
      <c r="G897" s="6" t="str">
        <f>'申請書（複数入力用）'!K899</f>
        <v>a052r000000jS9ZAAU</v>
      </c>
      <c r="H897" s="12" t="e">
        <f>'申請書（複数入力用）'!N899</f>
        <v>#N/A</v>
      </c>
      <c r="I897" s="12" t="e">
        <f>'申請書（複数入力用）'!O899</f>
        <v>#N/A</v>
      </c>
      <c r="J897" s="12">
        <f>'申請書（複数入力用）'!P899</f>
        <v>1</v>
      </c>
    </row>
    <row r="898" spans="1:10" ht="51.6" customHeight="1" x14ac:dyDescent="0.45">
      <c r="A898" s="6">
        <f>'申請書（複数入力用）'!A900</f>
        <v>894</v>
      </c>
      <c r="B898" s="13">
        <f>'申請書（複数入力用）'!AH900</f>
        <v>0</v>
      </c>
      <c r="C898" s="6">
        <f>'申請書（複数入力用）'!B900</f>
        <v>0</v>
      </c>
      <c r="D898" s="6">
        <f>'申請書（複数入力用）'!D900</f>
        <v>0</v>
      </c>
      <c r="E898" s="14">
        <f>'申請書（複数入力用）'!H900</f>
        <v>0</v>
      </c>
      <c r="F898" s="11" t="str">
        <f>'申請書（複数入力用）'!J900</f>
        <v/>
      </c>
      <c r="G898" s="6" t="str">
        <f>'申請書（複数入力用）'!K900</f>
        <v>a052r000000jS9ZAAU</v>
      </c>
      <c r="H898" s="12" t="e">
        <f>'申請書（複数入力用）'!N900</f>
        <v>#N/A</v>
      </c>
      <c r="I898" s="12" t="e">
        <f>'申請書（複数入力用）'!O900</f>
        <v>#N/A</v>
      </c>
      <c r="J898" s="12">
        <f>'申請書（複数入力用）'!P900</f>
        <v>1</v>
      </c>
    </row>
    <row r="899" spans="1:10" ht="51.6" customHeight="1" x14ac:dyDescent="0.45">
      <c r="A899" s="6">
        <f>'申請書（複数入力用）'!A901</f>
        <v>895</v>
      </c>
      <c r="B899" s="13">
        <f>'申請書（複数入力用）'!AH901</f>
        <v>0</v>
      </c>
      <c r="C899" s="6">
        <f>'申請書（複数入力用）'!B901</f>
        <v>0</v>
      </c>
      <c r="D899" s="6">
        <f>'申請書（複数入力用）'!D901</f>
        <v>0</v>
      </c>
      <c r="E899" s="14">
        <f>'申請書（複数入力用）'!H901</f>
        <v>0</v>
      </c>
      <c r="F899" s="11" t="str">
        <f>'申請書（複数入力用）'!J901</f>
        <v/>
      </c>
      <c r="G899" s="6" t="str">
        <f>'申請書（複数入力用）'!K901</f>
        <v>a052r000000jS9ZAAU</v>
      </c>
      <c r="H899" s="12" t="e">
        <f>'申請書（複数入力用）'!N901</f>
        <v>#N/A</v>
      </c>
      <c r="I899" s="12" t="e">
        <f>'申請書（複数入力用）'!O901</f>
        <v>#N/A</v>
      </c>
      <c r="J899" s="12">
        <f>'申請書（複数入力用）'!P901</f>
        <v>1</v>
      </c>
    </row>
    <row r="900" spans="1:10" ht="51.6" customHeight="1" x14ac:dyDescent="0.45">
      <c r="A900" s="6">
        <f>'申請書（複数入力用）'!A902</f>
        <v>896</v>
      </c>
      <c r="B900" s="13">
        <f>'申請書（複数入力用）'!AH902</f>
        <v>0</v>
      </c>
      <c r="C900" s="6">
        <f>'申請書（複数入力用）'!B902</f>
        <v>0</v>
      </c>
      <c r="D900" s="6">
        <f>'申請書（複数入力用）'!D902</f>
        <v>0</v>
      </c>
      <c r="E900" s="14">
        <f>'申請書（複数入力用）'!H902</f>
        <v>0</v>
      </c>
      <c r="F900" s="11" t="str">
        <f>'申請書（複数入力用）'!J902</f>
        <v/>
      </c>
      <c r="G900" s="6" t="str">
        <f>'申請書（複数入力用）'!K902</f>
        <v>a052r000000jS9ZAAU</v>
      </c>
      <c r="H900" s="12" t="e">
        <f>'申請書（複数入力用）'!N902</f>
        <v>#N/A</v>
      </c>
      <c r="I900" s="12" t="e">
        <f>'申請書（複数入力用）'!O902</f>
        <v>#N/A</v>
      </c>
      <c r="J900" s="12">
        <f>'申請書（複数入力用）'!P902</f>
        <v>1</v>
      </c>
    </row>
    <row r="901" spans="1:10" ht="51.6" customHeight="1" x14ac:dyDescent="0.45">
      <c r="A901" s="6">
        <f>'申請書（複数入力用）'!A903</f>
        <v>897</v>
      </c>
      <c r="B901" s="13">
        <f>'申請書（複数入力用）'!AH903</f>
        <v>0</v>
      </c>
      <c r="C901" s="6">
        <f>'申請書（複数入力用）'!B903</f>
        <v>0</v>
      </c>
      <c r="D901" s="6">
        <f>'申請書（複数入力用）'!D903</f>
        <v>0</v>
      </c>
      <c r="E901" s="14">
        <f>'申請書（複数入力用）'!H903</f>
        <v>0</v>
      </c>
      <c r="F901" s="11" t="str">
        <f>'申請書（複数入力用）'!J903</f>
        <v/>
      </c>
      <c r="G901" s="6" t="str">
        <f>'申請書（複数入力用）'!K903</f>
        <v>a052r000000jS9ZAAU</v>
      </c>
      <c r="H901" s="12" t="e">
        <f>'申請書（複数入力用）'!N903</f>
        <v>#N/A</v>
      </c>
      <c r="I901" s="12" t="e">
        <f>'申請書（複数入力用）'!O903</f>
        <v>#N/A</v>
      </c>
      <c r="J901" s="12">
        <f>'申請書（複数入力用）'!P903</f>
        <v>1</v>
      </c>
    </row>
    <row r="902" spans="1:10" ht="51.6" customHeight="1" x14ac:dyDescent="0.45">
      <c r="A902" s="6">
        <f>'申請書（複数入力用）'!A904</f>
        <v>898</v>
      </c>
      <c r="B902" s="13">
        <f>'申請書（複数入力用）'!AH904</f>
        <v>0</v>
      </c>
      <c r="C902" s="6">
        <f>'申請書（複数入力用）'!B904</f>
        <v>0</v>
      </c>
      <c r="D902" s="6">
        <f>'申請書（複数入力用）'!D904</f>
        <v>0</v>
      </c>
      <c r="E902" s="14">
        <f>'申請書（複数入力用）'!H904</f>
        <v>0</v>
      </c>
      <c r="F902" s="11" t="str">
        <f>'申請書（複数入力用）'!J904</f>
        <v/>
      </c>
      <c r="G902" s="6" t="str">
        <f>'申請書（複数入力用）'!K904</f>
        <v>a052r000000jS9ZAAU</v>
      </c>
      <c r="H902" s="12" t="e">
        <f>'申請書（複数入力用）'!N904</f>
        <v>#N/A</v>
      </c>
      <c r="I902" s="12" t="e">
        <f>'申請書（複数入力用）'!O904</f>
        <v>#N/A</v>
      </c>
      <c r="J902" s="12">
        <f>'申請書（複数入力用）'!P904</f>
        <v>1</v>
      </c>
    </row>
    <row r="903" spans="1:10" ht="51.6" customHeight="1" x14ac:dyDescent="0.45">
      <c r="A903" s="6">
        <f>'申請書（複数入力用）'!A905</f>
        <v>899</v>
      </c>
      <c r="B903" s="13">
        <f>'申請書（複数入力用）'!AH905</f>
        <v>0</v>
      </c>
      <c r="C903" s="6">
        <f>'申請書（複数入力用）'!B905</f>
        <v>0</v>
      </c>
      <c r="D903" s="6">
        <f>'申請書（複数入力用）'!D905</f>
        <v>0</v>
      </c>
      <c r="E903" s="14">
        <f>'申請書（複数入力用）'!H905</f>
        <v>0</v>
      </c>
      <c r="F903" s="11" t="str">
        <f>'申請書（複数入力用）'!J905</f>
        <v/>
      </c>
      <c r="G903" s="6" t="str">
        <f>'申請書（複数入力用）'!K905</f>
        <v>a052r000000jS9ZAAU</v>
      </c>
      <c r="H903" s="12" t="e">
        <f>'申請書（複数入力用）'!N905</f>
        <v>#N/A</v>
      </c>
      <c r="I903" s="12" t="e">
        <f>'申請書（複数入力用）'!O905</f>
        <v>#N/A</v>
      </c>
      <c r="J903" s="12">
        <f>'申請書（複数入力用）'!P905</f>
        <v>1</v>
      </c>
    </row>
    <row r="904" spans="1:10" ht="51.6" customHeight="1" x14ac:dyDescent="0.45">
      <c r="A904" s="6">
        <f>'申請書（複数入力用）'!A906</f>
        <v>900</v>
      </c>
      <c r="B904" s="13">
        <f>'申請書（複数入力用）'!AH906</f>
        <v>0</v>
      </c>
      <c r="C904" s="6">
        <f>'申請書（複数入力用）'!B906</f>
        <v>0</v>
      </c>
      <c r="D904" s="6">
        <f>'申請書（複数入力用）'!D906</f>
        <v>0</v>
      </c>
      <c r="E904" s="14">
        <f>'申請書（複数入力用）'!H906</f>
        <v>0</v>
      </c>
      <c r="F904" s="11" t="str">
        <f>'申請書（複数入力用）'!J906</f>
        <v/>
      </c>
      <c r="G904" s="6" t="str">
        <f>'申請書（複数入力用）'!K906</f>
        <v>a052r000000jS9ZAAU</v>
      </c>
      <c r="H904" s="12" t="e">
        <f>'申請書（複数入力用）'!N906</f>
        <v>#N/A</v>
      </c>
      <c r="I904" s="12" t="e">
        <f>'申請書（複数入力用）'!O906</f>
        <v>#N/A</v>
      </c>
      <c r="J904" s="12">
        <f>'申請書（複数入力用）'!P906</f>
        <v>1</v>
      </c>
    </row>
    <row r="905" spans="1:10" ht="51.6" customHeight="1" x14ac:dyDescent="0.45">
      <c r="A905" s="6">
        <f>'申請書（複数入力用）'!A907</f>
        <v>901</v>
      </c>
      <c r="B905" s="13">
        <f>'申請書（複数入力用）'!AH907</f>
        <v>0</v>
      </c>
      <c r="C905" s="6">
        <f>'申請書（複数入力用）'!B907</f>
        <v>0</v>
      </c>
      <c r="D905" s="6">
        <f>'申請書（複数入力用）'!D907</f>
        <v>0</v>
      </c>
      <c r="E905" s="14">
        <f>'申請書（複数入力用）'!H907</f>
        <v>0</v>
      </c>
      <c r="F905" s="11" t="str">
        <f>'申請書（複数入力用）'!J907</f>
        <v/>
      </c>
      <c r="G905" s="6" t="str">
        <f>'申請書（複数入力用）'!K907</f>
        <v>a052r000000jS9ZAAU</v>
      </c>
      <c r="H905" s="12" t="e">
        <f>'申請書（複数入力用）'!N907</f>
        <v>#N/A</v>
      </c>
      <c r="I905" s="12" t="e">
        <f>'申請書（複数入力用）'!O907</f>
        <v>#N/A</v>
      </c>
      <c r="J905" s="12">
        <f>'申請書（複数入力用）'!P907</f>
        <v>1</v>
      </c>
    </row>
    <row r="906" spans="1:10" ht="51.6" customHeight="1" x14ac:dyDescent="0.45">
      <c r="A906" s="6">
        <f>'申請書（複数入力用）'!A908</f>
        <v>902</v>
      </c>
      <c r="B906" s="13">
        <f>'申請書（複数入力用）'!AH908</f>
        <v>0</v>
      </c>
      <c r="C906" s="6">
        <f>'申請書（複数入力用）'!B908</f>
        <v>0</v>
      </c>
      <c r="D906" s="6">
        <f>'申請書（複数入力用）'!D908</f>
        <v>0</v>
      </c>
      <c r="E906" s="14">
        <f>'申請書（複数入力用）'!H908</f>
        <v>0</v>
      </c>
      <c r="F906" s="11" t="str">
        <f>'申請書（複数入力用）'!J908</f>
        <v/>
      </c>
      <c r="G906" s="6" t="str">
        <f>'申請書（複数入力用）'!K908</f>
        <v>a052r000000jS9ZAAU</v>
      </c>
      <c r="H906" s="12" t="e">
        <f>'申請書（複数入力用）'!N908</f>
        <v>#N/A</v>
      </c>
      <c r="I906" s="12" t="e">
        <f>'申請書（複数入力用）'!O908</f>
        <v>#N/A</v>
      </c>
      <c r="J906" s="12">
        <f>'申請書（複数入力用）'!P908</f>
        <v>1</v>
      </c>
    </row>
    <row r="907" spans="1:10" ht="51.6" customHeight="1" x14ac:dyDescent="0.45">
      <c r="A907" s="6">
        <f>'申請書（複数入力用）'!A909</f>
        <v>903</v>
      </c>
      <c r="B907" s="13">
        <f>'申請書（複数入力用）'!AH909</f>
        <v>0</v>
      </c>
      <c r="C907" s="6">
        <f>'申請書（複数入力用）'!B909</f>
        <v>0</v>
      </c>
      <c r="D907" s="6">
        <f>'申請書（複数入力用）'!D909</f>
        <v>0</v>
      </c>
      <c r="E907" s="14">
        <f>'申請書（複数入力用）'!H909</f>
        <v>0</v>
      </c>
      <c r="F907" s="11" t="str">
        <f>'申請書（複数入力用）'!J909</f>
        <v/>
      </c>
      <c r="G907" s="6" t="str">
        <f>'申請書（複数入力用）'!K909</f>
        <v>a052r000000jS9ZAAU</v>
      </c>
      <c r="H907" s="12" t="e">
        <f>'申請書（複数入力用）'!N909</f>
        <v>#N/A</v>
      </c>
      <c r="I907" s="12" t="e">
        <f>'申請書（複数入力用）'!O909</f>
        <v>#N/A</v>
      </c>
      <c r="J907" s="12">
        <f>'申請書（複数入力用）'!P909</f>
        <v>1</v>
      </c>
    </row>
    <row r="908" spans="1:10" ht="51.6" customHeight="1" x14ac:dyDescent="0.45">
      <c r="A908" s="6">
        <f>'申請書（複数入力用）'!A910</f>
        <v>904</v>
      </c>
      <c r="B908" s="13">
        <f>'申請書（複数入力用）'!AH910</f>
        <v>0</v>
      </c>
      <c r="C908" s="6">
        <f>'申請書（複数入力用）'!B910</f>
        <v>0</v>
      </c>
      <c r="D908" s="6">
        <f>'申請書（複数入力用）'!D910</f>
        <v>0</v>
      </c>
      <c r="E908" s="14">
        <f>'申請書（複数入力用）'!H910</f>
        <v>0</v>
      </c>
      <c r="F908" s="11" t="str">
        <f>'申請書（複数入力用）'!J910</f>
        <v/>
      </c>
      <c r="G908" s="6" t="str">
        <f>'申請書（複数入力用）'!K910</f>
        <v>a052r000000jS9ZAAU</v>
      </c>
      <c r="H908" s="12" t="e">
        <f>'申請書（複数入力用）'!N910</f>
        <v>#N/A</v>
      </c>
      <c r="I908" s="12" t="e">
        <f>'申請書（複数入力用）'!O910</f>
        <v>#N/A</v>
      </c>
      <c r="J908" s="12">
        <f>'申請書（複数入力用）'!P910</f>
        <v>1</v>
      </c>
    </row>
    <row r="909" spans="1:10" ht="51.6" customHeight="1" x14ac:dyDescent="0.45">
      <c r="A909" s="6">
        <f>'申請書（複数入力用）'!A911</f>
        <v>905</v>
      </c>
      <c r="B909" s="13">
        <f>'申請書（複数入力用）'!AH911</f>
        <v>0</v>
      </c>
      <c r="C909" s="6">
        <f>'申請書（複数入力用）'!B911</f>
        <v>0</v>
      </c>
      <c r="D909" s="6">
        <f>'申請書（複数入力用）'!D911</f>
        <v>0</v>
      </c>
      <c r="E909" s="14">
        <f>'申請書（複数入力用）'!H911</f>
        <v>0</v>
      </c>
      <c r="F909" s="11" t="str">
        <f>'申請書（複数入力用）'!J911</f>
        <v/>
      </c>
      <c r="G909" s="6" t="str">
        <f>'申請書（複数入力用）'!K911</f>
        <v>a052r000000jS9ZAAU</v>
      </c>
      <c r="H909" s="12" t="e">
        <f>'申請書（複数入力用）'!N911</f>
        <v>#N/A</v>
      </c>
      <c r="I909" s="12" t="e">
        <f>'申請書（複数入力用）'!O911</f>
        <v>#N/A</v>
      </c>
      <c r="J909" s="12">
        <f>'申請書（複数入力用）'!P911</f>
        <v>1</v>
      </c>
    </row>
    <row r="910" spans="1:10" ht="51.6" customHeight="1" x14ac:dyDescent="0.45">
      <c r="A910" s="6">
        <f>'申請書（複数入力用）'!A912</f>
        <v>906</v>
      </c>
      <c r="B910" s="13">
        <f>'申請書（複数入力用）'!AH912</f>
        <v>0</v>
      </c>
      <c r="C910" s="6">
        <f>'申請書（複数入力用）'!B912</f>
        <v>0</v>
      </c>
      <c r="D910" s="6">
        <f>'申請書（複数入力用）'!D912</f>
        <v>0</v>
      </c>
      <c r="E910" s="14">
        <f>'申請書（複数入力用）'!H912</f>
        <v>0</v>
      </c>
      <c r="F910" s="11" t="str">
        <f>'申請書（複数入力用）'!J912</f>
        <v/>
      </c>
      <c r="G910" s="6" t="str">
        <f>'申請書（複数入力用）'!K912</f>
        <v>a052r000000jS9ZAAU</v>
      </c>
      <c r="H910" s="12" t="e">
        <f>'申請書（複数入力用）'!N912</f>
        <v>#N/A</v>
      </c>
      <c r="I910" s="12" t="e">
        <f>'申請書（複数入力用）'!O912</f>
        <v>#N/A</v>
      </c>
      <c r="J910" s="12">
        <f>'申請書（複数入力用）'!P912</f>
        <v>1</v>
      </c>
    </row>
    <row r="911" spans="1:10" ht="51.6" customHeight="1" x14ac:dyDescent="0.45">
      <c r="A911" s="6">
        <f>'申請書（複数入力用）'!A913</f>
        <v>907</v>
      </c>
      <c r="B911" s="13">
        <f>'申請書（複数入力用）'!AH913</f>
        <v>0</v>
      </c>
      <c r="C911" s="6">
        <f>'申請書（複数入力用）'!B913</f>
        <v>0</v>
      </c>
      <c r="D911" s="6">
        <f>'申請書（複数入力用）'!D913</f>
        <v>0</v>
      </c>
      <c r="E911" s="14">
        <f>'申請書（複数入力用）'!H913</f>
        <v>0</v>
      </c>
      <c r="F911" s="11" t="str">
        <f>'申請書（複数入力用）'!J913</f>
        <v/>
      </c>
      <c r="G911" s="6" t="str">
        <f>'申請書（複数入力用）'!K913</f>
        <v>a052r000000jS9ZAAU</v>
      </c>
      <c r="H911" s="12" t="e">
        <f>'申請書（複数入力用）'!N913</f>
        <v>#N/A</v>
      </c>
      <c r="I911" s="12" t="e">
        <f>'申請書（複数入力用）'!O913</f>
        <v>#N/A</v>
      </c>
      <c r="J911" s="12">
        <f>'申請書（複数入力用）'!P913</f>
        <v>1</v>
      </c>
    </row>
    <row r="912" spans="1:10" ht="51.6" customHeight="1" x14ac:dyDescent="0.45">
      <c r="A912" s="6">
        <f>'申請書（複数入力用）'!A914</f>
        <v>908</v>
      </c>
      <c r="B912" s="13">
        <f>'申請書（複数入力用）'!AH914</f>
        <v>0</v>
      </c>
      <c r="C912" s="6">
        <f>'申請書（複数入力用）'!B914</f>
        <v>0</v>
      </c>
      <c r="D912" s="6">
        <f>'申請書（複数入力用）'!D914</f>
        <v>0</v>
      </c>
      <c r="E912" s="14">
        <f>'申請書（複数入力用）'!H914</f>
        <v>0</v>
      </c>
      <c r="F912" s="11" t="str">
        <f>'申請書（複数入力用）'!J914</f>
        <v/>
      </c>
      <c r="G912" s="6" t="str">
        <f>'申請書（複数入力用）'!K914</f>
        <v>a052r000000jS9ZAAU</v>
      </c>
      <c r="H912" s="12" t="e">
        <f>'申請書（複数入力用）'!N914</f>
        <v>#N/A</v>
      </c>
      <c r="I912" s="12" t="e">
        <f>'申請書（複数入力用）'!O914</f>
        <v>#N/A</v>
      </c>
      <c r="J912" s="12">
        <f>'申請書（複数入力用）'!P914</f>
        <v>1</v>
      </c>
    </row>
    <row r="913" spans="1:10" ht="51.6" customHeight="1" x14ac:dyDescent="0.45">
      <c r="A913" s="6">
        <f>'申請書（複数入力用）'!A915</f>
        <v>909</v>
      </c>
      <c r="B913" s="13">
        <f>'申請書（複数入力用）'!AH915</f>
        <v>0</v>
      </c>
      <c r="C913" s="6">
        <f>'申請書（複数入力用）'!B915</f>
        <v>0</v>
      </c>
      <c r="D913" s="6">
        <f>'申請書（複数入力用）'!D915</f>
        <v>0</v>
      </c>
      <c r="E913" s="14">
        <f>'申請書（複数入力用）'!H915</f>
        <v>0</v>
      </c>
      <c r="F913" s="11" t="str">
        <f>'申請書（複数入力用）'!J915</f>
        <v/>
      </c>
      <c r="G913" s="6" t="str">
        <f>'申請書（複数入力用）'!K915</f>
        <v>a052r000000jS9ZAAU</v>
      </c>
      <c r="H913" s="12" t="e">
        <f>'申請書（複数入力用）'!N915</f>
        <v>#N/A</v>
      </c>
      <c r="I913" s="12" t="e">
        <f>'申請書（複数入力用）'!O915</f>
        <v>#N/A</v>
      </c>
      <c r="J913" s="12">
        <f>'申請書（複数入力用）'!P915</f>
        <v>1</v>
      </c>
    </row>
    <row r="914" spans="1:10" ht="51.6" customHeight="1" x14ac:dyDescent="0.45">
      <c r="A914" s="6">
        <f>'申請書（複数入力用）'!A916</f>
        <v>910</v>
      </c>
      <c r="B914" s="13">
        <f>'申請書（複数入力用）'!AH916</f>
        <v>0</v>
      </c>
      <c r="C914" s="6">
        <f>'申請書（複数入力用）'!B916</f>
        <v>0</v>
      </c>
      <c r="D914" s="6">
        <f>'申請書（複数入力用）'!D916</f>
        <v>0</v>
      </c>
      <c r="E914" s="14">
        <f>'申請書（複数入力用）'!H916</f>
        <v>0</v>
      </c>
      <c r="F914" s="11" t="str">
        <f>'申請書（複数入力用）'!J916</f>
        <v/>
      </c>
      <c r="G914" s="6" t="str">
        <f>'申請書（複数入力用）'!K916</f>
        <v>a052r000000jS9ZAAU</v>
      </c>
      <c r="H914" s="12" t="e">
        <f>'申請書（複数入力用）'!N916</f>
        <v>#N/A</v>
      </c>
      <c r="I914" s="12" t="e">
        <f>'申請書（複数入力用）'!O916</f>
        <v>#N/A</v>
      </c>
      <c r="J914" s="12">
        <f>'申請書（複数入力用）'!P916</f>
        <v>1</v>
      </c>
    </row>
    <row r="915" spans="1:10" ht="51.6" customHeight="1" x14ac:dyDescent="0.45">
      <c r="A915" s="6">
        <f>'申請書（複数入力用）'!A917</f>
        <v>911</v>
      </c>
      <c r="B915" s="13">
        <f>'申請書（複数入力用）'!AH917</f>
        <v>0</v>
      </c>
      <c r="C915" s="6">
        <f>'申請書（複数入力用）'!B917</f>
        <v>0</v>
      </c>
      <c r="D915" s="6">
        <f>'申請書（複数入力用）'!D917</f>
        <v>0</v>
      </c>
      <c r="E915" s="14">
        <f>'申請書（複数入力用）'!H917</f>
        <v>0</v>
      </c>
      <c r="F915" s="11" t="str">
        <f>'申請書（複数入力用）'!J917</f>
        <v/>
      </c>
      <c r="G915" s="6" t="str">
        <f>'申請書（複数入力用）'!K917</f>
        <v>a052r000000jS9ZAAU</v>
      </c>
      <c r="H915" s="12" t="e">
        <f>'申請書（複数入力用）'!N917</f>
        <v>#N/A</v>
      </c>
      <c r="I915" s="12" t="e">
        <f>'申請書（複数入力用）'!O917</f>
        <v>#N/A</v>
      </c>
      <c r="J915" s="12">
        <f>'申請書（複数入力用）'!P917</f>
        <v>1</v>
      </c>
    </row>
    <row r="916" spans="1:10" ht="51.6" customHeight="1" x14ac:dyDescent="0.45">
      <c r="A916" s="6">
        <f>'申請書（複数入力用）'!A918</f>
        <v>912</v>
      </c>
      <c r="B916" s="13">
        <f>'申請書（複数入力用）'!AH918</f>
        <v>0</v>
      </c>
      <c r="C916" s="6">
        <f>'申請書（複数入力用）'!B918</f>
        <v>0</v>
      </c>
      <c r="D916" s="6">
        <f>'申請書（複数入力用）'!D918</f>
        <v>0</v>
      </c>
      <c r="E916" s="14">
        <f>'申請書（複数入力用）'!H918</f>
        <v>0</v>
      </c>
      <c r="F916" s="11" t="str">
        <f>'申請書（複数入力用）'!J918</f>
        <v/>
      </c>
      <c r="G916" s="6" t="str">
        <f>'申請書（複数入力用）'!K918</f>
        <v>a052r000000jS9ZAAU</v>
      </c>
      <c r="H916" s="12" t="e">
        <f>'申請書（複数入力用）'!N918</f>
        <v>#N/A</v>
      </c>
      <c r="I916" s="12" t="e">
        <f>'申請書（複数入力用）'!O918</f>
        <v>#N/A</v>
      </c>
      <c r="J916" s="12">
        <f>'申請書（複数入力用）'!P918</f>
        <v>1</v>
      </c>
    </row>
    <row r="917" spans="1:10" ht="51.6" customHeight="1" x14ac:dyDescent="0.45">
      <c r="A917" s="6">
        <f>'申請書（複数入力用）'!A919</f>
        <v>913</v>
      </c>
      <c r="B917" s="13">
        <f>'申請書（複数入力用）'!AH919</f>
        <v>0</v>
      </c>
      <c r="C917" s="6">
        <f>'申請書（複数入力用）'!B919</f>
        <v>0</v>
      </c>
      <c r="D917" s="6">
        <f>'申請書（複数入力用）'!D919</f>
        <v>0</v>
      </c>
      <c r="E917" s="14">
        <f>'申請書（複数入力用）'!H919</f>
        <v>0</v>
      </c>
      <c r="F917" s="11" t="str">
        <f>'申請書（複数入力用）'!J919</f>
        <v/>
      </c>
      <c r="G917" s="6" t="str">
        <f>'申請書（複数入力用）'!K919</f>
        <v>a052r000000jS9ZAAU</v>
      </c>
      <c r="H917" s="12" t="e">
        <f>'申請書（複数入力用）'!N919</f>
        <v>#N/A</v>
      </c>
      <c r="I917" s="12" t="e">
        <f>'申請書（複数入力用）'!O919</f>
        <v>#N/A</v>
      </c>
      <c r="J917" s="12">
        <f>'申請書（複数入力用）'!P919</f>
        <v>1</v>
      </c>
    </row>
    <row r="918" spans="1:10" ht="51.6" customHeight="1" x14ac:dyDescent="0.45">
      <c r="A918" s="6">
        <f>'申請書（複数入力用）'!A920</f>
        <v>914</v>
      </c>
      <c r="B918" s="13">
        <f>'申請書（複数入力用）'!AH920</f>
        <v>0</v>
      </c>
      <c r="C918" s="6">
        <f>'申請書（複数入力用）'!B920</f>
        <v>0</v>
      </c>
      <c r="D918" s="6">
        <f>'申請書（複数入力用）'!D920</f>
        <v>0</v>
      </c>
      <c r="E918" s="14">
        <f>'申請書（複数入力用）'!H920</f>
        <v>0</v>
      </c>
      <c r="F918" s="11" t="str">
        <f>'申請書（複数入力用）'!J920</f>
        <v/>
      </c>
      <c r="G918" s="6" t="str">
        <f>'申請書（複数入力用）'!K920</f>
        <v>a052r000000jS9ZAAU</v>
      </c>
      <c r="H918" s="12" t="e">
        <f>'申請書（複数入力用）'!N920</f>
        <v>#N/A</v>
      </c>
      <c r="I918" s="12" t="e">
        <f>'申請書（複数入力用）'!O920</f>
        <v>#N/A</v>
      </c>
      <c r="J918" s="12">
        <f>'申請書（複数入力用）'!P920</f>
        <v>1</v>
      </c>
    </row>
    <row r="919" spans="1:10" ht="51.6" customHeight="1" x14ac:dyDescent="0.45">
      <c r="A919" s="6">
        <f>'申請書（複数入力用）'!A921</f>
        <v>915</v>
      </c>
      <c r="B919" s="13">
        <f>'申請書（複数入力用）'!AH921</f>
        <v>0</v>
      </c>
      <c r="C919" s="6">
        <f>'申請書（複数入力用）'!B921</f>
        <v>0</v>
      </c>
      <c r="D919" s="6">
        <f>'申請書（複数入力用）'!D921</f>
        <v>0</v>
      </c>
      <c r="E919" s="14">
        <f>'申請書（複数入力用）'!H921</f>
        <v>0</v>
      </c>
      <c r="F919" s="11" t="str">
        <f>'申請書（複数入力用）'!J921</f>
        <v/>
      </c>
      <c r="G919" s="6" t="str">
        <f>'申請書（複数入力用）'!K921</f>
        <v>a052r000000jS9ZAAU</v>
      </c>
      <c r="H919" s="12" t="e">
        <f>'申請書（複数入力用）'!N921</f>
        <v>#N/A</v>
      </c>
      <c r="I919" s="12" t="e">
        <f>'申請書（複数入力用）'!O921</f>
        <v>#N/A</v>
      </c>
      <c r="J919" s="12">
        <f>'申請書（複数入力用）'!P921</f>
        <v>1</v>
      </c>
    </row>
    <row r="920" spans="1:10" ht="51.6" customHeight="1" x14ac:dyDescent="0.45">
      <c r="A920" s="6">
        <f>'申請書（複数入力用）'!A922</f>
        <v>916</v>
      </c>
      <c r="B920" s="13">
        <f>'申請書（複数入力用）'!AH922</f>
        <v>0</v>
      </c>
      <c r="C920" s="6">
        <f>'申請書（複数入力用）'!B922</f>
        <v>0</v>
      </c>
      <c r="D920" s="6">
        <f>'申請書（複数入力用）'!D922</f>
        <v>0</v>
      </c>
      <c r="E920" s="14">
        <f>'申請書（複数入力用）'!H922</f>
        <v>0</v>
      </c>
      <c r="F920" s="11" t="str">
        <f>'申請書（複数入力用）'!J922</f>
        <v/>
      </c>
      <c r="G920" s="6" t="str">
        <f>'申請書（複数入力用）'!K922</f>
        <v>a052r000000jS9ZAAU</v>
      </c>
      <c r="H920" s="12" t="e">
        <f>'申請書（複数入力用）'!N922</f>
        <v>#N/A</v>
      </c>
      <c r="I920" s="12" t="e">
        <f>'申請書（複数入力用）'!O922</f>
        <v>#N/A</v>
      </c>
      <c r="J920" s="12">
        <f>'申請書（複数入力用）'!P922</f>
        <v>1</v>
      </c>
    </row>
    <row r="921" spans="1:10" ht="51.6" customHeight="1" x14ac:dyDescent="0.45">
      <c r="A921" s="6">
        <f>'申請書（複数入力用）'!A923</f>
        <v>917</v>
      </c>
      <c r="B921" s="13">
        <f>'申請書（複数入力用）'!AH923</f>
        <v>0</v>
      </c>
      <c r="C921" s="6">
        <f>'申請書（複数入力用）'!B923</f>
        <v>0</v>
      </c>
      <c r="D921" s="6">
        <f>'申請書（複数入力用）'!D923</f>
        <v>0</v>
      </c>
      <c r="E921" s="14">
        <f>'申請書（複数入力用）'!H923</f>
        <v>0</v>
      </c>
      <c r="F921" s="11" t="str">
        <f>'申請書（複数入力用）'!J923</f>
        <v/>
      </c>
      <c r="G921" s="6" t="str">
        <f>'申請書（複数入力用）'!K923</f>
        <v>a052r000000jS9ZAAU</v>
      </c>
      <c r="H921" s="12" t="e">
        <f>'申請書（複数入力用）'!N923</f>
        <v>#N/A</v>
      </c>
      <c r="I921" s="12" t="e">
        <f>'申請書（複数入力用）'!O923</f>
        <v>#N/A</v>
      </c>
      <c r="J921" s="12">
        <f>'申請書（複数入力用）'!P923</f>
        <v>1</v>
      </c>
    </row>
    <row r="922" spans="1:10" ht="51.6" customHeight="1" x14ac:dyDescent="0.45">
      <c r="A922" s="6">
        <f>'申請書（複数入力用）'!A924</f>
        <v>918</v>
      </c>
      <c r="B922" s="13">
        <f>'申請書（複数入力用）'!AH924</f>
        <v>0</v>
      </c>
      <c r="C922" s="6">
        <f>'申請書（複数入力用）'!B924</f>
        <v>0</v>
      </c>
      <c r="D922" s="6">
        <f>'申請書（複数入力用）'!D924</f>
        <v>0</v>
      </c>
      <c r="E922" s="14">
        <f>'申請書（複数入力用）'!H924</f>
        <v>0</v>
      </c>
      <c r="F922" s="11" t="str">
        <f>'申請書（複数入力用）'!J924</f>
        <v/>
      </c>
      <c r="G922" s="6" t="str">
        <f>'申請書（複数入力用）'!K924</f>
        <v>a052r000000jS9ZAAU</v>
      </c>
      <c r="H922" s="12" t="e">
        <f>'申請書（複数入力用）'!N924</f>
        <v>#N/A</v>
      </c>
      <c r="I922" s="12" t="e">
        <f>'申請書（複数入力用）'!O924</f>
        <v>#N/A</v>
      </c>
      <c r="J922" s="12">
        <f>'申請書（複数入力用）'!P924</f>
        <v>1</v>
      </c>
    </row>
    <row r="923" spans="1:10" ht="51.6" customHeight="1" x14ac:dyDescent="0.45">
      <c r="A923" s="6">
        <f>'申請書（複数入力用）'!A925</f>
        <v>919</v>
      </c>
      <c r="B923" s="13">
        <f>'申請書（複数入力用）'!AH925</f>
        <v>0</v>
      </c>
      <c r="C923" s="6">
        <f>'申請書（複数入力用）'!B925</f>
        <v>0</v>
      </c>
      <c r="D923" s="6">
        <f>'申請書（複数入力用）'!D925</f>
        <v>0</v>
      </c>
      <c r="E923" s="14">
        <f>'申請書（複数入力用）'!H925</f>
        <v>0</v>
      </c>
      <c r="F923" s="11" t="str">
        <f>'申請書（複数入力用）'!J925</f>
        <v/>
      </c>
      <c r="G923" s="6" t="str">
        <f>'申請書（複数入力用）'!K925</f>
        <v>a052r000000jS9ZAAU</v>
      </c>
      <c r="H923" s="12" t="e">
        <f>'申請書（複数入力用）'!N925</f>
        <v>#N/A</v>
      </c>
      <c r="I923" s="12" t="e">
        <f>'申請書（複数入力用）'!O925</f>
        <v>#N/A</v>
      </c>
      <c r="J923" s="12">
        <f>'申請書（複数入力用）'!P925</f>
        <v>1</v>
      </c>
    </row>
    <row r="924" spans="1:10" ht="51.6" customHeight="1" x14ac:dyDescent="0.45">
      <c r="A924" s="6">
        <f>'申請書（複数入力用）'!A926</f>
        <v>920</v>
      </c>
      <c r="B924" s="13">
        <f>'申請書（複数入力用）'!AH926</f>
        <v>0</v>
      </c>
      <c r="C924" s="6">
        <f>'申請書（複数入力用）'!B926</f>
        <v>0</v>
      </c>
      <c r="D924" s="6">
        <f>'申請書（複数入力用）'!D926</f>
        <v>0</v>
      </c>
      <c r="E924" s="14">
        <f>'申請書（複数入力用）'!H926</f>
        <v>0</v>
      </c>
      <c r="F924" s="11" t="str">
        <f>'申請書（複数入力用）'!J926</f>
        <v/>
      </c>
      <c r="G924" s="6" t="str">
        <f>'申請書（複数入力用）'!K926</f>
        <v>a052r000000jS9ZAAU</v>
      </c>
      <c r="H924" s="12" t="e">
        <f>'申請書（複数入力用）'!N926</f>
        <v>#N/A</v>
      </c>
      <c r="I924" s="12" t="e">
        <f>'申請書（複数入力用）'!O926</f>
        <v>#N/A</v>
      </c>
      <c r="J924" s="12">
        <f>'申請書（複数入力用）'!P926</f>
        <v>1</v>
      </c>
    </row>
    <row r="925" spans="1:10" ht="51.6" customHeight="1" x14ac:dyDescent="0.45">
      <c r="A925" s="6">
        <f>'申請書（複数入力用）'!A927</f>
        <v>921</v>
      </c>
      <c r="B925" s="13">
        <f>'申請書（複数入力用）'!AH927</f>
        <v>0</v>
      </c>
      <c r="C925" s="6">
        <f>'申請書（複数入力用）'!B927</f>
        <v>0</v>
      </c>
      <c r="D925" s="6">
        <f>'申請書（複数入力用）'!D927</f>
        <v>0</v>
      </c>
      <c r="E925" s="14">
        <f>'申請書（複数入力用）'!H927</f>
        <v>0</v>
      </c>
      <c r="F925" s="11" t="str">
        <f>'申請書（複数入力用）'!J927</f>
        <v/>
      </c>
      <c r="G925" s="6" t="str">
        <f>'申請書（複数入力用）'!K927</f>
        <v>a052r000000jS9ZAAU</v>
      </c>
      <c r="H925" s="12" t="e">
        <f>'申請書（複数入力用）'!N927</f>
        <v>#N/A</v>
      </c>
      <c r="I925" s="12" t="e">
        <f>'申請書（複数入力用）'!O927</f>
        <v>#N/A</v>
      </c>
      <c r="J925" s="12">
        <f>'申請書（複数入力用）'!P927</f>
        <v>1</v>
      </c>
    </row>
    <row r="926" spans="1:10" ht="51.6" customHeight="1" x14ac:dyDescent="0.45">
      <c r="A926" s="6">
        <f>'申請書（複数入力用）'!A928</f>
        <v>922</v>
      </c>
      <c r="B926" s="13">
        <f>'申請書（複数入力用）'!AH928</f>
        <v>0</v>
      </c>
      <c r="C926" s="6">
        <f>'申請書（複数入力用）'!B928</f>
        <v>0</v>
      </c>
      <c r="D926" s="6">
        <f>'申請書（複数入力用）'!D928</f>
        <v>0</v>
      </c>
      <c r="E926" s="14">
        <f>'申請書（複数入力用）'!H928</f>
        <v>0</v>
      </c>
      <c r="F926" s="11" t="str">
        <f>'申請書（複数入力用）'!J928</f>
        <v/>
      </c>
      <c r="G926" s="6" t="str">
        <f>'申請書（複数入力用）'!K928</f>
        <v>a052r000000jS9ZAAU</v>
      </c>
      <c r="H926" s="12" t="e">
        <f>'申請書（複数入力用）'!N928</f>
        <v>#N/A</v>
      </c>
      <c r="I926" s="12" t="e">
        <f>'申請書（複数入力用）'!O928</f>
        <v>#N/A</v>
      </c>
      <c r="J926" s="12">
        <f>'申請書（複数入力用）'!P928</f>
        <v>1</v>
      </c>
    </row>
    <row r="927" spans="1:10" ht="51.6" customHeight="1" x14ac:dyDescent="0.45">
      <c r="A927" s="6">
        <f>'申請書（複数入力用）'!A929</f>
        <v>923</v>
      </c>
      <c r="B927" s="13">
        <f>'申請書（複数入力用）'!AH929</f>
        <v>0</v>
      </c>
      <c r="C927" s="6">
        <f>'申請書（複数入力用）'!B929</f>
        <v>0</v>
      </c>
      <c r="D927" s="6">
        <f>'申請書（複数入力用）'!D929</f>
        <v>0</v>
      </c>
      <c r="E927" s="14">
        <f>'申請書（複数入力用）'!H929</f>
        <v>0</v>
      </c>
      <c r="F927" s="11" t="str">
        <f>'申請書（複数入力用）'!J929</f>
        <v/>
      </c>
      <c r="G927" s="6" t="str">
        <f>'申請書（複数入力用）'!K929</f>
        <v>a052r000000jS9ZAAU</v>
      </c>
      <c r="H927" s="12" t="e">
        <f>'申請書（複数入力用）'!N929</f>
        <v>#N/A</v>
      </c>
      <c r="I927" s="12" t="e">
        <f>'申請書（複数入力用）'!O929</f>
        <v>#N/A</v>
      </c>
      <c r="J927" s="12">
        <f>'申請書（複数入力用）'!P929</f>
        <v>1</v>
      </c>
    </row>
    <row r="928" spans="1:10" ht="51.6" customHeight="1" x14ac:dyDescent="0.45">
      <c r="A928" s="6">
        <f>'申請書（複数入力用）'!A930</f>
        <v>924</v>
      </c>
      <c r="B928" s="13">
        <f>'申請書（複数入力用）'!AH930</f>
        <v>0</v>
      </c>
      <c r="C928" s="6">
        <f>'申請書（複数入力用）'!B930</f>
        <v>0</v>
      </c>
      <c r="D928" s="6">
        <f>'申請書（複数入力用）'!D930</f>
        <v>0</v>
      </c>
      <c r="E928" s="14">
        <f>'申請書（複数入力用）'!H930</f>
        <v>0</v>
      </c>
      <c r="F928" s="11" t="str">
        <f>'申請書（複数入力用）'!J930</f>
        <v/>
      </c>
      <c r="G928" s="6" t="str">
        <f>'申請書（複数入力用）'!K930</f>
        <v>a052r000000jS9ZAAU</v>
      </c>
      <c r="H928" s="12" t="e">
        <f>'申請書（複数入力用）'!N930</f>
        <v>#N/A</v>
      </c>
      <c r="I928" s="12" t="e">
        <f>'申請書（複数入力用）'!O930</f>
        <v>#N/A</v>
      </c>
      <c r="J928" s="12">
        <f>'申請書（複数入力用）'!P930</f>
        <v>1</v>
      </c>
    </row>
    <row r="929" spans="1:10" ht="51.6" customHeight="1" x14ac:dyDescent="0.45">
      <c r="A929" s="6">
        <f>'申請書（複数入力用）'!A931</f>
        <v>925</v>
      </c>
      <c r="B929" s="13">
        <f>'申請書（複数入力用）'!AH931</f>
        <v>0</v>
      </c>
      <c r="C929" s="6">
        <f>'申請書（複数入力用）'!B931</f>
        <v>0</v>
      </c>
      <c r="D929" s="6">
        <f>'申請書（複数入力用）'!D931</f>
        <v>0</v>
      </c>
      <c r="E929" s="14">
        <f>'申請書（複数入力用）'!H931</f>
        <v>0</v>
      </c>
      <c r="F929" s="11" t="str">
        <f>'申請書（複数入力用）'!J931</f>
        <v/>
      </c>
      <c r="G929" s="6" t="str">
        <f>'申請書（複数入力用）'!K931</f>
        <v>a052r000000jS9ZAAU</v>
      </c>
      <c r="H929" s="12" t="e">
        <f>'申請書（複数入力用）'!N931</f>
        <v>#N/A</v>
      </c>
      <c r="I929" s="12" t="e">
        <f>'申請書（複数入力用）'!O931</f>
        <v>#N/A</v>
      </c>
      <c r="J929" s="12">
        <f>'申請書（複数入力用）'!P931</f>
        <v>1</v>
      </c>
    </row>
    <row r="930" spans="1:10" ht="51.6" customHeight="1" x14ac:dyDescent="0.45">
      <c r="A930" s="6">
        <f>'申請書（複数入力用）'!A932</f>
        <v>926</v>
      </c>
      <c r="B930" s="13">
        <f>'申請書（複数入力用）'!AH932</f>
        <v>0</v>
      </c>
      <c r="C930" s="6">
        <f>'申請書（複数入力用）'!B932</f>
        <v>0</v>
      </c>
      <c r="D930" s="6">
        <f>'申請書（複数入力用）'!D932</f>
        <v>0</v>
      </c>
      <c r="E930" s="14">
        <f>'申請書（複数入力用）'!H932</f>
        <v>0</v>
      </c>
      <c r="F930" s="11" t="str">
        <f>'申請書（複数入力用）'!J932</f>
        <v/>
      </c>
      <c r="G930" s="6" t="str">
        <f>'申請書（複数入力用）'!K932</f>
        <v>a052r000000jS9ZAAU</v>
      </c>
      <c r="H930" s="12" t="e">
        <f>'申請書（複数入力用）'!N932</f>
        <v>#N/A</v>
      </c>
      <c r="I930" s="12" t="e">
        <f>'申請書（複数入力用）'!O932</f>
        <v>#N/A</v>
      </c>
      <c r="J930" s="12">
        <f>'申請書（複数入力用）'!P932</f>
        <v>1</v>
      </c>
    </row>
    <row r="931" spans="1:10" ht="51.6" customHeight="1" x14ac:dyDescent="0.45">
      <c r="A931" s="6">
        <f>'申請書（複数入力用）'!A933</f>
        <v>927</v>
      </c>
      <c r="B931" s="13">
        <f>'申請書（複数入力用）'!AH933</f>
        <v>0</v>
      </c>
      <c r="C931" s="6">
        <f>'申請書（複数入力用）'!B933</f>
        <v>0</v>
      </c>
      <c r="D931" s="6">
        <f>'申請書（複数入力用）'!D933</f>
        <v>0</v>
      </c>
      <c r="E931" s="14">
        <f>'申請書（複数入力用）'!H933</f>
        <v>0</v>
      </c>
      <c r="F931" s="11" t="str">
        <f>'申請書（複数入力用）'!J933</f>
        <v/>
      </c>
      <c r="G931" s="6" t="str">
        <f>'申請書（複数入力用）'!K933</f>
        <v>a052r000000jS9ZAAU</v>
      </c>
      <c r="H931" s="12" t="e">
        <f>'申請書（複数入力用）'!N933</f>
        <v>#N/A</v>
      </c>
      <c r="I931" s="12" t="e">
        <f>'申請書（複数入力用）'!O933</f>
        <v>#N/A</v>
      </c>
      <c r="J931" s="12">
        <f>'申請書（複数入力用）'!P933</f>
        <v>1</v>
      </c>
    </row>
    <row r="932" spans="1:10" ht="51.6" customHeight="1" x14ac:dyDescent="0.45">
      <c r="A932" s="6">
        <f>'申請書（複数入力用）'!A934</f>
        <v>928</v>
      </c>
      <c r="B932" s="13">
        <f>'申請書（複数入力用）'!AH934</f>
        <v>0</v>
      </c>
      <c r="C932" s="6">
        <f>'申請書（複数入力用）'!B934</f>
        <v>0</v>
      </c>
      <c r="D932" s="6">
        <f>'申請書（複数入力用）'!D934</f>
        <v>0</v>
      </c>
      <c r="E932" s="14">
        <f>'申請書（複数入力用）'!H934</f>
        <v>0</v>
      </c>
      <c r="F932" s="11" t="str">
        <f>'申請書（複数入力用）'!J934</f>
        <v/>
      </c>
      <c r="G932" s="6" t="str">
        <f>'申請書（複数入力用）'!K934</f>
        <v>a052r000000jS9ZAAU</v>
      </c>
      <c r="H932" s="12" t="e">
        <f>'申請書（複数入力用）'!N934</f>
        <v>#N/A</v>
      </c>
      <c r="I932" s="12" t="e">
        <f>'申請書（複数入力用）'!O934</f>
        <v>#N/A</v>
      </c>
      <c r="J932" s="12">
        <f>'申請書（複数入力用）'!P934</f>
        <v>1</v>
      </c>
    </row>
    <row r="933" spans="1:10" ht="51.6" customHeight="1" x14ac:dyDescent="0.45">
      <c r="A933" s="6">
        <f>'申請書（複数入力用）'!A935</f>
        <v>929</v>
      </c>
      <c r="B933" s="13">
        <f>'申請書（複数入力用）'!AH935</f>
        <v>0</v>
      </c>
      <c r="C933" s="6">
        <f>'申請書（複数入力用）'!B935</f>
        <v>0</v>
      </c>
      <c r="D933" s="6">
        <f>'申請書（複数入力用）'!D935</f>
        <v>0</v>
      </c>
      <c r="E933" s="14">
        <f>'申請書（複数入力用）'!H935</f>
        <v>0</v>
      </c>
      <c r="F933" s="11" t="str">
        <f>'申請書（複数入力用）'!J935</f>
        <v/>
      </c>
      <c r="G933" s="6" t="str">
        <f>'申請書（複数入力用）'!K935</f>
        <v>a052r000000jS9ZAAU</v>
      </c>
      <c r="H933" s="12" t="e">
        <f>'申請書（複数入力用）'!N935</f>
        <v>#N/A</v>
      </c>
      <c r="I933" s="12" t="e">
        <f>'申請書（複数入力用）'!O935</f>
        <v>#N/A</v>
      </c>
      <c r="J933" s="12">
        <f>'申請書（複数入力用）'!P935</f>
        <v>1</v>
      </c>
    </row>
    <row r="934" spans="1:10" ht="51.6" customHeight="1" x14ac:dyDescent="0.45">
      <c r="A934" s="6">
        <f>'申請書（複数入力用）'!A936</f>
        <v>930</v>
      </c>
      <c r="B934" s="13">
        <f>'申請書（複数入力用）'!AH936</f>
        <v>0</v>
      </c>
      <c r="C934" s="6">
        <f>'申請書（複数入力用）'!B936</f>
        <v>0</v>
      </c>
      <c r="D934" s="6">
        <f>'申請書（複数入力用）'!D936</f>
        <v>0</v>
      </c>
      <c r="E934" s="14">
        <f>'申請書（複数入力用）'!H936</f>
        <v>0</v>
      </c>
      <c r="F934" s="11" t="str">
        <f>'申請書（複数入力用）'!J936</f>
        <v/>
      </c>
      <c r="G934" s="6" t="str">
        <f>'申請書（複数入力用）'!K936</f>
        <v>a052r000000jS9ZAAU</v>
      </c>
      <c r="H934" s="12" t="e">
        <f>'申請書（複数入力用）'!N936</f>
        <v>#N/A</v>
      </c>
      <c r="I934" s="12" t="e">
        <f>'申請書（複数入力用）'!O936</f>
        <v>#N/A</v>
      </c>
      <c r="J934" s="12">
        <f>'申請書（複数入力用）'!P936</f>
        <v>1</v>
      </c>
    </row>
    <row r="935" spans="1:10" ht="51.6" customHeight="1" x14ac:dyDescent="0.45">
      <c r="A935" s="6">
        <f>'申請書（複数入力用）'!A937</f>
        <v>931</v>
      </c>
      <c r="B935" s="13">
        <f>'申請書（複数入力用）'!AH937</f>
        <v>0</v>
      </c>
      <c r="C935" s="6">
        <f>'申請書（複数入力用）'!B937</f>
        <v>0</v>
      </c>
      <c r="D935" s="6">
        <f>'申請書（複数入力用）'!D937</f>
        <v>0</v>
      </c>
      <c r="E935" s="14">
        <f>'申請書（複数入力用）'!H937</f>
        <v>0</v>
      </c>
      <c r="F935" s="11" t="str">
        <f>'申請書（複数入力用）'!J937</f>
        <v/>
      </c>
      <c r="G935" s="6" t="str">
        <f>'申請書（複数入力用）'!K937</f>
        <v>a052r000000jS9ZAAU</v>
      </c>
      <c r="H935" s="12" t="e">
        <f>'申請書（複数入力用）'!N937</f>
        <v>#N/A</v>
      </c>
      <c r="I935" s="12" t="e">
        <f>'申請書（複数入力用）'!O937</f>
        <v>#N/A</v>
      </c>
      <c r="J935" s="12">
        <f>'申請書（複数入力用）'!P937</f>
        <v>1</v>
      </c>
    </row>
    <row r="936" spans="1:10" ht="51.6" customHeight="1" x14ac:dyDescent="0.45">
      <c r="A936" s="6">
        <f>'申請書（複数入力用）'!A938</f>
        <v>932</v>
      </c>
      <c r="B936" s="13">
        <f>'申請書（複数入力用）'!AH938</f>
        <v>0</v>
      </c>
      <c r="C936" s="6">
        <f>'申請書（複数入力用）'!B938</f>
        <v>0</v>
      </c>
      <c r="D936" s="6">
        <f>'申請書（複数入力用）'!D938</f>
        <v>0</v>
      </c>
      <c r="E936" s="14">
        <f>'申請書（複数入力用）'!H938</f>
        <v>0</v>
      </c>
      <c r="F936" s="11" t="str">
        <f>'申請書（複数入力用）'!J938</f>
        <v/>
      </c>
      <c r="G936" s="6" t="str">
        <f>'申請書（複数入力用）'!K938</f>
        <v>a052r000000jS9ZAAU</v>
      </c>
      <c r="H936" s="12" t="e">
        <f>'申請書（複数入力用）'!N938</f>
        <v>#N/A</v>
      </c>
      <c r="I936" s="12" t="e">
        <f>'申請書（複数入力用）'!O938</f>
        <v>#N/A</v>
      </c>
      <c r="J936" s="12">
        <f>'申請書（複数入力用）'!P938</f>
        <v>1</v>
      </c>
    </row>
    <row r="937" spans="1:10" ht="51.6" customHeight="1" x14ac:dyDescent="0.45">
      <c r="A937" s="6">
        <f>'申請書（複数入力用）'!A939</f>
        <v>933</v>
      </c>
      <c r="B937" s="13">
        <f>'申請書（複数入力用）'!AH939</f>
        <v>0</v>
      </c>
      <c r="C937" s="6">
        <f>'申請書（複数入力用）'!B939</f>
        <v>0</v>
      </c>
      <c r="D937" s="6">
        <f>'申請書（複数入力用）'!D939</f>
        <v>0</v>
      </c>
      <c r="E937" s="14">
        <f>'申請書（複数入力用）'!H939</f>
        <v>0</v>
      </c>
      <c r="F937" s="11" t="str">
        <f>'申請書（複数入力用）'!J939</f>
        <v/>
      </c>
      <c r="G937" s="6" t="str">
        <f>'申請書（複数入力用）'!K939</f>
        <v>a052r000000jS9ZAAU</v>
      </c>
      <c r="H937" s="12" t="e">
        <f>'申請書（複数入力用）'!N939</f>
        <v>#N/A</v>
      </c>
      <c r="I937" s="12" t="e">
        <f>'申請書（複数入力用）'!O939</f>
        <v>#N/A</v>
      </c>
      <c r="J937" s="12">
        <f>'申請書（複数入力用）'!P939</f>
        <v>1</v>
      </c>
    </row>
    <row r="938" spans="1:10" ht="51.6" customHeight="1" x14ac:dyDescent="0.45">
      <c r="A938" s="6">
        <f>'申請書（複数入力用）'!A940</f>
        <v>934</v>
      </c>
      <c r="B938" s="13">
        <f>'申請書（複数入力用）'!AH940</f>
        <v>0</v>
      </c>
      <c r="C938" s="6">
        <f>'申請書（複数入力用）'!B940</f>
        <v>0</v>
      </c>
      <c r="D938" s="6">
        <f>'申請書（複数入力用）'!D940</f>
        <v>0</v>
      </c>
      <c r="E938" s="14">
        <f>'申請書（複数入力用）'!H940</f>
        <v>0</v>
      </c>
      <c r="F938" s="11" t="str">
        <f>'申請書（複数入力用）'!J940</f>
        <v/>
      </c>
      <c r="G938" s="6" t="str">
        <f>'申請書（複数入力用）'!K940</f>
        <v>a052r000000jS9ZAAU</v>
      </c>
      <c r="H938" s="12" t="e">
        <f>'申請書（複数入力用）'!N940</f>
        <v>#N/A</v>
      </c>
      <c r="I938" s="12" t="e">
        <f>'申請書（複数入力用）'!O940</f>
        <v>#N/A</v>
      </c>
      <c r="J938" s="12">
        <f>'申請書（複数入力用）'!P940</f>
        <v>1</v>
      </c>
    </row>
    <row r="939" spans="1:10" ht="51.6" customHeight="1" x14ac:dyDescent="0.45">
      <c r="A939" s="6">
        <f>'申請書（複数入力用）'!A941</f>
        <v>935</v>
      </c>
      <c r="B939" s="13">
        <f>'申請書（複数入力用）'!AH941</f>
        <v>0</v>
      </c>
      <c r="C939" s="6">
        <f>'申請書（複数入力用）'!B941</f>
        <v>0</v>
      </c>
      <c r="D939" s="6">
        <f>'申請書（複数入力用）'!D941</f>
        <v>0</v>
      </c>
      <c r="E939" s="14">
        <f>'申請書（複数入力用）'!H941</f>
        <v>0</v>
      </c>
      <c r="F939" s="11" t="str">
        <f>'申請書（複数入力用）'!J941</f>
        <v/>
      </c>
      <c r="G939" s="6" t="str">
        <f>'申請書（複数入力用）'!K941</f>
        <v>a052r000000jS9ZAAU</v>
      </c>
      <c r="H939" s="12" t="e">
        <f>'申請書（複数入力用）'!N941</f>
        <v>#N/A</v>
      </c>
      <c r="I939" s="12" t="e">
        <f>'申請書（複数入力用）'!O941</f>
        <v>#N/A</v>
      </c>
      <c r="J939" s="12">
        <f>'申請書（複数入力用）'!P941</f>
        <v>1</v>
      </c>
    </row>
    <row r="940" spans="1:10" ht="51.6" customHeight="1" x14ac:dyDescent="0.45">
      <c r="A940" s="6">
        <f>'申請書（複数入力用）'!A942</f>
        <v>936</v>
      </c>
      <c r="B940" s="13">
        <f>'申請書（複数入力用）'!AH942</f>
        <v>0</v>
      </c>
      <c r="C940" s="6">
        <f>'申請書（複数入力用）'!B942</f>
        <v>0</v>
      </c>
      <c r="D940" s="6">
        <f>'申請書（複数入力用）'!D942</f>
        <v>0</v>
      </c>
      <c r="E940" s="14">
        <f>'申請書（複数入力用）'!H942</f>
        <v>0</v>
      </c>
      <c r="F940" s="11" t="str">
        <f>'申請書（複数入力用）'!J942</f>
        <v/>
      </c>
      <c r="G940" s="6" t="str">
        <f>'申請書（複数入力用）'!K942</f>
        <v>a052r000000jS9ZAAU</v>
      </c>
      <c r="H940" s="12" t="e">
        <f>'申請書（複数入力用）'!N942</f>
        <v>#N/A</v>
      </c>
      <c r="I940" s="12" t="e">
        <f>'申請書（複数入力用）'!O942</f>
        <v>#N/A</v>
      </c>
      <c r="J940" s="12">
        <f>'申請書（複数入力用）'!P942</f>
        <v>1</v>
      </c>
    </row>
    <row r="941" spans="1:10" ht="51.6" customHeight="1" x14ac:dyDescent="0.45">
      <c r="A941" s="6">
        <f>'申請書（複数入力用）'!A943</f>
        <v>937</v>
      </c>
      <c r="B941" s="13">
        <f>'申請書（複数入力用）'!AH943</f>
        <v>0</v>
      </c>
      <c r="C941" s="6">
        <f>'申請書（複数入力用）'!B943</f>
        <v>0</v>
      </c>
      <c r="D941" s="6">
        <f>'申請書（複数入力用）'!D943</f>
        <v>0</v>
      </c>
      <c r="E941" s="14">
        <f>'申請書（複数入力用）'!H943</f>
        <v>0</v>
      </c>
      <c r="F941" s="11" t="str">
        <f>'申請書（複数入力用）'!J943</f>
        <v/>
      </c>
      <c r="G941" s="6" t="str">
        <f>'申請書（複数入力用）'!K943</f>
        <v>a052r000000jS9ZAAU</v>
      </c>
      <c r="H941" s="12" t="e">
        <f>'申請書（複数入力用）'!N943</f>
        <v>#N/A</v>
      </c>
      <c r="I941" s="12" t="e">
        <f>'申請書（複数入力用）'!O943</f>
        <v>#N/A</v>
      </c>
      <c r="J941" s="12">
        <f>'申請書（複数入力用）'!P943</f>
        <v>1</v>
      </c>
    </row>
    <row r="942" spans="1:10" ht="51.6" customHeight="1" x14ac:dyDescent="0.45">
      <c r="A942" s="6">
        <f>'申請書（複数入力用）'!A944</f>
        <v>938</v>
      </c>
      <c r="B942" s="13">
        <f>'申請書（複数入力用）'!AH944</f>
        <v>0</v>
      </c>
      <c r="C942" s="6">
        <f>'申請書（複数入力用）'!B944</f>
        <v>0</v>
      </c>
      <c r="D942" s="6">
        <f>'申請書（複数入力用）'!D944</f>
        <v>0</v>
      </c>
      <c r="E942" s="14">
        <f>'申請書（複数入力用）'!H944</f>
        <v>0</v>
      </c>
      <c r="F942" s="11" t="str">
        <f>'申請書（複数入力用）'!J944</f>
        <v/>
      </c>
      <c r="G942" s="6" t="str">
        <f>'申請書（複数入力用）'!K944</f>
        <v>a052r000000jS9ZAAU</v>
      </c>
      <c r="H942" s="12" t="e">
        <f>'申請書（複数入力用）'!N944</f>
        <v>#N/A</v>
      </c>
      <c r="I942" s="12" t="e">
        <f>'申請書（複数入力用）'!O944</f>
        <v>#N/A</v>
      </c>
      <c r="J942" s="12">
        <f>'申請書（複数入力用）'!P944</f>
        <v>1</v>
      </c>
    </row>
    <row r="943" spans="1:10" ht="51.6" customHeight="1" x14ac:dyDescent="0.45">
      <c r="A943" s="6">
        <f>'申請書（複数入力用）'!A945</f>
        <v>939</v>
      </c>
      <c r="B943" s="13">
        <f>'申請書（複数入力用）'!AH945</f>
        <v>0</v>
      </c>
      <c r="C943" s="6">
        <f>'申請書（複数入力用）'!B945</f>
        <v>0</v>
      </c>
      <c r="D943" s="6">
        <f>'申請書（複数入力用）'!D945</f>
        <v>0</v>
      </c>
      <c r="E943" s="14">
        <f>'申請書（複数入力用）'!H945</f>
        <v>0</v>
      </c>
      <c r="F943" s="11" t="str">
        <f>'申請書（複数入力用）'!J945</f>
        <v/>
      </c>
      <c r="G943" s="6" t="str">
        <f>'申請書（複数入力用）'!K945</f>
        <v>a052r000000jS9ZAAU</v>
      </c>
      <c r="H943" s="12" t="e">
        <f>'申請書（複数入力用）'!N945</f>
        <v>#N/A</v>
      </c>
      <c r="I943" s="12" t="e">
        <f>'申請書（複数入力用）'!O945</f>
        <v>#N/A</v>
      </c>
      <c r="J943" s="12">
        <f>'申請書（複数入力用）'!P945</f>
        <v>1</v>
      </c>
    </row>
    <row r="944" spans="1:10" ht="51.6" customHeight="1" x14ac:dyDescent="0.45">
      <c r="A944" s="6">
        <f>'申請書（複数入力用）'!A946</f>
        <v>940</v>
      </c>
      <c r="B944" s="13">
        <f>'申請書（複数入力用）'!AH946</f>
        <v>0</v>
      </c>
      <c r="C944" s="6">
        <f>'申請書（複数入力用）'!B946</f>
        <v>0</v>
      </c>
      <c r="D944" s="6">
        <f>'申請書（複数入力用）'!D946</f>
        <v>0</v>
      </c>
      <c r="E944" s="14">
        <f>'申請書（複数入力用）'!H946</f>
        <v>0</v>
      </c>
      <c r="F944" s="11" t="str">
        <f>'申請書（複数入力用）'!J946</f>
        <v/>
      </c>
      <c r="G944" s="6" t="str">
        <f>'申請書（複数入力用）'!K946</f>
        <v>a052r000000jS9ZAAU</v>
      </c>
      <c r="H944" s="12" t="e">
        <f>'申請書（複数入力用）'!N946</f>
        <v>#N/A</v>
      </c>
      <c r="I944" s="12" t="e">
        <f>'申請書（複数入力用）'!O946</f>
        <v>#N/A</v>
      </c>
      <c r="J944" s="12">
        <f>'申請書（複数入力用）'!P946</f>
        <v>1</v>
      </c>
    </row>
    <row r="945" spans="1:10" ht="51.6" customHeight="1" x14ac:dyDescent="0.45">
      <c r="A945" s="6">
        <f>'申請書（複数入力用）'!A947</f>
        <v>941</v>
      </c>
      <c r="B945" s="13">
        <f>'申請書（複数入力用）'!AH947</f>
        <v>0</v>
      </c>
      <c r="C945" s="6">
        <f>'申請書（複数入力用）'!B947</f>
        <v>0</v>
      </c>
      <c r="D945" s="6">
        <f>'申請書（複数入力用）'!D947</f>
        <v>0</v>
      </c>
      <c r="E945" s="14">
        <f>'申請書（複数入力用）'!H947</f>
        <v>0</v>
      </c>
      <c r="F945" s="11" t="str">
        <f>'申請書（複数入力用）'!J947</f>
        <v/>
      </c>
      <c r="G945" s="6" t="str">
        <f>'申請書（複数入力用）'!K947</f>
        <v>a052r000000jS9ZAAU</v>
      </c>
      <c r="H945" s="12" t="e">
        <f>'申請書（複数入力用）'!N947</f>
        <v>#N/A</v>
      </c>
      <c r="I945" s="12" t="e">
        <f>'申請書（複数入力用）'!O947</f>
        <v>#N/A</v>
      </c>
      <c r="J945" s="12">
        <f>'申請書（複数入力用）'!P947</f>
        <v>1</v>
      </c>
    </row>
    <row r="946" spans="1:10" ht="51.6" customHeight="1" x14ac:dyDescent="0.45">
      <c r="A946" s="6">
        <f>'申請書（複数入力用）'!A948</f>
        <v>942</v>
      </c>
      <c r="B946" s="13">
        <f>'申請書（複数入力用）'!AH948</f>
        <v>0</v>
      </c>
      <c r="C946" s="6">
        <f>'申請書（複数入力用）'!B948</f>
        <v>0</v>
      </c>
      <c r="D946" s="6">
        <f>'申請書（複数入力用）'!D948</f>
        <v>0</v>
      </c>
      <c r="E946" s="14">
        <f>'申請書（複数入力用）'!H948</f>
        <v>0</v>
      </c>
      <c r="F946" s="11" t="str">
        <f>'申請書（複数入力用）'!J948</f>
        <v/>
      </c>
      <c r="G946" s="6" t="str">
        <f>'申請書（複数入力用）'!K948</f>
        <v>a052r000000jS9ZAAU</v>
      </c>
      <c r="H946" s="12" t="e">
        <f>'申請書（複数入力用）'!N948</f>
        <v>#N/A</v>
      </c>
      <c r="I946" s="12" t="e">
        <f>'申請書（複数入力用）'!O948</f>
        <v>#N/A</v>
      </c>
      <c r="J946" s="12">
        <f>'申請書（複数入力用）'!P948</f>
        <v>1</v>
      </c>
    </row>
    <row r="947" spans="1:10" ht="51.6" customHeight="1" x14ac:dyDescent="0.45">
      <c r="A947" s="6">
        <f>'申請書（複数入力用）'!A949</f>
        <v>943</v>
      </c>
      <c r="B947" s="13">
        <f>'申請書（複数入力用）'!AH949</f>
        <v>0</v>
      </c>
      <c r="C947" s="6">
        <f>'申請書（複数入力用）'!B949</f>
        <v>0</v>
      </c>
      <c r="D947" s="6">
        <f>'申請書（複数入力用）'!D949</f>
        <v>0</v>
      </c>
      <c r="E947" s="14">
        <f>'申請書（複数入力用）'!H949</f>
        <v>0</v>
      </c>
      <c r="F947" s="11" t="str">
        <f>'申請書（複数入力用）'!J949</f>
        <v/>
      </c>
      <c r="G947" s="6" t="str">
        <f>'申請書（複数入力用）'!K949</f>
        <v>a052r000000jS9ZAAU</v>
      </c>
      <c r="H947" s="12" t="e">
        <f>'申請書（複数入力用）'!N949</f>
        <v>#N/A</v>
      </c>
      <c r="I947" s="12" t="e">
        <f>'申請書（複数入力用）'!O949</f>
        <v>#N/A</v>
      </c>
      <c r="J947" s="12">
        <f>'申請書（複数入力用）'!P949</f>
        <v>1</v>
      </c>
    </row>
    <row r="948" spans="1:10" ht="51.6" customHeight="1" x14ac:dyDescent="0.45">
      <c r="A948" s="6">
        <f>'申請書（複数入力用）'!A950</f>
        <v>944</v>
      </c>
      <c r="B948" s="13">
        <f>'申請書（複数入力用）'!AH950</f>
        <v>0</v>
      </c>
      <c r="C948" s="6">
        <f>'申請書（複数入力用）'!B950</f>
        <v>0</v>
      </c>
      <c r="D948" s="6">
        <f>'申請書（複数入力用）'!D950</f>
        <v>0</v>
      </c>
      <c r="E948" s="14">
        <f>'申請書（複数入力用）'!H950</f>
        <v>0</v>
      </c>
      <c r="F948" s="11" t="str">
        <f>'申請書（複数入力用）'!J950</f>
        <v/>
      </c>
      <c r="G948" s="6" t="str">
        <f>'申請書（複数入力用）'!K950</f>
        <v>a052r000000jS9ZAAU</v>
      </c>
      <c r="H948" s="12" t="e">
        <f>'申請書（複数入力用）'!N950</f>
        <v>#N/A</v>
      </c>
      <c r="I948" s="12" t="e">
        <f>'申請書（複数入力用）'!O950</f>
        <v>#N/A</v>
      </c>
      <c r="J948" s="12">
        <f>'申請書（複数入力用）'!P950</f>
        <v>1</v>
      </c>
    </row>
    <row r="949" spans="1:10" ht="51.6" customHeight="1" x14ac:dyDescent="0.45">
      <c r="A949" s="6">
        <f>'申請書（複数入力用）'!A951</f>
        <v>945</v>
      </c>
      <c r="B949" s="13">
        <f>'申請書（複数入力用）'!AH951</f>
        <v>0</v>
      </c>
      <c r="C949" s="6">
        <f>'申請書（複数入力用）'!B951</f>
        <v>0</v>
      </c>
      <c r="D949" s="6">
        <f>'申請書（複数入力用）'!D951</f>
        <v>0</v>
      </c>
      <c r="E949" s="14">
        <f>'申請書（複数入力用）'!H951</f>
        <v>0</v>
      </c>
      <c r="F949" s="11" t="str">
        <f>'申請書（複数入力用）'!J951</f>
        <v/>
      </c>
      <c r="G949" s="6" t="str">
        <f>'申請書（複数入力用）'!K951</f>
        <v>a052r000000jS9ZAAU</v>
      </c>
      <c r="H949" s="12" t="e">
        <f>'申請書（複数入力用）'!N951</f>
        <v>#N/A</v>
      </c>
      <c r="I949" s="12" t="e">
        <f>'申請書（複数入力用）'!O951</f>
        <v>#N/A</v>
      </c>
      <c r="J949" s="12">
        <f>'申請書（複数入力用）'!P951</f>
        <v>1</v>
      </c>
    </row>
    <row r="950" spans="1:10" ht="51.6" customHeight="1" x14ac:dyDescent="0.45">
      <c r="A950" s="6">
        <f>'申請書（複数入力用）'!A952</f>
        <v>946</v>
      </c>
      <c r="B950" s="13">
        <f>'申請書（複数入力用）'!AH952</f>
        <v>0</v>
      </c>
      <c r="C950" s="6">
        <f>'申請書（複数入力用）'!B952</f>
        <v>0</v>
      </c>
      <c r="D950" s="6">
        <f>'申請書（複数入力用）'!D952</f>
        <v>0</v>
      </c>
      <c r="E950" s="14">
        <f>'申請書（複数入力用）'!H952</f>
        <v>0</v>
      </c>
      <c r="F950" s="11" t="str">
        <f>'申請書（複数入力用）'!J952</f>
        <v/>
      </c>
      <c r="G950" s="6" t="str">
        <f>'申請書（複数入力用）'!K952</f>
        <v>a052r000000jS9ZAAU</v>
      </c>
      <c r="H950" s="12" t="e">
        <f>'申請書（複数入力用）'!N952</f>
        <v>#N/A</v>
      </c>
      <c r="I950" s="12" t="e">
        <f>'申請書（複数入力用）'!O952</f>
        <v>#N/A</v>
      </c>
      <c r="J950" s="12">
        <f>'申請書（複数入力用）'!P952</f>
        <v>1</v>
      </c>
    </row>
    <row r="951" spans="1:10" ht="51.6" customHeight="1" x14ac:dyDescent="0.45">
      <c r="A951" s="6">
        <f>'申請書（複数入力用）'!A953</f>
        <v>947</v>
      </c>
      <c r="B951" s="13">
        <f>'申請書（複数入力用）'!AH953</f>
        <v>0</v>
      </c>
      <c r="C951" s="6">
        <f>'申請書（複数入力用）'!B953</f>
        <v>0</v>
      </c>
      <c r="D951" s="6">
        <f>'申請書（複数入力用）'!D953</f>
        <v>0</v>
      </c>
      <c r="E951" s="14">
        <f>'申請書（複数入力用）'!H953</f>
        <v>0</v>
      </c>
      <c r="F951" s="11" t="str">
        <f>'申請書（複数入力用）'!J953</f>
        <v/>
      </c>
      <c r="G951" s="6" t="str">
        <f>'申請書（複数入力用）'!K953</f>
        <v>a052r000000jS9ZAAU</v>
      </c>
      <c r="H951" s="12" t="e">
        <f>'申請書（複数入力用）'!N953</f>
        <v>#N/A</v>
      </c>
      <c r="I951" s="12" t="e">
        <f>'申請書（複数入力用）'!O953</f>
        <v>#N/A</v>
      </c>
      <c r="J951" s="12">
        <f>'申請書（複数入力用）'!P953</f>
        <v>1</v>
      </c>
    </row>
    <row r="952" spans="1:10" ht="51.6" customHeight="1" x14ac:dyDescent="0.45">
      <c r="A952" s="6">
        <f>'申請書（複数入力用）'!A954</f>
        <v>948</v>
      </c>
      <c r="B952" s="13">
        <f>'申請書（複数入力用）'!AH954</f>
        <v>0</v>
      </c>
      <c r="C952" s="6">
        <f>'申請書（複数入力用）'!B954</f>
        <v>0</v>
      </c>
      <c r="D952" s="6">
        <f>'申請書（複数入力用）'!D954</f>
        <v>0</v>
      </c>
      <c r="E952" s="14">
        <f>'申請書（複数入力用）'!H954</f>
        <v>0</v>
      </c>
      <c r="F952" s="11" t="str">
        <f>'申請書（複数入力用）'!J954</f>
        <v/>
      </c>
      <c r="G952" s="6" t="str">
        <f>'申請書（複数入力用）'!K954</f>
        <v>a052r000000jS9ZAAU</v>
      </c>
      <c r="H952" s="12" t="e">
        <f>'申請書（複数入力用）'!N954</f>
        <v>#N/A</v>
      </c>
      <c r="I952" s="12" t="e">
        <f>'申請書（複数入力用）'!O954</f>
        <v>#N/A</v>
      </c>
      <c r="J952" s="12">
        <f>'申請書（複数入力用）'!P954</f>
        <v>1</v>
      </c>
    </row>
    <row r="953" spans="1:10" ht="51.6" customHeight="1" x14ac:dyDescent="0.45">
      <c r="A953" s="6">
        <f>'申請書（複数入力用）'!A955</f>
        <v>949</v>
      </c>
      <c r="B953" s="13">
        <f>'申請書（複数入力用）'!AH955</f>
        <v>0</v>
      </c>
      <c r="C953" s="6">
        <f>'申請書（複数入力用）'!B955</f>
        <v>0</v>
      </c>
      <c r="D953" s="6">
        <f>'申請書（複数入力用）'!D955</f>
        <v>0</v>
      </c>
      <c r="E953" s="14">
        <f>'申請書（複数入力用）'!H955</f>
        <v>0</v>
      </c>
      <c r="F953" s="11" t="str">
        <f>'申請書（複数入力用）'!J955</f>
        <v/>
      </c>
      <c r="G953" s="6" t="str">
        <f>'申請書（複数入力用）'!K955</f>
        <v>a052r000000jS9ZAAU</v>
      </c>
      <c r="H953" s="12" t="e">
        <f>'申請書（複数入力用）'!N955</f>
        <v>#N/A</v>
      </c>
      <c r="I953" s="12" t="e">
        <f>'申請書（複数入力用）'!O955</f>
        <v>#N/A</v>
      </c>
      <c r="J953" s="12">
        <f>'申請書（複数入力用）'!P955</f>
        <v>1</v>
      </c>
    </row>
    <row r="954" spans="1:10" ht="51.6" customHeight="1" x14ac:dyDescent="0.45">
      <c r="A954" s="6">
        <f>'申請書（複数入力用）'!A956</f>
        <v>950</v>
      </c>
      <c r="B954" s="13">
        <f>'申請書（複数入力用）'!AH956</f>
        <v>0</v>
      </c>
      <c r="C954" s="6">
        <f>'申請書（複数入力用）'!B956</f>
        <v>0</v>
      </c>
      <c r="D954" s="6">
        <f>'申請書（複数入力用）'!D956</f>
        <v>0</v>
      </c>
      <c r="E954" s="14">
        <f>'申請書（複数入力用）'!H956</f>
        <v>0</v>
      </c>
      <c r="F954" s="11" t="str">
        <f>'申請書（複数入力用）'!J956</f>
        <v/>
      </c>
      <c r="G954" s="6" t="str">
        <f>'申請書（複数入力用）'!K956</f>
        <v>a052r000000jS9ZAAU</v>
      </c>
      <c r="H954" s="12" t="e">
        <f>'申請書（複数入力用）'!N956</f>
        <v>#N/A</v>
      </c>
      <c r="I954" s="12" t="e">
        <f>'申請書（複数入力用）'!O956</f>
        <v>#N/A</v>
      </c>
      <c r="J954" s="12">
        <f>'申請書（複数入力用）'!P956</f>
        <v>1</v>
      </c>
    </row>
    <row r="955" spans="1:10" ht="51.6" customHeight="1" x14ac:dyDescent="0.45">
      <c r="A955" s="6">
        <f>'申請書（複数入力用）'!A957</f>
        <v>951</v>
      </c>
      <c r="B955" s="13">
        <f>'申請書（複数入力用）'!AH957</f>
        <v>0</v>
      </c>
      <c r="C955" s="6">
        <f>'申請書（複数入力用）'!B957</f>
        <v>0</v>
      </c>
      <c r="D955" s="6">
        <f>'申請書（複数入力用）'!D957</f>
        <v>0</v>
      </c>
      <c r="E955" s="14">
        <f>'申請書（複数入力用）'!H957</f>
        <v>0</v>
      </c>
      <c r="F955" s="11" t="str">
        <f>'申請書（複数入力用）'!J957</f>
        <v/>
      </c>
      <c r="G955" s="6" t="str">
        <f>'申請書（複数入力用）'!K957</f>
        <v>a052r000000jS9ZAAU</v>
      </c>
      <c r="H955" s="12" t="e">
        <f>'申請書（複数入力用）'!N957</f>
        <v>#N/A</v>
      </c>
      <c r="I955" s="12" t="e">
        <f>'申請書（複数入力用）'!O957</f>
        <v>#N/A</v>
      </c>
      <c r="J955" s="12">
        <f>'申請書（複数入力用）'!P957</f>
        <v>1</v>
      </c>
    </row>
    <row r="956" spans="1:10" ht="51.6" customHeight="1" x14ac:dyDescent="0.45">
      <c r="A956" s="6">
        <f>'申請書（複数入力用）'!A958</f>
        <v>952</v>
      </c>
      <c r="B956" s="13">
        <f>'申請書（複数入力用）'!AH958</f>
        <v>0</v>
      </c>
      <c r="C956" s="6">
        <f>'申請書（複数入力用）'!B958</f>
        <v>0</v>
      </c>
      <c r="D956" s="6">
        <f>'申請書（複数入力用）'!D958</f>
        <v>0</v>
      </c>
      <c r="E956" s="14">
        <f>'申請書（複数入力用）'!H958</f>
        <v>0</v>
      </c>
      <c r="F956" s="11" t="str">
        <f>'申請書（複数入力用）'!J958</f>
        <v/>
      </c>
      <c r="G956" s="6" t="str">
        <f>'申請書（複数入力用）'!K958</f>
        <v>a052r000000jS9ZAAU</v>
      </c>
      <c r="H956" s="12" t="e">
        <f>'申請書（複数入力用）'!N958</f>
        <v>#N/A</v>
      </c>
      <c r="I956" s="12" t="e">
        <f>'申請書（複数入力用）'!O958</f>
        <v>#N/A</v>
      </c>
      <c r="J956" s="12">
        <f>'申請書（複数入力用）'!P958</f>
        <v>1</v>
      </c>
    </row>
    <row r="957" spans="1:10" ht="51.6" customHeight="1" x14ac:dyDescent="0.45">
      <c r="A957" s="6">
        <f>'申請書（複数入力用）'!A959</f>
        <v>953</v>
      </c>
      <c r="B957" s="13">
        <f>'申請書（複数入力用）'!AH959</f>
        <v>0</v>
      </c>
      <c r="C957" s="6">
        <f>'申請書（複数入力用）'!B959</f>
        <v>0</v>
      </c>
      <c r="D957" s="6">
        <f>'申請書（複数入力用）'!D959</f>
        <v>0</v>
      </c>
      <c r="E957" s="14">
        <f>'申請書（複数入力用）'!H959</f>
        <v>0</v>
      </c>
      <c r="F957" s="11" t="str">
        <f>'申請書（複数入力用）'!J959</f>
        <v/>
      </c>
      <c r="G957" s="6" t="str">
        <f>'申請書（複数入力用）'!K959</f>
        <v>a052r000000jS9ZAAU</v>
      </c>
      <c r="H957" s="12" t="e">
        <f>'申請書（複数入力用）'!N959</f>
        <v>#N/A</v>
      </c>
      <c r="I957" s="12" t="e">
        <f>'申請書（複数入力用）'!O959</f>
        <v>#N/A</v>
      </c>
      <c r="J957" s="12">
        <f>'申請書（複数入力用）'!P959</f>
        <v>1</v>
      </c>
    </row>
    <row r="958" spans="1:10" ht="51.6" customHeight="1" x14ac:dyDescent="0.45">
      <c r="A958" s="6">
        <f>'申請書（複数入力用）'!A960</f>
        <v>954</v>
      </c>
      <c r="B958" s="13">
        <f>'申請書（複数入力用）'!AH960</f>
        <v>0</v>
      </c>
      <c r="C958" s="6">
        <f>'申請書（複数入力用）'!B960</f>
        <v>0</v>
      </c>
      <c r="D958" s="6">
        <f>'申請書（複数入力用）'!D960</f>
        <v>0</v>
      </c>
      <c r="E958" s="14">
        <f>'申請書（複数入力用）'!H960</f>
        <v>0</v>
      </c>
      <c r="F958" s="11" t="str">
        <f>'申請書（複数入力用）'!J960</f>
        <v/>
      </c>
      <c r="G958" s="6" t="str">
        <f>'申請書（複数入力用）'!K960</f>
        <v>a052r000000jS9ZAAU</v>
      </c>
      <c r="H958" s="12" t="e">
        <f>'申請書（複数入力用）'!N960</f>
        <v>#N/A</v>
      </c>
      <c r="I958" s="12" t="e">
        <f>'申請書（複数入力用）'!O960</f>
        <v>#N/A</v>
      </c>
      <c r="J958" s="12">
        <f>'申請書（複数入力用）'!P960</f>
        <v>1</v>
      </c>
    </row>
    <row r="959" spans="1:10" ht="51.6" customHeight="1" x14ac:dyDescent="0.45">
      <c r="A959" s="6">
        <f>'申請書（複数入力用）'!A961</f>
        <v>955</v>
      </c>
      <c r="B959" s="13">
        <f>'申請書（複数入力用）'!AH961</f>
        <v>0</v>
      </c>
      <c r="C959" s="6">
        <f>'申請書（複数入力用）'!B961</f>
        <v>0</v>
      </c>
      <c r="D959" s="6">
        <f>'申請書（複数入力用）'!D961</f>
        <v>0</v>
      </c>
      <c r="E959" s="14">
        <f>'申請書（複数入力用）'!H961</f>
        <v>0</v>
      </c>
      <c r="F959" s="11" t="str">
        <f>'申請書（複数入力用）'!J961</f>
        <v/>
      </c>
      <c r="G959" s="6" t="str">
        <f>'申請書（複数入力用）'!K961</f>
        <v>a052r000000jS9ZAAU</v>
      </c>
      <c r="H959" s="12" t="e">
        <f>'申請書（複数入力用）'!N961</f>
        <v>#N/A</v>
      </c>
      <c r="I959" s="12" t="e">
        <f>'申請書（複数入力用）'!O961</f>
        <v>#N/A</v>
      </c>
      <c r="J959" s="12">
        <f>'申請書（複数入力用）'!P961</f>
        <v>1</v>
      </c>
    </row>
    <row r="960" spans="1:10" ht="51.6" customHeight="1" x14ac:dyDescent="0.45">
      <c r="A960" s="6">
        <f>'申請書（複数入力用）'!A962</f>
        <v>956</v>
      </c>
      <c r="B960" s="13">
        <f>'申請書（複数入力用）'!AH962</f>
        <v>0</v>
      </c>
      <c r="C960" s="6">
        <f>'申請書（複数入力用）'!B962</f>
        <v>0</v>
      </c>
      <c r="D960" s="6">
        <f>'申請書（複数入力用）'!D962</f>
        <v>0</v>
      </c>
      <c r="E960" s="14">
        <f>'申請書（複数入力用）'!H962</f>
        <v>0</v>
      </c>
      <c r="F960" s="11" t="str">
        <f>'申請書（複数入力用）'!J962</f>
        <v/>
      </c>
      <c r="G960" s="6" t="str">
        <f>'申請書（複数入力用）'!K962</f>
        <v>a052r000000jS9ZAAU</v>
      </c>
      <c r="H960" s="12" t="e">
        <f>'申請書（複数入力用）'!N962</f>
        <v>#N/A</v>
      </c>
      <c r="I960" s="12" t="e">
        <f>'申請書（複数入力用）'!O962</f>
        <v>#N/A</v>
      </c>
      <c r="J960" s="12">
        <f>'申請書（複数入力用）'!P962</f>
        <v>1</v>
      </c>
    </row>
    <row r="961" spans="1:10" ht="51.6" customHeight="1" x14ac:dyDescent="0.45">
      <c r="A961" s="6">
        <f>'申請書（複数入力用）'!A963</f>
        <v>957</v>
      </c>
      <c r="B961" s="13">
        <f>'申請書（複数入力用）'!AH963</f>
        <v>0</v>
      </c>
      <c r="C961" s="6">
        <f>'申請書（複数入力用）'!B963</f>
        <v>0</v>
      </c>
      <c r="D961" s="6">
        <f>'申請書（複数入力用）'!D963</f>
        <v>0</v>
      </c>
      <c r="E961" s="14">
        <f>'申請書（複数入力用）'!H963</f>
        <v>0</v>
      </c>
      <c r="F961" s="11" t="str">
        <f>'申請書（複数入力用）'!J963</f>
        <v/>
      </c>
      <c r="G961" s="6" t="str">
        <f>'申請書（複数入力用）'!K963</f>
        <v>a052r000000jS9ZAAU</v>
      </c>
      <c r="H961" s="12" t="e">
        <f>'申請書（複数入力用）'!N963</f>
        <v>#N/A</v>
      </c>
      <c r="I961" s="12" t="e">
        <f>'申請書（複数入力用）'!O963</f>
        <v>#N/A</v>
      </c>
      <c r="J961" s="12">
        <f>'申請書（複数入力用）'!P963</f>
        <v>1</v>
      </c>
    </row>
    <row r="962" spans="1:10" ht="51.6" customHeight="1" x14ac:dyDescent="0.45">
      <c r="A962" s="6">
        <f>'申請書（複数入力用）'!A964</f>
        <v>958</v>
      </c>
      <c r="B962" s="13">
        <f>'申請書（複数入力用）'!AH964</f>
        <v>0</v>
      </c>
      <c r="C962" s="6">
        <f>'申請書（複数入力用）'!B964</f>
        <v>0</v>
      </c>
      <c r="D962" s="6">
        <f>'申請書（複数入力用）'!D964</f>
        <v>0</v>
      </c>
      <c r="E962" s="14">
        <f>'申請書（複数入力用）'!H964</f>
        <v>0</v>
      </c>
      <c r="F962" s="11" t="str">
        <f>'申請書（複数入力用）'!J964</f>
        <v/>
      </c>
      <c r="G962" s="6" t="str">
        <f>'申請書（複数入力用）'!K964</f>
        <v>a052r000000jS9ZAAU</v>
      </c>
      <c r="H962" s="12" t="e">
        <f>'申請書（複数入力用）'!N964</f>
        <v>#N/A</v>
      </c>
      <c r="I962" s="12" t="e">
        <f>'申請書（複数入力用）'!O964</f>
        <v>#N/A</v>
      </c>
      <c r="J962" s="12">
        <f>'申請書（複数入力用）'!P964</f>
        <v>1</v>
      </c>
    </row>
    <row r="963" spans="1:10" ht="51.6" customHeight="1" x14ac:dyDescent="0.45">
      <c r="A963" s="6">
        <f>'申請書（複数入力用）'!A965</f>
        <v>959</v>
      </c>
      <c r="B963" s="13">
        <f>'申請書（複数入力用）'!AH965</f>
        <v>0</v>
      </c>
      <c r="C963" s="6">
        <f>'申請書（複数入力用）'!B965</f>
        <v>0</v>
      </c>
      <c r="D963" s="6">
        <f>'申請書（複数入力用）'!D965</f>
        <v>0</v>
      </c>
      <c r="E963" s="14">
        <f>'申請書（複数入力用）'!H965</f>
        <v>0</v>
      </c>
      <c r="F963" s="11" t="str">
        <f>'申請書（複数入力用）'!J965</f>
        <v/>
      </c>
      <c r="G963" s="6" t="str">
        <f>'申請書（複数入力用）'!K965</f>
        <v>a052r000000jS9ZAAU</v>
      </c>
      <c r="H963" s="12" t="e">
        <f>'申請書（複数入力用）'!N965</f>
        <v>#N/A</v>
      </c>
      <c r="I963" s="12" t="e">
        <f>'申請書（複数入力用）'!O965</f>
        <v>#N/A</v>
      </c>
      <c r="J963" s="12">
        <f>'申請書（複数入力用）'!P965</f>
        <v>1</v>
      </c>
    </row>
    <row r="964" spans="1:10" ht="51.6" customHeight="1" x14ac:dyDescent="0.45">
      <c r="A964" s="6">
        <f>'申請書（複数入力用）'!A966</f>
        <v>960</v>
      </c>
      <c r="B964" s="13">
        <f>'申請書（複数入力用）'!AH966</f>
        <v>0</v>
      </c>
      <c r="C964" s="6">
        <f>'申請書（複数入力用）'!B966</f>
        <v>0</v>
      </c>
      <c r="D964" s="6">
        <f>'申請書（複数入力用）'!D966</f>
        <v>0</v>
      </c>
      <c r="E964" s="14">
        <f>'申請書（複数入力用）'!H966</f>
        <v>0</v>
      </c>
      <c r="F964" s="11" t="str">
        <f>'申請書（複数入力用）'!J966</f>
        <v/>
      </c>
      <c r="G964" s="6" t="str">
        <f>'申請書（複数入力用）'!K966</f>
        <v>a052r000000jS9ZAAU</v>
      </c>
      <c r="H964" s="12" t="e">
        <f>'申請書（複数入力用）'!N966</f>
        <v>#N/A</v>
      </c>
      <c r="I964" s="12" t="e">
        <f>'申請書（複数入力用）'!O966</f>
        <v>#N/A</v>
      </c>
      <c r="J964" s="12">
        <f>'申請書（複数入力用）'!P966</f>
        <v>1</v>
      </c>
    </row>
    <row r="965" spans="1:10" ht="51.6" customHeight="1" x14ac:dyDescent="0.45">
      <c r="A965" s="6">
        <f>'申請書（複数入力用）'!A967</f>
        <v>961</v>
      </c>
      <c r="B965" s="13">
        <f>'申請書（複数入力用）'!AH967</f>
        <v>0</v>
      </c>
      <c r="C965" s="6">
        <f>'申請書（複数入力用）'!B967</f>
        <v>0</v>
      </c>
      <c r="D965" s="6">
        <f>'申請書（複数入力用）'!D967</f>
        <v>0</v>
      </c>
      <c r="E965" s="14">
        <f>'申請書（複数入力用）'!H967</f>
        <v>0</v>
      </c>
      <c r="F965" s="11" t="str">
        <f>'申請書（複数入力用）'!J967</f>
        <v/>
      </c>
      <c r="G965" s="6" t="str">
        <f>'申請書（複数入力用）'!K967</f>
        <v>a052r000000jS9ZAAU</v>
      </c>
      <c r="H965" s="12" t="e">
        <f>'申請書（複数入力用）'!N967</f>
        <v>#N/A</v>
      </c>
      <c r="I965" s="12" t="e">
        <f>'申請書（複数入力用）'!O967</f>
        <v>#N/A</v>
      </c>
      <c r="J965" s="12">
        <f>'申請書（複数入力用）'!P967</f>
        <v>1</v>
      </c>
    </row>
    <row r="966" spans="1:10" ht="51.6" customHeight="1" x14ac:dyDescent="0.45">
      <c r="A966" s="6">
        <f>'申請書（複数入力用）'!A968</f>
        <v>962</v>
      </c>
      <c r="B966" s="13">
        <f>'申請書（複数入力用）'!AH968</f>
        <v>0</v>
      </c>
      <c r="C966" s="6">
        <f>'申請書（複数入力用）'!B968</f>
        <v>0</v>
      </c>
      <c r="D966" s="6">
        <f>'申請書（複数入力用）'!D968</f>
        <v>0</v>
      </c>
      <c r="E966" s="14">
        <f>'申請書（複数入力用）'!H968</f>
        <v>0</v>
      </c>
      <c r="F966" s="11" t="str">
        <f>'申請書（複数入力用）'!J968</f>
        <v/>
      </c>
      <c r="G966" s="6" t="str">
        <f>'申請書（複数入力用）'!K968</f>
        <v>a052r000000jS9ZAAU</v>
      </c>
      <c r="H966" s="12" t="e">
        <f>'申請書（複数入力用）'!N968</f>
        <v>#N/A</v>
      </c>
      <c r="I966" s="12" t="e">
        <f>'申請書（複数入力用）'!O968</f>
        <v>#N/A</v>
      </c>
      <c r="J966" s="12">
        <f>'申請書（複数入力用）'!P968</f>
        <v>1</v>
      </c>
    </row>
    <row r="967" spans="1:10" ht="51.6" customHeight="1" x14ac:dyDescent="0.45">
      <c r="A967" s="6">
        <f>'申請書（複数入力用）'!A969</f>
        <v>963</v>
      </c>
      <c r="B967" s="13">
        <f>'申請書（複数入力用）'!AH969</f>
        <v>0</v>
      </c>
      <c r="C967" s="6">
        <f>'申請書（複数入力用）'!B969</f>
        <v>0</v>
      </c>
      <c r="D967" s="6">
        <f>'申請書（複数入力用）'!D969</f>
        <v>0</v>
      </c>
      <c r="E967" s="14">
        <f>'申請書（複数入力用）'!H969</f>
        <v>0</v>
      </c>
      <c r="F967" s="11" t="str">
        <f>'申請書（複数入力用）'!J969</f>
        <v/>
      </c>
      <c r="G967" s="6" t="str">
        <f>'申請書（複数入力用）'!K969</f>
        <v>a052r000000jS9ZAAU</v>
      </c>
      <c r="H967" s="12" t="e">
        <f>'申請書（複数入力用）'!N969</f>
        <v>#N/A</v>
      </c>
      <c r="I967" s="12" t="e">
        <f>'申請書（複数入力用）'!O969</f>
        <v>#N/A</v>
      </c>
      <c r="J967" s="12">
        <f>'申請書（複数入力用）'!P969</f>
        <v>1</v>
      </c>
    </row>
    <row r="968" spans="1:10" ht="51.6" customHeight="1" x14ac:dyDescent="0.45">
      <c r="A968" s="6">
        <f>'申請書（複数入力用）'!A970</f>
        <v>964</v>
      </c>
      <c r="B968" s="13">
        <f>'申請書（複数入力用）'!AH970</f>
        <v>0</v>
      </c>
      <c r="C968" s="6">
        <f>'申請書（複数入力用）'!B970</f>
        <v>0</v>
      </c>
      <c r="D968" s="6">
        <f>'申請書（複数入力用）'!D970</f>
        <v>0</v>
      </c>
      <c r="E968" s="14">
        <f>'申請書（複数入力用）'!H970</f>
        <v>0</v>
      </c>
      <c r="F968" s="11" t="str">
        <f>'申請書（複数入力用）'!J970</f>
        <v/>
      </c>
      <c r="G968" s="6" t="str">
        <f>'申請書（複数入力用）'!K970</f>
        <v>a052r000000jS9ZAAU</v>
      </c>
      <c r="H968" s="12" t="e">
        <f>'申請書（複数入力用）'!N970</f>
        <v>#N/A</v>
      </c>
      <c r="I968" s="12" t="e">
        <f>'申請書（複数入力用）'!O970</f>
        <v>#N/A</v>
      </c>
      <c r="J968" s="12">
        <f>'申請書（複数入力用）'!P970</f>
        <v>1</v>
      </c>
    </row>
    <row r="969" spans="1:10" ht="51.6" customHeight="1" x14ac:dyDescent="0.45">
      <c r="A969" s="6">
        <f>'申請書（複数入力用）'!A971</f>
        <v>965</v>
      </c>
      <c r="B969" s="13">
        <f>'申請書（複数入力用）'!AH971</f>
        <v>0</v>
      </c>
      <c r="C969" s="6">
        <f>'申請書（複数入力用）'!B971</f>
        <v>0</v>
      </c>
      <c r="D969" s="6">
        <f>'申請書（複数入力用）'!D971</f>
        <v>0</v>
      </c>
      <c r="E969" s="14">
        <f>'申請書（複数入力用）'!H971</f>
        <v>0</v>
      </c>
      <c r="F969" s="11" t="str">
        <f>'申請書（複数入力用）'!J971</f>
        <v/>
      </c>
      <c r="G969" s="6" t="str">
        <f>'申請書（複数入力用）'!K971</f>
        <v>a052r000000jS9ZAAU</v>
      </c>
      <c r="H969" s="12" t="e">
        <f>'申請書（複数入力用）'!N971</f>
        <v>#N/A</v>
      </c>
      <c r="I969" s="12" t="e">
        <f>'申請書（複数入力用）'!O971</f>
        <v>#N/A</v>
      </c>
      <c r="J969" s="12">
        <f>'申請書（複数入力用）'!P971</f>
        <v>1</v>
      </c>
    </row>
    <row r="970" spans="1:10" ht="51.6" customHeight="1" x14ac:dyDescent="0.45">
      <c r="A970" s="6">
        <f>'申請書（複数入力用）'!A972</f>
        <v>966</v>
      </c>
      <c r="B970" s="13">
        <f>'申請書（複数入力用）'!AH972</f>
        <v>0</v>
      </c>
      <c r="C970" s="6">
        <f>'申請書（複数入力用）'!B972</f>
        <v>0</v>
      </c>
      <c r="D970" s="6">
        <f>'申請書（複数入力用）'!D972</f>
        <v>0</v>
      </c>
      <c r="E970" s="14">
        <f>'申請書（複数入力用）'!H972</f>
        <v>0</v>
      </c>
      <c r="F970" s="11" t="str">
        <f>'申請書（複数入力用）'!J972</f>
        <v/>
      </c>
      <c r="G970" s="6" t="str">
        <f>'申請書（複数入力用）'!K972</f>
        <v>a052r000000jS9ZAAU</v>
      </c>
      <c r="H970" s="12" t="e">
        <f>'申請書（複数入力用）'!N972</f>
        <v>#N/A</v>
      </c>
      <c r="I970" s="12" t="e">
        <f>'申請書（複数入力用）'!O972</f>
        <v>#N/A</v>
      </c>
      <c r="J970" s="12">
        <f>'申請書（複数入力用）'!P972</f>
        <v>1</v>
      </c>
    </row>
    <row r="971" spans="1:10" ht="51.6" customHeight="1" x14ac:dyDescent="0.45">
      <c r="A971" s="6">
        <f>'申請書（複数入力用）'!A973</f>
        <v>967</v>
      </c>
      <c r="B971" s="13">
        <f>'申請書（複数入力用）'!AH973</f>
        <v>0</v>
      </c>
      <c r="C971" s="6">
        <f>'申請書（複数入力用）'!B973</f>
        <v>0</v>
      </c>
      <c r="D971" s="6">
        <f>'申請書（複数入力用）'!D973</f>
        <v>0</v>
      </c>
      <c r="E971" s="14">
        <f>'申請書（複数入力用）'!H973</f>
        <v>0</v>
      </c>
      <c r="F971" s="11" t="str">
        <f>'申請書（複数入力用）'!J973</f>
        <v/>
      </c>
      <c r="G971" s="6" t="str">
        <f>'申請書（複数入力用）'!K973</f>
        <v>a052r000000jS9ZAAU</v>
      </c>
      <c r="H971" s="12" t="e">
        <f>'申請書（複数入力用）'!N973</f>
        <v>#N/A</v>
      </c>
      <c r="I971" s="12" t="e">
        <f>'申請書（複数入力用）'!O973</f>
        <v>#N/A</v>
      </c>
      <c r="J971" s="12">
        <f>'申請書（複数入力用）'!P973</f>
        <v>1</v>
      </c>
    </row>
    <row r="972" spans="1:10" ht="51.6" customHeight="1" x14ac:dyDescent="0.45">
      <c r="A972" s="6">
        <f>'申請書（複数入力用）'!A974</f>
        <v>968</v>
      </c>
      <c r="B972" s="13">
        <f>'申請書（複数入力用）'!AH974</f>
        <v>0</v>
      </c>
      <c r="C972" s="6">
        <f>'申請書（複数入力用）'!B974</f>
        <v>0</v>
      </c>
      <c r="D972" s="6">
        <f>'申請書（複数入力用）'!D974</f>
        <v>0</v>
      </c>
      <c r="E972" s="14">
        <f>'申請書（複数入力用）'!H974</f>
        <v>0</v>
      </c>
      <c r="F972" s="11" t="str">
        <f>'申請書（複数入力用）'!J974</f>
        <v/>
      </c>
      <c r="G972" s="6" t="str">
        <f>'申請書（複数入力用）'!K974</f>
        <v>a052r000000jS9ZAAU</v>
      </c>
      <c r="H972" s="12" t="e">
        <f>'申請書（複数入力用）'!N974</f>
        <v>#N/A</v>
      </c>
      <c r="I972" s="12" t="e">
        <f>'申請書（複数入力用）'!O974</f>
        <v>#N/A</v>
      </c>
      <c r="J972" s="12">
        <f>'申請書（複数入力用）'!P974</f>
        <v>1</v>
      </c>
    </row>
    <row r="973" spans="1:10" ht="51.6" customHeight="1" x14ac:dyDescent="0.45">
      <c r="A973" s="6">
        <f>'申請書（複数入力用）'!A975</f>
        <v>969</v>
      </c>
      <c r="B973" s="13">
        <f>'申請書（複数入力用）'!AH975</f>
        <v>0</v>
      </c>
      <c r="C973" s="6">
        <f>'申請書（複数入力用）'!B975</f>
        <v>0</v>
      </c>
      <c r="D973" s="6">
        <f>'申請書（複数入力用）'!D975</f>
        <v>0</v>
      </c>
      <c r="E973" s="14">
        <f>'申請書（複数入力用）'!H975</f>
        <v>0</v>
      </c>
      <c r="F973" s="11" t="str">
        <f>'申請書（複数入力用）'!J975</f>
        <v/>
      </c>
      <c r="G973" s="6" t="str">
        <f>'申請書（複数入力用）'!K975</f>
        <v>a052r000000jS9ZAAU</v>
      </c>
      <c r="H973" s="12" t="e">
        <f>'申請書（複数入力用）'!N975</f>
        <v>#N/A</v>
      </c>
      <c r="I973" s="12" t="e">
        <f>'申請書（複数入力用）'!O975</f>
        <v>#N/A</v>
      </c>
      <c r="J973" s="12">
        <f>'申請書（複数入力用）'!P975</f>
        <v>1</v>
      </c>
    </row>
    <row r="974" spans="1:10" ht="51.6" customHeight="1" x14ac:dyDescent="0.45">
      <c r="A974" s="6">
        <f>'申請書（複数入力用）'!A976</f>
        <v>970</v>
      </c>
      <c r="B974" s="13">
        <f>'申請書（複数入力用）'!AH976</f>
        <v>0</v>
      </c>
      <c r="C974" s="6">
        <f>'申請書（複数入力用）'!B976</f>
        <v>0</v>
      </c>
      <c r="D974" s="6">
        <f>'申請書（複数入力用）'!D976</f>
        <v>0</v>
      </c>
      <c r="E974" s="14">
        <f>'申請書（複数入力用）'!H976</f>
        <v>0</v>
      </c>
      <c r="F974" s="11" t="str">
        <f>'申請書（複数入力用）'!J976</f>
        <v/>
      </c>
      <c r="G974" s="6" t="str">
        <f>'申請書（複数入力用）'!K976</f>
        <v>a052r000000jS9ZAAU</v>
      </c>
      <c r="H974" s="12" t="e">
        <f>'申請書（複数入力用）'!N976</f>
        <v>#N/A</v>
      </c>
      <c r="I974" s="12" t="e">
        <f>'申請書（複数入力用）'!O976</f>
        <v>#N/A</v>
      </c>
      <c r="J974" s="12">
        <f>'申請書（複数入力用）'!P976</f>
        <v>1</v>
      </c>
    </row>
    <row r="975" spans="1:10" ht="51.6" customHeight="1" x14ac:dyDescent="0.45">
      <c r="A975" s="6">
        <f>'申請書（複数入力用）'!A977</f>
        <v>971</v>
      </c>
      <c r="B975" s="13">
        <f>'申請書（複数入力用）'!AH977</f>
        <v>0</v>
      </c>
      <c r="C975" s="6">
        <f>'申請書（複数入力用）'!B977</f>
        <v>0</v>
      </c>
      <c r="D975" s="6">
        <f>'申請書（複数入力用）'!D977</f>
        <v>0</v>
      </c>
      <c r="E975" s="14">
        <f>'申請書（複数入力用）'!H977</f>
        <v>0</v>
      </c>
      <c r="F975" s="11" t="str">
        <f>'申請書（複数入力用）'!J977</f>
        <v/>
      </c>
      <c r="G975" s="6" t="str">
        <f>'申請書（複数入力用）'!K977</f>
        <v>a052r000000jS9ZAAU</v>
      </c>
      <c r="H975" s="12" t="e">
        <f>'申請書（複数入力用）'!N977</f>
        <v>#N/A</v>
      </c>
      <c r="I975" s="12" t="e">
        <f>'申請書（複数入力用）'!O977</f>
        <v>#N/A</v>
      </c>
      <c r="J975" s="12">
        <f>'申請書（複数入力用）'!P977</f>
        <v>1</v>
      </c>
    </row>
    <row r="976" spans="1:10" ht="51.6" customHeight="1" x14ac:dyDescent="0.45">
      <c r="A976" s="6">
        <f>'申請書（複数入力用）'!A978</f>
        <v>972</v>
      </c>
      <c r="B976" s="13">
        <f>'申請書（複数入力用）'!AH978</f>
        <v>0</v>
      </c>
      <c r="C976" s="6">
        <f>'申請書（複数入力用）'!B978</f>
        <v>0</v>
      </c>
      <c r="D976" s="6">
        <f>'申請書（複数入力用）'!D978</f>
        <v>0</v>
      </c>
      <c r="E976" s="14">
        <f>'申請書（複数入力用）'!H978</f>
        <v>0</v>
      </c>
      <c r="F976" s="11" t="str">
        <f>'申請書（複数入力用）'!J978</f>
        <v/>
      </c>
      <c r="G976" s="6" t="str">
        <f>'申請書（複数入力用）'!K978</f>
        <v>a052r000000jS9ZAAU</v>
      </c>
      <c r="H976" s="12" t="e">
        <f>'申請書（複数入力用）'!N978</f>
        <v>#N/A</v>
      </c>
      <c r="I976" s="12" t="e">
        <f>'申請書（複数入力用）'!O978</f>
        <v>#N/A</v>
      </c>
      <c r="J976" s="12">
        <f>'申請書（複数入力用）'!P978</f>
        <v>1</v>
      </c>
    </row>
    <row r="977" spans="1:10" ht="51.6" customHeight="1" x14ac:dyDescent="0.45">
      <c r="A977" s="6">
        <f>'申請書（複数入力用）'!A979</f>
        <v>973</v>
      </c>
      <c r="B977" s="13">
        <f>'申請書（複数入力用）'!AH979</f>
        <v>0</v>
      </c>
      <c r="C977" s="6">
        <f>'申請書（複数入力用）'!B979</f>
        <v>0</v>
      </c>
      <c r="D977" s="6">
        <f>'申請書（複数入力用）'!D979</f>
        <v>0</v>
      </c>
      <c r="E977" s="14">
        <f>'申請書（複数入力用）'!H979</f>
        <v>0</v>
      </c>
      <c r="F977" s="11" t="str">
        <f>'申請書（複数入力用）'!J979</f>
        <v/>
      </c>
      <c r="G977" s="6" t="str">
        <f>'申請書（複数入力用）'!K979</f>
        <v>a052r000000jS9ZAAU</v>
      </c>
      <c r="H977" s="12" t="e">
        <f>'申請書（複数入力用）'!N979</f>
        <v>#N/A</v>
      </c>
      <c r="I977" s="12" t="e">
        <f>'申請書（複数入力用）'!O979</f>
        <v>#N/A</v>
      </c>
      <c r="J977" s="12">
        <f>'申請書（複数入力用）'!P979</f>
        <v>1</v>
      </c>
    </row>
    <row r="978" spans="1:10" ht="51.6" customHeight="1" x14ac:dyDescent="0.45">
      <c r="A978" s="6">
        <f>'申請書（複数入力用）'!A980</f>
        <v>974</v>
      </c>
      <c r="B978" s="13">
        <f>'申請書（複数入力用）'!AH980</f>
        <v>0</v>
      </c>
      <c r="C978" s="6">
        <f>'申請書（複数入力用）'!B980</f>
        <v>0</v>
      </c>
      <c r="D978" s="6">
        <f>'申請書（複数入力用）'!D980</f>
        <v>0</v>
      </c>
      <c r="E978" s="14">
        <f>'申請書（複数入力用）'!H980</f>
        <v>0</v>
      </c>
      <c r="F978" s="11" t="str">
        <f>'申請書（複数入力用）'!J980</f>
        <v/>
      </c>
      <c r="G978" s="6" t="str">
        <f>'申請書（複数入力用）'!K980</f>
        <v>a052r000000jS9ZAAU</v>
      </c>
      <c r="H978" s="12" t="e">
        <f>'申請書（複数入力用）'!N980</f>
        <v>#N/A</v>
      </c>
      <c r="I978" s="12" t="e">
        <f>'申請書（複数入力用）'!O980</f>
        <v>#N/A</v>
      </c>
      <c r="J978" s="12">
        <f>'申請書（複数入力用）'!P980</f>
        <v>1</v>
      </c>
    </row>
    <row r="979" spans="1:10" ht="51.6" customHeight="1" x14ac:dyDescent="0.45">
      <c r="A979" s="6">
        <f>'申請書（複数入力用）'!A981</f>
        <v>975</v>
      </c>
      <c r="B979" s="13">
        <f>'申請書（複数入力用）'!AH981</f>
        <v>0</v>
      </c>
      <c r="C979" s="6">
        <f>'申請書（複数入力用）'!B981</f>
        <v>0</v>
      </c>
      <c r="D979" s="6">
        <f>'申請書（複数入力用）'!D981</f>
        <v>0</v>
      </c>
      <c r="E979" s="14">
        <f>'申請書（複数入力用）'!H981</f>
        <v>0</v>
      </c>
      <c r="F979" s="11" t="str">
        <f>'申請書（複数入力用）'!J981</f>
        <v/>
      </c>
      <c r="G979" s="6" t="str">
        <f>'申請書（複数入力用）'!K981</f>
        <v>a052r000000jS9ZAAU</v>
      </c>
      <c r="H979" s="12" t="e">
        <f>'申請書（複数入力用）'!N981</f>
        <v>#N/A</v>
      </c>
      <c r="I979" s="12" t="e">
        <f>'申請書（複数入力用）'!O981</f>
        <v>#N/A</v>
      </c>
      <c r="J979" s="12">
        <f>'申請書（複数入力用）'!P981</f>
        <v>1</v>
      </c>
    </row>
    <row r="980" spans="1:10" ht="51.6" customHeight="1" x14ac:dyDescent="0.45">
      <c r="A980" s="6">
        <f>'申請書（複数入力用）'!A982</f>
        <v>976</v>
      </c>
      <c r="B980" s="13">
        <f>'申請書（複数入力用）'!AH982</f>
        <v>0</v>
      </c>
      <c r="C980" s="6">
        <f>'申請書（複数入力用）'!B982</f>
        <v>0</v>
      </c>
      <c r="D980" s="6">
        <f>'申請書（複数入力用）'!D982</f>
        <v>0</v>
      </c>
      <c r="E980" s="14">
        <f>'申請書（複数入力用）'!H982</f>
        <v>0</v>
      </c>
      <c r="F980" s="11" t="str">
        <f>'申請書（複数入力用）'!J982</f>
        <v/>
      </c>
      <c r="G980" s="6" t="str">
        <f>'申請書（複数入力用）'!K982</f>
        <v>a052r000000jS9ZAAU</v>
      </c>
      <c r="H980" s="12" t="e">
        <f>'申請書（複数入力用）'!N982</f>
        <v>#N/A</v>
      </c>
      <c r="I980" s="12" t="e">
        <f>'申請書（複数入力用）'!O982</f>
        <v>#N/A</v>
      </c>
      <c r="J980" s="12">
        <f>'申請書（複数入力用）'!P982</f>
        <v>1</v>
      </c>
    </row>
    <row r="981" spans="1:10" ht="51.6" customHeight="1" x14ac:dyDescent="0.45">
      <c r="A981" s="6">
        <f>'申請書（複数入力用）'!A983</f>
        <v>977</v>
      </c>
      <c r="B981" s="13">
        <f>'申請書（複数入力用）'!AH983</f>
        <v>0</v>
      </c>
      <c r="C981" s="6">
        <f>'申請書（複数入力用）'!B983</f>
        <v>0</v>
      </c>
      <c r="D981" s="6">
        <f>'申請書（複数入力用）'!D983</f>
        <v>0</v>
      </c>
      <c r="E981" s="14">
        <f>'申請書（複数入力用）'!H983</f>
        <v>0</v>
      </c>
      <c r="F981" s="11" t="str">
        <f>'申請書（複数入力用）'!J983</f>
        <v/>
      </c>
      <c r="G981" s="6" t="str">
        <f>'申請書（複数入力用）'!K983</f>
        <v>a052r000000jS9ZAAU</v>
      </c>
      <c r="H981" s="12" t="e">
        <f>'申請書（複数入力用）'!N983</f>
        <v>#N/A</v>
      </c>
      <c r="I981" s="12" t="e">
        <f>'申請書（複数入力用）'!O983</f>
        <v>#N/A</v>
      </c>
      <c r="J981" s="12">
        <f>'申請書（複数入力用）'!P983</f>
        <v>1</v>
      </c>
    </row>
    <row r="982" spans="1:10" ht="51.6" customHeight="1" x14ac:dyDescent="0.45">
      <c r="A982" s="6">
        <f>'申請書（複数入力用）'!A984</f>
        <v>978</v>
      </c>
      <c r="B982" s="13">
        <f>'申請書（複数入力用）'!AH984</f>
        <v>0</v>
      </c>
      <c r="C982" s="6">
        <f>'申請書（複数入力用）'!B984</f>
        <v>0</v>
      </c>
      <c r="D982" s="6">
        <f>'申請書（複数入力用）'!D984</f>
        <v>0</v>
      </c>
      <c r="E982" s="14">
        <f>'申請書（複数入力用）'!H984</f>
        <v>0</v>
      </c>
      <c r="F982" s="11" t="str">
        <f>'申請書（複数入力用）'!J984</f>
        <v/>
      </c>
      <c r="G982" s="6" t="str">
        <f>'申請書（複数入力用）'!K984</f>
        <v>a052r000000jS9ZAAU</v>
      </c>
      <c r="H982" s="12" t="e">
        <f>'申請書（複数入力用）'!N984</f>
        <v>#N/A</v>
      </c>
      <c r="I982" s="12" t="e">
        <f>'申請書（複数入力用）'!O984</f>
        <v>#N/A</v>
      </c>
      <c r="J982" s="12">
        <f>'申請書（複数入力用）'!P984</f>
        <v>1</v>
      </c>
    </row>
    <row r="983" spans="1:10" ht="51.6" customHeight="1" x14ac:dyDescent="0.45">
      <c r="A983" s="6">
        <f>'申請書（複数入力用）'!A985</f>
        <v>979</v>
      </c>
      <c r="B983" s="13">
        <f>'申請書（複数入力用）'!AH985</f>
        <v>0</v>
      </c>
      <c r="C983" s="6">
        <f>'申請書（複数入力用）'!B985</f>
        <v>0</v>
      </c>
      <c r="D983" s="6">
        <f>'申請書（複数入力用）'!D985</f>
        <v>0</v>
      </c>
      <c r="E983" s="14">
        <f>'申請書（複数入力用）'!H985</f>
        <v>0</v>
      </c>
      <c r="F983" s="11" t="str">
        <f>'申請書（複数入力用）'!J985</f>
        <v/>
      </c>
      <c r="G983" s="6" t="str">
        <f>'申請書（複数入力用）'!K985</f>
        <v>a052r000000jS9ZAAU</v>
      </c>
      <c r="H983" s="12" t="e">
        <f>'申請書（複数入力用）'!N985</f>
        <v>#N/A</v>
      </c>
      <c r="I983" s="12" t="e">
        <f>'申請書（複数入力用）'!O985</f>
        <v>#N/A</v>
      </c>
      <c r="J983" s="12">
        <f>'申請書（複数入力用）'!P985</f>
        <v>1</v>
      </c>
    </row>
    <row r="984" spans="1:10" ht="51.6" customHeight="1" x14ac:dyDescent="0.45">
      <c r="A984" s="6">
        <f>'申請書（複数入力用）'!A986</f>
        <v>980</v>
      </c>
      <c r="B984" s="13">
        <f>'申請書（複数入力用）'!AH986</f>
        <v>0</v>
      </c>
      <c r="C984" s="6">
        <f>'申請書（複数入力用）'!B986</f>
        <v>0</v>
      </c>
      <c r="D984" s="6">
        <f>'申請書（複数入力用）'!D986</f>
        <v>0</v>
      </c>
      <c r="E984" s="14">
        <f>'申請書（複数入力用）'!H986</f>
        <v>0</v>
      </c>
      <c r="F984" s="11" t="str">
        <f>'申請書（複数入力用）'!J986</f>
        <v/>
      </c>
      <c r="G984" s="6" t="str">
        <f>'申請書（複数入力用）'!K986</f>
        <v>a052r000000jS9ZAAU</v>
      </c>
      <c r="H984" s="12" t="e">
        <f>'申請書（複数入力用）'!N986</f>
        <v>#N/A</v>
      </c>
      <c r="I984" s="12" t="e">
        <f>'申請書（複数入力用）'!O986</f>
        <v>#N/A</v>
      </c>
      <c r="J984" s="12">
        <f>'申請書（複数入力用）'!P986</f>
        <v>1</v>
      </c>
    </row>
    <row r="985" spans="1:10" ht="51.6" customHeight="1" x14ac:dyDescent="0.45">
      <c r="A985" s="6">
        <f>'申請書（複数入力用）'!A987</f>
        <v>981</v>
      </c>
      <c r="B985" s="13">
        <f>'申請書（複数入力用）'!AH987</f>
        <v>0</v>
      </c>
      <c r="C985" s="6">
        <f>'申請書（複数入力用）'!B987</f>
        <v>0</v>
      </c>
      <c r="D985" s="6">
        <f>'申請書（複数入力用）'!D987</f>
        <v>0</v>
      </c>
      <c r="E985" s="14">
        <f>'申請書（複数入力用）'!H987</f>
        <v>0</v>
      </c>
      <c r="F985" s="11" t="str">
        <f>'申請書（複数入力用）'!J987</f>
        <v/>
      </c>
      <c r="G985" s="6" t="str">
        <f>'申請書（複数入力用）'!K987</f>
        <v>a052r000000jS9ZAAU</v>
      </c>
      <c r="H985" s="12" t="e">
        <f>'申請書（複数入力用）'!N987</f>
        <v>#N/A</v>
      </c>
      <c r="I985" s="12" t="e">
        <f>'申請書（複数入力用）'!O987</f>
        <v>#N/A</v>
      </c>
      <c r="J985" s="12">
        <f>'申請書（複数入力用）'!P987</f>
        <v>1</v>
      </c>
    </row>
    <row r="986" spans="1:10" ht="51.6" customHeight="1" x14ac:dyDescent="0.45">
      <c r="A986" s="6">
        <f>'申請書（複数入力用）'!A988</f>
        <v>982</v>
      </c>
      <c r="B986" s="13">
        <f>'申請書（複数入力用）'!AH988</f>
        <v>0</v>
      </c>
      <c r="C986" s="6">
        <f>'申請書（複数入力用）'!B988</f>
        <v>0</v>
      </c>
      <c r="D986" s="6">
        <f>'申請書（複数入力用）'!D988</f>
        <v>0</v>
      </c>
      <c r="E986" s="14">
        <f>'申請書（複数入力用）'!H988</f>
        <v>0</v>
      </c>
      <c r="F986" s="11" t="str">
        <f>'申請書（複数入力用）'!J988</f>
        <v/>
      </c>
      <c r="G986" s="6" t="str">
        <f>'申請書（複数入力用）'!K988</f>
        <v>a052r000000jS9ZAAU</v>
      </c>
      <c r="H986" s="12" t="e">
        <f>'申請書（複数入力用）'!N988</f>
        <v>#N/A</v>
      </c>
      <c r="I986" s="12" t="e">
        <f>'申請書（複数入力用）'!O988</f>
        <v>#N/A</v>
      </c>
      <c r="J986" s="12">
        <f>'申請書（複数入力用）'!P988</f>
        <v>1</v>
      </c>
    </row>
    <row r="987" spans="1:10" ht="51.6" customHeight="1" x14ac:dyDescent="0.45">
      <c r="A987" s="6">
        <f>'申請書（複数入力用）'!A989</f>
        <v>983</v>
      </c>
      <c r="B987" s="13">
        <f>'申請書（複数入力用）'!AH989</f>
        <v>0</v>
      </c>
      <c r="C987" s="6">
        <f>'申請書（複数入力用）'!B989</f>
        <v>0</v>
      </c>
      <c r="D987" s="6">
        <f>'申請書（複数入力用）'!D989</f>
        <v>0</v>
      </c>
      <c r="E987" s="14">
        <f>'申請書（複数入力用）'!H989</f>
        <v>0</v>
      </c>
      <c r="F987" s="11" t="str">
        <f>'申請書（複数入力用）'!J989</f>
        <v/>
      </c>
      <c r="G987" s="6" t="str">
        <f>'申請書（複数入力用）'!K989</f>
        <v>a052r000000jS9ZAAU</v>
      </c>
      <c r="H987" s="12" t="e">
        <f>'申請書（複数入力用）'!N989</f>
        <v>#N/A</v>
      </c>
      <c r="I987" s="12" t="e">
        <f>'申請書（複数入力用）'!O989</f>
        <v>#N/A</v>
      </c>
      <c r="J987" s="12">
        <f>'申請書（複数入力用）'!P989</f>
        <v>1</v>
      </c>
    </row>
    <row r="988" spans="1:10" ht="51.6" customHeight="1" x14ac:dyDescent="0.45">
      <c r="A988" s="6">
        <f>'申請書（複数入力用）'!A990</f>
        <v>984</v>
      </c>
      <c r="B988" s="13">
        <f>'申請書（複数入力用）'!AH990</f>
        <v>0</v>
      </c>
      <c r="C988" s="6">
        <f>'申請書（複数入力用）'!B990</f>
        <v>0</v>
      </c>
      <c r="D988" s="6">
        <f>'申請書（複数入力用）'!D990</f>
        <v>0</v>
      </c>
      <c r="E988" s="14">
        <f>'申請書（複数入力用）'!H990</f>
        <v>0</v>
      </c>
      <c r="F988" s="11" t="str">
        <f>'申請書（複数入力用）'!J990</f>
        <v/>
      </c>
      <c r="G988" s="6" t="str">
        <f>'申請書（複数入力用）'!K990</f>
        <v>a052r000000jS9ZAAU</v>
      </c>
      <c r="H988" s="12" t="e">
        <f>'申請書（複数入力用）'!N990</f>
        <v>#N/A</v>
      </c>
      <c r="I988" s="12" t="e">
        <f>'申請書（複数入力用）'!O990</f>
        <v>#N/A</v>
      </c>
      <c r="J988" s="12">
        <f>'申請書（複数入力用）'!P990</f>
        <v>1</v>
      </c>
    </row>
    <row r="989" spans="1:10" ht="51.6" customHeight="1" x14ac:dyDescent="0.45">
      <c r="A989" s="6">
        <f>'申請書（複数入力用）'!A991</f>
        <v>985</v>
      </c>
      <c r="B989" s="13">
        <f>'申請書（複数入力用）'!AH991</f>
        <v>0</v>
      </c>
      <c r="C989" s="6">
        <f>'申請書（複数入力用）'!B991</f>
        <v>0</v>
      </c>
      <c r="D989" s="6">
        <f>'申請書（複数入力用）'!D991</f>
        <v>0</v>
      </c>
      <c r="E989" s="14">
        <f>'申請書（複数入力用）'!H991</f>
        <v>0</v>
      </c>
      <c r="F989" s="11" t="str">
        <f>'申請書（複数入力用）'!J991</f>
        <v/>
      </c>
      <c r="G989" s="6" t="str">
        <f>'申請書（複数入力用）'!K991</f>
        <v>a052r000000jS9ZAAU</v>
      </c>
      <c r="H989" s="12" t="e">
        <f>'申請書（複数入力用）'!N991</f>
        <v>#N/A</v>
      </c>
      <c r="I989" s="12" t="e">
        <f>'申請書（複数入力用）'!O991</f>
        <v>#N/A</v>
      </c>
      <c r="J989" s="12">
        <f>'申請書（複数入力用）'!P991</f>
        <v>1</v>
      </c>
    </row>
    <row r="990" spans="1:10" ht="51.6" customHeight="1" x14ac:dyDescent="0.45">
      <c r="A990" s="6">
        <f>'申請書（複数入力用）'!A992</f>
        <v>986</v>
      </c>
      <c r="B990" s="13">
        <f>'申請書（複数入力用）'!AH992</f>
        <v>0</v>
      </c>
      <c r="C990" s="6">
        <f>'申請書（複数入力用）'!B992</f>
        <v>0</v>
      </c>
      <c r="D990" s="6">
        <f>'申請書（複数入力用）'!D992</f>
        <v>0</v>
      </c>
      <c r="E990" s="14">
        <f>'申請書（複数入力用）'!H992</f>
        <v>0</v>
      </c>
      <c r="F990" s="11" t="str">
        <f>'申請書（複数入力用）'!J992</f>
        <v/>
      </c>
      <c r="G990" s="6" t="str">
        <f>'申請書（複数入力用）'!K992</f>
        <v>a052r000000jS9ZAAU</v>
      </c>
      <c r="H990" s="12" t="e">
        <f>'申請書（複数入力用）'!N992</f>
        <v>#N/A</v>
      </c>
      <c r="I990" s="12" t="e">
        <f>'申請書（複数入力用）'!O992</f>
        <v>#N/A</v>
      </c>
      <c r="J990" s="12">
        <f>'申請書（複数入力用）'!P992</f>
        <v>1</v>
      </c>
    </row>
    <row r="991" spans="1:10" ht="51.6" customHeight="1" x14ac:dyDescent="0.45">
      <c r="A991" s="6">
        <f>'申請書（複数入力用）'!A993</f>
        <v>987</v>
      </c>
      <c r="B991" s="13">
        <f>'申請書（複数入力用）'!AH993</f>
        <v>0</v>
      </c>
      <c r="C991" s="6">
        <f>'申請書（複数入力用）'!B993</f>
        <v>0</v>
      </c>
      <c r="D991" s="6">
        <f>'申請書（複数入力用）'!D993</f>
        <v>0</v>
      </c>
      <c r="E991" s="14">
        <f>'申請書（複数入力用）'!H993</f>
        <v>0</v>
      </c>
      <c r="F991" s="11" t="str">
        <f>'申請書（複数入力用）'!J993</f>
        <v/>
      </c>
      <c r="G991" s="6" t="str">
        <f>'申請書（複数入力用）'!K993</f>
        <v>a052r000000jS9ZAAU</v>
      </c>
      <c r="H991" s="12" t="e">
        <f>'申請書（複数入力用）'!N993</f>
        <v>#N/A</v>
      </c>
      <c r="I991" s="12" t="e">
        <f>'申請書（複数入力用）'!O993</f>
        <v>#N/A</v>
      </c>
      <c r="J991" s="12">
        <f>'申請書（複数入力用）'!P993</f>
        <v>1</v>
      </c>
    </row>
    <row r="992" spans="1:10" ht="51.6" customHeight="1" x14ac:dyDescent="0.45">
      <c r="A992" s="6">
        <f>'申請書（複数入力用）'!A994</f>
        <v>988</v>
      </c>
      <c r="B992" s="13">
        <f>'申請書（複数入力用）'!AH994</f>
        <v>0</v>
      </c>
      <c r="C992" s="6">
        <f>'申請書（複数入力用）'!B994</f>
        <v>0</v>
      </c>
      <c r="D992" s="6">
        <f>'申請書（複数入力用）'!D994</f>
        <v>0</v>
      </c>
      <c r="E992" s="14">
        <f>'申請書（複数入力用）'!H994</f>
        <v>0</v>
      </c>
      <c r="F992" s="11" t="str">
        <f>'申請書（複数入力用）'!J994</f>
        <v/>
      </c>
      <c r="G992" s="6" t="str">
        <f>'申請書（複数入力用）'!K994</f>
        <v>a052r000000jS9ZAAU</v>
      </c>
      <c r="H992" s="12" t="e">
        <f>'申請書（複数入力用）'!N994</f>
        <v>#N/A</v>
      </c>
      <c r="I992" s="12" t="e">
        <f>'申請書（複数入力用）'!O994</f>
        <v>#N/A</v>
      </c>
      <c r="J992" s="12">
        <f>'申請書（複数入力用）'!P994</f>
        <v>1</v>
      </c>
    </row>
    <row r="993" spans="1:10" ht="51.6" customHeight="1" x14ac:dyDescent="0.45">
      <c r="A993" s="6">
        <f>'申請書（複数入力用）'!A995</f>
        <v>989</v>
      </c>
      <c r="B993" s="13">
        <f>'申請書（複数入力用）'!AH995</f>
        <v>0</v>
      </c>
      <c r="C993" s="6">
        <f>'申請書（複数入力用）'!B995</f>
        <v>0</v>
      </c>
      <c r="D993" s="6">
        <f>'申請書（複数入力用）'!D995</f>
        <v>0</v>
      </c>
      <c r="E993" s="14">
        <f>'申請書（複数入力用）'!H995</f>
        <v>0</v>
      </c>
      <c r="F993" s="11" t="str">
        <f>'申請書（複数入力用）'!J995</f>
        <v/>
      </c>
      <c r="G993" s="6" t="str">
        <f>'申請書（複数入力用）'!K995</f>
        <v>a052r000000jS9ZAAU</v>
      </c>
      <c r="H993" s="12" t="e">
        <f>'申請書（複数入力用）'!N995</f>
        <v>#N/A</v>
      </c>
      <c r="I993" s="12" t="e">
        <f>'申請書（複数入力用）'!O995</f>
        <v>#N/A</v>
      </c>
      <c r="J993" s="12">
        <f>'申請書（複数入力用）'!P995</f>
        <v>1</v>
      </c>
    </row>
    <row r="994" spans="1:10" ht="51.6" customHeight="1" x14ac:dyDescent="0.45">
      <c r="A994" s="6">
        <f>'申請書（複数入力用）'!A996</f>
        <v>990</v>
      </c>
      <c r="B994" s="13">
        <f>'申請書（複数入力用）'!AH996</f>
        <v>0</v>
      </c>
      <c r="C994" s="6">
        <f>'申請書（複数入力用）'!B996</f>
        <v>0</v>
      </c>
      <c r="D994" s="6">
        <f>'申請書（複数入力用）'!D996</f>
        <v>0</v>
      </c>
      <c r="E994" s="14">
        <f>'申請書（複数入力用）'!H996</f>
        <v>0</v>
      </c>
      <c r="F994" s="11" t="str">
        <f>'申請書（複数入力用）'!J996</f>
        <v/>
      </c>
      <c r="G994" s="6" t="str">
        <f>'申請書（複数入力用）'!K996</f>
        <v>a052r000000jS9ZAAU</v>
      </c>
      <c r="H994" s="12" t="e">
        <f>'申請書（複数入力用）'!N996</f>
        <v>#N/A</v>
      </c>
      <c r="I994" s="12" t="e">
        <f>'申請書（複数入力用）'!O996</f>
        <v>#N/A</v>
      </c>
      <c r="J994" s="12">
        <f>'申請書（複数入力用）'!P996</f>
        <v>1</v>
      </c>
    </row>
    <row r="995" spans="1:10" ht="51.6" customHeight="1" x14ac:dyDescent="0.45">
      <c r="A995" s="6">
        <f>'申請書（複数入力用）'!A997</f>
        <v>991</v>
      </c>
      <c r="B995" s="13">
        <f>'申請書（複数入力用）'!AH997</f>
        <v>0</v>
      </c>
      <c r="C995" s="6">
        <f>'申請書（複数入力用）'!B997</f>
        <v>0</v>
      </c>
      <c r="D995" s="6">
        <f>'申請書（複数入力用）'!D997</f>
        <v>0</v>
      </c>
      <c r="E995" s="14">
        <f>'申請書（複数入力用）'!H997</f>
        <v>0</v>
      </c>
      <c r="F995" s="11" t="str">
        <f>'申請書（複数入力用）'!J997</f>
        <v/>
      </c>
      <c r="G995" s="6" t="str">
        <f>'申請書（複数入力用）'!K997</f>
        <v>a052r000000jS9ZAAU</v>
      </c>
      <c r="H995" s="12" t="e">
        <f>'申請書（複数入力用）'!N997</f>
        <v>#N/A</v>
      </c>
      <c r="I995" s="12" t="e">
        <f>'申請書（複数入力用）'!O997</f>
        <v>#N/A</v>
      </c>
      <c r="J995" s="12">
        <f>'申請書（複数入力用）'!P997</f>
        <v>1</v>
      </c>
    </row>
    <row r="996" spans="1:10" ht="51.6" customHeight="1" x14ac:dyDescent="0.45">
      <c r="A996" s="6">
        <f>'申請書（複数入力用）'!A998</f>
        <v>992</v>
      </c>
      <c r="B996" s="13">
        <f>'申請書（複数入力用）'!AH998</f>
        <v>0</v>
      </c>
      <c r="C996" s="6">
        <f>'申請書（複数入力用）'!B998</f>
        <v>0</v>
      </c>
      <c r="D996" s="6">
        <f>'申請書（複数入力用）'!D998</f>
        <v>0</v>
      </c>
      <c r="E996" s="14">
        <f>'申請書（複数入力用）'!H998</f>
        <v>0</v>
      </c>
      <c r="F996" s="11" t="str">
        <f>'申請書（複数入力用）'!J998</f>
        <v/>
      </c>
      <c r="G996" s="6" t="str">
        <f>'申請書（複数入力用）'!K998</f>
        <v>a052r000000jS9ZAAU</v>
      </c>
      <c r="H996" s="12" t="e">
        <f>'申請書（複数入力用）'!N998</f>
        <v>#N/A</v>
      </c>
      <c r="I996" s="12" t="e">
        <f>'申請書（複数入力用）'!O998</f>
        <v>#N/A</v>
      </c>
      <c r="J996" s="12">
        <f>'申請書（複数入力用）'!P998</f>
        <v>1</v>
      </c>
    </row>
    <row r="997" spans="1:10" ht="51.6" customHeight="1" x14ac:dyDescent="0.45">
      <c r="A997" s="6">
        <f>'申請書（複数入力用）'!A999</f>
        <v>993</v>
      </c>
      <c r="B997" s="13">
        <f>'申請書（複数入力用）'!AH999</f>
        <v>0</v>
      </c>
      <c r="C997" s="6">
        <f>'申請書（複数入力用）'!B999</f>
        <v>0</v>
      </c>
      <c r="D997" s="6">
        <f>'申請書（複数入力用）'!D999</f>
        <v>0</v>
      </c>
      <c r="E997" s="14">
        <f>'申請書（複数入力用）'!H999</f>
        <v>0</v>
      </c>
      <c r="F997" s="11" t="str">
        <f>'申請書（複数入力用）'!J999</f>
        <v/>
      </c>
      <c r="G997" s="6" t="str">
        <f>'申請書（複数入力用）'!K999</f>
        <v>a052r000000jS9ZAAU</v>
      </c>
      <c r="H997" s="12" t="e">
        <f>'申請書（複数入力用）'!N999</f>
        <v>#N/A</v>
      </c>
      <c r="I997" s="12" t="e">
        <f>'申請書（複数入力用）'!O999</f>
        <v>#N/A</v>
      </c>
      <c r="J997" s="12">
        <f>'申請書（複数入力用）'!P999</f>
        <v>1</v>
      </c>
    </row>
    <row r="998" spans="1:10" ht="51.6" customHeight="1" x14ac:dyDescent="0.45">
      <c r="A998" s="6">
        <f>'申請書（複数入力用）'!A1000</f>
        <v>994</v>
      </c>
      <c r="B998" s="13">
        <f>'申請書（複数入力用）'!AH1000</f>
        <v>0</v>
      </c>
      <c r="C998" s="6">
        <f>'申請書（複数入力用）'!B1000</f>
        <v>0</v>
      </c>
      <c r="D998" s="6">
        <f>'申請書（複数入力用）'!D1000</f>
        <v>0</v>
      </c>
      <c r="E998" s="14">
        <f>'申請書（複数入力用）'!H1000</f>
        <v>0</v>
      </c>
      <c r="F998" s="11" t="str">
        <f>'申請書（複数入力用）'!J1000</f>
        <v/>
      </c>
      <c r="G998" s="6" t="str">
        <f>'申請書（複数入力用）'!K1000</f>
        <v>a052r000000jS9ZAAU</v>
      </c>
      <c r="H998" s="12" t="e">
        <f>'申請書（複数入力用）'!N1000</f>
        <v>#N/A</v>
      </c>
      <c r="I998" s="12" t="e">
        <f>'申請書（複数入力用）'!O1000</f>
        <v>#N/A</v>
      </c>
      <c r="J998" s="12">
        <f>'申請書（複数入力用）'!P1000</f>
        <v>1</v>
      </c>
    </row>
    <row r="999" spans="1:10" ht="51.6" customHeight="1" x14ac:dyDescent="0.45">
      <c r="A999" s="6">
        <f>'申請書（複数入力用）'!A1001</f>
        <v>995</v>
      </c>
      <c r="B999" s="13">
        <f>'申請書（複数入力用）'!AH1001</f>
        <v>0</v>
      </c>
      <c r="C999" s="6">
        <f>'申請書（複数入力用）'!B1001</f>
        <v>0</v>
      </c>
      <c r="D999" s="6">
        <f>'申請書（複数入力用）'!D1001</f>
        <v>0</v>
      </c>
      <c r="E999" s="14">
        <f>'申請書（複数入力用）'!H1001</f>
        <v>0</v>
      </c>
      <c r="F999" s="11" t="str">
        <f>'申請書（複数入力用）'!J1001</f>
        <v/>
      </c>
      <c r="G999" s="6" t="str">
        <f>'申請書（複数入力用）'!K1001</f>
        <v>a052r000000jS9ZAAU</v>
      </c>
      <c r="H999" s="12" t="e">
        <f>'申請書（複数入力用）'!N1001</f>
        <v>#N/A</v>
      </c>
      <c r="I999" s="12" t="e">
        <f>'申請書（複数入力用）'!O1001</f>
        <v>#N/A</v>
      </c>
      <c r="J999" s="12">
        <f>'申請書（複数入力用）'!P1001</f>
        <v>1</v>
      </c>
    </row>
    <row r="1000" spans="1:10" ht="51.6" customHeight="1" x14ac:dyDescent="0.45">
      <c r="A1000" s="6">
        <f>'申請書（複数入力用）'!A1002</f>
        <v>996</v>
      </c>
      <c r="B1000" s="13">
        <f>'申請書（複数入力用）'!AH1002</f>
        <v>0</v>
      </c>
      <c r="C1000" s="6">
        <f>'申請書（複数入力用）'!B1002</f>
        <v>0</v>
      </c>
      <c r="D1000" s="6">
        <f>'申請書（複数入力用）'!D1002</f>
        <v>0</v>
      </c>
      <c r="E1000" s="14">
        <f>'申請書（複数入力用）'!H1002</f>
        <v>0</v>
      </c>
      <c r="F1000" s="11" t="str">
        <f>'申請書（複数入力用）'!J1002</f>
        <v/>
      </c>
      <c r="G1000" s="6" t="str">
        <f>'申請書（複数入力用）'!K1002</f>
        <v>a052r000000jS9ZAAU</v>
      </c>
      <c r="H1000" s="12" t="e">
        <f>'申請書（複数入力用）'!N1002</f>
        <v>#N/A</v>
      </c>
      <c r="I1000" s="12" t="e">
        <f>'申請書（複数入力用）'!O1002</f>
        <v>#N/A</v>
      </c>
      <c r="J1000" s="12">
        <f>'申請書（複数入力用）'!P1002</f>
        <v>1</v>
      </c>
    </row>
    <row r="1001" spans="1:10" ht="51.6" customHeight="1" x14ac:dyDescent="0.45">
      <c r="A1001" s="6">
        <f>'申請書（複数入力用）'!A1003</f>
        <v>997</v>
      </c>
      <c r="B1001" s="13">
        <f>'申請書（複数入力用）'!AH1003</f>
        <v>0</v>
      </c>
      <c r="C1001" s="6">
        <f>'申請書（複数入力用）'!B1003</f>
        <v>0</v>
      </c>
      <c r="D1001" s="6">
        <f>'申請書（複数入力用）'!D1003</f>
        <v>0</v>
      </c>
      <c r="E1001" s="14">
        <f>'申請書（複数入力用）'!H1003</f>
        <v>0</v>
      </c>
      <c r="F1001" s="11" t="str">
        <f>'申請書（複数入力用）'!J1003</f>
        <v/>
      </c>
      <c r="G1001" s="6" t="str">
        <f>'申請書（複数入力用）'!K1003</f>
        <v>a052r000000jS9ZAAU</v>
      </c>
      <c r="H1001" s="12" t="e">
        <f>'申請書（複数入力用）'!N1003</f>
        <v>#N/A</v>
      </c>
      <c r="I1001" s="12" t="e">
        <f>'申請書（複数入力用）'!O1003</f>
        <v>#N/A</v>
      </c>
      <c r="J1001" s="12">
        <f>'申請書（複数入力用）'!P1003</f>
        <v>1</v>
      </c>
    </row>
    <row r="1002" spans="1:10" ht="51.6" customHeight="1" x14ac:dyDescent="0.45">
      <c r="A1002" s="6">
        <f>'申請書（複数入力用）'!A1004</f>
        <v>998</v>
      </c>
      <c r="B1002" s="13">
        <f>'申請書（複数入力用）'!AH1004</f>
        <v>0</v>
      </c>
      <c r="C1002" s="6">
        <f>'申請書（複数入力用）'!B1004</f>
        <v>0</v>
      </c>
      <c r="D1002" s="6">
        <f>'申請書（複数入力用）'!D1004</f>
        <v>0</v>
      </c>
      <c r="E1002" s="14">
        <f>'申請書（複数入力用）'!H1004</f>
        <v>0</v>
      </c>
      <c r="F1002" s="11" t="str">
        <f>'申請書（複数入力用）'!J1004</f>
        <v/>
      </c>
      <c r="G1002" s="6" t="str">
        <f>'申請書（複数入力用）'!K1004</f>
        <v>a052r000000jS9ZAAU</v>
      </c>
      <c r="H1002" s="12" t="e">
        <f>'申請書（複数入力用）'!N1004</f>
        <v>#N/A</v>
      </c>
      <c r="I1002" s="12" t="e">
        <f>'申請書（複数入力用）'!O1004</f>
        <v>#N/A</v>
      </c>
      <c r="J1002" s="12">
        <f>'申請書（複数入力用）'!P1004</f>
        <v>1</v>
      </c>
    </row>
    <row r="1003" spans="1:10" ht="51.6" customHeight="1" x14ac:dyDescent="0.45">
      <c r="A1003" s="6">
        <f>'申請書（複数入力用）'!A1005</f>
        <v>999</v>
      </c>
      <c r="B1003" s="13">
        <f>'申請書（複数入力用）'!AH1005</f>
        <v>0</v>
      </c>
      <c r="C1003" s="6">
        <f>'申請書（複数入力用）'!B1005</f>
        <v>0</v>
      </c>
      <c r="D1003" s="6">
        <f>'申請書（複数入力用）'!D1005</f>
        <v>0</v>
      </c>
      <c r="E1003" s="14">
        <f>'申請書（複数入力用）'!H1005</f>
        <v>0</v>
      </c>
      <c r="F1003" s="11" t="str">
        <f>'申請書（複数入力用）'!J1005</f>
        <v/>
      </c>
      <c r="G1003" s="6" t="str">
        <f>'申請書（複数入力用）'!K1005</f>
        <v>a052r000000jS9ZAAU</v>
      </c>
      <c r="H1003" s="12" t="e">
        <f>'申請書（複数入力用）'!N1005</f>
        <v>#N/A</v>
      </c>
      <c r="I1003" s="12" t="e">
        <f>'申請書（複数入力用）'!O1005</f>
        <v>#N/A</v>
      </c>
      <c r="J1003" s="12">
        <f>'申請書（複数入力用）'!P1005</f>
        <v>1</v>
      </c>
    </row>
    <row r="1004" spans="1:10" ht="51.6" customHeight="1" x14ac:dyDescent="0.45">
      <c r="A1004" s="6">
        <f>'申請書（複数入力用）'!A1006</f>
        <v>1000</v>
      </c>
      <c r="B1004" s="13">
        <f>'申請書（複数入力用）'!AH1006</f>
        <v>0</v>
      </c>
      <c r="C1004" s="6">
        <f>'申請書（複数入力用）'!B1006</f>
        <v>0</v>
      </c>
      <c r="D1004" s="6">
        <f>'申請書（複数入力用）'!D1006</f>
        <v>0</v>
      </c>
      <c r="E1004" s="14">
        <f>'申請書（複数入力用）'!H1006</f>
        <v>0</v>
      </c>
      <c r="F1004" s="11" t="str">
        <f>'申請書（複数入力用）'!J1006</f>
        <v/>
      </c>
      <c r="G1004" s="6" t="str">
        <f>'申請書（複数入力用）'!K1006</f>
        <v>a052r000000jS9ZAAU</v>
      </c>
      <c r="H1004" s="12" t="e">
        <f>'申請書（複数入力用）'!N1006</f>
        <v>#N/A</v>
      </c>
      <c r="I1004" s="12" t="e">
        <f>'申請書（複数入力用）'!O1006</f>
        <v>#N/A</v>
      </c>
      <c r="J1004" s="12">
        <f>'申請書（複数入力用）'!P1006</f>
        <v>1</v>
      </c>
    </row>
    <row r="1005" spans="1:10" ht="51.6" customHeight="1" x14ac:dyDescent="0.45">
      <c r="A1005" s="6">
        <f>'申請書（複数入力用）'!A1007</f>
        <v>1001</v>
      </c>
      <c r="B1005" s="13">
        <f>'申請書（複数入力用）'!AH1007</f>
        <v>0</v>
      </c>
      <c r="C1005" s="6">
        <f>'申請書（複数入力用）'!B1007</f>
        <v>0</v>
      </c>
      <c r="D1005" s="6">
        <f>'申請書（複数入力用）'!D1007</f>
        <v>0</v>
      </c>
      <c r="E1005" s="14">
        <f>'申請書（複数入力用）'!H1007</f>
        <v>0</v>
      </c>
      <c r="F1005" s="11" t="str">
        <f>'申請書（複数入力用）'!J1007</f>
        <v/>
      </c>
      <c r="G1005" s="6" t="str">
        <f>'申請書（複数入力用）'!K1007</f>
        <v>a052r000000jS9ZAAU</v>
      </c>
      <c r="H1005" s="12" t="e">
        <f>'申請書（複数入力用）'!N1007</f>
        <v>#N/A</v>
      </c>
      <c r="I1005" s="12" t="e">
        <f>'申請書（複数入力用）'!O1007</f>
        <v>#N/A</v>
      </c>
      <c r="J1005" s="12">
        <f>'申請書（複数入力用）'!P1007</f>
        <v>1</v>
      </c>
    </row>
    <row r="1006" spans="1:10" ht="51.6" customHeight="1" x14ac:dyDescent="0.45">
      <c r="A1006" s="6">
        <f>'申請書（複数入力用）'!A1008</f>
        <v>1002</v>
      </c>
      <c r="B1006" s="13">
        <f>'申請書（複数入力用）'!AH1008</f>
        <v>0</v>
      </c>
      <c r="C1006" s="6">
        <f>'申請書（複数入力用）'!B1008</f>
        <v>0</v>
      </c>
      <c r="D1006" s="6">
        <f>'申請書（複数入力用）'!D1008</f>
        <v>0</v>
      </c>
      <c r="E1006" s="14">
        <f>'申請書（複数入力用）'!H1008</f>
        <v>0</v>
      </c>
      <c r="F1006" s="11" t="str">
        <f>'申請書（複数入力用）'!J1008</f>
        <v/>
      </c>
      <c r="G1006" s="6" t="str">
        <f>'申請書（複数入力用）'!K1008</f>
        <v>a052r000000jS9ZAAU</v>
      </c>
      <c r="H1006" s="12" t="e">
        <f>'申請書（複数入力用）'!N1008</f>
        <v>#N/A</v>
      </c>
      <c r="I1006" s="12" t="e">
        <f>'申請書（複数入力用）'!O1008</f>
        <v>#N/A</v>
      </c>
      <c r="J1006" s="12">
        <f>'申請書（複数入力用）'!P1008</f>
        <v>1</v>
      </c>
    </row>
    <row r="1007" spans="1:10" ht="51.6" customHeight="1" x14ac:dyDescent="0.45">
      <c r="A1007" s="6">
        <f>'申請書（複数入力用）'!A1009</f>
        <v>1003</v>
      </c>
      <c r="B1007" s="13">
        <f>'申請書（複数入力用）'!AH1009</f>
        <v>0</v>
      </c>
      <c r="C1007" s="6">
        <f>'申請書（複数入力用）'!B1009</f>
        <v>0</v>
      </c>
      <c r="D1007" s="6">
        <f>'申請書（複数入力用）'!D1009</f>
        <v>0</v>
      </c>
      <c r="E1007" s="14">
        <f>'申請書（複数入力用）'!H1009</f>
        <v>0</v>
      </c>
      <c r="F1007" s="11" t="str">
        <f>'申請書（複数入力用）'!J1009</f>
        <v/>
      </c>
      <c r="G1007" s="6" t="str">
        <f>'申請書（複数入力用）'!K1009</f>
        <v>a052r000000jS9ZAAU</v>
      </c>
      <c r="H1007" s="12" t="e">
        <f>'申請書（複数入力用）'!N1009</f>
        <v>#N/A</v>
      </c>
      <c r="I1007" s="12" t="e">
        <f>'申請書（複数入力用）'!O1009</f>
        <v>#N/A</v>
      </c>
      <c r="J1007" s="12">
        <f>'申請書（複数入力用）'!P1009</f>
        <v>1</v>
      </c>
    </row>
    <row r="1008" spans="1:10" ht="51.6" customHeight="1" x14ac:dyDescent="0.45">
      <c r="A1008" s="6">
        <f>'申請書（複数入力用）'!A1010</f>
        <v>1004</v>
      </c>
      <c r="B1008" s="13">
        <f>'申請書（複数入力用）'!AH1010</f>
        <v>0</v>
      </c>
      <c r="C1008" s="6">
        <f>'申請書（複数入力用）'!B1010</f>
        <v>0</v>
      </c>
      <c r="D1008" s="6">
        <f>'申請書（複数入力用）'!D1010</f>
        <v>0</v>
      </c>
      <c r="E1008" s="14">
        <f>'申請書（複数入力用）'!H1010</f>
        <v>0</v>
      </c>
      <c r="F1008" s="11" t="str">
        <f>'申請書（複数入力用）'!J1010</f>
        <v/>
      </c>
      <c r="G1008" s="6" t="str">
        <f>'申請書（複数入力用）'!K1010</f>
        <v>a052r000000jS9ZAAU</v>
      </c>
      <c r="H1008" s="12" t="e">
        <f>'申請書（複数入力用）'!N1010</f>
        <v>#N/A</v>
      </c>
      <c r="I1008" s="12" t="e">
        <f>'申請書（複数入力用）'!O1010</f>
        <v>#N/A</v>
      </c>
      <c r="J1008" s="12">
        <f>'申請書（複数入力用）'!P1010</f>
        <v>1</v>
      </c>
    </row>
    <row r="1009" spans="1:10" ht="51.6" customHeight="1" x14ac:dyDescent="0.45">
      <c r="A1009" s="6">
        <f>'申請書（複数入力用）'!A1011</f>
        <v>1005</v>
      </c>
      <c r="B1009" s="13">
        <f>'申請書（複数入力用）'!AH1011</f>
        <v>0</v>
      </c>
      <c r="C1009" s="6">
        <f>'申請書（複数入力用）'!B1011</f>
        <v>0</v>
      </c>
      <c r="D1009" s="6">
        <f>'申請書（複数入力用）'!D1011</f>
        <v>0</v>
      </c>
      <c r="E1009" s="14">
        <f>'申請書（複数入力用）'!H1011</f>
        <v>0</v>
      </c>
      <c r="F1009" s="11" t="str">
        <f>'申請書（複数入力用）'!J1011</f>
        <v/>
      </c>
      <c r="G1009" s="6" t="str">
        <f>'申請書（複数入力用）'!K1011</f>
        <v>a052r000000jS9ZAAU</v>
      </c>
      <c r="H1009" s="12" t="e">
        <f>'申請書（複数入力用）'!N1011</f>
        <v>#N/A</v>
      </c>
      <c r="I1009" s="12" t="e">
        <f>'申請書（複数入力用）'!O1011</f>
        <v>#N/A</v>
      </c>
      <c r="J1009" s="12">
        <f>'申請書（複数入力用）'!P1011</f>
        <v>1</v>
      </c>
    </row>
    <row r="1010" spans="1:10" ht="51.6" customHeight="1" x14ac:dyDescent="0.45">
      <c r="A1010" s="6">
        <f>'申請書（複数入力用）'!A1012</f>
        <v>1006</v>
      </c>
      <c r="B1010" s="13">
        <f>'申請書（複数入力用）'!AH1012</f>
        <v>0</v>
      </c>
      <c r="C1010" s="6">
        <f>'申請書（複数入力用）'!B1012</f>
        <v>0</v>
      </c>
      <c r="D1010" s="6">
        <f>'申請書（複数入力用）'!D1012</f>
        <v>0</v>
      </c>
      <c r="E1010" s="14">
        <f>'申請書（複数入力用）'!H1012</f>
        <v>0</v>
      </c>
      <c r="F1010" s="11" t="str">
        <f>'申請書（複数入力用）'!J1012</f>
        <v/>
      </c>
      <c r="G1010" s="6" t="str">
        <f>'申請書（複数入力用）'!K1012</f>
        <v>a052r000000jS9ZAAU</v>
      </c>
      <c r="H1010" s="12" t="e">
        <f>'申請書（複数入力用）'!N1012</f>
        <v>#N/A</v>
      </c>
      <c r="I1010" s="12" t="e">
        <f>'申請書（複数入力用）'!O1012</f>
        <v>#N/A</v>
      </c>
      <c r="J1010" s="12">
        <f>'申請書（複数入力用）'!P1012</f>
        <v>1</v>
      </c>
    </row>
    <row r="1011" spans="1:10" ht="51.6" customHeight="1" x14ac:dyDescent="0.45">
      <c r="A1011" s="6">
        <f>'申請書（複数入力用）'!A1013</f>
        <v>1007</v>
      </c>
      <c r="B1011" s="13">
        <f>'申請書（複数入力用）'!AH1013</f>
        <v>0</v>
      </c>
      <c r="C1011" s="6">
        <f>'申請書（複数入力用）'!B1013</f>
        <v>0</v>
      </c>
      <c r="D1011" s="6">
        <f>'申請書（複数入力用）'!D1013</f>
        <v>0</v>
      </c>
      <c r="E1011" s="14">
        <f>'申請書（複数入力用）'!H1013</f>
        <v>0</v>
      </c>
      <c r="F1011" s="11" t="str">
        <f>'申請書（複数入力用）'!J1013</f>
        <v/>
      </c>
      <c r="G1011" s="6" t="str">
        <f>'申請書（複数入力用）'!K1013</f>
        <v>a052r000000jS9ZAAU</v>
      </c>
      <c r="H1011" s="12" t="e">
        <f>'申請書（複数入力用）'!N1013</f>
        <v>#N/A</v>
      </c>
      <c r="I1011" s="12" t="e">
        <f>'申請書（複数入力用）'!O1013</f>
        <v>#N/A</v>
      </c>
      <c r="J1011" s="12">
        <f>'申請書（複数入力用）'!P1013</f>
        <v>1</v>
      </c>
    </row>
    <row r="1012" spans="1:10" ht="51.6" customHeight="1" x14ac:dyDescent="0.45">
      <c r="A1012" s="6">
        <f>'申請書（複数入力用）'!A1014</f>
        <v>1008</v>
      </c>
      <c r="B1012" s="13">
        <f>'申請書（複数入力用）'!AH1014</f>
        <v>0</v>
      </c>
      <c r="C1012" s="6">
        <f>'申請書（複数入力用）'!B1014</f>
        <v>0</v>
      </c>
      <c r="D1012" s="6">
        <f>'申請書（複数入力用）'!D1014</f>
        <v>0</v>
      </c>
      <c r="E1012" s="14">
        <f>'申請書（複数入力用）'!H1014</f>
        <v>0</v>
      </c>
      <c r="F1012" s="11" t="str">
        <f>'申請書（複数入力用）'!J1014</f>
        <v/>
      </c>
      <c r="G1012" s="6" t="str">
        <f>'申請書（複数入力用）'!K1014</f>
        <v>a052r000000jS9ZAAU</v>
      </c>
      <c r="H1012" s="12" t="e">
        <f>'申請書（複数入力用）'!N1014</f>
        <v>#N/A</v>
      </c>
      <c r="I1012" s="12" t="e">
        <f>'申請書（複数入力用）'!O1014</f>
        <v>#N/A</v>
      </c>
      <c r="J1012" s="12">
        <f>'申請書（複数入力用）'!P1014</f>
        <v>1</v>
      </c>
    </row>
    <row r="1013" spans="1:10" ht="51.6" customHeight="1" x14ac:dyDescent="0.45">
      <c r="A1013" s="6">
        <f>'申請書（複数入力用）'!A1015</f>
        <v>1009</v>
      </c>
      <c r="B1013" s="13">
        <f>'申請書（複数入力用）'!AH1015</f>
        <v>0</v>
      </c>
      <c r="C1013" s="6">
        <f>'申請書（複数入力用）'!B1015</f>
        <v>0</v>
      </c>
      <c r="D1013" s="6">
        <f>'申請書（複数入力用）'!D1015</f>
        <v>0</v>
      </c>
      <c r="E1013" s="14">
        <f>'申請書（複数入力用）'!H1015</f>
        <v>0</v>
      </c>
      <c r="F1013" s="11" t="str">
        <f>'申請書（複数入力用）'!J1015</f>
        <v/>
      </c>
      <c r="G1013" s="6" t="str">
        <f>'申請書（複数入力用）'!K1015</f>
        <v>a052r000000jS9ZAAU</v>
      </c>
      <c r="H1013" s="12" t="e">
        <f>'申請書（複数入力用）'!N1015</f>
        <v>#N/A</v>
      </c>
      <c r="I1013" s="12" t="e">
        <f>'申請書（複数入力用）'!O1015</f>
        <v>#N/A</v>
      </c>
      <c r="J1013" s="12">
        <f>'申請書（複数入力用）'!P1015</f>
        <v>1</v>
      </c>
    </row>
    <row r="1014" spans="1:10" ht="51.6" customHeight="1" x14ac:dyDescent="0.45">
      <c r="A1014" s="6">
        <f>'申請書（複数入力用）'!A1016</f>
        <v>1010</v>
      </c>
      <c r="B1014" s="13">
        <f>'申請書（複数入力用）'!AH1016</f>
        <v>0</v>
      </c>
      <c r="C1014" s="6">
        <f>'申請書（複数入力用）'!B1016</f>
        <v>0</v>
      </c>
      <c r="D1014" s="6">
        <f>'申請書（複数入力用）'!D1016</f>
        <v>0</v>
      </c>
      <c r="E1014" s="14">
        <f>'申請書（複数入力用）'!H1016</f>
        <v>0</v>
      </c>
      <c r="F1014" s="11" t="str">
        <f>'申請書（複数入力用）'!J1016</f>
        <v/>
      </c>
      <c r="G1014" s="6" t="str">
        <f>'申請書（複数入力用）'!K1016</f>
        <v>a052r000000jS9ZAAU</v>
      </c>
      <c r="H1014" s="12" t="e">
        <f>'申請書（複数入力用）'!N1016</f>
        <v>#N/A</v>
      </c>
      <c r="I1014" s="12" t="e">
        <f>'申請書（複数入力用）'!O1016</f>
        <v>#N/A</v>
      </c>
      <c r="J1014" s="12">
        <f>'申請書（複数入力用）'!P1016</f>
        <v>1</v>
      </c>
    </row>
    <row r="1015" spans="1:10" ht="51.6" customHeight="1" x14ac:dyDescent="0.45">
      <c r="A1015" s="6">
        <f>'申請書（複数入力用）'!A1017</f>
        <v>1011</v>
      </c>
      <c r="B1015" s="13">
        <f>'申請書（複数入力用）'!AH1017</f>
        <v>0</v>
      </c>
      <c r="C1015" s="6">
        <f>'申請書（複数入力用）'!B1017</f>
        <v>0</v>
      </c>
      <c r="D1015" s="6">
        <f>'申請書（複数入力用）'!D1017</f>
        <v>0</v>
      </c>
      <c r="E1015" s="14">
        <f>'申請書（複数入力用）'!H1017</f>
        <v>0</v>
      </c>
      <c r="F1015" s="11" t="str">
        <f>'申請書（複数入力用）'!J1017</f>
        <v/>
      </c>
      <c r="G1015" s="6" t="str">
        <f>'申請書（複数入力用）'!K1017</f>
        <v>a052r000000jS9ZAAU</v>
      </c>
      <c r="H1015" s="12" t="e">
        <f>'申請書（複数入力用）'!N1017</f>
        <v>#N/A</v>
      </c>
      <c r="I1015" s="12" t="e">
        <f>'申請書（複数入力用）'!O1017</f>
        <v>#N/A</v>
      </c>
      <c r="J1015" s="12">
        <f>'申請書（複数入力用）'!P1017</f>
        <v>1</v>
      </c>
    </row>
    <row r="1016" spans="1:10" ht="51.6" customHeight="1" x14ac:dyDescent="0.45">
      <c r="A1016" s="6">
        <f>'申請書（複数入力用）'!A1018</f>
        <v>1012</v>
      </c>
      <c r="B1016" s="13">
        <f>'申請書（複数入力用）'!AH1018</f>
        <v>0</v>
      </c>
      <c r="C1016" s="6">
        <f>'申請書（複数入力用）'!B1018</f>
        <v>0</v>
      </c>
      <c r="D1016" s="6">
        <f>'申請書（複数入力用）'!D1018</f>
        <v>0</v>
      </c>
      <c r="E1016" s="14">
        <f>'申請書（複数入力用）'!H1018</f>
        <v>0</v>
      </c>
      <c r="F1016" s="11" t="str">
        <f>'申請書（複数入力用）'!J1018</f>
        <v/>
      </c>
      <c r="G1016" s="6" t="str">
        <f>'申請書（複数入力用）'!K1018</f>
        <v>a052r000000jS9ZAAU</v>
      </c>
      <c r="H1016" s="12" t="e">
        <f>'申請書（複数入力用）'!N1018</f>
        <v>#N/A</v>
      </c>
      <c r="I1016" s="12" t="e">
        <f>'申請書（複数入力用）'!O1018</f>
        <v>#N/A</v>
      </c>
      <c r="J1016" s="12">
        <f>'申請書（複数入力用）'!P1018</f>
        <v>1</v>
      </c>
    </row>
    <row r="1017" spans="1:10" ht="51.6" customHeight="1" x14ac:dyDescent="0.45">
      <c r="A1017" s="6">
        <f>'申請書（複数入力用）'!A1019</f>
        <v>1013</v>
      </c>
      <c r="B1017" s="13">
        <f>'申請書（複数入力用）'!AH1019</f>
        <v>0</v>
      </c>
      <c r="C1017" s="6">
        <f>'申請書（複数入力用）'!B1019</f>
        <v>0</v>
      </c>
      <c r="D1017" s="6">
        <f>'申請書（複数入力用）'!D1019</f>
        <v>0</v>
      </c>
      <c r="E1017" s="14">
        <f>'申請書（複数入力用）'!H1019</f>
        <v>0</v>
      </c>
      <c r="F1017" s="11" t="str">
        <f>'申請書（複数入力用）'!J1019</f>
        <v/>
      </c>
      <c r="G1017" s="6" t="str">
        <f>'申請書（複数入力用）'!K1019</f>
        <v>a052r000000jS9ZAAU</v>
      </c>
      <c r="H1017" s="12" t="e">
        <f>'申請書（複数入力用）'!N1019</f>
        <v>#N/A</v>
      </c>
      <c r="I1017" s="12" t="e">
        <f>'申請書（複数入力用）'!O1019</f>
        <v>#N/A</v>
      </c>
      <c r="J1017" s="12">
        <f>'申請書（複数入力用）'!P1019</f>
        <v>1</v>
      </c>
    </row>
    <row r="1018" spans="1:10" ht="51.6" customHeight="1" x14ac:dyDescent="0.45">
      <c r="A1018" s="6">
        <f>'申請書（複数入力用）'!A1020</f>
        <v>1014</v>
      </c>
      <c r="B1018" s="13">
        <f>'申請書（複数入力用）'!AH1020</f>
        <v>0</v>
      </c>
      <c r="C1018" s="6">
        <f>'申請書（複数入力用）'!B1020</f>
        <v>0</v>
      </c>
      <c r="D1018" s="6">
        <f>'申請書（複数入力用）'!D1020</f>
        <v>0</v>
      </c>
      <c r="E1018" s="14">
        <f>'申請書（複数入力用）'!H1020</f>
        <v>0</v>
      </c>
      <c r="F1018" s="11" t="str">
        <f>'申請書（複数入力用）'!J1020</f>
        <v/>
      </c>
      <c r="G1018" s="6" t="str">
        <f>'申請書（複数入力用）'!K1020</f>
        <v>a052r000000jS9ZAAU</v>
      </c>
      <c r="H1018" s="12" t="e">
        <f>'申請書（複数入力用）'!N1020</f>
        <v>#N/A</v>
      </c>
      <c r="I1018" s="12" t="e">
        <f>'申請書（複数入力用）'!O1020</f>
        <v>#N/A</v>
      </c>
      <c r="J1018" s="12">
        <f>'申請書（複数入力用）'!P1020</f>
        <v>1</v>
      </c>
    </row>
    <row r="1019" spans="1:10" ht="51.6" customHeight="1" x14ac:dyDescent="0.45">
      <c r="A1019" s="6">
        <f>'申請書（複数入力用）'!A1021</f>
        <v>1015</v>
      </c>
      <c r="B1019" s="13">
        <f>'申請書（複数入力用）'!AH1021</f>
        <v>0</v>
      </c>
      <c r="C1019" s="6">
        <f>'申請書（複数入力用）'!B1021</f>
        <v>0</v>
      </c>
      <c r="D1019" s="6">
        <f>'申請書（複数入力用）'!D1021</f>
        <v>0</v>
      </c>
      <c r="E1019" s="14">
        <f>'申請書（複数入力用）'!H1021</f>
        <v>0</v>
      </c>
      <c r="F1019" s="11" t="str">
        <f>'申請書（複数入力用）'!J1021</f>
        <v/>
      </c>
      <c r="G1019" s="6" t="str">
        <f>'申請書（複数入力用）'!K1021</f>
        <v>a052r000000jS9ZAAU</v>
      </c>
      <c r="H1019" s="12" t="e">
        <f>'申請書（複数入力用）'!N1021</f>
        <v>#N/A</v>
      </c>
      <c r="I1019" s="12" t="e">
        <f>'申請書（複数入力用）'!O1021</f>
        <v>#N/A</v>
      </c>
      <c r="J1019" s="12">
        <f>'申請書（複数入力用）'!P1021</f>
        <v>1</v>
      </c>
    </row>
    <row r="1020" spans="1:10" ht="51.6" customHeight="1" x14ac:dyDescent="0.45">
      <c r="A1020" s="6">
        <f>'申請書（複数入力用）'!A1022</f>
        <v>1016</v>
      </c>
      <c r="B1020" s="13">
        <f>'申請書（複数入力用）'!AH1022</f>
        <v>0</v>
      </c>
      <c r="C1020" s="6">
        <f>'申請書（複数入力用）'!B1022</f>
        <v>0</v>
      </c>
      <c r="D1020" s="6">
        <f>'申請書（複数入力用）'!D1022</f>
        <v>0</v>
      </c>
      <c r="E1020" s="14">
        <f>'申請書（複数入力用）'!H1022</f>
        <v>0</v>
      </c>
      <c r="F1020" s="11" t="str">
        <f>'申請書（複数入力用）'!J1022</f>
        <v/>
      </c>
      <c r="G1020" s="6" t="str">
        <f>'申請書（複数入力用）'!K1022</f>
        <v>a052r000000jS9ZAAU</v>
      </c>
      <c r="H1020" s="12" t="e">
        <f>'申請書（複数入力用）'!N1022</f>
        <v>#N/A</v>
      </c>
      <c r="I1020" s="12" t="e">
        <f>'申請書（複数入力用）'!O1022</f>
        <v>#N/A</v>
      </c>
      <c r="J1020" s="12">
        <f>'申請書（複数入力用）'!P1022</f>
        <v>1</v>
      </c>
    </row>
    <row r="1021" spans="1:10" ht="51.6" customHeight="1" x14ac:dyDescent="0.45">
      <c r="A1021" s="6">
        <f>'申請書（複数入力用）'!A1023</f>
        <v>1017</v>
      </c>
      <c r="B1021" s="13">
        <f>'申請書（複数入力用）'!AH1023</f>
        <v>0</v>
      </c>
      <c r="C1021" s="6">
        <f>'申請書（複数入力用）'!B1023</f>
        <v>0</v>
      </c>
      <c r="D1021" s="6">
        <f>'申請書（複数入力用）'!D1023</f>
        <v>0</v>
      </c>
      <c r="E1021" s="14">
        <f>'申請書（複数入力用）'!H1023</f>
        <v>0</v>
      </c>
      <c r="F1021" s="11" t="str">
        <f>'申請書（複数入力用）'!J1023</f>
        <v/>
      </c>
      <c r="G1021" s="6" t="str">
        <f>'申請書（複数入力用）'!K1023</f>
        <v>a052r000000jS9ZAAU</v>
      </c>
      <c r="H1021" s="12" t="e">
        <f>'申請書（複数入力用）'!N1023</f>
        <v>#N/A</v>
      </c>
      <c r="I1021" s="12" t="e">
        <f>'申請書（複数入力用）'!O1023</f>
        <v>#N/A</v>
      </c>
      <c r="J1021" s="12">
        <f>'申請書（複数入力用）'!P1023</f>
        <v>1</v>
      </c>
    </row>
    <row r="1022" spans="1:10" ht="51.6" customHeight="1" x14ac:dyDescent="0.45">
      <c r="A1022" s="6">
        <f>'申請書（複数入力用）'!A1024</f>
        <v>1018</v>
      </c>
      <c r="B1022" s="13">
        <f>'申請書（複数入力用）'!AH1024</f>
        <v>0</v>
      </c>
      <c r="C1022" s="6">
        <f>'申請書（複数入力用）'!B1024</f>
        <v>0</v>
      </c>
      <c r="D1022" s="6">
        <f>'申請書（複数入力用）'!D1024</f>
        <v>0</v>
      </c>
      <c r="E1022" s="14">
        <f>'申請書（複数入力用）'!H1024</f>
        <v>0</v>
      </c>
      <c r="F1022" s="11" t="str">
        <f>'申請書（複数入力用）'!J1024</f>
        <v/>
      </c>
      <c r="G1022" s="6" t="str">
        <f>'申請書（複数入力用）'!K1024</f>
        <v>a052r000000jS9ZAAU</v>
      </c>
      <c r="H1022" s="12" t="e">
        <f>'申請書（複数入力用）'!N1024</f>
        <v>#N/A</v>
      </c>
      <c r="I1022" s="12" t="e">
        <f>'申請書（複数入力用）'!O1024</f>
        <v>#N/A</v>
      </c>
      <c r="J1022" s="12">
        <f>'申請書（複数入力用）'!P1024</f>
        <v>1</v>
      </c>
    </row>
    <row r="1023" spans="1:10" ht="51.6" customHeight="1" x14ac:dyDescent="0.45">
      <c r="A1023" s="6">
        <f>'申請書（複数入力用）'!A1025</f>
        <v>1019</v>
      </c>
      <c r="B1023" s="13">
        <f>'申請書（複数入力用）'!AH1025</f>
        <v>0</v>
      </c>
      <c r="C1023" s="6">
        <f>'申請書（複数入力用）'!B1025</f>
        <v>0</v>
      </c>
      <c r="D1023" s="6">
        <f>'申請書（複数入力用）'!D1025</f>
        <v>0</v>
      </c>
      <c r="E1023" s="14">
        <f>'申請書（複数入力用）'!H1025</f>
        <v>0</v>
      </c>
      <c r="F1023" s="11" t="str">
        <f>'申請書（複数入力用）'!J1025</f>
        <v/>
      </c>
      <c r="G1023" s="6" t="str">
        <f>'申請書（複数入力用）'!K1025</f>
        <v>a052r000000jS9ZAAU</v>
      </c>
      <c r="H1023" s="12" t="e">
        <f>'申請書（複数入力用）'!N1025</f>
        <v>#N/A</v>
      </c>
      <c r="I1023" s="12" t="e">
        <f>'申請書（複数入力用）'!O1025</f>
        <v>#N/A</v>
      </c>
      <c r="J1023" s="12">
        <f>'申請書（複数入力用）'!P1025</f>
        <v>1</v>
      </c>
    </row>
    <row r="1024" spans="1:10" ht="51.6" customHeight="1" x14ac:dyDescent="0.45">
      <c r="A1024" s="6">
        <f>'申請書（複数入力用）'!A1026</f>
        <v>1020</v>
      </c>
      <c r="B1024" s="13">
        <f>'申請書（複数入力用）'!AH1026</f>
        <v>0</v>
      </c>
      <c r="C1024" s="6">
        <f>'申請書（複数入力用）'!B1026</f>
        <v>0</v>
      </c>
      <c r="D1024" s="6">
        <f>'申請書（複数入力用）'!D1026</f>
        <v>0</v>
      </c>
      <c r="E1024" s="14">
        <f>'申請書（複数入力用）'!H1026</f>
        <v>0</v>
      </c>
      <c r="F1024" s="11" t="str">
        <f>'申請書（複数入力用）'!J1026</f>
        <v/>
      </c>
      <c r="G1024" s="6" t="str">
        <f>'申請書（複数入力用）'!K1026</f>
        <v>a052r000000jS9ZAAU</v>
      </c>
      <c r="H1024" s="12" t="e">
        <f>'申請書（複数入力用）'!N1026</f>
        <v>#N/A</v>
      </c>
      <c r="I1024" s="12" t="e">
        <f>'申請書（複数入力用）'!O1026</f>
        <v>#N/A</v>
      </c>
      <c r="J1024" s="12">
        <f>'申請書（複数入力用）'!P1026</f>
        <v>1</v>
      </c>
    </row>
    <row r="1025" spans="1:10" ht="51.6" customHeight="1" x14ac:dyDescent="0.45">
      <c r="A1025" s="6">
        <f>'申請書（複数入力用）'!A1027</f>
        <v>1021</v>
      </c>
      <c r="B1025" s="13">
        <f>'申請書（複数入力用）'!AH1027</f>
        <v>0</v>
      </c>
      <c r="C1025" s="6">
        <f>'申請書（複数入力用）'!B1027</f>
        <v>0</v>
      </c>
      <c r="D1025" s="6">
        <f>'申請書（複数入力用）'!D1027</f>
        <v>0</v>
      </c>
      <c r="E1025" s="14">
        <f>'申請書（複数入力用）'!H1027</f>
        <v>0</v>
      </c>
      <c r="F1025" s="11" t="str">
        <f>'申請書（複数入力用）'!J1027</f>
        <v/>
      </c>
      <c r="G1025" s="6" t="str">
        <f>'申請書（複数入力用）'!K1027</f>
        <v>a052r000000jS9ZAAU</v>
      </c>
      <c r="H1025" s="12" t="e">
        <f>'申請書（複数入力用）'!N1027</f>
        <v>#N/A</v>
      </c>
      <c r="I1025" s="12" t="e">
        <f>'申請書（複数入力用）'!O1027</f>
        <v>#N/A</v>
      </c>
      <c r="J1025" s="12">
        <f>'申請書（複数入力用）'!P1027</f>
        <v>1</v>
      </c>
    </row>
    <row r="1026" spans="1:10" ht="51.6" customHeight="1" x14ac:dyDescent="0.45">
      <c r="A1026" s="6">
        <f>'申請書（複数入力用）'!A1028</f>
        <v>1022</v>
      </c>
      <c r="B1026" s="13">
        <f>'申請書（複数入力用）'!AH1028</f>
        <v>0</v>
      </c>
      <c r="C1026" s="6">
        <f>'申請書（複数入力用）'!B1028</f>
        <v>0</v>
      </c>
      <c r="D1026" s="6">
        <f>'申請書（複数入力用）'!D1028</f>
        <v>0</v>
      </c>
      <c r="E1026" s="14">
        <f>'申請書（複数入力用）'!H1028</f>
        <v>0</v>
      </c>
      <c r="F1026" s="11" t="str">
        <f>'申請書（複数入力用）'!J1028</f>
        <v/>
      </c>
      <c r="G1026" s="6" t="str">
        <f>'申請書（複数入力用）'!K1028</f>
        <v>a052r000000jS9ZAAU</v>
      </c>
      <c r="H1026" s="12" t="e">
        <f>'申請書（複数入力用）'!N1028</f>
        <v>#N/A</v>
      </c>
      <c r="I1026" s="12" t="e">
        <f>'申請書（複数入力用）'!O1028</f>
        <v>#N/A</v>
      </c>
      <c r="J1026" s="12">
        <f>'申請書（複数入力用）'!P1028</f>
        <v>1</v>
      </c>
    </row>
    <row r="1027" spans="1:10" ht="51.6" customHeight="1" x14ac:dyDescent="0.45">
      <c r="A1027" s="6">
        <f>'申請書（複数入力用）'!A1029</f>
        <v>1023</v>
      </c>
      <c r="B1027" s="13">
        <f>'申請書（複数入力用）'!AH1029</f>
        <v>0</v>
      </c>
      <c r="C1027" s="6">
        <f>'申請書（複数入力用）'!B1029</f>
        <v>0</v>
      </c>
      <c r="D1027" s="6">
        <f>'申請書（複数入力用）'!D1029</f>
        <v>0</v>
      </c>
      <c r="E1027" s="14">
        <f>'申請書（複数入力用）'!H1029</f>
        <v>0</v>
      </c>
      <c r="F1027" s="11" t="str">
        <f>'申請書（複数入力用）'!J1029</f>
        <v/>
      </c>
      <c r="G1027" s="6" t="str">
        <f>'申請書（複数入力用）'!K1029</f>
        <v>a052r000000jS9ZAAU</v>
      </c>
      <c r="H1027" s="12" t="e">
        <f>'申請書（複数入力用）'!N1029</f>
        <v>#N/A</v>
      </c>
      <c r="I1027" s="12" t="e">
        <f>'申請書（複数入力用）'!O1029</f>
        <v>#N/A</v>
      </c>
      <c r="J1027" s="12">
        <f>'申請書（複数入力用）'!P1029</f>
        <v>1</v>
      </c>
    </row>
    <row r="1028" spans="1:10" ht="51.6" customHeight="1" x14ac:dyDescent="0.45">
      <c r="A1028" s="6">
        <f>'申請書（複数入力用）'!A1030</f>
        <v>1024</v>
      </c>
      <c r="B1028" s="13">
        <f>'申請書（複数入力用）'!AH1030</f>
        <v>0</v>
      </c>
      <c r="C1028" s="6">
        <f>'申請書（複数入力用）'!B1030</f>
        <v>0</v>
      </c>
      <c r="D1028" s="6">
        <f>'申請書（複数入力用）'!D1030</f>
        <v>0</v>
      </c>
      <c r="E1028" s="14">
        <f>'申請書（複数入力用）'!H1030</f>
        <v>0</v>
      </c>
      <c r="F1028" s="11" t="str">
        <f>'申請書（複数入力用）'!J1030</f>
        <v/>
      </c>
      <c r="G1028" s="6" t="str">
        <f>'申請書（複数入力用）'!K1030</f>
        <v>a052r000000jS9ZAAU</v>
      </c>
      <c r="H1028" s="12" t="e">
        <f>'申請書（複数入力用）'!N1030</f>
        <v>#N/A</v>
      </c>
      <c r="I1028" s="12" t="e">
        <f>'申請書（複数入力用）'!O1030</f>
        <v>#N/A</v>
      </c>
      <c r="J1028" s="12">
        <f>'申請書（複数入力用）'!P1030</f>
        <v>1</v>
      </c>
    </row>
    <row r="1029" spans="1:10" ht="51.6" customHeight="1" x14ac:dyDescent="0.45">
      <c r="A1029" s="6">
        <f>'申請書（複数入力用）'!A1031</f>
        <v>1025</v>
      </c>
      <c r="B1029" s="13">
        <f>'申請書（複数入力用）'!AH1031</f>
        <v>0</v>
      </c>
      <c r="C1029" s="6">
        <f>'申請書（複数入力用）'!B1031</f>
        <v>0</v>
      </c>
      <c r="D1029" s="6">
        <f>'申請書（複数入力用）'!D1031</f>
        <v>0</v>
      </c>
      <c r="E1029" s="14">
        <f>'申請書（複数入力用）'!H1031</f>
        <v>0</v>
      </c>
      <c r="F1029" s="11" t="str">
        <f>'申請書（複数入力用）'!J1031</f>
        <v/>
      </c>
      <c r="G1029" s="6" t="str">
        <f>'申請書（複数入力用）'!K1031</f>
        <v>a052r000000jS9ZAAU</v>
      </c>
      <c r="H1029" s="12" t="e">
        <f>'申請書（複数入力用）'!N1031</f>
        <v>#N/A</v>
      </c>
      <c r="I1029" s="12" t="e">
        <f>'申請書（複数入力用）'!O1031</f>
        <v>#N/A</v>
      </c>
      <c r="J1029" s="12">
        <f>'申請書（複数入力用）'!P1031</f>
        <v>1</v>
      </c>
    </row>
    <row r="1030" spans="1:10" ht="51.6" customHeight="1" x14ac:dyDescent="0.45">
      <c r="A1030" s="6">
        <f>'申請書（複数入力用）'!A1032</f>
        <v>1026</v>
      </c>
      <c r="B1030" s="13">
        <f>'申請書（複数入力用）'!AH1032</f>
        <v>0</v>
      </c>
      <c r="C1030" s="6">
        <f>'申請書（複数入力用）'!B1032</f>
        <v>0</v>
      </c>
      <c r="D1030" s="6">
        <f>'申請書（複数入力用）'!D1032</f>
        <v>0</v>
      </c>
      <c r="E1030" s="14">
        <f>'申請書（複数入力用）'!H1032</f>
        <v>0</v>
      </c>
      <c r="F1030" s="11" t="str">
        <f>'申請書（複数入力用）'!J1032</f>
        <v/>
      </c>
      <c r="G1030" s="6" t="str">
        <f>'申請書（複数入力用）'!K1032</f>
        <v>a052r000000jS9ZAAU</v>
      </c>
      <c r="H1030" s="12" t="e">
        <f>'申請書（複数入力用）'!N1032</f>
        <v>#N/A</v>
      </c>
      <c r="I1030" s="12" t="e">
        <f>'申請書（複数入力用）'!O1032</f>
        <v>#N/A</v>
      </c>
      <c r="J1030" s="12">
        <f>'申請書（複数入力用）'!P1032</f>
        <v>1</v>
      </c>
    </row>
    <row r="1031" spans="1:10" ht="51.6" customHeight="1" x14ac:dyDescent="0.45">
      <c r="A1031" s="6">
        <f>'申請書（複数入力用）'!A1033</f>
        <v>1027</v>
      </c>
      <c r="B1031" s="13">
        <f>'申請書（複数入力用）'!AH1033</f>
        <v>0</v>
      </c>
      <c r="C1031" s="6">
        <f>'申請書（複数入力用）'!B1033</f>
        <v>0</v>
      </c>
      <c r="D1031" s="6">
        <f>'申請書（複数入力用）'!D1033</f>
        <v>0</v>
      </c>
      <c r="E1031" s="14">
        <f>'申請書（複数入力用）'!H1033</f>
        <v>0</v>
      </c>
      <c r="F1031" s="11" t="str">
        <f>'申請書（複数入力用）'!J1033</f>
        <v/>
      </c>
      <c r="G1031" s="6" t="str">
        <f>'申請書（複数入力用）'!K1033</f>
        <v>a052r000000jS9ZAAU</v>
      </c>
      <c r="H1031" s="12" t="e">
        <f>'申請書（複数入力用）'!N1033</f>
        <v>#N/A</v>
      </c>
      <c r="I1031" s="12" t="e">
        <f>'申請書（複数入力用）'!O1033</f>
        <v>#N/A</v>
      </c>
      <c r="J1031" s="12">
        <f>'申請書（複数入力用）'!P1033</f>
        <v>1</v>
      </c>
    </row>
    <row r="1032" spans="1:10" ht="51.6" customHeight="1" x14ac:dyDescent="0.45">
      <c r="A1032" s="6">
        <f>'申請書（複数入力用）'!A1034</f>
        <v>1028</v>
      </c>
      <c r="B1032" s="13">
        <f>'申請書（複数入力用）'!AH1034</f>
        <v>0</v>
      </c>
      <c r="C1032" s="6">
        <f>'申請書（複数入力用）'!B1034</f>
        <v>0</v>
      </c>
      <c r="D1032" s="6">
        <f>'申請書（複数入力用）'!D1034</f>
        <v>0</v>
      </c>
      <c r="E1032" s="14">
        <f>'申請書（複数入力用）'!H1034</f>
        <v>0</v>
      </c>
      <c r="F1032" s="11" t="str">
        <f>'申請書（複数入力用）'!J1034</f>
        <v/>
      </c>
      <c r="G1032" s="6" t="str">
        <f>'申請書（複数入力用）'!K1034</f>
        <v>a052r000000jS9ZAAU</v>
      </c>
      <c r="H1032" s="12" t="e">
        <f>'申請書（複数入力用）'!N1034</f>
        <v>#N/A</v>
      </c>
      <c r="I1032" s="12" t="e">
        <f>'申請書（複数入力用）'!O1034</f>
        <v>#N/A</v>
      </c>
      <c r="J1032" s="12">
        <f>'申請書（複数入力用）'!P1034</f>
        <v>1</v>
      </c>
    </row>
    <row r="1033" spans="1:10" ht="51.6" customHeight="1" x14ac:dyDescent="0.45">
      <c r="A1033" s="6">
        <f>'申請書（複数入力用）'!A1035</f>
        <v>1029</v>
      </c>
      <c r="B1033" s="13">
        <f>'申請書（複数入力用）'!AH1035</f>
        <v>0</v>
      </c>
      <c r="C1033" s="6">
        <f>'申請書（複数入力用）'!B1035</f>
        <v>0</v>
      </c>
      <c r="D1033" s="6">
        <f>'申請書（複数入力用）'!D1035</f>
        <v>0</v>
      </c>
      <c r="E1033" s="14">
        <f>'申請書（複数入力用）'!H1035</f>
        <v>0</v>
      </c>
      <c r="F1033" s="11" t="str">
        <f>'申請書（複数入力用）'!J1035</f>
        <v/>
      </c>
      <c r="G1033" s="6" t="str">
        <f>'申請書（複数入力用）'!K1035</f>
        <v>a052r000000jS9ZAAU</v>
      </c>
      <c r="H1033" s="12" t="e">
        <f>'申請書（複数入力用）'!N1035</f>
        <v>#N/A</v>
      </c>
      <c r="I1033" s="12" t="e">
        <f>'申請書（複数入力用）'!O1035</f>
        <v>#N/A</v>
      </c>
      <c r="J1033" s="12">
        <f>'申請書（複数入力用）'!P1035</f>
        <v>1</v>
      </c>
    </row>
    <row r="1034" spans="1:10" ht="51.6" customHeight="1" x14ac:dyDescent="0.45">
      <c r="A1034" s="6">
        <f>'申請書（複数入力用）'!A1036</f>
        <v>1030</v>
      </c>
      <c r="B1034" s="13">
        <f>'申請書（複数入力用）'!AH1036</f>
        <v>0</v>
      </c>
      <c r="C1034" s="6">
        <f>'申請書（複数入力用）'!B1036</f>
        <v>0</v>
      </c>
      <c r="D1034" s="6">
        <f>'申請書（複数入力用）'!D1036</f>
        <v>0</v>
      </c>
      <c r="E1034" s="14">
        <f>'申請書（複数入力用）'!H1036</f>
        <v>0</v>
      </c>
      <c r="F1034" s="11" t="str">
        <f>'申請書（複数入力用）'!J1036</f>
        <v/>
      </c>
      <c r="G1034" s="6" t="str">
        <f>'申請書（複数入力用）'!K1036</f>
        <v>a052r000000jS9ZAAU</v>
      </c>
      <c r="H1034" s="12" t="e">
        <f>'申請書（複数入力用）'!N1036</f>
        <v>#N/A</v>
      </c>
      <c r="I1034" s="12" t="e">
        <f>'申請書（複数入力用）'!O1036</f>
        <v>#N/A</v>
      </c>
      <c r="J1034" s="12">
        <f>'申請書（複数入力用）'!P1036</f>
        <v>1</v>
      </c>
    </row>
    <row r="1035" spans="1:10" ht="51.6" customHeight="1" x14ac:dyDescent="0.45">
      <c r="A1035" s="6">
        <f>'申請書（複数入力用）'!A1037</f>
        <v>1031</v>
      </c>
      <c r="B1035" s="13">
        <f>'申請書（複数入力用）'!AH1037</f>
        <v>0</v>
      </c>
      <c r="C1035" s="6">
        <f>'申請書（複数入力用）'!B1037</f>
        <v>0</v>
      </c>
      <c r="D1035" s="6">
        <f>'申請書（複数入力用）'!D1037</f>
        <v>0</v>
      </c>
      <c r="E1035" s="14">
        <f>'申請書（複数入力用）'!H1037</f>
        <v>0</v>
      </c>
      <c r="F1035" s="11" t="str">
        <f>'申請書（複数入力用）'!J1037</f>
        <v/>
      </c>
      <c r="G1035" s="6" t="str">
        <f>'申請書（複数入力用）'!K1037</f>
        <v>a052r000000jS9ZAAU</v>
      </c>
      <c r="H1035" s="12" t="e">
        <f>'申請書（複数入力用）'!N1037</f>
        <v>#N/A</v>
      </c>
      <c r="I1035" s="12" t="e">
        <f>'申請書（複数入力用）'!O1037</f>
        <v>#N/A</v>
      </c>
      <c r="J1035" s="12">
        <f>'申請書（複数入力用）'!P1037</f>
        <v>1</v>
      </c>
    </row>
    <row r="1036" spans="1:10" ht="51.6" customHeight="1" x14ac:dyDescent="0.45">
      <c r="A1036" s="6">
        <f>'申請書（複数入力用）'!A1038</f>
        <v>1032</v>
      </c>
      <c r="B1036" s="13">
        <f>'申請書（複数入力用）'!AH1038</f>
        <v>0</v>
      </c>
      <c r="C1036" s="6">
        <f>'申請書（複数入力用）'!B1038</f>
        <v>0</v>
      </c>
      <c r="D1036" s="6">
        <f>'申請書（複数入力用）'!D1038</f>
        <v>0</v>
      </c>
      <c r="E1036" s="14">
        <f>'申請書（複数入力用）'!H1038</f>
        <v>0</v>
      </c>
      <c r="F1036" s="11" t="str">
        <f>'申請書（複数入力用）'!J1038</f>
        <v/>
      </c>
      <c r="G1036" s="6" t="str">
        <f>'申請書（複数入力用）'!K1038</f>
        <v>a052r000000jS9ZAAU</v>
      </c>
      <c r="H1036" s="12" t="e">
        <f>'申請書（複数入力用）'!N1038</f>
        <v>#N/A</v>
      </c>
      <c r="I1036" s="12" t="e">
        <f>'申請書（複数入力用）'!O1038</f>
        <v>#N/A</v>
      </c>
      <c r="J1036" s="12">
        <f>'申請書（複数入力用）'!P1038</f>
        <v>1</v>
      </c>
    </row>
    <row r="1037" spans="1:10" ht="51.6" customHeight="1" x14ac:dyDescent="0.45">
      <c r="A1037" s="6">
        <f>'申請書（複数入力用）'!A1039</f>
        <v>1033</v>
      </c>
      <c r="B1037" s="13">
        <f>'申請書（複数入力用）'!AH1039</f>
        <v>0</v>
      </c>
      <c r="C1037" s="6">
        <f>'申請書（複数入力用）'!B1039</f>
        <v>0</v>
      </c>
      <c r="D1037" s="6">
        <f>'申請書（複数入力用）'!D1039</f>
        <v>0</v>
      </c>
      <c r="E1037" s="14">
        <f>'申請書（複数入力用）'!H1039</f>
        <v>0</v>
      </c>
      <c r="F1037" s="11" t="str">
        <f>'申請書（複数入力用）'!J1039</f>
        <v/>
      </c>
      <c r="G1037" s="6" t="str">
        <f>'申請書（複数入力用）'!K1039</f>
        <v>a052r000000jS9ZAAU</v>
      </c>
      <c r="H1037" s="12" t="e">
        <f>'申請書（複数入力用）'!N1039</f>
        <v>#N/A</v>
      </c>
      <c r="I1037" s="12" t="e">
        <f>'申請書（複数入力用）'!O1039</f>
        <v>#N/A</v>
      </c>
      <c r="J1037" s="12">
        <f>'申請書（複数入力用）'!P1039</f>
        <v>1</v>
      </c>
    </row>
    <row r="1038" spans="1:10" ht="51.6" customHeight="1" x14ac:dyDescent="0.45">
      <c r="A1038" s="6">
        <f>'申請書（複数入力用）'!A1040</f>
        <v>1034</v>
      </c>
      <c r="B1038" s="13">
        <f>'申請書（複数入力用）'!AH1040</f>
        <v>0</v>
      </c>
      <c r="C1038" s="6">
        <f>'申請書（複数入力用）'!B1040</f>
        <v>0</v>
      </c>
      <c r="D1038" s="6">
        <f>'申請書（複数入力用）'!D1040</f>
        <v>0</v>
      </c>
      <c r="E1038" s="14">
        <f>'申請書（複数入力用）'!H1040</f>
        <v>0</v>
      </c>
      <c r="F1038" s="11" t="str">
        <f>'申請書（複数入力用）'!J1040</f>
        <v/>
      </c>
      <c r="G1038" s="6" t="str">
        <f>'申請書（複数入力用）'!K1040</f>
        <v>a052r000000jS9ZAAU</v>
      </c>
      <c r="H1038" s="12" t="e">
        <f>'申請書（複数入力用）'!N1040</f>
        <v>#N/A</v>
      </c>
      <c r="I1038" s="12" t="e">
        <f>'申請書（複数入力用）'!O1040</f>
        <v>#N/A</v>
      </c>
      <c r="J1038" s="12">
        <f>'申請書（複数入力用）'!P1040</f>
        <v>1</v>
      </c>
    </row>
    <row r="1039" spans="1:10" ht="51.6" customHeight="1" x14ac:dyDescent="0.45">
      <c r="A1039" s="6">
        <f>'申請書（複数入力用）'!A1041</f>
        <v>1035</v>
      </c>
      <c r="B1039" s="13">
        <f>'申請書（複数入力用）'!AH1041</f>
        <v>0</v>
      </c>
      <c r="C1039" s="6">
        <f>'申請書（複数入力用）'!B1041</f>
        <v>0</v>
      </c>
      <c r="D1039" s="6">
        <f>'申請書（複数入力用）'!D1041</f>
        <v>0</v>
      </c>
      <c r="E1039" s="14">
        <f>'申請書（複数入力用）'!H1041</f>
        <v>0</v>
      </c>
      <c r="F1039" s="11" t="str">
        <f>'申請書（複数入力用）'!J1041</f>
        <v/>
      </c>
      <c r="G1039" s="6" t="str">
        <f>'申請書（複数入力用）'!K1041</f>
        <v>a052r000000jS9ZAAU</v>
      </c>
      <c r="H1039" s="12" t="e">
        <f>'申請書（複数入力用）'!N1041</f>
        <v>#N/A</v>
      </c>
      <c r="I1039" s="12" t="e">
        <f>'申請書（複数入力用）'!O1041</f>
        <v>#N/A</v>
      </c>
      <c r="J1039" s="12">
        <f>'申請書（複数入力用）'!P1041</f>
        <v>1</v>
      </c>
    </row>
    <row r="1040" spans="1:10" ht="51.6" customHeight="1" x14ac:dyDescent="0.45">
      <c r="A1040" s="6">
        <f>'申請書（複数入力用）'!A1042</f>
        <v>1036</v>
      </c>
      <c r="B1040" s="13">
        <f>'申請書（複数入力用）'!AH1042</f>
        <v>0</v>
      </c>
      <c r="C1040" s="6">
        <f>'申請書（複数入力用）'!B1042</f>
        <v>0</v>
      </c>
      <c r="D1040" s="6">
        <f>'申請書（複数入力用）'!D1042</f>
        <v>0</v>
      </c>
      <c r="E1040" s="14">
        <f>'申請書（複数入力用）'!H1042</f>
        <v>0</v>
      </c>
      <c r="F1040" s="11" t="str">
        <f>'申請書（複数入力用）'!J1042</f>
        <v/>
      </c>
      <c r="G1040" s="6" t="str">
        <f>'申請書（複数入力用）'!K1042</f>
        <v>a052r000000jS9ZAAU</v>
      </c>
      <c r="H1040" s="12" t="e">
        <f>'申請書（複数入力用）'!N1042</f>
        <v>#N/A</v>
      </c>
      <c r="I1040" s="12" t="e">
        <f>'申請書（複数入力用）'!O1042</f>
        <v>#N/A</v>
      </c>
      <c r="J1040" s="12">
        <f>'申請書（複数入力用）'!P1042</f>
        <v>1</v>
      </c>
    </row>
    <row r="1041" spans="1:10" ht="51.6" customHeight="1" x14ac:dyDescent="0.45">
      <c r="A1041" s="6">
        <f>'申請書（複数入力用）'!A1043</f>
        <v>1037</v>
      </c>
      <c r="B1041" s="13">
        <f>'申請書（複数入力用）'!AH1043</f>
        <v>0</v>
      </c>
      <c r="C1041" s="6">
        <f>'申請書（複数入力用）'!B1043</f>
        <v>0</v>
      </c>
      <c r="D1041" s="6">
        <f>'申請書（複数入力用）'!D1043</f>
        <v>0</v>
      </c>
      <c r="E1041" s="14">
        <f>'申請書（複数入力用）'!H1043</f>
        <v>0</v>
      </c>
      <c r="F1041" s="11" t="str">
        <f>'申請書（複数入力用）'!J1043</f>
        <v/>
      </c>
      <c r="G1041" s="6" t="str">
        <f>'申請書（複数入力用）'!K1043</f>
        <v>a052r000000jS9ZAAU</v>
      </c>
      <c r="H1041" s="12" t="e">
        <f>'申請書（複数入力用）'!N1043</f>
        <v>#N/A</v>
      </c>
      <c r="I1041" s="12" t="e">
        <f>'申請書（複数入力用）'!O1043</f>
        <v>#N/A</v>
      </c>
      <c r="J1041" s="12">
        <f>'申請書（複数入力用）'!P1043</f>
        <v>1</v>
      </c>
    </row>
    <row r="1042" spans="1:10" ht="51.6" customHeight="1" x14ac:dyDescent="0.45">
      <c r="A1042" s="6">
        <f>'申請書（複数入力用）'!A1044</f>
        <v>1038</v>
      </c>
      <c r="B1042" s="13">
        <f>'申請書（複数入力用）'!AH1044</f>
        <v>0</v>
      </c>
      <c r="C1042" s="6">
        <f>'申請書（複数入力用）'!B1044</f>
        <v>0</v>
      </c>
      <c r="D1042" s="6">
        <f>'申請書（複数入力用）'!D1044</f>
        <v>0</v>
      </c>
      <c r="E1042" s="14">
        <f>'申請書（複数入力用）'!H1044</f>
        <v>0</v>
      </c>
      <c r="F1042" s="11" t="str">
        <f>'申請書（複数入力用）'!J1044</f>
        <v/>
      </c>
      <c r="G1042" s="6" t="str">
        <f>'申請書（複数入力用）'!K1044</f>
        <v>a052r000000jS9ZAAU</v>
      </c>
      <c r="H1042" s="12" t="e">
        <f>'申請書（複数入力用）'!N1044</f>
        <v>#N/A</v>
      </c>
      <c r="I1042" s="12" t="e">
        <f>'申請書（複数入力用）'!O1044</f>
        <v>#N/A</v>
      </c>
      <c r="J1042" s="12">
        <f>'申請書（複数入力用）'!P1044</f>
        <v>1</v>
      </c>
    </row>
    <row r="1043" spans="1:10" ht="51.6" customHeight="1" x14ac:dyDescent="0.45">
      <c r="A1043" s="6">
        <f>'申請書（複数入力用）'!A1045</f>
        <v>1039</v>
      </c>
      <c r="B1043" s="13">
        <f>'申請書（複数入力用）'!AH1045</f>
        <v>0</v>
      </c>
      <c r="C1043" s="6">
        <f>'申請書（複数入力用）'!B1045</f>
        <v>0</v>
      </c>
      <c r="D1043" s="6">
        <f>'申請書（複数入力用）'!D1045</f>
        <v>0</v>
      </c>
      <c r="E1043" s="14">
        <f>'申請書（複数入力用）'!H1045</f>
        <v>0</v>
      </c>
      <c r="F1043" s="11" t="str">
        <f>'申請書（複数入力用）'!J1045</f>
        <v/>
      </c>
      <c r="G1043" s="6" t="str">
        <f>'申請書（複数入力用）'!K1045</f>
        <v>a052r000000jS9ZAAU</v>
      </c>
      <c r="H1043" s="12" t="e">
        <f>'申請書（複数入力用）'!N1045</f>
        <v>#N/A</v>
      </c>
      <c r="I1043" s="12" t="e">
        <f>'申請書（複数入力用）'!O1045</f>
        <v>#N/A</v>
      </c>
      <c r="J1043" s="12">
        <f>'申請書（複数入力用）'!P1045</f>
        <v>1</v>
      </c>
    </row>
    <row r="1044" spans="1:10" ht="51.6" customHeight="1" x14ac:dyDescent="0.45">
      <c r="A1044" s="6">
        <f>'申請書（複数入力用）'!A1046</f>
        <v>1040</v>
      </c>
      <c r="B1044" s="13">
        <f>'申請書（複数入力用）'!AH1046</f>
        <v>0</v>
      </c>
      <c r="C1044" s="6">
        <f>'申請書（複数入力用）'!B1046</f>
        <v>0</v>
      </c>
      <c r="D1044" s="6">
        <f>'申請書（複数入力用）'!D1046</f>
        <v>0</v>
      </c>
      <c r="E1044" s="14">
        <f>'申請書（複数入力用）'!H1046</f>
        <v>0</v>
      </c>
      <c r="F1044" s="11" t="str">
        <f>'申請書（複数入力用）'!J1046</f>
        <v/>
      </c>
      <c r="G1044" s="6" t="str">
        <f>'申請書（複数入力用）'!K1046</f>
        <v>a052r000000jS9ZAAU</v>
      </c>
      <c r="H1044" s="12" t="e">
        <f>'申請書（複数入力用）'!N1046</f>
        <v>#N/A</v>
      </c>
      <c r="I1044" s="12" t="e">
        <f>'申請書（複数入力用）'!O1046</f>
        <v>#N/A</v>
      </c>
      <c r="J1044" s="12">
        <f>'申請書（複数入力用）'!P1046</f>
        <v>1</v>
      </c>
    </row>
    <row r="1045" spans="1:10" ht="51.6" customHeight="1" x14ac:dyDescent="0.45">
      <c r="A1045" s="6">
        <f>'申請書（複数入力用）'!A1047</f>
        <v>1041</v>
      </c>
      <c r="B1045" s="13">
        <f>'申請書（複数入力用）'!AH1047</f>
        <v>0</v>
      </c>
      <c r="C1045" s="6">
        <f>'申請書（複数入力用）'!B1047</f>
        <v>0</v>
      </c>
      <c r="D1045" s="6">
        <f>'申請書（複数入力用）'!D1047</f>
        <v>0</v>
      </c>
      <c r="E1045" s="14">
        <f>'申請書（複数入力用）'!H1047</f>
        <v>0</v>
      </c>
      <c r="F1045" s="11" t="str">
        <f>'申請書（複数入力用）'!J1047</f>
        <v/>
      </c>
      <c r="G1045" s="6" t="str">
        <f>'申請書（複数入力用）'!K1047</f>
        <v>a052r000000jS9ZAAU</v>
      </c>
      <c r="H1045" s="12" t="e">
        <f>'申請書（複数入力用）'!N1047</f>
        <v>#N/A</v>
      </c>
      <c r="I1045" s="12" t="e">
        <f>'申請書（複数入力用）'!O1047</f>
        <v>#N/A</v>
      </c>
      <c r="J1045" s="12">
        <f>'申請書（複数入力用）'!P1047</f>
        <v>1</v>
      </c>
    </row>
    <row r="1046" spans="1:10" ht="51.6" customHeight="1" x14ac:dyDescent="0.45">
      <c r="A1046" s="6">
        <f>'申請書（複数入力用）'!A1048</f>
        <v>1042</v>
      </c>
      <c r="B1046" s="13">
        <f>'申請書（複数入力用）'!AH1048</f>
        <v>0</v>
      </c>
      <c r="C1046" s="6">
        <f>'申請書（複数入力用）'!B1048</f>
        <v>0</v>
      </c>
      <c r="D1046" s="6">
        <f>'申請書（複数入力用）'!D1048</f>
        <v>0</v>
      </c>
      <c r="E1046" s="14">
        <f>'申請書（複数入力用）'!H1048</f>
        <v>0</v>
      </c>
      <c r="F1046" s="11" t="str">
        <f>'申請書（複数入力用）'!J1048</f>
        <v/>
      </c>
      <c r="G1046" s="6" t="str">
        <f>'申請書（複数入力用）'!K1048</f>
        <v>a052r000000jS9ZAAU</v>
      </c>
      <c r="H1046" s="12" t="e">
        <f>'申請書（複数入力用）'!N1048</f>
        <v>#N/A</v>
      </c>
      <c r="I1046" s="12" t="e">
        <f>'申請書（複数入力用）'!O1048</f>
        <v>#N/A</v>
      </c>
      <c r="J1046" s="12">
        <f>'申請書（複数入力用）'!P1048</f>
        <v>1</v>
      </c>
    </row>
    <row r="1047" spans="1:10" ht="51.6" customHeight="1" x14ac:dyDescent="0.45">
      <c r="A1047" s="6">
        <f>'申請書（複数入力用）'!A1049</f>
        <v>1043</v>
      </c>
      <c r="B1047" s="13">
        <f>'申請書（複数入力用）'!AH1049</f>
        <v>0</v>
      </c>
      <c r="C1047" s="6">
        <f>'申請書（複数入力用）'!B1049</f>
        <v>0</v>
      </c>
      <c r="D1047" s="6">
        <f>'申請書（複数入力用）'!D1049</f>
        <v>0</v>
      </c>
      <c r="E1047" s="14">
        <f>'申請書（複数入力用）'!H1049</f>
        <v>0</v>
      </c>
      <c r="F1047" s="11" t="str">
        <f>'申請書（複数入力用）'!J1049</f>
        <v/>
      </c>
      <c r="G1047" s="6" t="str">
        <f>'申請書（複数入力用）'!K1049</f>
        <v>a052r000000jS9ZAAU</v>
      </c>
      <c r="H1047" s="12" t="e">
        <f>'申請書（複数入力用）'!N1049</f>
        <v>#N/A</v>
      </c>
      <c r="I1047" s="12" t="e">
        <f>'申請書（複数入力用）'!O1049</f>
        <v>#N/A</v>
      </c>
      <c r="J1047" s="12">
        <f>'申請書（複数入力用）'!P1049</f>
        <v>1</v>
      </c>
    </row>
    <row r="1048" spans="1:10" ht="51.6" customHeight="1" x14ac:dyDescent="0.45">
      <c r="A1048" s="6">
        <f>'申請書（複数入力用）'!A1050</f>
        <v>1044</v>
      </c>
      <c r="B1048" s="13">
        <f>'申請書（複数入力用）'!AH1050</f>
        <v>0</v>
      </c>
      <c r="C1048" s="6">
        <f>'申請書（複数入力用）'!B1050</f>
        <v>0</v>
      </c>
      <c r="D1048" s="6">
        <f>'申請書（複数入力用）'!D1050</f>
        <v>0</v>
      </c>
      <c r="E1048" s="14">
        <f>'申請書（複数入力用）'!H1050</f>
        <v>0</v>
      </c>
      <c r="F1048" s="11" t="str">
        <f>'申請書（複数入力用）'!J1050</f>
        <v/>
      </c>
      <c r="G1048" s="6" t="str">
        <f>'申請書（複数入力用）'!K1050</f>
        <v>a052r000000jS9ZAAU</v>
      </c>
      <c r="H1048" s="12" t="e">
        <f>'申請書（複数入力用）'!N1050</f>
        <v>#N/A</v>
      </c>
      <c r="I1048" s="12" t="e">
        <f>'申請書（複数入力用）'!O1050</f>
        <v>#N/A</v>
      </c>
      <c r="J1048" s="12">
        <f>'申請書（複数入力用）'!P1050</f>
        <v>1</v>
      </c>
    </row>
    <row r="1049" spans="1:10" ht="51.6" customHeight="1" x14ac:dyDescent="0.45">
      <c r="A1049" s="6">
        <f>'申請書（複数入力用）'!A1051</f>
        <v>1045</v>
      </c>
      <c r="B1049" s="13">
        <f>'申請書（複数入力用）'!AH1051</f>
        <v>0</v>
      </c>
      <c r="C1049" s="6">
        <f>'申請書（複数入力用）'!B1051</f>
        <v>0</v>
      </c>
      <c r="D1049" s="6">
        <f>'申請書（複数入力用）'!D1051</f>
        <v>0</v>
      </c>
      <c r="E1049" s="14">
        <f>'申請書（複数入力用）'!H1051</f>
        <v>0</v>
      </c>
      <c r="F1049" s="11" t="str">
        <f>'申請書（複数入力用）'!J1051</f>
        <v/>
      </c>
      <c r="G1049" s="6" t="str">
        <f>'申請書（複数入力用）'!K1051</f>
        <v>a052r000000jS9ZAAU</v>
      </c>
      <c r="H1049" s="12" t="e">
        <f>'申請書（複数入力用）'!N1051</f>
        <v>#N/A</v>
      </c>
      <c r="I1049" s="12" t="e">
        <f>'申請書（複数入力用）'!O1051</f>
        <v>#N/A</v>
      </c>
      <c r="J1049" s="12">
        <f>'申請書（複数入力用）'!P1051</f>
        <v>1</v>
      </c>
    </row>
    <row r="1050" spans="1:10" ht="51.6" customHeight="1" x14ac:dyDescent="0.45">
      <c r="A1050" s="6">
        <f>'申請書（複数入力用）'!A1052</f>
        <v>1046</v>
      </c>
      <c r="B1050" s="13">
        <f>'申請書（複数入力用）'!AH1052</f>
        <v>0</v>
      </c>
      <c r="C1050" s="6">
        <f>'申請書（複数入力用）'!B1052</f>
        <v>0</v>
      </c>
      <c r="D1050" s="6">
        <f>'申請書（複数入力用）'!D1052</f>
        <v>0</v>
      </c>
      <c r="E1050" s="14">
        <f>'申請書（複数入力用）'!H1052</f>
        <v>0</v>
      </c>
      <c r="F1050" s="11" t="str">
        <f>'申請書（複数入力用）'!J1052</f>
        <v/>
      </c>
      <c r="G1050" s="6" t="str">
        <f>'申請書（複数入力用）'!K1052</f>
        <v>a052r000000jS9ZAAU</v>
      </c>
      <c r="H1050" s="12" t="e">
        <f>'申請書（複数入力用）'!N1052</f>
        <v>#N/A</v>
      </c>
      <c r="I1050" s="12" t="e">
        <f>'申請書（複数入力用）'!O1052</f>
        <v>#N/A</v>
      </c>
      <c r="J1050" s="12">
        <f>'申請書（複数入力用）'!P1052</f>
        <v>1</v>
      </c>
    </row>
    <row r="1051" spans="1:10" ht="51.6" customHeight="1" x14ac:dyDescent="0.45">
      <c r="A1051" s="6">
        <f>'申請書（複数入力用）'!A1053</f>
        <v>1047</v>
      </c>
      <c r="B1051" s="13">
        <f>'申請書（複数入力用）'!AH1053</f>
        <v>0</v>
      </c>
      <c r="C1051" s="6">
        <f>'申請書（複数入力用）'!B1053</f>
        <v>0</v>
      </c>
      <c r="D1051" s="6">
        <f>'申請書（複数入力用）'!D1053</f>
        <v>0</v>
      </c>
      <c r="E1051" s="14">
        <f>'申請書（複数入力用）'!H1053</f>
        <v>0</v>
      </c>
      <c r="F1051" s="11" t="str">
        <f>'申請書（複数入力用）'!J1053</f>
        <v/>
      </c>
      <c r="G1051" s="6" t="str">
        <f>'申請書（複数入力用）'!K1053</f>
        <v>a052r000000jS9ZAAU</v>
      </c>
      <c r="H1051" s="12" t="e">
        <f>'申請書（複数入力用）'!N1053</f>
        <v>#N/A</v>
      </c>
      <c r="I1051" s="12" t="e">
        <f>'申請書（複数入力用）'!O1053</f>
        <v>#N/A</v>
      </c>
      <c r="J1051" s="12">
        <f>'申請書（複数入力用）'!P1053</f>
        <v>1</v>
      </c>
    </row>
    <row r="1052" spans="1:10" ht="51.6" customHeight="1" x14ac:dyDescent="0.45">
      <c r="A1052" s="6">
        <f>'申請書（複数入力用）'!A1054</f>
        <v>1048</v>
      </c>
      <c r="B1052" s="13">
        <f>'申請書（複数入力用）'!AH1054</f>
        <v>0</v>
      </c>
      <c r="C1052" s="6">
        <f>'申請書（複数入力用）'!B1054</f>
        <v>0</v>
      </c>
      <c r="D1052" s="6">
        <f>'申請書（複数入力用）'!D1054</f>
        <v>0</v>
      </c>
      <c r="E1052" s="14">
        <f>'申請書（複数入力用）'!H1054</f>
        <v>0</v>
      </c>
      <c r="F1052" s="11" t="str">
        <f>'申請書（複数入力用）'!J1054</f>
        <v/>
      </c>
      <c r="G1052" s="6" t="str">
        <f>'申請書（複数入力用）'!K1054</f>
        <v>a052r000000jS9ZAAU</v>
      </c>
      <c r="H1052" s="12" t="e">
        <f>'申請書（複数入力用）'!N1054</f>
        <v>#N/A</v>
      </c>
      <c r="I1052" s="12" t="e">
        <f>'申請書（複数入力用）'!O1054</f>
        <v>#N/A</v>
      </c>
      <c r="J1052" s="12">
        <f>'申請書（複数入力用）'!P1054</f>
        <v>1</v>
      </c>
    </row>
    <row r="1053" spans="1:10" ht="51.6" customHeight="1" x14ac:dyDescent="0.45">
      <c r="A1053" s="6">
        <f>'申請書（複数入力用）'!A1055</f>
        <v>1049</v>
      </c>
      <c r="B1053" s="13">
        <f>'申請書（複数入力用）'!AH1055</f>
        <v>0</v>
      </c>
      <c r="C1053" s="6">
        <f>'申請書（複数入力用）'!B1055</f>
        <v>0</v>
      </c>
      <c r="D1053" s="6">
        <f>'申請書（複数入力用）'!D1055</f>
        <v>0</v>
      </c>
      <c r="E1053" s="14">
        <f>'申請書（複数入力用）'!H1055</f>
        <v>0</v>
      </c>
      <c r="F1053" s="11" t="str">
        <f>'申請書（複数入力用）'!J1055</f>
        <v/>
      </c>
      <c r="G1053" s="6" t="str">
        <f>'申請書（複数入力用）'!K1055</f>
        <v>a052r000000jS9ZAAU</v>
      </c>
      <c r="H1053" s="12" t="e">
        <f>'申請書（複数入力用）'!N1055</f>
        <v>#N/A</v>
      </c>
      <c r="I1053" s="12" t="e">
        <f>'申請書（複数入力用）'!O1055</f>
        <v>#N/A</v>
      </c>
      <c r="J1053" s="12">
        <f>'申請書（複数入力用）'!P1055</f>
        <v>1</v>
      </c>
    </row>
    <row r="1054" spans="1:10" ht="51.6" customHeight="1" x14ac:dyDescent="0.45">
      <c r="A1054" s="6">
        <f>'申請書（複数入力用）'!A1056</f>
        <v>1050</v>
      </c>
      <c r="B1054" s="13">
        <f>'申請書（複数入力用）'!AH1056</f>
        <v>0</v>
      </c>
      <c r="C1054" s="6">
        <f>'申請書（複数入力用）'!B1056</f>
        <v>0</v>
      </c>
      <c r="D1054" s="6">
        <f>'申請書（複数入力用）'!D1056</f>
        <v>0</v>
      </c>
      <c r="E1054" s="14">
        <f>'申請書（複数入力用）'!H1056</f>
        <v>0</v>
      </c>
      <c r="F1054" s="11" t="str">
        <f>'申請書（複数入力用）'!J1056</f>
        <v/>
      </c>
      <c r="G1054" s="6" t="str">
        <f>'申請書（複数入力用）'!K1056</f>
        <v>a052r000000jS9ZAAU</v>
      </c>
      <c r="H1054" s="12" t="e">
        <f>'申請書（複数入力用）'!N1056</f>
        <v>#N/A</v>
      </c>
      <c r="I1054" s="12" t="e">
        <f>'申請書（複数入力用）'!O1056</f>
        <v>#N/A</v>
      </c>
      <c r="J1054" s="12">
        <f>'申請書（複数入力用）'!P1056</f>
        <v>1</v>
      </c>
    </row>
    <row r="1055" spans="1:10" ht="51.6" customHeight="1" x14ac:dyDescent="0.45">
      <c r="A1055" s="6">
        <f>'申請書（複数入力用）'!A1057</f>
        <v>1051</v>
      </c>
      <c r="B1055" s="13">
        <f>'申請書（複数入力用）'!AH1057</f>
        <v>0</v>
      </c>
      <c r="C1055" s="6">
        <f>'申請書（複数入力用）'!B1057</f>
        <v>0</v>
      </c>
      <c r="D1055" s="6">
        <f>'申請書（複数入力用）'!D1057</f>
        <v>0</v>
      </c>
      <c r="E1055" s="14">
        <f>'申請書（複数入力用）'!H1057</f>
        <v>0</v>
      </c>
      <c r="F1055" s="11" t="str">
        <f>'申請書（複数入力用）'!J1057</f>
        <v/>
      </c>
      <c r="G1055" s="6" t="str">
        <f>'申請書（複数入力用）'!K1057</f>
        <v>a052r000000jS9ZAAU</v>
      </c>
      <c r="H1055" s="12" t="e">
        <f>'申請書（複数入力用）'!N1057</f>
        <v>#N/A</v>
      </c>
      <c r="I1055" s="12" t="e">
        <f>'申請書（複数入力用）'!O1057</f>
        <v>#N/A</v>
      </c>
      <c r="J1055" s="12">
        <f>'申請書（複数入力用）'!P1057</f>
        <v>1</v>
      </c>
    </row>
    <row r="1056" spans="1:10" ht="51.6" customHeight="1" x14ac:dyDescent="0.45">
      <c r="A1056" s="6">
        <f>'申請書（複数入力用）'!A1058</f>
        <v>1052</v>
      </c>
      <c r="B1056" s="13">
        <f>'申請書（複数入力用）'!AH1058</f>
        <v>0</v>
      </c>
      <c r="C1056" s="6">
        <f>'申請書（複数入力用）'!B1058</f>
        <v>0</v>
      </c>
      <c r="D1056" s="6">
        <f>'申請書（複数入力用）'!D1058</f>
        <v>0</v>
      </c>
      <c r="E1056" s="14">
        <f>'申請書（複数入力用）'!H1058</f>
        <v>0</v>
      </c>
      <c r="F1056" s="11" t="str">
        <f>'申請書（複数入力用）'!J1058</f>
        <v/>
      </c>
      <c r="G1056" s="6" t="str">
        <f>'申請書（複数入力用）'!K1058</f>
        <v>a052r000000jS9ZAAU</v>
      </c>
      <c r="H1056" s="12" t="e">
        <f>'申請書（複数入力用）'!N1058</f>
        <v>#N/A</v>
      </c>
      <c r="I1056" s="12" t="e">
        <f>'申請書（複数入力用）'!O1058</f>
        <v>#N/A</v>
      </c>
      <c r="J1056" s="12">
        <f>'申請書（複数入力用）'!P1058</f>
        <v>1</v>
      </c>
    </row>
    <row r="1057" spans="1:10" ht="51.6" customHeight="1" x14ac:dyDescent="0.45">
      <c r="A1057" s="6">
        <f>'申請書（複数入力用）'!A1059</f>
        <v>1053</v>
      </c>
      <c r="B1057" s="13">
        <f>'申請書（複数入力用）'!AH1059</f>
        <v>0</v>
      </c>
      <c r="C1057" s="6">
        <f>'申請書（複数入力用）'!B1059</f>
        <v>0</v>
      </c>
      <c r="D1057" s="6">
        <f>'申請書（複数入力用）'!D1059</f>
        <v>0</v>
      </c>
      <c r="E1057" s="14">
        <f>'申請書（複数入力用）'!H1059</f>
        <v>0</v>
      </c>
      <c r="F1057" s="11" t="str">
        <f>'申請書（複数入力用）'!J1059</f>
        <v/>
      </c>
      <c r="G1057" s="6" t="str">
        <f>'申請書（複数入力用）'!K1059</f>
        <v>a052r000000jS9ZAAU</v>
      </c>
      <c r="H1057" s="12" t="e">
        <f>'申請書（複数入力用）'!N1059</f>
        <v>#N/A</v>
      </c>
      <c r="I1057" s="12" t="e">
        <f>'申請書（複数入力用）'!O1059</f>
        <v>#N/A</v>
      </c>
      <c r="J1057" s="12">
        <f>'申請書（複数入力用）'!P1059</f>
        <v>1</v>
      </c>
    </row>
    <row r="1058" spans="1:10" ht="51.6" customHeight="1" x14ac:dyDescent="0.45">
      <c r="A1058" s="6">
        <f>'申請書（複数入力用）'!A1060</f>
        <v>1054</v>
      </c>
      <c r="B1058" s="13">
        <f>'申請書（複数入力用）'!AH1060</f>
        <v>0</v>
      </c>
      <c r="C1058" s="6">
        <f>'申請書（複数入力用）'!B1060</f>
        <v>0</v>
      </c>
      <c r="D1058" s="6">
        <f>'申請書（複数入力用）'!D1060</f>
        <v>0</v>
      </c>
      <c r="E1058" s="14">
        <f>'申請書（複数入力用）'!H1060</f>
        <v>0</v>
      </c>
      <c r="F1058" s="11" t="str">
        <f>'申請書（複数入力用）'!J1060</f>
        <v/>
      </c>
      <c r="G1058" s="6" t="str">
        <f>'申請書（複数入力用）'!K1060</f>
        <v>a052r000000jS9ZAAU</v>
      </c>
      <c r="H1058" s="12" t="e">
        <f>'申請書（複数入力用）'!N1060</f>
        <v>#N/A</v>
      </c>
      <c r="I1058" s="12" t="e">
        <f>'申請書（複数入力用）'!O1060</f>
        <v>#N/A</v>
      </c>
      <c r="J1058" s="12">
        <f>'申請書（複数入力用）'!P1060</f>
        <v>1</v>
      </c>
    </row>
    <row r="1059" spans="1:10" ht="51.6" customHeight="1" x14ac:dyDescent="0.45">
      <c r="A1059" s="6">
        <f>'申請書（複数入力用）'!A1061</f>
        <v>1055</v>
      </c>
      <c r="B1059" s="13">
        <f>'申請書（複数入力用）'!AH1061</f>
        <v>0</v>
      </c>
      <c r="C1059" s="6">
        <f>'申請書（複数入力用）'!B1061</f>
        <v>0</v>
      </c>
      <c r="D1059" s="6">
        <f>'申請書（複数入力用）'!D1061</f>
        <v>0</v>
      </c>
      <c r="E1059" s="14">
        <f>'申請書（複数入力用）'!H1061</f>
        <v>0</v>
      </c>
      <c r="F1059" s="11" t="str">
        <f>'申請書（複数入力用）'!J1061</f>
        <v/>
      </c>
      <c r="G1059" s="6" t="str">
        <f>'申請書（複数入力用）'!K1061</f>
        <v>a052r000000jS9ZAAU</v>
      </c>
      <c r="H1059" s="12" t="e">
        <f>'申請書（複数入力用）'!N1061</f>
        <v>#N/A</v>
      </c>
      <c r="I1059" s="12" t="e">
        <f>'申請書（複数入力用）'!O1061</f>
        <v>#N/A</v>
      </c>
      <c r="J1059" s="12">
        <f>'申請書（複数入力用）'!P1061</f>
        <v>1</v>
      </c>
    </row>
    <row r="1060" spans="1:10" ht="51.6" customHeight="1" x14ac:dyDescent="0.45">
      <c r="A1060" s="6">
        <f>'申請書（複数入力用）'!A1062</f>
        <v>1056</v>
      </c>
      <c r="B1060" s="13">
        <f>'申請書（複数入力用）'!AH1062</f>
        <v>0</v>
      </c>
      <c r="C1060" s="6">
        <f>'申請書（複数入力用）'!B1062</f>
        <v>0</v>
      </c>
      <c r="D1060" s="6">
        <f>'申請書（複数入力用）'!D1062</f>
        <v>0</v>
      </c>
      <c r="E1060" s="14">
        <f>'申請書（複数入力用）'!H1062</f>
        <v>0</v>
      </c>
      <c r="F1060" s="11" t="str">
        <f>'申請書（複数入力用）'!J1062</f>
        <v/>
      </c>
      <c r="G1060" s="6" t="str">
        <f>'申請書（複数入力用）'!K1062</f>
        <v>a052r000000jS9ZAAU</v>
      </c>
      <c r="H1060" s="12" t="e">
        <f>'申請書（複数入力用）'!N1062</f>
        <v>#N/A</v>
      </c>
      <c r="I1060" s="12" t="e">
        <f>'申請書（複数入力用）'!O1062</f>
        <v>#N/A</v>
      </c>
      <c r="J1060" s="12">
        <f>'申請書（複数入力用）'!P1062</f>
        <v>1</v>
      </c>
    </row>
    <row r="1061" spans="1:10" ht="51.6" customHeight="1" x14ac:dyDescent="0.45">
      <c r="A1061" s="6">
        <f>'申請書（複数入力用）'!A1063</f>
        <v>1057</v>
      </c>
      <c r="B1061" s="13">
        <f>'申請書（複数入力用）'!AH1063</f>
        <v>0</v>
      </c>
      <c r="C1061" s="6">
        <f>'申請書（複数入力用）'!B1063</f>
        <v>0</v>
      </c>
      <c r="D1061" s="6">
        <f>'申請書（複数入力用）'!D1063</f>
        <v>0</v>
      </c>
      <c r="E1061" s="14">
        <f>'申請書（複数入力用）'!H1063</f>
        <v>0</v>
      </c>
      <c r="F1061" s="11" t="str">
        <f>'申請書（複数入力用）'!J1063</f>
        <v/>
      </c>
      <c r="G1061" s="6" t="str">
        <f>'申請書（複数入力用）'!K1063</f>
        <v>a052r000000jS9ZAAU</v>
      </c>
      <c r="H1061" s="12" t="e">
        <f>'申請書（複数入力用）'!N1063</f>
        <v>#N/A</v>
      </c>
      <c r="I1061" s="12" t="e">
        <f>'申請書（複数入力用）'!O1063</f>
        <v>#N/A</v>
      </c>
      <c r="J1061" s="12">
        <f>'申請書（複数入力用）'!P1063</f>
        <v>1</v>
      </c>
    </row>
    <row r="1062" spans="1:10" ht="51.6" customHeight="1" x14ac:dyDescent="0.45">
      <c r="A1062" s="6">
        <f>'申請書（複数入力用）'!A1064</f>
        <v>1058</v>
      </c>
      <c r="B1062" s="13">
        <f>'申請書（複数入力用）'!AH1064</f>
        <v>0</v>
      </c>
      <c r="C1062" s="6">
        <f>'申請書（複数入力用）'!B1064</f>
        <v>0</v>
      </c>
      <c r="D1062" s="6">
        <f>'申請書（複数入力用）'!D1064</f>
        <v>0</v>
      </c>
      <c r="E1062" s="14">
        <f>'申請書（複数入力用）'!H1064</f>
        <v>0</v>
      </c>
      <c r="F1062" s="11" t="str">
        <f>'申請書（複数入力用）'!J1064</f>
        <v/>
      </c>
      <c r="G1062" s="6" t="str">
        <f>'申請書（複数入力用）'!K1064</f>
        <v>a052r000000jS9ZAAU</v>
      </c>
      <c r="H1062" s="12" t="e">
        <f>'申請書（複数入力用）'!N1064</f>
        <v>#N/A</v>
      </c>
      <c r="I1062" s="12" t="e">
        <f>'申請書（複数入力用）'!O1064</f>
        <v>#N/A</v>
      </c>
      <c r="J1062" s="12">
        <f>'申請書（複数入力用）'!P1064</f>
        <v>1</v>
      </c>
    </row>
    <row r="1063" spans="1:10" ht="51.6" customHeight="1" x14ac:dyDescent="0.45">
      <c r="A1063" s="6">
        <f>'申請書（複数入力用）'!A1065</f>
        <v>1059</v>
      </c>
      <c r="B1063" s="13">
        <f>'申請書（複数入力用）'!AH1065</f>
        <v>0</v>
      </c>
      <c r="C1063" s="6">
        <f>'申請書（複数入力用）'!B1065</f>
        <v>0</v>
      </c>
      <c r="D1063" s="6">
        <f>'申請書（複数入力用）'!D1065</f>
        <v>0</v>
      </c>
      <c r="E1063" s="14">
        <f>'申請書（複数入力用）'!H1065</f>
        <v>0</v>
      </c>
      <c r="F1063" s="11" t="str">
        <f>'申請書（複数入力用）'!J1065</f>
        <v/>
      </c>
      <c r="G1063" s="6" t="str">
        <f>'申請書（複数入力用）'!K1065</f>
        <v>a052r000000jS9ZAAU</v>
      </c>
      <c r="H1063" s="12" t="e">
        <f>'申請書（複数入力用）'!N1065</f>
        <v>#N/A</v>
      </c>
      <c r="I1063" s="12" t="e">
        <f>'申請書（複数入力用）'!O1065</f>
        <v>#N/A</v>
      </c>
      <c r="J1063" s="12">
        <f>'申請書（複数入力用）'!P1065</f>
        <v>1</v>
      </c>
    </row>
    <row r="1064" spans="1:10" ht="51.6" customHeight="1" x14ac:dyDescent="0.45">
      <c r="A1064" s="6">
        <f>'申請書（複数入力用）'!A1066</f>
        <v>1060</v>
      </c>
      <c r="B1064" s="13">
        <f>'申請書（複数入力用）'!AH1066</f>
        <v>0</v>
      </c>
      <c r="C1064" s="6">
        <f>'申請書（複数入力用）'!B1066</f>
        <v>0</v>
      </c>
      <c r="D1064" s="6">
        <f>'申請書（複数入力用）'!D1066</f>
        <v>0</v>
      </c>
      <c r="E1064" s="14">
        <f>'申請書（複数入力用）'!H1066</f>
        <v>0</v>
      </c>
      <c r="F1064" s="11" t="str">
        <f>'申請書（複数入力用）'!J1066</f>
        <v/>
      </c>
      <c r="G1064" s="6" t="str">
        <f>'申請書（複数入力用）'!K1066</f>
        <v>a052r000000jS9ZAAU</v>
      </c>
      <c r="H1064" s="12" t="e">
        <f>'申請書（複数入力用）'!N1066</f>
        <v>#N/A</v>
      </c>
      <c r="I1064" s="12" t="e">
        <f>'申請書（複数入力用）'!O1066</f>
        <v>#N/A</v>
      </c>
      <c r="J1064" s="12">
        <f>'申請書（複数入力用）'!P1066</f>
        <v>1</v>
      </c>
    </row>
    <row r="1065" spans="1:10" ht="51.6" customHeight="1" x14ac:dyDescent="0.45">
      <c r="A1065" s="6">
        <f>'申請書（複数入力用）'!A1067</f>
        <v>1061</v>
      </c>
      <c r="B1065" s="13">
        <f>'申請書（複数入力用）'!AH1067</f>
        <v>0</v>
      </c>
      <c r="C1065" s="6">
        <f>'申請書（複数入力用）'!B1067</f>
        <v>0</v>
      </c>
      <c r="D1065" s="6">
        <f>'申請書（複数入力用）'!D1067</f>
        <v>0</v>
      </c>
      <c r="E1065" s="14">
        <f>'申請書（複数入力用）'!H1067</f>
        <v>0</v>
      </c>
      <c r="F1065" s="11" t="str">
        <f>'申請書（複数入力用）'!J1067</f>
        <v/>
      </c>
      <c r="G1065" s="6" t="str">
        <f>'申請書（複数入力用）'!K1067</f>
        <v>a052r000000jS9ZAAU</v>
      </c>
      <c r="H1065" s="12" t="e">
        <f>'申請書（複数入力用）'!N1067</f>
        <v>#N/A</v>
      </c>
      <c r="I1065" s="12" t="e">
        <f>'申請書（複数入力用）'!O1067</f>
        <v>#N/A</v>
      </c>
      <c r="J1065" s="12">
        <f>'申請書（複数入力用）'!P1067</f>
        <v>1</v>
      </c>
    </row>
    <row r="1066" spans="1:10" ht="51.6" customHeight="1" x14ac:dyDescent="0.45">
      <c r="A1066" s="6">
        <f>'申請書（複数入力用）'!A1068</f>
        <v>1062</v>
      </c>
      <c r="B1066" s="13">
        <f>'申請書（複数入力用）'!AH1068</f>
        <v>0</v>
      </c>
      <c r="C1066" s="6">
        <f>'申請書（複数入力用）'!B1068</f>
        <v>0</v>
      </c>
      <c r="D1066" s="6">
        <f>'申請書（複数入力用）'!D1068</f>
        <v>0</v>
      </c>
      <c r="E1066" s="14">
        <f>'申請書（複数入力用）'!H1068</f>
        <v>0</v>
      </c>
      <c r="F1066" s="11" t="str">
        <f>'申請書（複数入力用）'!J1068</f>
        <v/>
      </c>
      <c r="G1066" s="6" t="str">
        <f>'申請書（複数入力用）'!K1068</f>
        <v>a052r000000jS9ZAAU</v>
      </c>
      <c r="H1066" s="12" t="e">
        <f>'申請書（複数入力用）'!N1068</f>
        <v>#N/A</v>
      </c>
      <c r="I1066" s="12" t="e">
        <f>'申請書（複数入力用）'!O1068</f>
        <v>#N/A</v>
      </c>
      <c r="J1066" s="12">
        <f>'申請書（複数入力用）'!P1068</f>
        <v>1</v>
      </c>
    </row>
    <row r="1067" spans="1:10" ht="51.6" customHeight="1" x14ac:dyDescent="0.45">
      <c r="A1067" s="6">
        <f>'申請書（複数入力用）'!A1069</f>
        <v>1063</v>
      </c>
      <c r="B1067" s="13">
        <f>'申請書（複数入力用）'!AH1069</f>
        <v>0</v>
      </c>
      <c r="C1067" s="6">
        <f>'申請書（複数入力用）'!B1069</f>
        <v>0</v>
      </c>
      <c r="D1067" s="6">
        <f>'申請書（複数入力用）'!D1069</f>
        <v>0</v>
      </c>
      <c r="E1067" s="14">
        <f>'申請書（複数入力用）'!H1069</f>
        <v>0</v>
      </c>
      <c r="F1067" s="11" t="str">
        <f>'申請書（複数入力用）'!J1069</f>
        <v/>
      </c>
      <c r="G1067" s="6" t="str">
        <f>'申請書（複数入力用）'!K1069</f>
        <v>a052r000000jS9ZAAU</v>
      </c>
      <c r="H1067" s="12" t="e">
        <f>'申請書（複数入力用）'!N1069</f>
        <v>#N/A</v>
      </c>
      <c r="I1067" s="12" t="e">
        <f>'申請書（複数入力用）'!O1069</f>
        <v>#N/A</v>
      </c>
      <c r="J1067" s="12">
        <f>'申請書（複数入力用）'!P1069</f>
        <v>1</v>
      </c>
    </row>
    <row r="1068" spans="1:10" ht="51.6" customHeight="1" x14ac:dyDescent="0.45">
      <c r="A1068" s="6">
        <f>'申請書（複数入力用）'!A1070</f>
        <v>1064</v>
      </c>
      <c r="B1068" s="13">
        <f>'申請書（複数入力用）'!AH1070</f>
        <v>0</v>
      </c>
      <c r="C1068" s="6">
        <f>'申請書（複数入力用）'!B1070</f>
        <v>0</v>
      </c>
      <c r="D1068" s="6">
        <f>'申請書（複数入力用）'!D1070</f>
        <v>0</v>
      </c>
      <c r="E1068" s="14">
        <f>'申請書（複数入力用）'!H1070</f>
        <v>0</v>
      </c>
      <c r="F1068" s="11" t="str">
        <f>'申請書（複数入力用）'!J1070</f>
        <v/>
      </c>
      <c r="G1068" s="6" t="str">
        <f>'申請書（複数入力用）'!K1070</f>
        <v>a052r000000jS9ZAAU</v>
      </c>
      <c r="H1068" s="12" t="e">
        <f>'申請書（複数入力用）'!N1070</f>
        <v>#N/A</v>
      </c>
      <c r="I1068" s="12" t="e">
        <f>'申請書（複数入力用）'!O1070</f>
        <v>#N/A</v>
      </c>
      <c r="J1068" s="12">
        <f>'申請書（複数入力用）'!P1070</f>
        <v>1</v>
      </c>
    </row>
    <row r="1069" spans="1:10" ht="51.6" customHeight="1" x14ac:dyDescent="0.45">
      <c r="A1069" s="6">
        <f>'申請書（複数入力用）'!A1071</f>
        <v>1065</v>
      </c>
      <c r="B1069" s="13">
        <f>'申請書（複数入力用）'!AH1071</f>
        <v>0</v>
      </c>
      <c r="C1069" s="6">
        <f>'申請書（複数入力用）'!B1071</f>
        <v>0</v>
      </c>
      <c r="D1069" s="6">
        <f>'申請書（複数入力用）'!D1071</f>
        <v>0</v>
      </c>
      <c r="E1069" s="14">
        <f>'申請書（複数入力用）'!H1071</f>
        <v>0</v>
      </c>
      <c r="F1069" s="11" t="str">
        <f>'申請書（複数入力用）'!J1071</f>
        <v/>
      </c>
      <c r="G1069" s="6" t="str">
        <f>'申請書（複数入力用）'!K1071</f>
        <v>a052r000000jS9ZAAU</v>
      </c>
      <c r="H1069" s="12" t="e">
        <f>'申請書（複数入力用）'!N1071</f>
        <v>#N/A</v>
      </c>
      <c r="I1069" s="12" t="e">
        <f>'申請書（複数入力用）'!O1071</f>
        <v>#N/A</v>
      </c>
      <c r="J1069" s="12">
        <f>'申請書（複数入力用）'!P1071</f>
        <v>1</v>
      </c>
    </row>
    <row r="1070" spans="1:10" ht="51.6" customHeight="1" x14ac:dyDescent="0.45">
      <c r="A1070" s="6">
        <f>'申請書（複数入力用）'!A1072</f>
        <v>1066</v>
      </c>
      <c r="B1070" s="13">
        <f>'申請書（複数入力用）'!AH1072</f>
        <v>0</v>
      </c>
      <c r="C1070" s="6">
        <f>'申請書（複数入力用）'!B1072</f>
        <v>0</v>
      </c>
      <c r="D1070" s="6">
        <f>'申請書（複数入力用）'!D1072</f>
        <v>0</v>
      </c>
      <c r="E1070" s="14">
        <f>'申請書（複数入力用）'!H1072</f>
        <v>0</v>
      </c>
      <c r="F1070" s="11" t="str">
        <f>'申請書（複数入力用）'!J1072</f>
        <v/>
      </c>
      <c r="G1070" s="6" t="str">
        <f>'申請書（複数入力用）'!K1072</f>
        <v>a052r000000jS9ZAAU</v>
      </c>
      <c r="H1070" s="12" t="e">
        <f>'申請書（複数入力用）'!N1072</f>
        <v>#N/A</v>
      </c>
      <c r="I1070" s="12" t="e">
        <f>'申請書（複数入力用）'!O1072</f>
        <v>#N/A</v>
      </c>
      <c r="J1070" s="12">
        <f>'申請書（複数入力用）'!P1072</f>
        <v>1</v>
      </c>
    </row>
    <row r="1071" spans="1:10" ht="51.6" customHeight="1" x14ac:dyDescent="0.45">
      <c r="A1071" s="6">
        <f>'申請書（複数入力用）'!A1073</f>
        <v>1067</v>
      </c>
      <c r="B1071" s="13">
        <f>'申請書（複数入力用）'!AH1073</f>
        <v>0</v>
      </c>
      <c r="C1071" s="6">
        <f>'申請書（複数入力用）'!B1073</f>
        <v>0</v>
      </c>
      <c r="D1071" s="6">
        <f>'申請書（複数入力用）'!D1073</f>
        <v>0</v>
      </c>
      <c r="E1071" s="14">
        <f>'申請書（複数入力用）'!H1073</f>
        <v>0</v>
      </c>
      <c r="F1071" s="11" t="str">
        <f>'申請書（複数入力用）'!J1073</f>
        <v/>
      </c>
      <c r="G1071" s="6" t="str">
        <f>'申請書（複数入力用）'!K1073</f>
        <v>a052r000000jS9ZAAU</v>
      </c>
      <c r="H1071" s="12" t="e">
        <f>'申請書（複数入力用）'!N1073</f>
        <v>#N/A</v>
      </c>
      <c r="I1071" s="12" t="e">
        <f>'申請書（複数入力用）'!O1073</f>
        <v>#N/A</v>
      </c>
      <c r="J1071" s="12">
        <f>'申請書（複数入力用）'!P1073</f>
        <v>1</v>
      </c>
    </row>
    <row r="1072" spans="1:10" ht="51.6" customHeight="1" x14ac:dyDescent="0.45">
      <c r="A1072" s="6">
        <f>'申請書（複数入力用）'!A1074</f>
        <v>1068</v>
      </c>
      <c r="B1072" s="13">
        <f>'申請書（複数入力用）'!AH1074</f>
        <v>0</v>
      </c>
      <c r="C1072" s="6">
        <f>'申請書（複数入力用）'!B1074</f>
        <v>0</v>
      </c>
      <c r="D1072" s="6">
        <f>'申請書（複数入力用）'!D1074</f>
        <v>0</v>
      </c>
      <c r="E1072" s="14">
        <f>'申請書（複数入力用）'!H1074</f>
        <v>0</v>
      </c>
      <c r="F1072" s="11" t="str">
        <f>'申請書（複数入力用）'!J1074</f>
        <v/>
      </c>
      <c r="G1072" s="6" t="str">
        <f>'申請書（複数入力用）'!K1074</f>
        <v>a052r000000jS9ZAAU</v>
      </c>
      <c r="H1072" s="12" t="e">
        <f>'申請書（複数入力用）'!N1074</f>
        <v>#N/A</v>
      </c>
      <c r="I1072" s="12" t="e">
        <f>'申請書（複数入力用）'!O1074</f>
        <v>#N/A</v>
      </c>
      <c r="J1072" s="12">
        <f>'申請書（複数入力用）'!P1074</f>
        <v>1</v>
      </c>
    </row>
    <row r="1073" spans="1:10" ht="51.6" customHeight="1" x14ac:dyDescent="0.45">
      <c r="A1073" s="6">
        <f>'申請書（複数入力用）'!A1075</f>
        <v>1069</v>
      </c>
      <c r="B1073" s="13">
        <f>'申請書（複数入力用）'!AH1075</f>
        <v>0</v>
      </c>
      <c r="C1073" s="6">
        <f>'申請書（複数入力用）'!B1075</f>
        <v>0</v>
      </c>
      <c r="D1073" s="6">
        <f>'申請書（複数入力用）'!D1075</f>
        <v>0</v>
      </c>
      <c r="E1073" s="14">
        <f>'申請書（複数入力用）'!H1075</f>
        <v>0</v>
      </c>
      <c r="F1073" s="11" t="str">
        <f>'申請書（複数入力用）'!J1075</f>
        <v/>
      </c>
      <c r="G1073" s="6" t="str">
        <f>'申請書（複数入力用）'!K1075</f>
        <v>a052r000000jS9ZAAU</v>
      </c>
      <c r="H1073" s="12" t="e">
        <f>'申請書（複数入力用）'!N1075</f>
        <v>#N/A</v>
      </c>
      <c r="I1073" s="12" t="e">
        <f>'申請書（複数入力用）'!O1075</f>
        <v>#N/A</v>
      </c>
      <c r="J1073" s="12">
        <f>'申請書（複数入力用）'!P1075</f>
        <v>1</v>
      </c>
    </row>
    <row r="1074" spans="1:10" ht="51.6" customHeight="1" x14ac:dyDescent="0.45">
      <c r="A1074" s="6">
        <f>'申請書（複数入力用）'!A1076</f>
        <v>1070</v>
      </c>
      <c r="B1074" s="13">
        <f>'申請書（複数入力用）'!AH1076</f>
        <v>0</v>
      </c>
      <c r="C1074" s="6">
        <f>'申請書（複数入力用）'!B1076</f>
        <v>0</v>
      </c>
      <c r="D1074" s="6">
        <f>'申請書（複数入力用）'!D1076</f>
        <v>0</v>
      </c>
      <c r="E1074" s="14">
        <f>'申請書（複数入力用）'!H1076</f>
        <v>0</v>
      </c>
      <c r="F1074" s="11" t="str">
        <f>'申請書（複数入力用）'!J1076</f>
        <v/>
      </c>
      <c r="G1074" s="6" t="str">
        <f>'申請書（複数入力用）'!K1076</f>
        <v>a052r000000jS9ZAAU</v>
      </c>
      <c r="H1074" s="12" t="e">
        <f>'申請書（複数入力用）'!N1076</f>
        <v>#N/A</v>
      </c>
      <c r="I1074" s="12" t="e">
        <f>'申請書（複数入力用）'!O1076</f>
        <v>#N/A</v>
      </c>
      <c r="J1074" s="12">
        <f>'申請書（複数入力用）'!P1076</f>
        <v>1</v>
      </c>
    </row>
    <row r="1075" spans="1:10" ht="51.6" customHeight="1" x14ac:dyDescent="0.45">
      <c r="A1075" s="6">
        <f>'申請書（複数入力用）'!A1077</f>
        <v>1071</v>
      </c>
      <c r="B1075" s="13">
        <f>'申請書（複数入力用）'!AH1077</f>
        <v>0</v>
      </c>
      <c r="C1075" s="6">
        <f>'申請書（複数入力用）'!B1077</f>
        <v>0</v>
      </c>
      <c r="D1075" s="6">
        <f>'申請書（複数入力用）'!D1077</f>
        <v>0</v>
      </c>
      <c r="E1075" s="14">
        <f>'申請書（複数入力用）'!H1077</f>
        <v>0</v>
      </c>
      <c r="F1075" s="11" t="str">
        <f>'申請書（複数入力用）'!J1077</f>
        <v/>
      </c>
      <c r="G1075" s="6" t="str">
        <f>'申請書（複数入力用）'!K1077</f>
        <v>a052r000000jS9ZAAU</v>
      </c>
      <c r="H1075" s="12" t="e">
        <f>'申請書（複数入力用）'!N1077</f>
        <v>#N/A</v>
      </c>
      <c r="I1075" s="12" t="e">
        <f>'申請書（複数入力用）'!O1077</f>
        <v>#N/A</v>
      </c>
      <c r="J1075" s="12">
        <f>'申請書（複数入力用）'!P1077</f>
        <v>1</v>
      </c>
    </row>
    <row r="1076" spans="1:10" ht="51.6" customHeight="1" x14ac:dyDescent="0.45">
      <c r="A1076" s="6">
        <f>'申請書（複数入力用）'!A1078</f>
        <v>1072</v>
      </c>
      <c r="B1076" s="13">
        <f>'申請書（複数入力用）'!AH1078</f>
        <v>0</v>
      </c>
      <c r="C1076" s="6">
        <f>'申請書（複数入力用）'!B1078</f>
        <v>0</v>
      </c>
      <c r="D1076" s="6">
        <f>'申請書（複数入力用）'!D1078</f>
        <v>0</v>
      </c>
      <c r="E1076" s="14">
        <f>'申請書（複数入力用）'!H1078</f>
        <v>0</v>
      </c>
      <c r="F1076" s="11" t="str">
        <f>'申請書（複数入力用）'!J1078</f>
        <v/>
      </c>
      <c r="G1076" s="6" t="str">
        <f>'申請書（複数入力用）'!K1078</f>
        <v>a052r000000jS9ZAAU</v>
      </c>
      <c r="H1076" s="12" t="e">
        <f>'申請書（複数入力用）'!N1078</f>
        <v>#N/A</v>
      </c>
      <c r="I1076" s="12" t="e">
        <f>'申請書（複数入力用）'!O1078</f>
        <v>#N/A</v>
      </c>
      <c r="J1076" s="12">
        <f>'申請書（複数入力用）'!P1078</f>
        <v>1</v>
      </c>
    </row>
    <row r="1077" spans="1:10" ht="51.6" customHeight="1" x14ac:dyDescent="0.45">
      <c r="A1077" s="6">
        <f>'申請書（複数入力用）'!A1079</f>
        <v>1073</v>
      </c>
      <c r="B1077" s="13">
        <f>'申請書（複数入力用）'!AH1079</f>
        <v>0</v>
      </c>
      <c r="C1077" s="6">
        <f>'申請書（複数入力用）'!B1079</f>
        <v>0</v>
      </c>
      <c r="D1077" s="6">
        <f>'申請書（複数入力用）'!D1079</f>
        <v>0</v>
      </c>
      <c r="E1077" s="14">
        <f>'申請書（複数入力用）'!H1079</f>
        <v>0</v>
      </c>
      <c r="F1077" s="11" t="str">
        <f>'申請書（複数入力用）'!J1079</f>
        <v/>
      </c>
      <c r="G1077" s="6" t="str">
        <f>'申請書（複数入力用）'!K1079</f>
        <v>a052r000000jS9ZAAU</v>
      </c>
      <c r="H1077" s="12" t="e">
        <f>'申請書（複数入力用）'!N1079</f>
        <v>#N/A</v>
      </c>
      <c r="I1077" s="12" t="e">
        <f>'申請書（複数入力用）'!O1079</f>
        <v>#N/A</v>
      </c>
      <c r="J1077" s="12">
        <f>'申請書（複数入力用）'!P1079</f>
        <v>1</v>
      </c>
    </row>
    <row r="1078" spans="1:10" ht="51.6" customHeight="1" x14ac:dyDescent="0.45">
      <c r="A1078" s="6">
        <f>'申請書（複数入力用）'!A1080</f>
        <v>1074</v>
      </c>
      <c r="B1078" s="13">
        <f>'申請書（複数入力用）'!AH1080</f>
        <v>0</v>
      </c>
      <c r="C1078" s="6">
        <f>'申請書（複数入力用）'!B1080</f>
        <v>0</v>
      </c>
      <c r="D1078" s="6">
        <f>'申請書（複数入力用）'!D1080</f>
        <v>0</v>
      </c>
      <c r="E1078" s="14">
        <f>'申請書（複数入力用）'!H1080</f>
        <v>0</v>
      </c>
      <c r="F1078" s="11" t="str">
        <f>'申請書（複数入力用）'!J1080</f>
        <v/>
      </c>
      <c r="G1078" s="6" t="str">
        <f>'申請書（複数入力用）'!K1080</f>
        <v>a052r000000jS9ZAAU</v>
      </c>
      <c r="H1078" s="12" t="e">
        <f>'申請書（複数入力用）'!N1080</f>
        <v>#N/A</v>
      </c>
      <c r="I1078" s="12" t="e">
        <f>'申請書（複数入力用）'!O1080</f>
        <v>#N/A</v>
      </c>
      <c r="J1078" s="12">
        <f>'申請書（複数入力用）'!P1080</f>
        <v>1</v>
      </c>
    </row>
    <row r="1079" spans="1:10" ht="51.6" customHeight="1" x14ac:dyDescent="0.45">
      <c r="A1079" s="6">
        <f>'申請書（複数入力用）'!A1081</f>
        <v>1075</v>
      </c>
      <c r="B1079" s="13">
        <f>'申請書（複数入力用）'!AH1081</f>
        <v>0</v>
      </c>
      <c r="C1079" s="6">
        <f>'申請書（複数入力用）'!B1081</f>
        <v>0</v>
      </c>
      <c r="D1079" s="6">
        <f>'申請書（複数入力用）'!D1081</f>
        <v>0</v>
      </c>
      <c r="E1079" s="14">
        <f>'申請書（複数入力用）'!H1081</f>
        <v>0</v>
      </c>
      <c r="F1079" s="11" t="str">
        <f>'申請書（複数入力用）'!J1081</f>
        <v/>
      </c>
      <c r="G1079" s="6" t="str">
        <f>'申請書（複数入力用）'!K1081</f>
        <v>a052r000000jS9ZAAU</v>
      </c>
      <c r="H1079" s="12" t="e">
        <f>'申請書（複数入力用）'!N1081</f>
        <v>#N/A</v>
      </c>
      <c r="I1079" s="12" t="e">
        <f>'申請書（複数入力用）'!O1081</f>
        <v>#N/A</v>
      </c>
      <c r="J1079" s="12">
        <f>'申請書（複数入力用）'!P1081</f>
        <v>1</v>
      </c>
    </row>
    <row r="1080" spans="1:10" ht="51.6" customHeight="1" x14ac:dyDescent="0.45">
      <c r="A1080" s="6">
        <f>'申請書（複数入力用）'!A1082</f>
        <v>1076</v>
      </c>
      <c r="B1080" s="13">
        <f>'申請書（複数入力用）'!AH1082</f>
        <v>0</v>
      </c>
      <c r="C1080" s="6">
        <f>'申請書（複数入力用）'!B1082</f>
        <v>0</v>
      </c>
      <c r="D1080" s="6">
        <f>'申請書（複数入力用）'!D1082</f>
        <v>0</v>
      </c>
      <c r="E1080" s="14">
        <f>'申請書（複数入力用）'!H1082</f>
        <v>0</v>
      </c>
      <c r="F1080" s="11" t="str">
        <f>'申請書（複数入力用）'!J1082</f>
        <v/>
      </c>
      <c r="G1080" s="6" t="str">
        <f>'申請書（複数入力用）'!K1082</f>
        <v>a052r000000jS9ZAAU</v>
      </c>
      <c r="H1080" s="12" t="e">
        <f>'申請書（複数入力用）'!N1082</f>
        <v>#N/A</v>
      </c>
      <c r="I1080" s="12" t="e">
        <f>'申請書（複数入力用）'!O1082</f>
        <v>#N/A</v>
      </c>
      <c r="J1080" s="12">
        <f>'申請書（複数入力用）'!P1082</f>
        <v>1</v>
      </c>
    </row>
    <row r="1081" spans="1:10" ht="51.6" customHeight="1" x14ac:dyDescent="0.45">
      <c r="A1081" s="6">
        <f>'申請書（複数入力用）'!A1083</f>
        <v>1077</v>
      </c>
      <c r="B1081" s="13">
        <f>'申請書（複数入力用）'!AH1083</f>
        <v>0</v>
      </c>
      <c r="C1081" s="6">
        <f>'申請書（複数入力用）'!B1083</f>
        <v>0</v>
      </c>
      <c r="D1081" s="6">
        <f>'申請書（複数入力用）'!D1083</f>
        <v>0</v>
      </c>
      <c r="E1081" s="14">
        <f>'申請書（複数入力用）'!H1083</f>
        <v>0</v>
      </c>
      <c r="F1081" s="11" t="str">
        <f>'申請書（複数入力用）'!J1083</f>
        <v/>
      </c>
      <c r="G1081" s="6" t="str">
        <f>'申請書（複数入力用）'!K1083</f>
        <v>a052r000000jS9ZAAU</v>
      </c>
      <c r="H1081" s="12" t="e">
        <f>'申請書（複数入力用）'!N1083</f>
        <v>#N/A</v>
      </c>
      <c r="I1081" s="12" t="e">
        <f>'申請書（複数入力用）'!O1083</f>
        <v>#N/A</v>
      </c>
      <c r="J1081" s="12">
        <f>'申請書（複数入力用）'!P1083</f>
        <v>1</v>
      </c>
    </row>
    <row r="1082" spans="1:10" ht="51.6" customHeight="1" x14ac:dyDescent="0.45">
      <c r="A1082" s="6">
        <f>'申請書（複数入力用）'!A1084</f>
        <v>1078</v>
      </c>
      <c r="B1082" s="13">
        <f>'申請書（複数入力用）'!AH1084</f>
        <v>0</v>
      </c>
      <c r="C1082" s="6">
        <f>'申請書（複数入力用）'!B1084</f>
        <v>0</v>
      </c>
      <c r="D1082" s="6">
        <f>'申請書（複数入力用）'!D1084</f>
        <v>0</v>
      </c>
      <c r="E1082" s="14">
        <f>'申請書（複数入力用）'!H1084</f>
        <v>0</v>
      </c>
      <c r="F1082" s="11" t="str">
        <f>'申請書（複数入力用）'!J1084</f>
        <v/>
      </c>
      <c r="G1082" s="6" t="str">
        <f>'申請書（複数入力用）'!K1084</f>
        <v>a052r000000jS9ZAAU</v>
      </c>
      <c r="H1082" s="12" t="e">
        <f>'申請書（複数入力用）'!N1084</f>
        <v>#N/A</v>
      </c>
      <c r="I1082" s="12" t="e">
        <f>'申請書（複数入力用）'!O1084</f>
        <v>#N/A</v>
      </c>
      <c r="J1082" s="12">
        <f>'申請書（複数入力用）'!P1084</f>
        <v>1</v>
      </c>
    </row>
    <row r="1083" spans="1:10" ht="51.6" customHeight="1" x14ac:dyDescent="0.45">
      <c r="A1083" s="6">
        <f>'申請書（複数入力用）'!A1085</f>
        <v>1079</v>
      </c>
      <c r="B1083" s="13">
        <f>'申請書（複数入力用）'!AH1085</f>
        <v>0</v>
      </c>
      <c r="C1083" s="6">
        <f>'申請書（複数入力用）'!B1085</f>
        <v>0</v>
      </c>
      <c r="D1083" s="6">
        <f>'申請書（複数入力用）'!D1085</f>
        <v>0</v>
      </c>
      <c r="E1083" s="14">
        <f>'申請書（複数入力用）'!H1085</f>
        <v>0</v>
      </c>
      <c r="F1083" s="11" t="str">
        <f>'申請書（複数入力用）'!J1085</f>
        <v/>
      </c>
      <c r="G1083" s="6" t="str">
        <f>'申請書（複数入力用）'!K1085</f>
        <v>a052r000000jS9ZAAU</v>
      </c>
      <c r="H1083" s="12" t="e">
        <f>'申請書（複数入力用）'!N1085</f>
        <v>#N/A</v>
      </c>
      <c r="I1083" s="12" t="e">
        <f>'申請書（複数入力用）'!O1085</f>
        <v>#N/A</v>
      </c>
      <c r="J1083" s="12">
        <f>'申請書（複数入力用）'!P1085</f>
        <v>1</v>
      </c>
    </row>
    <row r="1084" spans="1:10" ht="51.6" customHeight="1" x14ac:dyDescent="0.45">
      <c r="A1084" s="6">
        <f>'申請書（複数入力用）'!A1086</f>
        <v>1080</v>
      </c>
      <c r="B1084" s="13">
        <f>'申請書（複数入力用）'!AH1086</f>
        <v>0</v>
      </c>
      <c r="C1084" s="6">
        <f>'申請書（複数入力用）'!B1086</f>
        <v>0</v>
      </c>
      <c r="D1084" s="6">
        <f>'申請書（複数入力用）'!D1086</f>
        <v>0</v>
      </c>
      <c r="E1084" s="14">
        <f>'申請書（複数入力用）'!H1086</f>
        <v>0</v>
      </c>
      <c r="F1084" s="11" t="str">
        <f>'申請書（複数入力用）'!J1086</f>
        <v/>
      </c>
      <c r="G1084" s="6" t="str">
        <f>'申請書（複数入力用）'!K1086</f>
        <v>a052r000000jS9ZAAU</v>
      </c>
      <c r="H1084" s="12" t="e">
        <f>'申請書（複数入力用）'!N1086</f>
        <v>#N/A</v>
      </c>
      <c r="I1084" s="12" t="e">
        <f>'申請書（複数入力用）'!O1086</f>
        <v>#N/A</v>
      </c>
      <c r="J1084" s="12">
        <f>'申請書（複数入力用）'!P1086</f>
        <v>1</v>
      </c>
    </row>
    <row r="1085" spans="1:10" ht="51.6" customHeight="1" x14ac:dyDescent="0.45">
      <c r="A1085" s="6">
        <f>'申請書（複数入力用）'!A1087</f>
        <v>1081</v>
      </c>
      <c r="B1085" s="13">
        <f>'申請書（複数入力用）'!AH1087</f>
        <v>0</v>
      </c>
      <c r="C1085" s="6">
        <f>'申請書（複数入力用）'!B1087</f>
        <v>0</v>
      </c>
      <c r="D1085" s="6">
        <f>'申請書（複数入力用）'!D1087</f>
        <v>0</v>
      </c>
      <c r="E1085" s="14">
        <f>'申請書（複数入力用）'!H1087</f>
        <v>0</v>
      </c>
      <c r="F1085" s="11" t="str">
        <f>'申請書（複数入力用）'!J1087</f>
        <v/>
      </c>
      <c r="G1085" s="6" t="str">
        <f>'申請書（複数入力用）'!K1087</f>
        <v>a052r000000jS9ZAAU</v>
      </c>
      <c r="H1085" s="12" t="e">
        <f>'申請書（複数入力用）'!N1087</f>
        <v>#N/A</v>
      </c>
      <c r="I1085" s="12" t="e">
        <f>'申請書（複数入力用）'!O1087</f>
        <v>#N/A</v>
      </c>
      <c r="J1085" s="12">
        <f>'申請書（複数入力用）'!P1087</f>
        <v>1</v>
      </c>
    </row>
    <row r="1086" spans="1:10" ht="51.6" customHeight="1" x14ac:dyDescent="0.45">
      <c r="A1086" s="6">
        <f>'申請書（複数入力用）'!A1088</f>
        <v>1082</v>
      </c>
      <c r="B1086" s="13">
        <f>'申請書（複数入力用）'!AH1088</f>
        <v>0</v>
      </c>
      <c r="C1086" s="6">
        <f>'申請書（複数入力用）'!B1088</f>
        <v>0</v>
      </c>
      <c r="D1086" s="6">
        <f>'申請書（複数入力用）'!D1088</f>
        <v>0</v>
      </c>
      <c r="E1086" s="14">
        <f>'申請書（複数入力用）'!H1088</f>
        <v>0</v>
      </c>
      <c r="F1086" s="11" t="str">
        <f>'申請書（複数入力用）'!J1088</f>
        <v/>
      </c>
      <c r="G1086" s="6" t="str">
        <f>'申請書（複数入力用）'!K1088</f>
        <v>a052r000000jS9ZAAU</v>
      </c>
      <c r="H1086" s="12" t="e">
        <f>'申請書（複数入力用）'!N1088</f>
        <v>#N/A</v>
      </c>
      <c r="I1086" s="12" t="e">
        <f>'申請書（複数入力用）'!O1088</f>
        <v>#N/A</v>
      </c>
      <c r="J1086" s="12">
        <f>'申請書（複数入力用）'!P1088</f>
        <v>1</v>
      </c>
    </row>
    <row r="1087" spans="1:10" ht="51.6" customHeight="1" x14ac:dyDescent="0.45">
      <c r="A1087" s="6">
        <f>'申請書（複数入力用）'!A1089</f>
        <v>1083</v>
      </c>
      <c r="B1087" s="13">
        <f>'申請書（複数入力用）'!AH1089</f>
        <v>0</v>
      </c>
      <c r="C1087" s="6">
        <f>'申請書（複数入力用）'!B1089</f>
        <v>0</v>
      </c>
      <c r="D1087" s="6">
        <f>'申請書（複数入力用）'!D1089</f>
        <v>0</v>
      </c>
      <c r="E1087" s="14">
        <f>'申請書（複数入力用）'!H1089</f>
        <v>0</v>
      </c>
      <c r="F1087" s="11" t="str">
        <f>'申請書（複数入力用）'!J1089</f>
        <v/>
      </c>
      <c r="G1087" s="6" t="str">
        <f>'申請書（複数入力用）'!K1089</f>
        <v>a052r000000jS9ZAAU</v>
      </c>
      <c r="H1087" s="12" t="e">
        <f>'申請書（複数入力用）'!N1089</f>
        <v>#N/A</v>
      </c>
      <c r="I1087" s="12" t="e">
        <f>'申請書（複数入力用）'!O1089</f>
        <v>#N/A</v>
      </c>
      <c r="J1087" s="12">
        <f>'申請書（複数入力用）'!P1089</f>
        <v>1</v>
      </c>
    </row>
    <row r="1088" spans="1:10" ht="51.6" customHeight="1" x14ac:dyDescent="0.45">
      <c r="A1088" s="6">
        <f>'申請書（複数入力用）'!A1090</f>
        <v>1084</v>
      </c>
      <c r="B1088" s="13">
        <f>'申請書（複数入力用）'!AH1090</f>
        <v>0</v>
      </c>
      <c r="C1088" s="6">
        <f>'申請書（複数入力用）'!B1090</f>
        <v>0</v>
      </c>
      <c r="D1088" s="6">
        <f>'申請書（複数入力用）'!D1090</f>
        <v>0</v>
      </c>
      <c r="E1088" s="14">
        <f>'申請書（複数入力用）'!H1090</f>
        <v>0</v>
      </c>
      <c r="F1088" s="11" t="str">
        <f>'申請書（複数入力用）'!J1090</f>
        <v/>
      </c>
      <c r="G1088" s="6" t="str">
        <f>'申請書（複数入力用）'!K1090</f>
        <v>a052r000000jS9ZAAU</v>
      </c>
      <c r="H1088" s="12" t="e">
        <f>'申請書（複数入力用）'!N1090</f>
        <v>#N/A</v>
      </c>
      <c r="I1088" s="12" t="e">
        <f>'申請書（複数入力用）'!O1090</f>
        <v>#N/A</v>
      </c>
      <c r="J1088" s="12">
        <f>'申請書（複数入力用）'!P1090</f>
        <v>1</v>
      </c>
    </row>
    <row r="1089" spans="1:10" ht="51.6" customHeight="1" x14ac:dyDescent="0.45">
      <c r="A1089" s="6">
        <f>'申請書（複数入力用）'!A1091</f>
        <v>1085</v>
      </c>
      <c r="B1089" s="13">
        <f>'申請書（複数入力用）'!AH1091</f>
        <v>0</v>
      </c>
      <c r="C1089" s="6">
        <f>'申請書（複数入力用）'!B1091</f>
        <v>0</v>
      </c>
      <c r="D1089" s="6">
        <f>'申請書（複数入力用）'!D1091</f>
        <v>0</v>
      </c>
      <c r="E1089" s="14">
        <f>'申請書（複数入力用）'!H1091</f>
        <v>0</v>
      </c>
      <c r="F1089" s="11" t="str">
        <f>'申請書（複数入力用）'!J1091</f>
        <v/>
      </c>
      <c r="G1089" s="6" t="str">
        <f>'申請書（複数入力用）'!K1091</f>
        <v>a052r000000jS9ZAAU</v>
      </c>
      <c r="H1089" s="12" t="e">
        <f>'申請書（複数入力用）'!N1091</f>
        <v>#N/A</v>
      </c>
      <c r="I1089" s="12" t="e">
        <f>'申請書（複数入力用）'!O1091</f>
        <v>#N/A</v>
      </c>
      <c r="J1089" s="12">
        <f>'申請書（複数入力用）'!P1091</f>
        <v>1</v>
      </c>
    </row>
    <row r="1090" spans="1:10" ht="51.6" customHeight="1" x14ac:dyDescent="0.45">
      <c r="A1090" s="6">
        <f>'申請書（複数入力用）'!A1092</f>
        <v>1086</v>
      </c>
      <c r="B1090" s="13">
        <f>'申請書（複数入力用）'!AH1092</f>
        <v>0</v>
      </c>
      <c r="C1090" s="6">
        <f>'申請書（複数入力用）'!B1092</f>
        <v>0</v>
      </c>
      <c r="D1090" s="6">
        <f>'申請書（複数入力用）'!D1092</f>
        <v>0</v>
      </c>
      <c r="E1090" s="14">
        <f>'申請書（複数入力用）'!H1092</f>
        <v>0</v>
      </c>
      <c r="F1090" s="11" t="str">
        <f>'申請書（複数入力用）'!J1092</f>
        <v/>
      </c>
      <c r="G1090" s="6" t="str">
        <f>'申請書（複数入力用）'!K1092</f>
        <v>a052r000000jS9ZAAU</v>
      </c>
      <c r="H1090" s="12" t="e">
        <f>'申請書（複数入力用）'!N1092</f>
        <v>#N/A</v>
      </c>
      <c r="I1090" s="12" t="e">
        <f>'申請書（複数入力用）'!O1092</f>
        <v>#N/A</v>
      </c>
      <c r="J1090" s="12">
        <f>'申請書（複数入力用）'!P1092</f>
        <v>1</v>
      </c>
    </row>
    <row r="1091" spans="1:10" ht="51.6" customHeight="1" x14ac:dyDescent="0.45">
      <c r="A1091" s="6">
        <f>'申請書（複数入力用）'!A1093</f>
        <v>1087</v>
      </c>
      <c r="B1091" s="13">
        <f>'申請書（複数入力用）'!AH1093</f>
        <v>0</v>
      </c>
      <c r="C1091" s="6">
        <f>'申請書（複数入力用）'!B1093</f>
        <v>0</v>
      </c>
      <c r="D1091" s="6">
        <f>'申請書（複数入力用）'!D1093</f>
        <v>0</v>
      </c>
      <c r="E1091" s="14">
        <f>'申請書（複数入力用）'!H1093</f>
        <v>0</v>
      </c>
      <c r="F1091" s="11" t="str">
        <f>'申請書（複数入力用）'!J1093</f>
        <v/>
      </c>
      <c r="G1091" s="6" t="str">
        <f>'申請書（複数入力用）'!K1093</f>
        <v>a052r000000jS9ZAAU</v>
      </c>
      <c r="H1091" s="12" t="e">
        <f>'申請書（複数入力用）'!N1093</f>
        <v>#N/A</v>
      </c>
      <c r="I1091" s="12" t="e">
        <f>'申請書（複数入力用）'!O1093</f>
        <v>#N/A</v>
      </c>
      <c r="J1091" s="12">
        <f>'申請書（複数入力用）'!P1093</f>
        <v>1</v>
      </c>
    </row>
    <row r="1092" spans="1:10" ht="51.6" customHeight="1" x14ac:dyDescent="0.45">
      <c r="A1092" s="6">
        <f>'申請書（複数入力用）'!A1094</f>
        <v>1088</v>
      </c>
      <c r="B1092" s="13">
        <f>'申請書（複数入力用）'!AH1094</f>
        <v>0</v>
      </c>
      <c r="C1092" s="6">
        <f>'申請書（複数入力用）'!B1094</f>
        <v>0</v>
      </c>
      <c r="D1092" s="6">
        <f>'申請書（複数入力用）'!D1094</f>
        <v>0</v>
      </c>
      <c r="E1092" s="14">
        <f>'申請書（複数入力用）'!H1094</f>
        <v>0</v>
      </c>
      <c r="F1092" s="11" t="str">
        <f>'申請書（複数入力用）'!J1094</f>
        <v/>
      </c>
      <c r="G1092" s="6" t="str">
        <f>'申請書（複数入力用）'!K1094</f>
        <v>a052r000000jS9ZAAU</v>
      </c>
      <c r="H1092" s="12" t="e">
        <f>'申請書（複数入力用）'!N1094</f>
        <v>#N/A</v>
      </c>
      <c r="I1092" s="12" t="e">
        <f>'申請書（複数入力用）'!O1094</f>
        <v>#N/A</v>
      </c>
      <c r="J1092" s="12">
        <f>'申請書（複数入力用）'!P1094</f>
        <v>1</v>
      </c>
    </row>
    <row r="1093" spans="1:10" ht="51.6" customHeight="1" x14ac:dyDescent="0.45">
      <c r="A1093" s="6">
        <f>'申請書（複数入力用）'!A1095</f>
        <v>1089</v>
      </c>
      <c r="B1093" s="13">
        <f>'申請書（複数入力用）'!AH1095</f>
        <v>0</v>
      </c>
      <c r="C1093" s="6">
        <f>'申請書（複数入力用）'!B1095</f>
        <v>0</v>
      </c>
      <c r="D1093" s="6">
        <f>'申請書（複数入力用）'!D1095</f>
        <v>0</v>
      </c>
      <c r="E1093" s="14">
        <f>'申請書（複数入力用）'!H1095</f>
        <v>0</v>
      </c>
      <c r="F1093" s="11" t="str">
        <f>'申請書（複数入力用）'!J1095</f>
        <v/>
      </c>
      <c r="G1093" s="6" t="str">
        <f>'申請書（複数入力用）'!K1095</f>
        <v>a052r000000jS9ZAAU</v>
      </c>
      <c r="H1093" s="12" t="e">
        <f>'申請書（複数入力用）'!N1095</f>
        <v>#N/A</v>
      </c>
      <c r="I1093" s="12" t="e">
        <f>'申請書（複数入力用）'!O1095</f>
        <v>#N/A</v>
      </c>
      <c r="J1093" s="12">
        <f>'申請書（複数入力用）'!P1095</f>
        <v>1</v>
      </c>
    </row>
    <row r="1094" spans="1:10" ht="51.6" customHeight="1" x14ac:dyDescent="0.45">
      <c r="A1094" s="6">
        <f>'申請書（複数入力用）'!A1096</f>
        <v>1090</v>
      </c>
      <c r="B1094" s="13">
        <f>'申請書（複数入力用）'!AH1096</f>
        <v>0</v>
      </c>
      <c r="C1094" s="6">
        <f>'申請書（複数入力用）'!B1096</f>
        <v>0</v>
      </c>
      <c r="D1094" s="6">
        <f>'申請書（複数入力用）'!D1096</f>
        <v>0</v>
      </c>
      <c r="E1094" s="14">
        <f>'申請書（複数入力用）'!H1096</f>
        <v>0</v>
      </c>
      <c r="F1094" s="11" t="str">
        <f>'申請書（複数入力用）'!J1096</f>
        <v/>
      </c>
      <c r="G1094" s="6" t="str">
        <f>'申請書（複数入力用）'!K1096</f>
        <v>a052r000000jS9ZAAU</v>
      </c>
      <c r="H1094" s="12" t="e">
        <f>'申請書（複数入力用）'!N1096</f>
        <v>#N/A</v>
      </c>
      <c r="I1094" s="12" t="e">
        <f>'申請書（複数入力用）'!O1096</f>
        <v>#N/A</v>
      </c>
      <c r="J1094" s="12">
        <f>'申請書（複数入力用）'!P1096</f>
        <v>1</v>
      </c>
    </row>
    <row r="1095" spans="1:10" ht="51.6" customHeight="1" x14ac:dyDescent="0.45">
      <c r="A1095" s="6">
        <f>'申請書（複数入力用）'!A1097</f>
        <v>1091</v>
      </c>
      <c r="B1095" s="13">
        <f>'申請書（複数入力用）'!AH1097</f>
        <v>0</v>
      </c>
      <c r="C1095" s="6">
        <f>'申請書（複数入力用）'!B1097</f>
        <v>0</v>
      </c>
      <c r="D1095" s="6">
        <f>'申請書（複数入力用）'!D1097</f>
        <v>0</v>
      </c>
      <c r="E1095" s="14">
        <f>'申請書（複数入力用）'!H1097</f>
        <v>0</v>
      </c>
      <c r="F1095" s="11" t="str">
        <f>'申請書（複数入力用）'!J1097</f>
        <v/>
      </c>
      <c r="G1095" s="6" t="str">
        <f>'申請書（複数入力用）'!K1097</f>
        <v>a052r000000jS9ZAAU</v>
      </c>
      <c r="H1095" s="12" t="e">
        <f>'申請書（複数入力用）'!N1097</f>
        <v>#N/A</v>
      </c>
      <c r="I1095" s="12" t="e">
        <f>'申請書（複数入力用）'!O1097</f>
        <v>#N/A</v>
      </c>
      <c r="J1095" s="12">
        <f>'申請書（複数入力用）'!P1097</f>
        <v>1</v>
      </c>
    </row>
    <row r="1096" spans="1:10" ht="51.6" customHeight="1" x14ac:dyDescent="0.45">
      <c r="A1096" s="6">
        <f>'申請書（複数入力用）'!A1098</f>
        <v>1092</v>
      </c>
      <c r="B1096" s="13">
        <f>'申請書（複数入力用）'!AH1098</f>
        <v>0</v>
      </c>
      <c r="C1096" s="6">
        <f>'申請書（複数入力用）'!B1098</f>
        <v>0</v>
      </c>
      <c r="D1096" s="6">
        <f>'申請書（複数入力用）'!D1098</f>
        <v>0</v>
      </c>
      <c r="E1096" s="14">
        <f>'申請書（複数入力用）'!H1098</f>
        <v>0</v>
      </c>
      <c r="F1096" s="11" t="str">
        <f>'申請書（複数入力用）'!J1098</f>
        <v/>
      </c>
      <c r="G1096" s="6" t="str">
        <f>'申請書（複数入力用）'!K1098</f>
        <v>a052r000000jS9ZAAU</v>
      </c>
      <c r="H1096" s="12" t="e">
        <f>'申請書（複数入力用）'!N1098</f>
        <v>#N/A</v>
      </c>
      <c r="I1096" s="12" t="e">
        <f>'申請書（複数入力用）'!O1098</f>
        <v>#N/A</v>
      </c>
      <c r="J1096" s="12">
        <f>'申請書（複数入力用）'!P1098</f>
        <v>1</v>
      </c>
    </row>
    <row r="1097" spans="1:10" ht="51.6" customHeight="1" x14ac:dyDescent="0.45">
      <c r="A1097" s="6">
        <f>'申請書（複数入力用）'!A1099</f>
        <v>1093</v>
      </c>
      <c r="B1097" s="13">
        <f>'申請書（複数入力用）'!AH1099</f>
        <v>0</v>
      </c>
      <c r="C1097" s="6">
        <f>'申請書（複数入力用）'!B1099</f>
        <v>0</v>
      </c>
      <c r="D1097" s="6">
        <f>'申請書（複数入力用）'!D1099</f>
        <v>0</v>
      </c>
      <c r="E1097" s="14">
        <f>'申請書（複数入力用）'!H1099</f>
        <v>0</v>
      </c>
      <c r="F1097" s="11" t="str">
        <f>'申請書（複数入力用）'!J1099</f>
        <v/>
      </c>
      <c r="G1097" s="6" t="str">
        <f>'申請書（複数入力用）'!K1099</f>
        <v>a052r000000jS9ZAAU</v>
      </c>
      <c r="H1097" s="12" t="e">
        <f>'申請書（複数入力用）'!N1099</f>
        <v>#N/A</v>
      </c>
      <c r="I1097" s="12" t="e">
        <f>'申請書（複数入力用）'!O1099</f>
        <v>#N/A</v>
      </c>
      <c r="J1097" s="12">
        <f>'申請書（複数入力用）'!P1099</f>
        <v>1</v>
      </c>
    </row>
    <row r="1098" spans="1:10" ht="51.6" customHeight="1" x14ac:dyDescent="0.45">
      <c r="A1098" s="6">
        <f>'申請書（複数入力用）'!A1100</f>
        <v>1094</v>
      </c>
      <c r="B1098" s="13">
        <f>'申請書（複数入力用）'!AH1100</f>
        <v>0</v>
      </c>
      <c r="C1098" s="6">
        <f>'申請書（複数入力用）'!B1100</f>
        <v>0</v>
      </c>
      <c r="D1098" s="6">
        <f>'申請書（複数入力用）'!D1100</f>
        <v>0</v>
      </c>
      <c r="E1098" s="14">
        <f>'申請書（複数入力用）'!H1100</f>
        <v>0</v>
      </c>
      <c r="F1098" s="11" t="str">
        <f>'申請書（複数入力用）'!J1100</f>
        <v/>
      </c>
      <c r="G1098" s="6" t="str">
        <f>'申請書（複数入力用）'!K1100</f>
        <v>a052r000000jS9ZAAU</v>
      </c>
      <c r="H1098" s="12" t="e">
        <f>'申請書（複数入力用）'!N1100</f>
        <v>#N/A</v>
      </c>
      <c r="I1098" s="12" t="e">
        <f>'申請書（複数入力用）'!O1100</f>
        <v>#N/A</v>
      </c>
      <c r="J1098" s="12">
        <f>'申請書（複数入力用）'!P1100</f>
        <v>1</v>
      </c>
    </row>
    <row r="1099" spans="1:10" ht="51.6" customHeight="1" x14ac:dyDescent="0.45">
      <c r="A1099" s="6">
        <f>'申請書（複数入力用）'!A1101</f>
        <v>1095</v>
      </c>
      <c r="B1099" s="13">
        <f>'申請書（複数入力用）'!AH1101</f>
        <v>0</v>
      </c>
      <c r="C1099" s="6">
        <f>'申請書（複数入力用）'!B1101</f>
        <v>0</v>
      </c>
      <c r="D1099" s="6">
        <f>'申請書（複数入力用）'!D1101</f>
        <v>0</v>
      </c>
      <c r="E1099" s="14">
        <f>'申請書（複数入力用）'!H1101</f>
        <v>0</v>
      </c>
      <c r="F1099" s="11" t="str">
        <f>'申請書（複数入力用）'!J1101</f>
        <v/>
      </c>
      <c r="G1099" s="6" t="str">
        <f>'申請書（複数入力用）'!K1101</f>
        <v>a052r000000jS9ZAAU</v>
      </c>
      <c r="H1099" s="12" t="e">
        <f>'申請書（複数入力用）'!N1101</f>
        <v>#N/A</v>
      </c>
      <c r="I1099" s="12" t="e">
        <f>'申請書（複数入力用）'!O1101</f>
        <v>#N/A</v>
      </c>
      <c r="J1099" s="12">
        <f>'申請書（複数入力用）'!P1101</f>
        <v>1</v>
      </c>
    </row>
    <row r="1100" spans="1:10" ht="51.6" customHeight="1" x14ac:dyDescent="0.45">
      <c r="A1100" s="6">
        <f>'申請書（複数入力用）'!A1102</f>
        <v>1096</v>
      </c>
      <c r="B1100" s="13">
        <f>'申請書（複数入力用）'!AH1102</f>
        <v>0</v>
      </c>
      <c r="C1100" s="6">
        <f>'申請書（複数入力用）'!B1102</f>
        <v>0</v>
      </c>
      <c r="D1100" s="6">
        <f>'申請書（複数入力用）'!D1102</f>
        <v>0</v>
      </c>
      <c r="E1100" s="14">
        <f>'申請書（複数入力用）'!H1102</f>
        <v>0</v>
      </c>
      <c r="F1100" s="11" t="str">
        <f>'申請書（複数入力用）'!J1102</f>
        <v/>
      </c>
      <c r="G1100" s="6" t="str">
        <f>'申請書（複数入力用）'!K1102</f>
        <v>a052r000000jS9ZAAU</v>
      </c>
      <c r="H1100" s="12" t="e">
        <f>'申請書（複数入力用）'!N1102</f>
        <v>#N/A</v>
      </c>
      <c r="I1100" s="12" t="e">
        <f>'申請書（複数入力用）'!O1102</f>
        <v>#N/A</v>
      </c>
      <c r="J1100" s="12">
        <f>'申請書（複数入力用）'!P1102</f>
        <v>1</v>
      </c>
    </row>
    <row r="1101" spans="1:10" ht="51.6" customHeight="1" x14ac:dyDescent="0.45">
      <c r="A1101" s="6">
        <f>'申請書（複数入力用）'!A1103</f>
        <v>1097</v>
      </c>
      <c r="B1101" s="13">
        <f>'申請書（複数入力用）'!AH1103</f>
        <v>0</v>
      </c>
      <c r="C1101" s="6">
        <f>'申請書（複数入力用）'!B1103</f>
        <v>0</v>
      </c>
      <c r="D1101" s="6">
        <f>'申請書（複数入力用）'!D1103</f>
        <v>0</v>
      </c>
      <c r="E1101" s="14">
        <f>'申請書（複数入力用）'!H1103</f>
        <v>0</v>
      </c>
      <c r="F1101" s="11" t="str">
        <f>'申請書（複数入力用）'!J1103</f>
        <v/>
      </c>
      <c r="G1101" s="6" t="str">
        <f>'申請書（複数入力用）'!K1103</f>
        <v>a052r000000jS9ZAAU</v>
      </c>
      <c r="H1101" s="12" t="e">
        <f>'申請書（複数入力用）'!N1103</f>
        <v>#N/A</v>
      </c>
      <c r="I1101" s="12" t="e">
        <f>'申請書（複数入力用）'!O1103</f>
        <v>#N/A</v>
      </c>
      <c r="J1101" s="12">
        <f>'申請書（複数入力用）'!P1103</f>
        <v>1</v>
      </c>
    </row>
    <row r="1102" spans="1:10" ht="51.6" customHeight="1" x14ac:dyDescent="0.45">
      <c r="A1102" s="6">
        <f>'申請書（複数入力用）'!A1104</f>
        <v>1098</v>
      </c>
      <c r="B1102" s="13">
        <f>'申請書（複数入力用）'!AH1104</f>
        <v>0</v>
      </c>
      <c r="C1102" s="6">
        <f>'申請書（複数入力用）'!B1104</f>
        <v>0</v>
      </c>
      <c r="D1102" s="6">
        <f>'申請書（複数入力用）'!D1104</f>
        <v>0</v>
      </c>
      <c r="E1102" s="14">
        <f>'申請書（複数入力用）'!H1104</f>
        <v>0</v>
      </c>
      <c r="F1102" s="11" t="str">
        <f>'申請書（複数入力用）'!J1104</f>
        <v/>
      </c>
      <c r="G1102" s="6" t="str">
        <f>'申請書（複数入力用）'!K1104</f>
        <v>a052r000000jS9ZAAU</v>
      </c>
      <c r="H1102" s="12" t="e">
        <f>'申請書（複数入力用）'!N1104</f>
        <v>#N/A</v>
      </c>
      <c r="I1102" s="12" t="e">
        <f>'申請書（複数入力用）'!O1104</f>
        <v>#N/A</v>
      </c>
      <c r="J1102" s="12">
        <f>'申請書（複数入力用）'!P1104</f>
        <v>1</v>
      </c>
    </row>
    <row r="1103" spans="1:10" ht="51.6" customHeight="1" x14ac:dyDescent="0.45">
      <c r="A1103" s="6">
        <f>'申請書（複数入力用）'!A1105</f>
        <v>1099</v>
      </c>
      <c r="B1103" s="13">
        <f>'申請書（複数入力用）'!AH1105</f>
        <v>0</v>
      </c>
      <c r="C1103" s="6">
        <f>'申請書（複数入力用）'!B1105</f>
        <v>0</v>
      </c>
      <c r="D1103" s="6">
        <f>'申請書（複数入力用）'!D1105</f>
        <v>0</v>
      </c>
      <c r="E1103" s="14">
        <f>'申請書（複数入力用）'!H1105</f>
        <v>0</v>
      </c>
      <c r="F1103" s="11" t="str">
        <f>'申請書（複数入力用）'!J1105</f>
        <v/>
      </c>
      <c r="G1103" s="6" t="str">
        <f>'申請書（複数入力用）'!K1105</f>
        <v>a052r000000jS9ZAAU</v>
      </c>
      <c r="H1103" s="12" t="e">
        <f>'申請書（複数入力用）'!N1105</f>
        <v>#N/A</v>
      </c>
      <c r="I1103" s="12" t="e">
        <f>'申請書（複数入力用）'!O1105</f>
        <v>#N/A</v>
      </c>
      <c r="J1103" s="12">
        <f>'申請書（複数入力用）'!P1105</f>
        <v>1</v>
      </c>
    </row>
    <row r="1104" spans="1:10" ht="51.6" customHeight="1" x14ac:dyDescent="0.45">
      <c r="A1104" s="6">
        <f>'申請書（複数入力用）'!A1106</f>
        <v>1100</v>
      </c>
      <c r="B1104" s="13">
        <f>'申請書（複数入力用）'!AH1106</f>
        <v>0</v>
      </c>
      <c r="C1104" s="6">
        <f>'申請書（複数入力用）'!B1106</f>
        <v>0</v>
      </c>
      <c r="D1104" s="6">
        <f>'申請書（複数入力用）'!D1106</f>
        <v>0</v>
      </c>
      <c r="E1104" s="14">
        <f>'申請書（複数入力用）'!H1106</f>
        <v>0</v>
      </c>
      <c r="F1104" s="11" t="str">
        <f>'申請書（複数入力用）'!J1106</f>
        <v/>
      </c>
      <c r="G1104" s="6" t="str">
        <f>'申請書（複数入力用）'!K1106</f>
        <v>a052r000000jS9ZAAU</v>
      </c>
      <c r="H1104" s="12" t="e">
        <f>'申請書（複数入力用）'!N1106</f>
        <v>#N/A</v>
      </c>
      <c r="I1104" s="12" t="e">
        <f>'申請書（複数入力用）'!O1106</f>
        <v>#N/A</v>
      </c>
      <c r="J1104" s="12">
        <f>'申請書（複数入力用）'!P1106</f>
        <v>1</v>
      </c>
    </row>
    <row r="1105" spans="1:10" ht="51.6" customHeight="1" x14ac:dyDescent="0.45">
      <c r="A1105" s="6">
        <f>'申請書（複数入力用）'!A1107</f>
        <v>1101</v>
      </c>
      <c r="B1105" s="13">
        <f>'申請書（複数入力用）'!AH1107</f>
        <v>0</v>
      </c>
      <c r="C1105" s="6">
        <f>'申請書（複数入力用）'!B1107</f>
        <v>0</v>
      </c>
      <c r="D1105" s="6">
        <f>'申請書（複数入力用）'!D1107</f>
        <v>0</v>
      </c>
      <c r="E1105" s="14">
        <f>'申請書（複数入力用）'!H1107</f>
        <v>0</v>
      </c>
      <c r="F1105" s="11" t="str">
        <f>'申請書（複数入力用）'!J1107</f>
        <v/>
      </c>
      <c r="G1105" s="6" t="str">
        <f>'申請書（複数入力用）'!K1107</f>
        <v>a052r000000jS9ZAAU</v>
      </c>
      <c r="H1105" s="12" t="e">
        <f>'申請書（複数入力用）'!N1107</f>
        <v>#N/A</v>
      </c>
      <c r="I1105" s="12" t="e">
        <f>'申請書（複数入力用）'!O1107</f>
        <v>#N/A</v>
      </c>
      <c r="J1105" s="12">
        <f>'申請書（複数入力用）'!P1107</f>
        <v>1</v>
      </c>
    </row>
    <row r="1106" spans="1:10" ht="51.6" customHeight="1" x14ac:dyDescent="0.45">
      <c r="A1106" s="6">
        <f>'申請書（複数入力用）'!A1108</f>
        <v>1102</v>
      </c>
      <c r="B1106" s="13">
        <f>'申請書（複数入力用）'!AH1108</f>
        <v>0</v>
      </c>
      <c r="C1106" s="6">
        <f>'申請書（複数入力用）'!B1108</f>
        <v>0</v>
      </c>
      <c r="D1106" s="6">
        <f>'申請書（複数入力用）'!D1108</f>
        <v>0</v>
      </c>
      <c r="E1106" s="14">
        <f>'申請書（複数入力用）'!H1108</f>
        <v>0</v>
      </c>
      <c r="F1106" s="11" t="str">
        <f>'申請書（複数入力用）'!J1108</f>
        <v/>
      </c>
      <c r="G1106" s="6" t="str">
        <f>'申請書（複数入力用）'!K1108</f>
        <v>a052r000000jS9ZAAU</v>
      </c>
      <c r="H1106" s="12" t="e">
        <f>'申請書（複数入力用）'!N1108</f>
        <v>#N/A</v>
      </c>
      <c r="I1106" s="12" t="e">
        <f>'申請書（複数入力用）'!O1108</f>
        <v>#N/A</v>
      </c>
      <c r="J1106" s="12">
        <f>'申請書（複数入力用）'!P1108</f>
        <v>1</v>
      </c>
    </row>
    <row r="1107" spans="1:10" ht="51.6" customHeight="1" x14ac:dyDescent="0.45">
      <c r="A1107" s="6">
        <f>'申請書（複数入力用）'!A1109</f>
        <v>1103</v>
      </c>
      <c r="B1107" s="13">
        <f>'申請書（複数入力用）'!AH1109</f>
        <v>0</v>
      </c>
      <c r="C1107" s="6">
        <f>'申請書（複数入力用）'!B1109</f>
        <v>0</v>
      </c>
      <c r="D1107" s="6">
        <f>'申請書（複数入力用）'!D1109</f>
        <v>0</v>
      </c>
      <c r="E1107" s="14">
        <f>'申請書（複数入力用）'!H1109</f>
        <v>0</v>
      </c>
      <c r="F1107" s="11" t="str">
        <f>'申請書（複数入力用）'!J1109</f>
        <v/>
      </c>
      <c r="G1107" s="6" t="str">
        <f>'申請書（複数入力用）'!K1109</f>
        <v>a052r000000jS9ZAAU</v>
      </c>
      <c r="H1107" s="12" t="e">
        <f>'申請書（複数入力用）'!N1109</f>
        <v>#N/A</v>
      </c>
      <c r="I1107" s="12" t="e">
        <f>'申請書（複数入力用）'!O1109</f>
        <v>#N/A</v>
      </c>
      <c r="J1107" s="12">
        <f>'申請書（複数入力用）'!P1109</f>
        <v>1</v>
      </c>
    </row>
    <row r="1108" spans="1:10" ht="51.6" customHeight="1" x14ac:dyDescent="0.45">
      <c r="A1108" s="6">
        <f>'申請書（複数入力用）'!A1110</f>
        <v>1104</v>
      </c>
      <c r="B1108" s="13">
        <f>'申請書（複数入力用）'!AH1110</f>
        <v>0</v>
      </c>
      <c r="C1108" s="6">
        <f>'申請書（複数入力用）'!B1110</f>
        <v>0</v>
      </c>
      <c r="D1108" s="6">
        <f>'申請書（複数入力用）'!D1110</f>
        <v>0</v>
      </c>
      <c r="E1108" s="14">
        <f>'申請書（複数入力用）'!H1110</f>
        <v>0</v>
      </c>
      <c r="F1108" s="11" t="str">
        <f>'申請書（複数入力用）'!J1110</f>
        <v/>
      </c>
      <c r="G1108" s="6" t="str">
        <f>'申請書（複数入力用）'!K1110</f>
        <v>a052r000000jS9ZAAU</v>
      </c>
      <c r="H1108" s="12" t="e">
        <f>'申請書（複数入力用）'!N1110</f>
        <v>#N/A</v>
      </c>
      <c r="I1108" s="12" t="e">
        <f>'申請書（複数入力用）'!O1110</f>
        <v>#N/A</v>
      </c>
      <c r="J1108" s="12">
        <f>'申請書（複数入力用）'!P1110</f>
        <v>1</v>
      </c>
    </row>
    <row r="1109" spans="1:10" ht="51.6" customHeight="1" x14ac:dyDescent="0.45">
      <c r="A1109" s="6">
        <f>'申請書（複数入力用）'!A1111</f>
        <v>1105</v>
      </c>
      <c r="B1109" s="13">
        <f>'申請書（複数入力用）'!AH1111</f>
        <v>0</v>
      </c>
      <c r="C1109" s="6">
        <f>'申請書（複数入力用）'!B1111</f>
        <v>0</v>
      </c>
      <c r="D1109" s="6">
        <f>'申請書（複数入力用）'!D1111</f>
        <v>0</v>
      </c>
      <c r="E1109" s="14">
        <f>'申請書（複数入力用）'!H1111</f>
        <v>0</v>
      </c>
      <c r="F1109" s="11" t="str">
        <f>'申請書（複数入力用）'!J1111</f>
        <v/>
      </c>
      <c r="G1109" s="6" t="str">
        <f>'申請書（複数入力用）'!K1111</f>
        <v>a052r000000jS9ZAAU</v>
      </c>
      <c r="H1109" s="12" t="e">
        <f>'申請書（複数入力用）'!N1111</f>
        <v>#N/A</v>
      </c>
      <c r="I1109" s="12" t="e">
        <f>'申請書（複数入力用）'!O1111</f>
        <v>#N/A</v>
      </c>
      <c r="J1109" s="12">
        <f>'申請書（複数入力用）'!P1111</f>
        <v>1</v>
      </c>
    </row>
    <row r="1110" spans="1:10" ht="51.6" customHeight="1" x14ac:dyDescent="0.45">
      <c r="A1110" s="6">
        <f>'申請書（複数入力用）'!A1112</f>
        <v>1106</v>
      </c>
      <c r="B1110" s="13">
        <f>'申請書（複数入力用）'!AH1112</f>
        <v>0</v>
      </c>
      <c r="C1110" s="6">
        <f>'申請書（複数入力用）'!B1112</f>
        <v>0</v>
      </c>
      <c r="D1110" s="6">
        <f>'申請書（複数入力用）'!D1112</f>
        <v>0</v>
      </c>
      <c r="E1110" s="14">
        <f>'申請書（複数入力用）'!H1112</f>
        <v>0</v>
      </c>
      <c r="F1110" s="11" t="str">
        <f>'申請書（複数入力用）'!J1112</f>
        <v/>
      </c>
      <c r="G1110" s="6" t="str">
        <f>'申請書（複数入力用）'!K1112</f>
        <v>a052r000000jS9ZAAU</v>
      </c>
      <c r="H1110" s="12" t="e">
        <f>'申請書（複数入力用）'!N1112</f>
        <v>#N/A</v>
      </c>
      <c r="I1110" s="12" t="e">
        <f>'申請書（複数入力用）'!O1112</f>
        <v>#N/A</v>
      </c>
      <c r="J1110" s="12">
        <f>'申請書（複数入力用）'!P1112</f>
        <v>1</v>
      </c>
    </row>
    <row r="1111" spans="1:10" ht="51.6" customHeight="1" x14ac:dyDescent="0.45">
      <c r="A1111" s="6">
        <f>'申請書（複数入力用）'!A1113</f>
        <v>1107</v>
      </c>
      <c r="B1111" s="13">
        <f>'申請書（複数入力用）'!AH1113</f>
        <v>0</v>
      </c>
      <c r="C1111" s="6">
        <f>'申請書（複数入力用）'!B1113</f>
        <v>0</v>
      </c>
      <c r="D1111" s="6">
        <f>'申請書（複数入力用）'!D1113</f>
        <v>0</v>
      </c>
      <c r="E1111" s="14">
        <f>'申請書（複数入力用）'!H1113</f>
        <v>0</v>
      </c>
      <c r="F1111" s="11" t="str">
        <f>'申請書（複数入力用）'!J1113</f>
        <v/>
      </c>
      <c r="G1111" s="6" t="str">
        <f>'申請書（複数入力用）'!K1113</f>
        <v>a052r000000jS9ZAAU</v>
      </c>
      <c r="H1111" s="12" t="e">
        <f>'申請書（複数入力用）'!N1113</f>
        <v>#N/A</v>
      </c>
      <c r="I1111" s="12" t="e">
        <f>'申請書（複数入力用）'!O1113</f>
        <v>#N/A</v>
      </c>
      <c r="J1111" s="12">
        <f>'申請書（複数入力用）'!P1113</f>
        <v>1</v>
      </c>
    </row>
    <row r="1112" spans="1:10" ht="51.6" customHeight="1" x14ac:dyDescent="0.45">
      <c r="A1112" s="6">
        <f>'申請書（複数入力用）'!A1114</f>
        <v>1108</v>
      </c>
      <c r="B1112" s="13">
        <f>'申請書（複数入力用）'!AH1114</f>
        <v>0</v>
      </c>
      <c r="C1112" s="6">
        <f>'申請書（複数入力用）'!B1114</f>
        <v>0</v>
      </c>
      <c r="D1112" s="6">
        <f>'申請書（複数入力用）'!D1114</f>
        <v>0</v>
      </c>
      <c r="E1112" s="14">
        <f>'申請書（複数入力用）'!H1114</f>
        <v>0</v>
      </c>
      <c r="F1112" s="11" t="str">
        <f>'申請書（複数入力用）'!J1114</f>
        <v/>
      </c>
      <c r="G1112" s="6" t="str">
        <f>'申請書（複数入力用）'!K1114</f>
        <v>a052r000000jS9ZAAU</v>
      </c>
      <c r="H1112" s="12" t="e">
        <f>'申請書（複数入力用）'!N1114</f>
        <v>#N/A</v>
      </c>
      <c r="I1112" s="12" t="e">
        <f>'申請書（複数入力用）'!O1114</f>
        <v>#N/A</v>
      </c>
      <c r="J1112" s="12">
        <f>'申請書（複数入力用）'!P1114</f>
        <v>1</v>
      </c>
    </row>
    <row r="1113" spans="1:10" ht="51.6" customHeight="1" x14ac:dyDescent="0.45">
      <c r="A1113" s="6">
        <f>'申請書（複数入力用）'!A1115</f>
        <v>1109</v>
      </c>
      <c r="B1113" s="13">
        <f>'申請書（複数入力用）'!AH1115</f>
        <v>0</v>
      </c>
      <c r="C1113" s="6">
        <f>'申請書（複数入力用）'!B1115</f>
        <v>0</v>
      </c>
      <c r="D1113" s="6">
        <f>'申請書（複数入力用）'!D1115</f>
        <v>0</v>
      </c>
      <c r="E1113" s="14">
        <f>'申請書（複数入力用）'!H1115</f>
        <v>0</v>
      </c>
      <c r="F1113" s="11" t="str">
        <f>'申請書（複数入力用）'!J1115</f>
        <v/>
      </c>
      <c r="G1113" s="6" t="str">
        <f>'申請書（複数入力用）'!K1115</f>
        <v>a052r000000jS9ZAAU</v>
      </c>
      <c r="H1113" s="12" t="e">
        <f>'申請書（複数入力用）'!N1115</f>
        <v>#N/A</v>
      </c>
      <c r="I1113" s="12" t="e">
        <f>'申請書（複数入力用）'!O1115</f>
        <v>#N/A</v>
      </c>
      <c r="J1113" s="12">
        <f>'申請書（複数入力用）'!P1115</f>
        <v>1</v>
      </c>
    </row>
    <row r="1114" spans="1:10" ht="51.6" customHeight="1" x14ac:dyDescent="0.45">
      <c r="A1114" s="6">
        <f>'申請書（複数入力用）'!A1116</f>
        <v>1110</v>
      </c>
      <c r="B1114" s="13">
        <f>'申請書（複数入力用）'!AH1116</f>
        <v>0</v>
      </c>
      <c r="C1114" s="6">
        <f>'申請書（複数入力用）'!B1116</f>
        <v>0</v>
      </c>
      <c r="D1114" s="6">
        <f>'申請書（複数入力用）'!D1116</f>
        <v>0</v>
      </c>
      <c r="E1114" s="14">
        <f>'申請書（複数入力用）'!H1116</f>
        <v>0</v>
      </c>
      <c r="F1114" s="11" t="str">
        <f>'申請書（複数入力用）'!J1116</f>
        <v/>
      </c>
      <c r="G1114" s="6" t="str">
        <f>'申請書（複数入力用）'!K1116</f>
        <v>a052r000000jS9ZAAU</v>
      </c>
      <c r="H1114" s="12" t="e">
        <f>'申請書（複数入力用）'!N1116</f>
        <v>#N/A</v>
      </c>
      <c r="I1114" s="12" t="e">
        <f>'申請書（複数入力用）'!O1116</f>
        <v>#N/A</v>
      </c>
      <c r="J1114" s="12">
        <f>'申請書（複数入力用）'!P1116</f>
        <v>1</v>
      </c>
    </row>
    <row r="1115" spans="1:10" ht="51.6" customHeight="1" x14ac:dyDescent="0.45">
      <c r="A1115" s="6">
        <f>'申請書（複数入力用）'!A1117</f>
        <v>1111</v>
      </c>
      <c r="B1115" s="13">
        <f>'申請書（複数入力用）'!AH1117</f>
        <v>0</v>
      </c>
      <c r="C1115" s="6">
        <f>'申請書（複数入力用）'!B1117</f>
        <v>0</v>
      </c>
      <c r="D1115" s="6">
        <f>'申請書（複数入力用）'!D1117</f>
        <v>0</v>
      </c>
      <c r="E1115" s="14">
        <f>'申請書（複数入力用）'!H1117</f>
        <v>0</v>
      </c>
      <c r="F1115" s="11" t="str">
        <f>'申請書（複数入力用）'!J1117</f>
        <v/>
      </c>
      <c r="G1115" s="6" t="str">
        <f>'申請書（複数入力用）'!K1117</f>
        <v>a052r000000jS9ZAAU</v>
      </c>
      <c r="H1115" s="12" t="e">
        <f>'申請書（複数入力用）'!N1117</f>
        <v>#N/A</v>
      </c>
      <c r="I1115" s="12" t="e">
        <f>'申請書（複数入力用）'!O1117</f>
        <v>#N/A</v>
      </c>
      <c r="J1115" s="12">
        <f>'申請書（複数入力用）'!P1117</f>
        <v>1</v>
      </c>
    </row>
    <row r="1116" spans="1:10" ht="51.6" customHeight="1" x14ac:dyDescent="0.45">
      <c r="A1116" s="6">
        <f>'申請書（複数入力用）'!A1118</f>
        <v>1112</v>
      </c>
      <c r="B1116" s="13">
        <f>'申請書（複数入力用）'!AH1118</f>
        <v>0</v>
      </c>
      <c r="C1116" s="6">
        <f>'申請書（複数入力用）'!B1118</f>
        <v>0</v>
      </c>
      <c r="D1116" s="6">
        <f>'申請書（複数入力用）'!D1118</f>
        <v>0</v>
      </c>
      <c r="E1116" s="14">
        <f>'申請書（複数入力用）'!H1118</f>
        <v>0</v>
      </c>
      <c r="F1116" s="11" t="str">
        <f>'申請書（複数入力用）'!J1118</f>
        <v/>
      </c>
      <c r="G1116" s="6" t="str">
        <f>'申請書（複数入力用）'!K1118</f>
        <v>a052r000000jS9ZAAU</v>
      </c>
      <c r="H1116" s="12" t="e">
        <f>'申請書（複数入力用）'!N1118</f>
        <v>#N/A</v>
      </c>
      <c r="I1116" s="12" t="e">
        <f>'申請書（複数入力用）'!O1118</f>
        <v>#N/A</v>
      </c>
      <c r="J1116" s="12">
        <f>'申請書（複数入力用）'!P1118</f>
        <v>1</v>
      </c>
    </row>
    <row r="1117" spans="1:10" ht="51.6" customHeight="1" x14ac:dyDescent="0.45">
      <c r="A1117" s="6">
        <f>'申請書（複数入力用）'!A1119</f>
        <v>1113</v>
      </c>
      <c r="B1117" s="13">
        <f>'申請書（複数入力用）'!AH1119</f>
        <v>0</v>
      </c>
      <c r="C1117" s="6">
        <f>'申請書（複数入力用）'!B1119</f>
        <v>0</v>
      </c>
      <c r="D1117" s="6">
        <f>'申請書（複数入力用）'!D1119</f>
        <v>0</v>
      </c>
      <c r="E1117" s="14">
        <f>'申請書（複数入力用）'!H1119</f>
        <v>0</v>
      </c>
      <c r="F1117" s="11" t="str">
        <f>'申請書（複数入力用）'!J1119</f>
        <v/>
      </c>
      <c r="G1117" s="6" t="str">
        <f>'申請書（複数入力用）'!K1119</f>
        <v>a052r000000jS9ZAAU</v>
      </c>
      <c r="H1117" s="12" t="e">
        <f>'申請書（複数入力用）'!N1119</f>
        <v>#N/A</v>
      </c>
      <c r="I1117" s="12" t="e">
        <f>'申請書（複数入力用）'!O1119</f>
        <v>#N/A</v>
      </c>
      <c r="J1117" s="12">
        <f>'申請書（複数入力用）'!P1119</f>
        <v>1</v>
      </c>
    </row>
    <row r="1118" spans="1:10" ht="51.6" customHeight="1" x14ac:dyDescent="0.45">
      <c r="A1118" s="6">
        <f>'申請書（複数入力用）'!A1120</f>
        <v>1114</v>
      </c>
      <c r="B1118" s="13">
        <f>'申請書（複数入力用）'!AH1120</f>
        <v>0</v>
      </c>
      <c r="C1118" s="6">
        <f>'申請書（複数入力用）'!B1120</f>
        <v>0</v>
      </c>
      <c r="D1118" s="6">
        <f>'申請書（複数入力用）'!D1120</f>
        <v>0</v>
      </c>
      <c r="E1118" s="14">
        <f>'申請書（複数入力用）'!H1120</f>
        <v>0</v>
      </c>
      <c r="F1118" s="11" t="str">
        <f>'申請書（複数入力用）'!J1120</f>
        <v/>
      </c>
      <c r="G1118" s="6" t="str">
        <f>'申請書（複数入力用）'!K1120</f>
        <v>a052r000000jS9ZAAU</v>
      </c>
      <c r="H1118" s="12" t="e">
        <f>'申請書（複数入力用）'!N1120</f>
        <v>#N/A</v>
      </c>
      <c r="I1118" s="12" t="e">
        <f>'申請書（複数入力用）'!O1120</f>
        <v>#N/A</v>
      </c>
      <c r="J1118" s="12">
        <f>'申請書（複数入力用）'!P1120</f>
        <v>1</v>
      </c>
    </row>
    <row r="1119" spans="1:10" ht="51.6" customHeight="1" x14ac:dyDescent="0.45">
      <c r="A1119" s="6">
        <f>'申請書（複数入力用）'!A1121</f>
        <v>1115</v>
      </c>
      <c r="B1119" s="13">
        <f>'申請書（複数入力用）'!AH1121</f>
        <v>0</v>
      </c>
      <c r="C1119" s="6">
        <f>'申請書（複数入力用）'!B1121</f>
        <v>0</v>
      </c>
      <c r="D1119" s="6">
        <f>'申請書（複数入力用）'!D1121</f>
        <v>0</v>
      </c>
      <c r="E1119" s="14">
        <f>'申請書（複数入力用）'!H1121</f>
        <v>0</v>
      </c>
      <c r="F1119" s="11" t="str">
        <f>'申請書（複数入力用）'!J1121</f>
        <v/>
      </c>
      <c r="G1119" s="6" t="str">
        <f>'申請書（複数入力用）'!K1121</f>
        <v>a052r000000jS9ZAAU</v>
      </c>
      <c r="H1119" s="12" t="e">
        <f>'申請書（複数入力用）'!N1121</f>
        <v>#N/A</v>
      </c>
      <c r="I1119" s="12" t="e">
        <f>'申請書（複数入力用）'!O1121</f>
        <v>#N/A</v>
      </c>
      <c r="J1119" s="12">
        <f>'申請書（複数入力用）'!P1121</f>
        <v>1</v>
      </c>
    </row>
    <row r="1120" spans="1:10" ht="51.6" customHeight="1" x14ac:dyDescent="0.45">
      <c r="A1120" s="6">
        <f>'申請書（複数入力用）'!A1122</f>
        <v>1116</v>
      </c>
      <c r="B1120" s="13">
        <f>'申請書（複数入力用）'!AH1122</f>
        <v>0</v>
      </c>
      <c r="C1120" s="6">
        <f>'申請書（複数入力用）'!B1122</f>
        <v>0</v>
      </c>
      <c r="D1120" s="6">
        <f>'申請書（複数入力用）'!D1122</f>
        <v>0</v>
      </c>
      <c r="E1120" s="14">
        <f>'申請書（複数入力用）'!H1122</f>
        <v>0</v>
      </c>
      <c r="F1120" s="11" t="str">
        <f>'申請書（複数入力用）'!J1122</f>
        <v/>
      </c>
      <c r="G1120" s="6" t="str">
        <f>'申請書（複数入力用）'!K1122</f>
        <v>a052r000000jS9ZAAU</v>
      </c>
      <c r="H1120" s="12" t="e">
        <f>'申請書（複数入力用）'!N1122</f>
        <v>#N/A</v>
      </c>
      <c r="I1120" s="12" t="e">
        <f>'申請書（複数入力用）'!O1122</f>
        <v>#N/A</v>
      </c>
      <c r="J1120" s="12">
        <f>'申請書（複数入力用）'!P1122</f>
        <v>1</v>
      </c>
    </row>
    <row r="1121" spans="1:10" ht="51.6" customHeight="1" x14ac:dyDescent="0.45">
      <c r="A1121" s="6">
        <f>'申請書（複数入力用）'!A1123</f>
        <v>1117</v>
      </c>
      <c r="B1121" s="13">
        <f>'申請書（複数入力用）'!AH1123</f>
        <v>0</v>
      </c>
      <c r="C1121" s="6">
        <f>'申請書（複数入力用）'!B1123</f>
        <v>0</v>
      </c>
      <c r="D1121" s="6">
        <f>'申請書（複数入力用）'!D1123</f>
        <v>0</v>
      </c>
      <c r="E1121" s="14">
        <f>'申請書（複数入力用）'!H1123</f>
        <v>0</v>
      </c>
      <c r="F1121" s="11" t="str">
        <f>'申請書（複数入力用）'!J1123</f>
        <v/>
      </c>
      <c r="G1121" s="6" t="str">
        <f>'申請書（複数入力用）'!K1123</f>
        <v>a052r000000jS9ZAAU</v>
      </c>
      <c r="H1121" s="12" t="e">
        <f>'申請書（複数入力用）'!N1123</f>
        <v>#N/A</v>
      </c>
      <c r="I1121" s="12" t="e">
        <f>'申請書（複数入力用）'!O1123</f>
        <v>#N/A</v>
      </c>
      <c r="J1121" s="12">
        <f>'申請書（複数入力用）'!P1123</f>
        <v>1</v>
      </c>
    </row>
    <row r="1122" spans="1:10" ht="51.6" customHeight="1" x14ac:dyDescent="0.45">
      <c r="A1122" s="6">
        <f>'申請書（複数入力用）'!A1124</f>
        <v>1118</v>
      </c>
      <c r="B1122" s="13">
        <f>'申請書（複数入力用）'!AH1124</f>
        <v>0</v>
      </c>
      <c r="C1122" s="6">
        <f>'申請書（複数入力用）'!B1124</f>
        <v>0</v>
      </c>
      <c r="D1122" s="6">
        <f>'申請書（複数入力用）'!D1124</f>
        <v>0</v>
      </c>
      <c r="E1122" s="14">
        <f>'申請書（複数入力用）'!H1124</f>
        <v>0</v>
      </c>
      <c r="F1122" s="11" t="str">
        <f>'申請書（複数入力用）'!J1124</f>
        <v/>
      </c>
      <c r="G1122" s="6" t="str">
        <f>'申請書（複数入力用）'!K1124</f>
        <v>a052r000000jS9ZAAU</v>
      </c>
      <c r="H1122" s="12" t="e">
        <f>'申請書（複数入力用）'!N1124</f>
        <v>#N/A</v>
      </c>
      <c r="I1122" s="12" t="e">
        <f>'申請書（複数入力用）'!O1124</f>
        <v>#N/A</v>
      </c>
      <c r="J1122" s="12">
        <f>'申請書（複数入力用）'!P1124</f>
        <v>1</v>
      </c>
    </row>
    <row r="1123" spans="1:10" ht="51.6" customHeight="1" x14ac:dyDescent="0.45">
      <c r="A1123" s="6">
        <f>'申請書（複数入力用）'!A1125</f>
        <v>1119</v>
      </c>
      <c r="B1123" s="13">
        <f>'申請書（複数入力用）'!AH1125</f>
        <v>0</v>
      </c>
      <c r="C1123" s="6">
        <f>'申請書（複数入力用）'!B1125</f>
        <v>0</v>
      </c>
      <c r="D1123" s="6">
        <f>'申請書（複数入力用）'!D1125</f>
        <v>0</v>
      </c>
      <c r="E1123" s="14">
        <f>'申請書（複数入力用）'!H1125</f>
        <v>0</v>
      </c>
      <c r="F1123" s="11" t="str">
        <f>'申請書（複数入力用）'!J1125</f>
        <v/>
      </c>
      <c r="G1123" s="6" t="str">
        <f>'申請書（複数入力用）'!K1125</f>
        <v>a052r000000jS9ZAAU</v>
      </c>
      <c r="H1123" s="12" t="e">
        <f>'申請書（複数入力用）'!N1125</f>
        <v>#N/A</v>
      </c>
      <c r="I1123" s="12" t="e">
        <f>'申請書（複数入力用）'!O1125</f>
        <v>#N/A</v>
      </c>
      <c r="J1123" s="12">
        <f>'申請書（複数入力用）'!P1125</f>
        <v>1</v>
      </c>
    </row>
    <row r="1124" spans="1:10" ht="51.6" customHeight="1" x14ac:dyDescent="0.45">
      <c r="A1124" s="6">
        <f>'申請書（複数入力用）'!A1126</f>
        <v>1120</v>
      </c>
      <c r="B1124" s="13">
        <f>'申請書（複数入力用）'!AH1126</f>
        <v>0</v>
      </c>
      <c r="C1124" s="6">
        <f>'申請書（複数入力用）'!B1126</f>
        <v>0</v>
      </c>
      <c r="D1124" s="6">
        <f>'申請書（複数入力用）'!D1126</f>
        <v>0</v>
      </c>
      <c r="E1124" s="14">
        <f>'申請書（複数入力用）'!H1126</f>
        <v>0</v>
      </c>
      <c r="F1124" s="11" t="str">
        <f>'申請書（複数入力用）'!J1126</f>
        <v/>
      </c>
      <c r="G1124" s="6" t="str">
        <f>'申請書（複数入力用）'!K1126</f>
        <v>a052r000000jS9ZAAU</v>
      </c>
      <c r="H1124" s="12" t="e">
        <f>'申請書（複数入力用）'!N1126</f>
        <v>#N/A</v>
      </c>
      <c r="I1124" s="12" t="e">
        <f>'申請書（複数入力用）'!O1126</f>
        <v>#N/A</v>
      </c>
      <c r="J1124" s="12">
        <f>'申請書（複数入力用）'!P1126</f>
        <v>1</v>
      </c>
    </row>
    <row r="1125" spans="1:10" ht="51.6" customHeight="1" x14ac:dyDescent="0.45">
      <c r="A1125" s="6">
        <f>'申請書（複数入力用）'!A1127</f>
        <v>1121</v>
      </c>
      <c r="B1125" s="13">
        <f>'申請書（複数入力用）'!AH1127</f>
        <v>0</v>
      </c>
      <c r="C1125" s="6">
        <f>'申請書（複数入力用）'!B1127</f>
        <v>0</v>
      </c>
      <c r="D1125" s="6">
        <f>'申請書（複数入力用）'!D1127</f>
        <v>0</v>
      </c>
      <c r="E1125" s="14">
        <f>'申請書（複数入力用）'!H1127</f>
        <v>0</v>
      </c>
      <c r="F1125" s="11" t="str">
        <f>'申請書（複数入力用）'!J1127</f>
        <v/>
      </c>
      <c r="G1125" s="6" t="str">
        <f>'申請書（複数入力用）'!K1127</f>
        <v>a052r000000jS9ZAAU</v>
      </c>
      <c r="H1125" s="12" t="e">
        <f>'申請書（複数入力用）'!N1127</f>
        <v>#N/A</v>
      </c>
      <c r="I1125" s="12" t="e">
        <f>'申請書（複数入力用）'!O1127</f>
        <v>#N/A</v>
      </c>
      <c r="J1125" s="12">
        <f>'申請書（複数入力用）'!P1127</f>
        <v>1</v>
      </c>
    </row>
    <row r="1126" spans="1:10" ht="51.6" customHeight="1" x14ac:dyDescent="0.45">
      <c r="A1126" s="6">
        <f>'申請書（複数入力用）'!A1128</f>
        <v>1122</v>
      </c>
      <c r="B1126" s="13">
        <f>'申請書（複数入力用）'!AH1128</f>
        <v>0</v>
      </c>
      <c r="C1126" s="6">
        <f>'申請書（複数入力用）'!B1128</f>
        <v>0</v>
      </c>
      <c r="D1126" s="6">
        <f>'申請書（複数入力用）'!D1128</f>
        <v>0</v>
      </c>
      <c r="E1126" s="14">
        <f>'申請書（複数入力用）'!H1128</f>
        <v>0</v>
      </c>
      <c r="F1126" s="11" t="str">
        <f>'申請書（複数入力用）'!J1128</f>
        <v/>
      </c>
      <c r="G1126" s="6" t="str">
        <f>'申請書（複数入力用）'!K1128</f>
        <v>a052r000000jS9ZAAU</v>
      </c>
      <c r="H1126" s="12" t="e">
        <f>'申請書（複数入力用）'!N1128</f>
        <v>#N/A</v>
      </c>
      <c r="I1126" s="12" t="e">
        <f>'申請書（複数入力用）'!O1128</f>
        <v>#N/A</v>
      </c>
      <c r="J1126" s="12">
        <f>'申請書（複数入力用）'!P1128</f>
        <v>1</v>
      </c>
    </row>
    <row r="1127" spans="1:10" ht="51.6" customHeight="1" x14ac:dyDescent="0.45">
      <c r="A1127" s="6">
        <f>'申請書（複数入力用）'!A1129</f>
        <v>1123</v>
      </c>
      <c r="B1127" s="13">
        <f>'申請書（複数入力用）'!AH1129</f>
        <v>0</v>
      </c>
      <c r="C1127" s="6">
        <f>'申請書（複数入力用）'!B1129</f>
        <v>0</v>
      </c>
      <c r="D1127" s="6">
        <f>'申請書（複数入力用）'!D1129</f>
        <v>0</v>
      </c>
      <c r="E1127" s="14">
        <f>'申請書（複数入力用）'!H1129</f>
        <v>0</v>
      </c>
      <c r="F1127" s="11" t="str">
        <f>'申請書（複数入力用）'!J1129</f>
        <v/>
      </c>
      <c r="G1127" s="6" t="str">
        <f>'申請書（複数入力用）'!K1129</f>
        <v>a052r000000jS9ZAAU</v>
      </c>
      <c r="H1127" s="12" t="e">
        <f>'申請書（複数入力用）'!N1129</f>
        <v>#N/A</v>
      </c>
      <c r="I1127" s="12" t="e">
        <f>'申請書（複数入力用）'!O1129</f>
        <v>#N/A</v>
      </c>
      <c r="J1127" s="12">
        <f>'申請書（複数入力用）'!P1129</f>
        <v>1</v>
      </c>
    </row>
    <row r="1128" spans="1:10" ht="51.6" customHeight="1" x14ac:dyDescent="0.45">
      <c r="A1128" s="6">
        <f>'申請書（複数入力用）'!A1130</f>
        <v>1124</v>
      </c>
      <c r="B1128" s="13">
        <f>'申請書（複数入力用）'!AH1130</f>
        <v>0</v>
      </c>
      <c r="C1128" s="6">
        <f>'申請書（複数入力用）'!B1130</f>
        <v>0</v>
      </c>
      <c r="D1128" s="6">
        <f>'申請書（複数入力用）'!D1130</f>
        <v>0</v>
      </c>
      <c r="E1128" s="14">
        <f>'申請書（複数入力用）'!H1130</f>
        <v>0</v>
      </c>
      <c r="F1128" s="11" t="str">
        <f>'申請書（複数入力用）'!J1130</f>
        <v/>
      </c>
      <c r="G1128" s="6" t="str">
        <f>'申請書（複数入力用）'!K1130</f>
        <v>a052r000000jS9ZAAU</v>
      </c>
      <c r="H1128" s="12" t="e">
        <f>'申請書（複数入力用）'!N1130</f>
        <v>#N/A</v>
      </c>
      <c r="I1128" s="12" t="e">
        <f>'申請書（複数入力用）'!O1130</f>
        <v>#N/A</v>
      </c>
      <c r="J1128" s="12">
        <f>'申請書（複数入力用）'!P1130</f>
        <v>1</v>
      </c>
    </row>
    <row r="1129" spans="1:10" ht="51.6" customHeight="1" x14ac:dyDescent="0.45">
      <c r="A1129" s="6">
        <f>'申請書（複数入力用）'!A1131</f>
        <v>1125</v>
      </c>
      <c r="B1129" s="13">
        <f>'申請書（複数入力用）'!AH1131</f>
        <v>0</v>
      </c>
      <c r="C1129" s="6">
        <f>'申請書（複数入力用）'!B1131</f>
        <v>0</v>
      </c>
      <c r="D1129" s="6">
        <f>'申請書（複数入力用）'!D1131</f>
        <v>0</v>
      </c>
      <c r="E1129" s="14">
        <f>'申請書（複数入力用）'!H1131</f>
        <v>0</v>
      </c>
      <c r="F1129" s="11" t="str">
        <f>'申請書（複数入力用）'!J1131</f>
        <v/>
      </c>
      <c r="G1129" s="6" t="str">
        <f>'申請書（複数入力用）'!K1131</f>
        <v>a052r000000jS9ZAAU</v>
      </c>
      <c r="H1129" s="12" t="e">
        <f>'申請書（複数入力用）'!N1131</f>
        <v>#N/A</v>
      </c>
      <c r="I1129" s="12" t="e">
        <f>'申請書（複数入力用）'!O1131</f>
        <v>#N/A</v>
      </c>
      <c r="J1129" s="12">
        <f>'申請書（複数入力用）'!P1131</f>
        <v>1</v>
      </c>
    </row>
    <row r="1130" spans="1:10" ht="51.6" customHeight="1" x14ac:dyDescent="0.45">
      <c r="A1130" s="6">
        <f>'申請書（複数入力用）'!A1132</f>
        <v>1126</v>
      </c>
      <c r="B1130" s="13">
        <f>'申請書（複数入力用）'!AH1132</f>
        <v>0</v>
      </c>
      <c r="C1130" s="6">
        <f>'申請書（複数入力用）'!B1132</f>
        <v>0</v>
      </c>
      <c r="D1130" s="6">
        <f>'申請書（複数入力用）'!D1132</f>
        <v>0</v>
      </c>
      <c r="E1130" s="14">
        <f>'申請書（複数入力用）'!H1132</f>
        <v>0</v>
      </c>
      <c r="F1130" s="11" t="str">
        <f>'申請書（複数入力用）'!J1132</f>
        <v/>
      </c>
      <c r="G1130" s="6" t="str">
        <f>'申請書（複数入力用）'!K1132</f>
        <v>a052r000000jS9ZAAU</v>
      </c>
      <c r="H1130" s="12" t="e">
        <f>'申請書（複数入力用）'!N1132</f>
        <v>#N/A</v>
      </c>
      <c r="I1130" s="12" t="e">
        <f>'申請書（複数入力用）'!O1132</f>
        <v>#N/A</v>
      </c>
      <c r="J1130" s="12">
        <f>'申請書（複数入力用）'!P1132</f>
        <v>1</v>
      </c>
    </row>
    <row r="1131" spans="1:10" ht="51.6" customHeight="1" x14ac:dyDescent="0.45">
      <c r="A1131" s="6">
        <f>'申請書（複数入力用）'!A1133</f>
        <v>1127</v>
      </c>
      <c r="B1131" s="13">
        <f>'申請書（複数入力用）'!AH1133</f>
        <v>0</v>
      </c>
      <c r="C1131" s="6">
        <f>'申請書（複数入力用）'!B1133</f>
        <v>0</v>
      </c>
      <c r="D1131" s="6">
        <f>'申請書（複数入力用）'!D1133</f>
        <v>0</v>
      </c>
      <c r="E1131" s="14">
        <f>'申請書（複数入力用）'!H1133</f>
        <v>0</v>
      </c>
      <c r="F1131" s="11" t="str">
        <f>'申請書（複数入力用）'!J1133</f>
        <v/>
      </c>
      <c r="G1131" s="6" t="str">
        <f>'申請書（複数入力用）'!K1133</f>
        <v>a052r000000jS9ZAAU</v>
      </c>
      <c r="H1131" s="12" t="e">
        <f>'申請書（複数入力用）'!N1133</f>
        <v>#N/A</v>
      </c>
      <c r="I1131" s="12" t="e">
        <f>'申請書（複数入力用）'!O1133</f>
        <v>#N/A</v>
      </c>
      <c r="J1131" s="12">
        <f>'申請書（複数入力用）'!P1133</f>
        <v>1</v>
      </c>
    </row>
    <row r="1132" spans="1:10" ht="51.6" customHeight="1" x14ac:dyDescent="0.45">
      <c r="A1132" s="6">
        <f>'申請書（複数入力用）'!A1134</f>
        <v>1128</v>
      </c>
      <c r="B1132" s="13">
        <f>'申請書（複数入力用）'!AH1134</f>
        <v>0</v>
      </c>
      <c r="C1132" s="6">
        <f>'申請書（複数入力用）'!B1134</f>
        <v>0</v>
      </c>
      <c r="D1132" s="6">
        <f>'申請書（複数入力用）'!D1134</f>
        <v>0</v>
      </c>
      <c r="E1132" s="14">
        <f>'申請書（複数入力用）'!H1134</f>
        <v>0</v>
      </c>
      <c r="F1132" s="11" t="str">
        <f>'申請書（複数入力用）'!J1134</f>
        <v/>
      </c>
      <c r="G1132" s="6" t="str">
        <f>'申請書（複数入力用）'!K1134</f>
        <v>a052r000000jS9ZAAU</v>
      </c>
      <c r="H1132" s="12" t="e">
        <f>'申請書（複数入力用）'!N1134</f>
        <v>#N/A</v>
      </c>
      <c r="I1132" s="12" t="e">
        <f>'申請書（複数入力用）'!O1134</f>
        <v>#N/A</v>
      </c>
      <c r="J1132" s="12">
        <f>'申請書（複数入力用）'!P1134</f>
        <v>1</v>
      </c>
    </row>
    <row r="1133" spans="1:10" ht="51.6" customHeight="1" x14ac:dyDescent="0.45">
      <c r="A1133" s="6">
        <f>'申請書（複数入力用）'!A1135</f>
        <v>1129</v>
      </c>
      <c r="B1133" s="13">
        <f>'申請書（複数入力用）'!AH1135</f>
        <v>0</v>
      </c>
      <c r="C1133" s="6">
        <f>'申請書（複数入力用）'!B1135</f>
        <v>0</v>
      </c>
      <c r="D1133" s="6">
        <f>'申請書（複数入力用）'!D1135</f>
        <v>0</v>
      </c>
      <c r="E1133" s="14">
        <f>'申請書（複数入力用）'!H1135</f>
        <v>0</v>
      </c>
      <c r="F1133" s="11" t="str">
        <f>'申請書（複数入力用）'!J1135</f>
        <v/>
      </c>
      <c r="G1133" s="6" t="str">
        <f>'申請書（複数入力用）'!K1135</f>
        <v>a052r000000jS9ZAAU</v>
      </c>
      <c r="H1133" s="12" t="e">
        <f>'申請書（複数入力用）'!N1135</f>
        <v>#N/A</v>
      </c>
      <c r="I1133" s="12" t="e">
        <f>'申請書（複数入力用）'!O1135</f>
        <v>#N/A</v>
      </c>
      <c r="J1133" s="12">
        <f>'申請書（複数入力用）'!P1135</f>
        <v>1</v>
      </c>
    </row>
    <row r="1134" spans="1:10" ht="51.6" customHeight="1" x14ac:dyDescent="0.45">
      <c r="A1134" s="6">
        <f>'申請書（複数入力用）'!A1136</f>
        <v>1130</v>
      </c>
      <c r="B1134" s="13">
        <f>'申請書（複数入力用）'!AH1136</f>
        <v>0</v>
      </c>
      <c r="C1134" s="6">
        <f>'申請書（複数入力用）'!B1136</f>
        <v>0</v>
      </c>
      <c r="D1134" s="6">
        <f>'申請書（複数入力用）'!D1136</f>
        <v>0</v>
      </c>
      <c r="E1134" s="14">
        <f>'申請書（複数入力用）'!H1136</f>
        <v>0</v>
      </c>
      <c r="F1134" s="11" t="str">
        <f>'申請書（複数入力用）'!J1136</f>
        <v/>
      </c>
      <c r="G1134" s="6" t="str">
        <f>'申請書（複数入力用）'!K1136</f>
        <v>a052r000000jS9ZAAU</v>
      </c>
      <c r="H1134" s="12" t="e">
        <f>'申請書（複数入力用）'!N1136</f>
        <v>#N/A</v>
      </c>
      <c r="I1134" s="12" t="e">
        <f>'申請書（複数入力用）'!O1136</f>
        <v>#N/A</v>
      </c>
      <c r="J1134" s="12">
        <f>'申請書（複数入力用）'!P1136</f>
        <v>1</v>
      </c>
    </row>
    <row r="1135" spans="1:10" ht="51.6" customHeight="1" x14ac:dyDescent="0.45">
      <c r="A1135" s="6">
        <f>'申請書（複数入力用）'!A1137</f>
        <v>1131</v>
      </c>
      <c r="B1135" s="13">
        <f>'申請書（複数入力用）'!AH1137</f>
        <v>0</v>
      </c>
      <c r="C1135" s="6">
        <f>'申請書（複数入力用）'!B1137</f>
        <v>0</v>
      </c>
      <c r="D1135" s="6">
        <f>'申請書（複数入力用）'!D1137</f>
        <v>0</v>
      </c>
      <c r="E1135" s="14">
        <f>'申請書（複数入力用）'!H1137</f>
        <v>0</v>
      </c>
      <c r="F1135" s="11" t="str">
        <f>'申請書（複数入力用）'!J1137</f>
        <v/>
      </c>
      <c r="G1135" s="6" t="str">
        <f>'申請書（複数入力用）'!K1137</f>
        <v>a052r000000jS9ZAAU</v>
      </c>
      <c r="H1135" s="12" t="e">
        <f>'申請書（複数入力用）'!N1137</f>
        <v>#N/A</v>
      </c>
      <c r="I1135" s="12" t="e">
        <f>'申請書（複数入力用）'!O1137</f>
        <v>#N/A</v>
      </c>
      <c r="J1135" s="12">
        <f>'申請書（複数入力用）'!P1137</f>
        <v>1</v>
      </c>
    </row>
    <row r="1136" spans="1:10" ht="51.6" customHeight="1" x14ac:dyDescent="0.45">
      <c r="A1136" s="6">
        <f>'申請書（複数入力用）'!A1138</f>
        <v>1132</v>
      </c>
      <c r="B1136" s="13">
        <f>'申請書（複数入力用）'!AH1138</f>
        <v>0</v>
      </c>
      <c r="C1136" s="6">
        <f>'申請書（複数入力用）'!B1138</f>
        <v>0</v>
      </c>
      <c r="D1136" s="6">
        <f>'申請書（複数入力用）'!D1138</f>
        <v>0</v>
      </c>
      <c r="E1136" s="14">
        <f>'申請書（複数入力用）'!H1138</f>
        <v>0</v>
      </c>
      <c r="F1136" s="11" t="str">
        <f>'申請書（複数入力用）'!J1138</f>
        <v/>
      </c>
      <c r="G1136" s="6" t="str">
        <f>'申請書（複数入力用）'!K1138</f>
        <v>a052r000000jS9ZAAU</v>
      </c>
      <c r="H1136" s="12" t="e">
        <f>'申請書（複数入力用）'!N1138</f>
        <v>#N/A</v>
      </c>
      <c r="I1136" s="12" t="e">
        <f>'申請書（複数入力用）'!O1138</f>
        <v>#N/A</v>
      </c>
      <c r="J1136" s="12">
        <f>'申請書（複数入力用）'!P1138</f>
        <v>1</v>
      </c>
    </row>
    <row r="1137" spans="1:10" ht="51.6" customHeight="1" x14ac:dyDescent="0.45">
      <c r="A1137" s="6">
        <f>'申請書（複数入力用）'!A1139</f>
        <v>1133</v>
      </c>
      <c r="B1137" s="13">
        <f>'申請書（複数入力用）'!AH1139</f>
        <v>0</v>
      </c>
      <c r="C1137" s="6">
        <f>'申請書（複数入力用）'!B1139</f>
        <v>0</v>
      </c>
      <c r="D1137" s="6">
        <f>'申請書（複数入力用）'!D1139</f>
        <v>0</v>
      </c>
      <c r="E1137" s="14">
        <f>'申請書（複数入力用）'!H1139</f>
        <v>0</v>
      </c>
      <c r="F1137" s="11" t="str">
        <f>'申請書（複数入力用）'!J1139</f>
        <v/>
      </c>
      <c r="G1137" s="6" t="str">
        <f>'申請書（複数入力用）'!K1139</f>
        <v>a052r000000jS9ZAAU</v>
      </c>
      <c r="H1137" s="12" t="e">
        <f>'申請書（複数入力用）'!N1139</f>
        <v>#N/A</v>
      </c>
      <c r="I1137" s="12" t="e">
        <f>'申請書（複数入力用）'!O1139</f>
        <v>#N/A</v>
      </c>
      <c r="J1137" s="12">
        <f>'申請書（複数入力用）'!P1139</f>
        <v>1</v>
      </c>
    </row>
    <row r="1138" spans="1:10" ht="51.6" customHeight="1" x14ac:dyDescent="0.45">
      <c r="A1138" s="6">
        <f>'申請書（複数入力用）'!A1140</f>
        <v>1134</v>
      </c>
      <c r="B1138" s="13">
        <f>'申請書（複数入力用）'!AH1140</f>
        <v>0</v>
      </c>
      <c r="C1138" s="6">
        <f>'申請書（複数入力用）'!B1140</f>
        <v>0</v>
      </c>
      <c r="D1138" s="6">
        <f>'申請書（複数入力用）'!D1140</f>
        <v>0</v>
      </c>
      <c r="E1138" s="14">
        <f>'申請書（複数入力用）'!H1140</f>
        <v>0</v>
      </c>
      <c r="F1138" s="11" t="str">
        <f>'申請書（複数入力用）'!J1140</f>
        <v/>
      </c>
      <c r="G1138" s="6" t="str">
        <f>'申請書（複数入力用）'!K1140</f>
        <v>a052r000000jS9ZAAU</v>
      </c>
      <c r="H1138" s="12" t="e">
        <f>'申請書（複数入力用）'!N1140</f>
        <v>#N/A</v>
      </c>
      <c r="I1138" s="12" t="e">
        <f>'申請書（複数入力用）'!O1140</f>
        <v>#N/A</v>
      </c>
      <c r="J1138" s="12">
        <f>'申請書（複数入力用）'!P1140</f>
        <v>1</v>
      </c>
    </row>
    <row r="1139" spans="1:10" ht="51.6" customHeight="1" x14ac:dyDescent="0.45">
      <c r="A1139" s="6">
        <f>'申請書（複数入力用）'!A1141</f>
        <v>1135</v>
      </c>
      <c r="B1139" s="13">
        <f>'申請書（複数入力用）'!AH1141</f>
        <v>0</v>
      </c>
      <c r="C1139" s="6">
        <f>'申請書（複数入力用）'!B1141</f>
        <v>0</v>
      </c>
      <c r="D1139" s="6">
        <f>'申請書（複数入力用）'!D1141</f>
        <v>0</v>
      </c>
      <c r="E1139" s="14">
        <f>'申請書（複数入力用）'!H1141</f>
        <v>0</v>
      </c>
      <c r="F1139" s="11" t="str">
        <f>'申請書（複数入力用）'!J1141</f>
        <v/>
      </c>
      <c r="G1139" s="6" t="str">
        <f>'申請書（複数入力用）'!K1141</f>
        <v>a052r000000jS9ZAAU</v>
      </c>
      <c r="H1139" s="12" t="e">
        <f>'申請書（複数入力用）'!N1141</f>
        <v>#N/A</v>
      </c>
      <c r="I1139" s="12" t="e">
        <f>'申請書（複数入力用）'!O1141</f>
        <v>#N/A</v>
      </c>
      <c r="J1139" s="12">
        <f>'申請書（複数入力用）'!P1141</f>
        <v>1</v>
      </c>
    </row>
    <row r="1140" spans="1:10" ht="51.6" customHeight="1" x14ac:dyDescent="0.45">
      <c r="A1140" s="6">
        <f>'申請書（複数入力用）'!A1142</f>
        <v>1136</v>
      </c>
      <c r="B1140" s="13">
        <f>'申請書（複数入力用）'!AH1142</f>
        <v>0</v>
      </c>
      <c r="C1140" s="6">
        <f>'申請書（複数入力用）'!B1142</f>
        <v>0</v>
      </c>
      <c r="D1140" s="6">
        <f>'申請書（複数入力用）'!D1142</f>
        <v>0</v>
      </c>
      <c r="E1140" s="14">
        <f>'申請書（複数入力用）'!H1142</f>
        <v>0</v>
      </c>
      <c r="F1140" s="11" t="str">
        <f>'申請書（複数入力用）'!J1142</f>
        <v/>
      </c>
      <c r="G1140" s="6" t="str">
        <f>'申請書（複数入力用）'!K1142</f>
        <v>a052r000000jS9ZAAU</v>
      </c>
      <c r="H1140" s="12" t="e">
        <f>'申請書（複数入力用）'!N1142</f>
        <v>#N/A</v>
      </c>
      <c r="I1140" s="12" t="e">
        <f>'申請書（複数入力用）'!O1142</f>
        <v>#N/A</v>
      </c>
      <c r="J1140" s="12">
        <f>'申請書（複数入力用）'!P1142</f>
        <v>1</v>
      </c>
    </row>
    <row r="1141" spans="1:10" ht="51.6" customHeight="1" x14ac:dyDescent="0.45">
      <c r="A1141" s="6">
        <f>'申請書（複数入力用）'!A1143</f>
        <v>1137</v>
      </c>
      <c r="B1141" s="13">
        <f>'申請書（複数入力用）'!AH1143</f>
        <v>0</v>
      </c>
      <c r="C1141" s="6">
        <f>'申請書（複数入力用）'!B1143</f>
        <v>0</v>
      </c>
      <c r="D1141" s="6">
        <f>'申請書（複数入力用）'!D1143</f>
        <v>0</v>
      </c>
      <c r="E1141" s="14">
        <f>'申請書（複数入力用）'!H1143</f>
        <v>0</v>
      </c>
      <c r="F1141" s="11" t="str">
        <f>'申請書（複数入力用）'!J1143</f>
        <v/>
      </c>
      <c r="G1141" s="6" t="str">
        <f>'申請書（複数入力用）'!K1143</f>
        <v>a052r000000jS9ZAAU</v>
      </c>
      <c r="H1141" s="12" t="e">
        <f>'申請書（複数入力用）'!N1143</f>
        <v>#N/A</v>
      </c>
      <c r="I1141" s="12" t="e">
        <f>'申請書（複数入力用）'!O1143</f>
        <v>#N/A</v>
      </c>
      <c r="J1141" s="12">
        <f>'申請書（複数入力用）'!P1143</f>
        <v>1</v>
      </c>
    </row>
    <row r="1142" spans="1:10" ht="51.6" customHeight="1" x14ac:dyDescent="0.45">
      <c r="A1142" s="6">
        <f>'申請書（複数入力用）'!A1144</f>
        <v>1138</v>
      </c>
      <c r="B1142" s="13">
        <f>'申請書（複数入力用）'!AH1144</f>
        <v>0</v>
      </c>
      <c r="C1142" s="6">
        <f>'申請書（複数入力用）'!B1144</f>
        <v>0</v>
      </c>
      <c r="D1142" s="6">
        <f>'申請書（複数入力用）'!D1144</f>
        <v>0</v>
      </c>
      <c r="E1142" s="14">
        <f>'申請書（複数入力用）'!H1144</f>
        <v>0</v>
      </c>
      <c r="F1142" s="11" t="str">
        <f>'申請書（複数入力用）'!J1144</f>
        <v/>
      </c>
      <c r="G1142" s="6" t="str">
        <f>'申請書（複数入力用）'!K1144</f>
        <v>a052r000000jS9ZAAU</v>
      </c>
      <c r="H1142" s="12" t="e">
        <f>'申請書（複数入力用）'!N1144</f>
        <v>#N/A</v>
      </c>
      <c r="I1142" s="12" t="e">
        <f>'申請書（複数入力用）'!O1144</f>
        <v>#N/A</v>
      </c>
      <c r="J1142" s="12">
        <f>'申請書（複数入力用）'!P1144</f>
        <v>1</v>
      </c>
    </row>
    <row r="1143" spans="1:10" ht="51.6" customHeight="1" x14ac:dyDescent="0.45">
      <c r="A1143" s="6">
        <f>'申請書（複数入力用）'!A1145</f>
        <v>1139</v>
      </c>
      <c r="B1143" s="13">
        <f>'申請書（複数入力用）'!AH1145</f>
        <v>0</v>
      </c>
      <c r="C1143" s="6">
        <f>'申請書（複数入力用）'!B1145</f>
        <v>0</v>
      </c>
      <c r="D1143" s="6">
        <f>'申請書（複数入力用）'!D1145</f>
        <v>0</v>
      </c>
      <c r="E1143" s="14">
        <f>'申請書（複数入力用）'!H1145</f>
        <v>0</v>
      </c>
      <c r="F1143" s="11" t="str">
        <f>'申請書（複数入力用）'!J1145</f>
        <v/>
      </c>
      <c r="G1143" s="6" t="str">
        <f>'申請書（複数入力用）'!K1145</f>
        <v>a052r000000jS9ZAAU</v>
      </c>
      <c r="H1143" s="12" t="e">
        <f>'申請書（複数入力用）'!N1145</f>
        <v>#N/A</v>
      </c>
      <c r="I1143" s="12" t="e">
        <f>'申請書（複数入力用）'!O1145</f>
        <v>#N/A</v>
      </c>
      <c r="J1143" s="12">
        <f>'申請書（複数入力用）'!P1145</f>
        <v>1</v>
      </c>
    </row>
    <row r="1144" spans="1:10" ht="51.6" customHeight="1" x14ac:dyDescent="0.45">
      <c r="A1144" s="6">
        <f>'申請書（複数入力用）'!A1146</f>
        <v>1140</v>
      </c>
      <c r="B1144" s="13">
        <f>'申請書（複数入力用）'!AH1146</f>
        <v>0</v>
      </c>
      <c r="C1144" s="6">
        <f>'申請書（複数入力用）'!B1146</f>
        <v>0</v>
      </c>
      <c r="D1144" s="6">
        <f>'申請書（複数入力用）'!D1146</f>
        <v>0</v>
      </c>
      <c r="E1144" s="14">
        <f>'申請書（複数入力用）'!H1146</f>
        <v>0</v>
      </c>
      <c r="F1144" s="11" t="str">
        <f>'申請書（複数入力用）'!J1146</f>
        <v/>
      </c>
      <c r="G1144" s="6" t="str">
        <f>'申請書（複数入力用）'!K1146</f>
        <v>a052r000000jS9ZAAU</v>
      </c>
      <c r="H1144" s="12" t="e">
        <f>'申請書（複数入力用）'!N1146</f>
        <v>#N/A</v>
      </c>
      <c r="I1144" s="12" t="e">
        <f>'申請書（複数入力用）'!O1146</f>
        <v>#N/A</v>
      </c>
      <c r="J1144" s="12">
        <f>'申請書（複数入力用）'!P1146</f>
        <v>1</v>
      </c>
    </row>
    <row r="1145" spans="1:10" ht="51.6" customHeight="1" x14ac:dyDescent="0.45">
      <c r="A1145" s="6">
        <f>'申請書（複数入力用）'!A1147</f>
        <v>1141</v>
      </c>
      <c r="B1145" s="13">
        <f>'申請書（複数入力用）'!AH1147</f>
        <v>0</v>
      </c>
      <c r="C1145" s="6">
        <f>'申請書（複数入力用）'!B1147</f>
        <v>0</v>
      </c>
      <c r="D1145" s="6">
        <f>'申請書（複数入力用）'!D1147</f>
        <v>0</v>
      </c>
      <c r="E1145" s="14">
        <f>'申請書（複数入力用）'!H1147</f>
        <v>0</v>
      </c>
      <c r="F1145" s="11" t="str">
        <f>'申請書（複数入力用）'!J1147</f>
        <v/>
      </c>
      <c r="G1145" s="6" t="str">
        <f>'申請書（複数入力用）'!K1147</f>
        <v>a052r000000jS9ZAAU</v>
      </c>
      <c r="H1145" s="12" t="e">
        <f>'申請書（複数入力用）'!N1147</f>
        <v>#N/A</v>
      </c>
      <c r="I1145" s="12" t="e">
        <f>'申請書（複数入力用）'!O1147</f>
        <v>#N/A</v>
      </c>
      <c r="J1145" s="12">
        <f>'申請書（複数入力用）'!P1147</f>
        <v>1</v>
      </c>
    </row>
    <row r="1146" spans="1:10" ht="51.6" customHeight="1" x14ac:dyDescent="0.45">
      <c r="A1146" s="6">
        <f>'申請書（複数入力用）'!A1148</f>
        <v>1142</v>
      </c>
      <c r="B1146" s="13">
        <f>'申請書（複数入力用）'!AH1148</f>
        <v>0</v>
      </c>
      <c r="C1146" s="6">
        <f>'申請書（複数入力用）'!B1148</f>
        <v>0</v>
      </c>
      <c r="D1146" s="6">
        <f>'申請書（複数入力用）'!D1148</f>
        <v>0</v>
      </c>
      <c r="E1146" s="14">
        <f>'申請書（複数入力用）'!H1148</f>
        <v>0</v>
      </c>
      <c r="F1146" s="11" t="str">
        <f>'申請書（複数入力用）'!J1148</f>
        <v/>
      </c>
      <c r="G1146" s="6" t="str">
        <f>'申請書（複数入力用）'!K1148</f>
        <v>a052r000000jS9ZAAU</v>
      </c>
      <c r="H1146" s="12" t="e">
        <f>'申請書（複数入力用）'!N1148</f>
        <v>#N/A</v>
      </c>
      <c r="I1146" s="12" t="e">
        <f>'申請書（複数入力用）'!O1148</f>
        <v>#N/A</v>
      </c>
      <c r="J1146" s="12">
        <f>'申請書（複数入力用）'!P1148</f>
        <v>1</v>
      </c>
    </row>
    <row r="1147" spans="1:10" ht="51.6" customHeight="1" x14ac:dyDescent="0.45">
      <c r="A1147" s="6">
        <f>'申請書（複数入力用）'!A1149</f>
        <v>1143</v>
      </c>
      <c r="B1147" s="13">
        <f>'申請書（複数入力用）'!AH1149</f>
        <v>0</v>
      </c>
      <c r="C1147" s="6">
        <f>'申請書（複数入力用）'!B1149</f>
        <v>0</v>
      </c>
      <c r="D1147" s="6">
        <f>'申請書（複数入力用）'!D1149</f>
        <v>0</v>
      </c>
      <c r="E1147" s="14">
        <f>'申請書（複数入力用）'!H1149</f>
        <v>0</v>
      </c>
      <c r="F1147" s="11" t="str">
        <f>'申請書（複数入力用）'!J1149</f>
        <v/>
      </c>
      <c r="G1147" s="6" t="str">
        <f>'申請書（複数入力用）'!K1149</f>
        <v>a052r000000jS9ZAAU</v>
      </c>
      <c r="H1147" s="12" t="e">
        <f>'申請書（複数入力用）'!N1149</f>
        <v>#N/A</v>
      </c>
      <c r="I1147" s="12" t="e">
        <f>'申請書（複数入力用）'!O1149</f>
        <v>#N/A</v>
      </c>
      <c r="J1147" s="12">
        <f>'申請書（複数入力用）'!P1149</f>
        <v>1</v>
      </c>
    </row>
    <row r="1148" spans="1:10" ht="51.6" customHeight="1" x14ac:dyDescent="0.45">
      <c r="A1148" s="6">
        <f>'申請書（複数入力用）'!A1150</f>
        <v>1144</v>
      </c>
      <c r="B1148" s="13">
        <f>'申請書（複数入力用）'!AH1150</f>
        <v>0</v>
      </c>
      <c r="C1148" s="6">
        <f>'申請書（複数入力用）'!B1150</f>
        <v>0</v>
      </c>
      <c r="D1148" s="6">
        <f>'申請書（複数入力用）'!D1150</f>
        <v>0</v>
      </c>
      <c r="E1148" s="14">
        <f>'申請書（複数入力用）'!H1150</f>
        <v>0</v>
      </c>
      <c r="F1148" s="11" t="str">
        <f>'申請書（複数入力用）'!J1150</f>
        <v/>
      </c>
      <c r="G1148" s="6" t="str">
        <f>'申請書（複数入力用）'!K1150</f>
        <v>a052r000000jS9ZAAU</v>
      </c>
      <c r="H1148" s="12" t="e">
        <f>'申請書（複数入力用）'!N1150</f>
        <v>#N/A</v>
      </c>
      <c r="I1148" s="12" t="e">
        <f>'申請書（複数入力用）'!O1150</f>
        <v>#N/A</v>
      </c>
      <c r="J1148" s="12">
        <f>'申請書（複数入力用）'!P1150</f>
        <v>1</v>
      </c>
    </row>
    <row r="1149" spans="1:10" ht="51.6" customHeight="1" x14ac:dyDescent="0.45">
      <c r="A1149" s="6">
        <f>'申請書（複数入力用）'!A1151</f>
        <v>1145</v>
      </c>
      <c r="B1149" s="13">
        <f>'申請書（複数入力用）'!AH1151</f>
        <v>0</v>
      </c>
      <c r="C1149" s="6">
        <f>'申請書（複数入力用）'!B1151</f>
        <v>0</v>
      </c>
      <c r="D1149" s="6">
        <f>'申請書（複数入力用）'!D1151</f>
        <v>0</v>
      </c>
      <c r="E1149" s="14">
        <f>'申請書（複数入力用）'!H1151</f>
        <v>0</v>
      </c>
      <c r="F1149" s="11" t="str">
        <f>'申請書（複数入力用）'!J1151</f>
        <v/>
      </c>
      <c r="G1149" s="6" t="str">
        <f>'申請書（複数入力用）'!K1151</f>
        <v>a052r000000jS9ZAAU</v>
      </c>
      <c r="H1149" s="12" t="e">
        <f>'申請書（複数入力用）'!N1151</f>
        <v>#N/A</v>
      </c>
      <c r="I1149" s="12" t="e">
        <f>'申請書（複数入力用）'!O1151</f>
        <v>#N/A</v>
      </c>
      <c r="J1149" s="12">
        <f>'申請書（複数入力用）'!P1151</f>
        <v>1</v>
      </c>
    </row>
    <row r="1150" spans="1:10" ht="51.6" customHeight="1" x14ac:dyDescent="0.45">
      <c r="A1150" s="6">
        <f>'申請書（複数入力用）'!A1152</f>
        <v>1146</v>
      </c>
      <c r="B1150" s="13">
        <f>'申請書（複数入力用）'!AH1152</f>
        <v>0</v>
      </c>
      <c r="C1150" s="6">
        <f>'申請書（複数入力用）'!B1152</f>
        <v>0</v>
      </c>
      <c r="D1150" s="6">
        <f>'申請書（複数入力用）'!D1152</f>
        <v>0</v>
      </c>
      <c r="E1150" s="14">
        <f>'申請書（複数入力用）'!H1152</f>
        <v>0</v>
      </c>
      <c r="F1150" s="11" t="str">
        <f>'申請書（複数入力用）'!J1152</f>
        <v/>
      </c>
      <c r="G1150" s="6" t="str">
        <f>'申請書（複数入力用）'!K1152</f>
        <v>a052r000000jS9ZAAU</v>
      </c>
      <c r="H1150" s="12" t="e">
        <f>'申請書（複数入力用）'!N1152</f>
        <v>#N/A</v>
      </c>
      <c r="I1150" s="12" t="e">
        <f>'申請書（複数入力用）'!O1152</f>
        <v>#N/A</v>
      </c>
      <c r="J1150" s="12">
        <f>'申請書（複数入力用）'!P1152</f>
        <v>1</v>
      </c>
    </row>
    <row r="1151" spans="1:10" ht="51.6" customHeight="1" x14ac:dyDescent="0.45">
      <c r="A1151" s="6">
        <f>'申請書（複数入力用）'!A1153</f>
        <v>1147</v>
      </c>
      <c r="B1151" s="13">
        <f>'申請書（複数入力用）'!AH1153</f>
        <v>0</v>
      </c>
      <c r="C1151" s="6">
        <f>'申請書（複数入力用）'!B1153</f>
        <v>0</v>
      </c>
      <c r="D1151" s="6">
        <f>'申請書（複数入力用）'!D1153</f>
        <v>0</v>
      </c>
      <c r="E1151" s="14">
        <f>'申請書（複数入力用）'!H1153</f>
        <v>0</v>
      </c>
      <c r="F1151" s="11" t="str">
        <f>'申請書（複数入力用）'!J1153</f>
        <v/>
      </c>
      <c r="G1151" s="6" t="str">
        <f>'申請書（複数入力用）'!K1153</f>
        <v>a052r000000jS9ZAAU</v>
      </c>
      <c r="H1151" s="12" t="e">
        <f>'申請書（複数入力用）'!N1153</f>
        <v>#N/A</v>
      </c>
      <c r="I1151" s="12" t="e">
        <f>'申請書（複数入力用）'!O1153</f>
        <v>#N/A</v>
      </c>
      <c r="J1151" s="12">
        <f>'申請書（複数入力用）'!P1153</f>
        <v>1</v>
      </c>
    </row>
    <row r="1152" spans="1:10" ht="51.6" customHeight="1" x14ac:dyDescent="0.45">
      <c r="A1152" s="6">
        <f>'申請書（複数入力用）'!A1154</f>
        <v>1148</v>
      </c>
      <c r="B1152" s="13">
        <f>'申請書（複数入力用）'!AH1154</f>
        <v>0</v>
      </c>
      <c r="C1152" s="6">
        <f>'申請書（複数入力用）'!B1154</f>
        <v>0</v>
      </c>
      <c r="D1152" s="6">
        <f>'申請書（複数入力用）'!D1154</f>
        <v>0</v>
      </c>
      <c r="E1152" s="14">
        <f>'申請書（複数入力用）'!H1154</f>
        <v>0</v>
      </c>
      <c r="F1152" s="11" t="str">
        <f>'申請書（複数入力用）'!J1154</f>
        <v/>
      </c>
      <c r="G1152" s="6" t="str">
        <f>'申請書（複数入力用）'!K1154</f>
        <v>a052r000000jS9ZAAU</v>
      </c>
      <c r="H1152" s="12" t="e">
        <f>'申請書（複数入力用）'!N1154</f>
        <v>#N/A</v>
      </c>
      <c r="I1152" s="12" t="e">
        <f>'申請書（複数入力用）'!O1154</f>
        <v>#N/A</v>
      </c>
      <c r="J1152" s="12">
        <f>'申請書（複数入力用）'!P1154</f>
        <v>1</v>
      </c>
    </row>
    <row r="1153" spans="1:10" ht="51.6" customHeight="1" x14ac:dyDescent="0.45">
      <c r="A1153" s="6">
        <f>'申請書（複数入力用）'!A1155</f>
        <v>1149</v>
      </c>
      <c r="B1153" s="13">
        <f>'申請書（複数入力用）'!AH1155</f>
        <v>0</v>
      </c>
      <c r="C1153" s="6">
        <f>'申請書（複数入力用）'!B1155</f>
        <v>0</v>
      </c>
      <c r="D1153" s="6">
        <f>'申請書（複数入力用）'!D1155</f>
        <v>0</v>
      </c>
      <c r="E1153" s="14">
        <f>'申請書（複数入力用）'!H1155</f>
        <v>0</v>
      </c>
      <c r="F1153" s="11" t="str">
        <f>'申請書（複数入力用）'!J1155</f>
        <v/>
      </c>
      <c r="G1153" s="6" t="str">
        <f>'申請書（複数入力用）'!K1155</f>
        <v>a052r000000jS9ZAAU</v>
      </c>
      <c r="H1153" s="12" t="e">
        <f>'申請書（複数入力用）'!N1155</f>
        <v>#N/A</v>
      </c>
      <c r="I1153" s="12" t="e">
        <f>'申請書（複数入力用）'!O1155</f>
        <v>#N/A</v>
      </c>
      <c r="J1153" s="12">
        <f>'申請書（複数入力用）'!P1155</f>
        <v>1</v>
      </c>
    </row>
    <row r="1154" spans="1:10" ht="51.6" customHeight="1" x14ac:dyDescent="0.45">
      <c r="A1154" s="6">
        <f>'申請書（複数入力用）'!A1156</f>
        <v>1150</v>
      </c>
      <c r="B1154" s="13">
        <f>'申請書（複数入力用）'!AH1156</f>
        <v>0</v>
      </c>
      <c r="C1154" s="6">
        <f>'申請書（複数入力用）'!B1156</f>
        <v>0</v>
      </c>
      <c r="D1154" s="6">
        <f>'申請書（複数入力用）'!D1156</f>
        <v>0</v>
      </c>
      <c r="E1154" s="14">
        <f>'申請書（複数入力用）'!H1156</f>
        <v>0</v>
      </c>
      <c r="F1154" s="11" t="str">
        <f>'申請書（複数入力用）'!J1156</f>
        <v/>
      </c>
      <c r="G1154" s="6" t="str">
        <f>'申請書（複数入力用）'!K1156</f>
        <v>a052r000000jS9ZAAU</v>
      </c>
      <c r="H1154" s="12" t="e">
        <f>'申請書（複数入力用）'!N1156</f>
        <v>#N/A</v>
      </c>
      <c r="I1154" s="12" t="e">
        <f>'申請書（複数入力用）'!O1156</f>
        <v>#N/A</v>
      </c>
      <c r="J1154" s="12">
        <f>'申請書（複数入力用）'!P1156</f>
        <v>1</v>
      </c>
    </row>
    <row r="1155" spans="1:10" ht="51.6" customHeight="1" x14ac:dyDescent="0.45">
      <c r="A1155" s="6">
        <f>'申請書（複数入力用）'!A1157</f>
        <v>1151</v>
      </c>
      <c r="B1155" s="13">
        <f>'申請書（複数入力用）'!AH1157</f>
        <v>0</v>
      </c>
      <c r="C1155" s="6">
        <f>'申請書（複数入力用）'!B1157</f>
        <v>0</v>
      </c>
      <c r="D1155" s="6">
        <f>'申請書（複数入力用）'!D1157</f>
        <v>0</v>
      </c>
      <c r="E1155" s="14">
        <f>'申請書（複数入力用）'!H1157</f>
        <v>0</v>
      </c>
      <c r="F1155" s="11" t="str">
        <f>'申請書（複数入力用）'!J1157</f>
        <v/>
      </c>
      <c r="G1155" s="6" t="str">
        <f>'申請書（複数入力用）'!K1157</f>
        <v>a052r000000jS9ZAAU</v>
      </c>
      <c r="H1155" s="12" t="e">
        <f>'申請書（複数入力用）'!N1157</f>
        <v>#N/A</v>
      </c>
      <c r="I1155" s="12" t="e">
        <f>'申請書（複数入力用）'!O1157</f>
        <v>#N/A</v>
      </c>
      <c r="J1155" s="12">
        <f>'申請書（複数入力用）'!P1157</f>
        <v>1</v>
      </c>
    </row>
    <row r="1156" spans="1:10" ht="51.6" customHeight="1" x14ac:dyDescent="0.45">
      <c r="A1156" s="6">
        <f>'申請書（複数入力用）'!A1158</f>
        <v>1152</v>
      </c>
      <c r="B1156" s="13">
        <f>'申請書（複数入力用）'!AH1158</f>
        <v>0</v>
      </c>
      <c r="C1156" s="6">
        <f>'申請書（複数入力用）'!B1158</f>
        <v>0</v>
      </c>
      <c r="D1156" s="6">
        <f>'申請書（複数入力用）'!D1158</f>
        <v>0</v>
      </c>
      <c r="E1156" s="14">
        <f>'申請書（複数入力用）'!H1158</f>
        <v>0</v>
      </c>
      <c r="F1156" s="11" t="str">
        <f>'申請書（複数入力用）'!J1158</f>
        <v/>
      </c>
      <c r="G1156" s="6" t="str">
        <f>'申請書（複数入力用）'!K1158</f>
        <v>a052r000000jS9ZAAU</v>
      </c>
      <c r="H1156" s="12" t="e">
        <f>'申請書（複数入力用）'!N1158</f>
        <v>#N/A</v>
      </c>
      <c r="I1156" s="12" t="e">
        <f>'申請書（複数入力用）'!O1158</f>
        <v>#N/A</v>
      </c>
      <c r="J1156" s="12">
        <f>'申請書（複数入力用）'!P1158</f>
        <v>1</v>
      </c>
    </row>
    <row r="1157" spans="1:10" ht="51.6" customHeight="1" x14ac:dyDescent="0.45">
      <c r="A1157" s="6">
        <f>'申請書（複数入力用）'!A1159</f>
        <v>1153</v>
      </c>
      <c r="B1157" s="13">
        <f>'申請書（複数入力用）'!AH1159</f>
        <v>0</v>
      </c>
      <c r="C1157" s="6">
        <f>'申請書（複数入力用）'!B1159</f>
        <v>0</v>
      </c>
      <c r="D1157" s="6">
        <f>'申請書（複数入力用）'!D1159</f>
        <v>0</v>
      </c>
      <c r="E1157" s="14">
        <f>'申請書（複数入力用）'!H1159</f>
        <v>0</v>
      </c>
      <c r="F1157" s="11" t="str">
        <f>'申請書（複数入力用）'!J1159</f>
        <v/>
      </c>
      <c r="G1157" s="6" t="str">
        <f>'申請書（複数入力用）'!K1159</f>
        <v>a052r000000jS9ZAAU</v>
      </c>
      <c r="H1157" s="12" t="e">
        <f>'申請書（複数入力用）'!N1159</f>
        <v>#N/A</v>
      </c>
      <c r="I1157" s="12" t="e">
        <f>'申請書（複数入力用）'!O1159</f>
        <v>#N/A</v>
      </c>
      <c r="J1157" s="12">
        <f>'申請書（複数入力用）'!P1159</f>
        <v>1</v>
      </c>
    </row>
    <row r="1158" spans="1:10" ht="51.6" customHeight="1" x14ac:dyDescent="0.45">
      <c r="A1158" s="6">
        <f>'申請書（複数入力用）'!A1160</f>
        <v>1154</v>
      </c>
      <c r="B1158" s="13">
        <f>'申請書（複数入力用）'!AH1160</f>
        <v>0</v>
      </c>
      <c r="C1158" s="6">
        <f>'申請書（複数入力用）'!B1160</f>
        <v>0</v>
      </c>
      <c r="D1158" s="6">
        <f>'申請書（複数入力用）'!D1160</f>
        <v>0</v>
      </c>
      <c r="E1158" s="14">
        <f>'申請書（複数入力用）'!H1160</f>
        <v>0</v>
      </c>
      <c r="F1158" s="11" t="str">
        <f>'申請書（複数入力用）'!J1160</f>
        <v/>
      </c>
      <c r="G1158" s="6" t="str">
        <f>'申請書（複数入力用）'!K1160</f>
        <v>a052r000000jS9ZAAU</v>
      </c>
      <c r="H1158" s="12" t="e">
        <f>'申請書（複数入力用）'!N1160</f>
        <v>#N/A</v>
      </c>
      <c r="I1158" s="12" t="e">
        <f>'申請書（複数入力用）'!O1160</f>
        <v>#N/A</v>
      </c>
      <c r="J1158" s="12">
        <f>'申請書（複数入力用）'!P1160</f>
        <v>1</v>
      </c>
    </row>
    <row r="1159" spans="1:10" ht="51.6" customHeight="1" x14ac:dyDescent="0.45">
      <c r="A1159" s="6">
        <f>'申請書（複数入力用）'!A1161</f>
        <v>1155</v>
      </c>
      <c r="B1159" s="13">
        <f>'申請書（複数入力用）'!AH1161</f>
        <v>0</v>
      </c>
      <c r="C1159" s="6">
        <f>'申請書（複数入力用）'!B1161</f>
        <v>0</v>
      </c>
      <c r="D1159" s="6">
        <f>'申請書（複数入力用）'!D1161</f>
        <v>0</v>
      </c>
      <c r="E1159" s="14">
        <f>'申請書（複数入力用）'!H1161</f>
        <v>0</v>
      </c>
      <c r="F1159" s="11" t="str">
        <f>'申請書（複数入力用）'!J1161</f>
        <v/>
      </c>
      <c r="G1159" s="6" t="str">
        <f>'申請書（複数入力用）'!K1161</f>
        <v>a052r000000jS9ZAAU</v>
      </c>
      <c r="H1159" s="12" t="e">
        <f>'申請書（複数入力用）'!N1161</f>
        <v>#N/A</v>
      </c>
      <c r="I1159" s="12" t="e">
        <f>'申請書（複数入力用）'!O1161</f>
        <v>#N/A</v>
      </c>
      <c r="J1159" s="12">
        <f>'申請書（複数入力用）'!P1161</f>
        <v>1</v>
      </c>
    </row>
    <row r="1160" spans="1:10" ht="51.6" customHeight="1" x14ac:dyDescent="0.45">
      <c r="A1160" s="6">
        <f>'申請書（複数入力用）'!A1162</f>
        <v>1156</v>
      </c>
      <c r="B1160" s="13">
        <f>'申請書（複数入力用）'!AH1162</f>
        <v>0</v>
      </c>
      <c r="C1160" s="6">
        <f>'申請書（複数入力用）'!B1162</f>
        <v>0</v>
      </c>
      <c r="D1160" s="6">
        <f>'申請書（複数入力用）'!D1162</f>
        <v>0</v>
      </c>
      <c r="E1160" s="14">
        <f>'申請書（複数入力用）'!H1162</f>
        <v>0</v>
      </c>
      <c r="F1160" s="11" t="str">
        <f>'申請書（複数入力用）'!J1162</f>
        <v/>
      </c>
      <c r="G1160" s="6" t="str">
        <f>'申請書（複数入力用）'!K1162</f>
        <v>a052r000000jS9ZAAU</v>
      </c>
      <c r="H1160" s="12" t="e">
        <f>'申請書（複数入力用）'!N1162</f>
        <v>#N/A</v>
      </c>
      <c r="I1160" s="12" t="e">
        <f>'申請書（複数入力用）'!O1162</f>
        <v>#N/A</v>
      </c>
      <c r="J1160" s="12">
        <f>'申請書（複数入力用）'!P1162</f>
        <v>1</v>
      </c>
    </row>
    <row r="1161" spans="1:10" ht="51.6" customHeight="1" x14ac:dyDescent="0.45">
      <c r="A1161" s="6">
        <f>'申請書（複数入力用）'!A1163</f>
        <v>1157</v>
      </c>
      <c r="B1161" s="13">
        <f>'申請書（複数入力用）'!AH1163</f>
        <v>0</v>
      </c>
      <c r="C1161" s="6">
        <f>'申請書（複数入力用）'!B1163</f>
        <v>0</v>
      </c>
      <c r="D1161" s="6">
        <f>'申請書（複数入力用）'!D1163</f>
        <v>0</v>
      </c>
      <c r="E1161" s="14">
        <f>'申請書（複数入力用）'!H1163</f>
        <v>0</v>
      </c>
      <c r="F1161" s="11" t="str">
        <f>'申請書（複数入力用）'!J1163</f>
        <v/>
      </c>
      <c r="G1161" s="6" t="str">
        <f>'申請書（複数入力用）'!K1163</f>
        <v>a052r000000jS9ZAAU</v>
      </c>
      <c r="H1161" s="12" t="e">
        <f>'申請書（複数入力用）'!N1163</f>
        <v>#N/A</v>
      </c>
      <c r="I1161" s="12" t="e">
        <f>'申請書（複数入力用）'!O1163</f>
        <v>#N/A</v>
      </c>
      <c r="J1161" s="12">
        <f>'申請書（複数入力用）'!P1163</f>
        <v>1</v>
      </c>
    </row>
    <row r="1162" spans="1:10" ht="51.6" customHeight="1" x14ac:dyDescent="0.45">
      <c r="A1162" s="6">
        <f>'申請書（複数入力用）'!A1164</f>
        <v>1158</v>
      </c>
      <c r="B1162" s="13">
        <f>'申請書（複数入力用）'!AH1164</f>
        <v>0</v>
      </c>
      <c r="C1162" s="6">
        <f>'申請書（複数入力用）'!B1164</f>
        <v>0</v>
      </c>
      <c r="D1162" s="6">
        <f>'申請書（複数入力用）'!D1164</f>
        <v>0</v>
      </c>
      <c r="E1162" s="14">
        <f>'申請書（複数入力用）'!H1164</f>
        <v>0</v>
      </c>
      <c r="F1162" s="11" t="str">
        <f>'申請書（複数入力用）'!J1164</f>
        <v/>
      </c>
      <c r="G1162" s="6" t="str">
        <f>'申請書（複数入力用）'!K1164</f>
        <v>a052r000000jS9ZAAU</v>
      </c>
      <c r="H1162" s="12" t="e">
        <f>'申請書（複数入力用）'!N1164</f>
        <v>#N/A</v>
      </c>
      <c r="I1162" s="12" t="e">
        <f>'申請書（複数入力用）'!O1164</f>
        <v>#N/A</v>
      </c>
      <c r="J1162" s="12">
        <f>'申請書（複数入力用）'!P1164</f>
        <v>1</v>
      </c>
    </row>
    <row r="1163" spans="1:10" ht="51.6" customHeight="1" x14ac:dyDescent="0.45">
      <c r="A1163" s="6">
        <f>'申請書（複数入力用）'!A1165</f>
        <v>1159</v>
      </c>
      <c r="B1163" s="13">
        <f>'申請書（複数入力用）'!AH1165</f>
        <v>0</v>
      </c>
      <c r="C1163" s="6">
        <f>'申請書（複数入力用）'!B1165</f>
        <v>0</v>
      </c>
      <c r="D1163" s="6">
        <f>'申請書（複数入力用）'!D1165</f>
        <v>0</v>
      </c>
      <c r="E1163" s="14">
        <f>'申請書（複数入力用）'!H1165</f>
        <v>0</v>
      </c>
      <c r="F1163" s="11" t="str">
        <f>'申請書（複数入力用）'!J1165</f>
        <v/>
      </c>
      <c r="G1163" s="6" t="str">
        <f>'申請書（複数入力用）'!K1165</f>
        <v>a052r000000jS9ZAAU</v>
      </c>
      <c r="H1163" s="12" t="e">
        <f>'申請書（複数入力用）'!N1165</f>
        <v>#N/A</v>
      </c>
      <c r="I1163" s="12" t="e">
        <f>'申請書（複数入力用）'!O1165</f>
        <v>#N/A</v>
      </c>
      <c r="J1163" s="12">
        <f>'申請書（複数入力用）'!P1165</f>
        <v>1</v>
      </c>
    </row>
    <row r="1164" spans="1:10" ht="51.6" customHeight="1" x14ac:dyDescent="0.45">
      <c r="A1164" s="6">
        <f>'申請書（複数入力用）'!A1166</f>
        <v>1160</v>
      </c>
      <c r="B1164" s="13">
        <f>'申請書（複数入力用）'!AH1166</f>
        <v>0</v>
      </c>
      <c r="C1164" s="6">
        <f>'申請書（複数入力用）'!B1166</f>
        <v>0</v>
      </c>
      <c r="D1164" s="6">
        <f>'申請書（複数入力用）'!D1166</f>
        <v>0</v>
      </c>
      <c r="E1164" s="14">
        <f>'申請書（複数入力用）'!H1166</f>
        <v>0</v>
      </c>
      <c r="F1164" s="11" t="str">
        <f>'申請書（複数入力用）'!J1166</f>
        <v/>
      </c>
      <c r="G1164" s="6" t="str">
        <f>'申請書（複数入力用）'!K1166</f>
        <v>a052r000000jS9ZAAU</v>
      </c>
      <c r="H1164" s="12" t="e">
        <f>'申請書（複数入力用）'!N1166</f>
        <v>#N/A</v>
      </c>
      <c r="I1164" s="12" t="e">
        <f>'申請書（複数入力用）'!O1166</f>
        <v>#N/A</v>
      </c>
      <c r="J1164" s="12">
        <f>'申請書（複数入力用）'!P1166</f>
        <v>1</v>
      </c>
    </row>
    <row r="1165" spans="1:10" ht="51.6" customHeight="1" x14ac:dyDescent="0.45">
      <c r="A1165" s="6">
        <f>'申請書（複数入力用）'!A1167</f>
        <v>1161</v>
      </c>
      <c r="B1165" s="13">
        <f>'申請書（複数入力用）'!AH1167</f>
        <v>0</v>
      </c>
      <c r="C1165" s="6">
        <f>'申請書（複数入力用）'!B1167</f>
        <v>0</v>
      </c>
      <c r="D1165" s="6">
        <f>'申請書（複数入力用）'!D1167</f>
        <v>0</v>
      </c>
      <c r="E1165" s="14">
        <f>'申請書（複数入力用）'!H1167</f>
        <v>0</v>
      </c>
      <c r="F1165" s="11" t="str">
        <f>'申請書（複数入力用）'!J1167</f>
        <v/>
      </c>
      <c r="G1165" s="6" t="str">
        <f>'申請書（複数入力用）'!K1167</f>
        <v>a052r000000jS9ZAAU</v>
      </c>
      <c r="H1165" s="12" t="e">
        <f>'申請書（複数入力用）'!N1167</f>
        <v>#N/A</v>
      </c>
      <c r="I1165" s="12" t="e">
        <f>'申請書（複数入力用）'!O1167</f>
        <v>#N/A</v>
      </c>
      <c r="J1165" s="12">
        <f>'申請書（複数入力用）'!P1167</f>
        <v>1</v>
      </c>
    </row>
    <row r="1166" spans="1:10" ht="51.6" customHeight="1" x14ac:dyDescent="0.45">
      <c r="A1166" s="6">
        <f>'申請書（複数入力用）'!A1168</f>
        <v>1162</v>
      </c>
      <c r="B1166" s="13">
        <f>'申請書（複数入力用）'!AH1168</f>
        <v>0</v>
      </c>
      <c r="C1166" s="6">
        <f>'申請書（複数入力用）'!B1168</f>
        <v>0</v>
      </c>
      <c r="D1166" s="6">
        <f>'申請書（複数入力用）'!D1168</f>
        <v>0</v>
      </c>
      <c r="E1166" s="14">
        <f>'申請書（複数入力用）'!H1168</f>
        <v>0</v>
      </c>
      <c r="F1166" s="11" t="str">
        <f>'申請書（複数入力用）'!J1168</f>
        <v/>
      </c>
      <c r="G1166" s="6" t="str">
        <f>'申請書（複数入力用）'!K1168</f>
        <v>a052r000000jS9ZAAU</v>
      </c>
      <c r="H1166" s="12" t="e">
        <f>'申請書（複数入力用）'!N1168</f>
        <v>#N/A</v>
      </c>
      <c r="I1166" s="12" t="e">
        <f>'申請書（複数入力用）'!O1168</f>
        <v>#N/A</v>
      </c>
      <c r="J1166" s="12">
        <f>'申請書（複数入力用）'!P1168</f>
        <v>1</v>
      </c>
    </row>
    <row r="1167" spans="1:10" ht="51.6" customHeight="1" x14ac:dyDescent="0.45">
      <c r="A1167" s="6">
        <f>'申請書（複数入力用）'!A1169</f>
        <v>1163</v>
      </c>
      <c r="B1167" s="13">
        <f>'申請書（複数入力用）'!AH1169</f>
        <v>0</v>
      </c>
      <c r="C1167" s="6">
        <f>'申請書（複数入力用）'!B1169</f>
        <v>0</v>
      </c>
      <c r="D1167" s="6">
        <f>'申請書（複数入力用）'!D1169</f>
        <v>0</v>
      </c>
      <c r="E1167" s="14">
        <f>'申請書（複数入力用）'!H1169</f>
        <v>0</v>
      </c>
      <c r="F1167" s="11" t="str">
        <f>'申請書（複数入力用）'!J1169</f>
        <v/>
      </c>
      <c r="G1167" s="6" t="str">
        <f>'申請書（複数入力用）'!K1169</f>
        <v>a052r000000jS9ZAAU</v>
      </c>
      <c r="H1167" s="12" t="e">
        <f>'申請書（複数入力用）'!N1169</f>
        <v>#N/A</v>
      </c>
      <c r="I1167" s="12" t="e">
        <f>'申請書（複数入力用）'!O1169</f>
        <v>#N/A</v>
      </c>
      <c r="J1167" s="12">
        <f>'申請書（複数入力用）'!P1169</f>
        <v>1</v>
      </c>
    </row>
    <row r="1168" spans="1:10" ht="51.6" customHeight="1" x14ac:dyDescent="0.45">
      <c r="A1168" s="6">
        <f>'申請書（複数入力用）'!A1170</f>
        <v>1164</v>
      </c>
      <c r="B1168" s="13">
        <f>'申請書（複数入力用）'!AH1170</f>
        <v>0</v>
      </c>
      <c r="C1168" s="6">
        <f>'申請書（複数入力用）'!B1170</f>
        <v>0</v>
      </c>
      <c r="D1168" s="6">
        <f>'申請書（複数入力用）'!D1170</f>
        <v>0</v>
      </c>
      <c r="E1168" s="14">
        <f>'申請書（複数入力用）'!H1170</f>
        <v>0</v>
      </c>
      <c r="F1168" s="11" t="str">
        <f>'申請書（複数入力用）'!J1170</f>
        <v/>
      </c>
      <c r="G1168" s="6" t="str">
        <f>'申請書（複数入力用）'!K1170</f>
        <v>a052r000000jS9ZAAU</v>
      </c>
      <c r="H1168" s="12" t="e">
        <f>'申請書（複数入力用）'!N1170</f>
        <v>#N/A</v>
      </c>
      <c r="I1168" s="12" t="e">
        <f>'申請書（複数入力用）'!O1170</f>
        <v>#N/A</v>
      </c>
      <c r="J1168" s="12">
        <f>'申請書（複数入力用）'!P1170</f>
        <v>1</v>
      </c>
    </row>
    <row r="1169" spans="1:10" ht="51.6" customHeight="1" x14ac:dyDescent="0.45">
      <c r="A1169" s="6">
        <f>'申請書（複数入力用）'!A1171</f>
        <v>1165</v>
      </c>
      <c r="B1169" s="13">
        <f>'申請書（複数入力用）'!AH1171</f>
        <v>0</v>
      </c>
      <c r="C1169" s="6">
        <f>'申請書（複数入力用）'!B1171</f>
        <v>0</v>
      </c>
      <c r="D1169" s="6">
        <f>'申請書（複数入力用）'!D1171</f>
        <v>0</v>
      </c>
      <c r="E1169" s="14">
        <f>'申請書（複数入力用）'!H1171</f>
        <v>0</v>
      </c>
      <c r="F1169" s="11" t="str">
        <f>'申請書（複数入力用）'!J1171</f>
        <v/>
      </c>
      <c r="G1169" s="6" t="str">
        <f>'申請書（複数入力用）'!K1171</f>
        <v>a052r000000jS9ZAAU</v>
      </c>
      <c r="H1169" s="12" t="e">
        <f>'申請書（複数入力用）'!N1171</f>
        <v>#N/A</v>
      </c>
      <c r="I1169" s="12" t="e">
        <f>'申請書（複数入力用）'!O1171</f>
        <v>#N/A</v>
      </c>
      <c r="J1169" s="12">
        <f>'申請書（複数入力用）'!P1171</f>
        <v>1</v>
      </c>
    </row>
    <row r="1170" spans="1:10" ht="51.6" customHeight="1" x14ac:dyDescent="0.45">
      <c r="A1170" s="6">
        <f>'申請書（複数入力用）'!A1172</f>
        <v>1166</v>
      </c>
      <c r="B1170" s="13">
        <f>'申請書（複数入力用）'!AH1172</f>
        <v>0</v>
      </c>
      <c r="C1170" s="6">
        <f>'申請書（複数入力用）'!B1172</f>
        <v>0</v>
      </c>
      <c r="D1170" s="6">
        <f>'申請書（複数入力用）'!D1172</f>
        <v>0</v>
      </c>
      <c r="E1170" s="14">
        <f>'申請書（複数入力用）'!H1172</f>
        <v>0</v>
      </c>
      <c r="F1170" s="11" t="str">
        <f>'申請書（複数入力用）'!J1172</f>
        <v/>
      </c>
      <c r="G1170" s="6" t="str">
        <f>'申請書（複数入力用）'!K1172</f>
        <v>a052r000000jS9ZAAU</v>
      </c>
      <c r="H1170" s="12" t="e">
        <f>'申請書（複数入力用）'!N1172</f>
        <v>#N/A</v>
      </c>
      <c r="I1170" s="12" t="e">
        <f>'申請書（複数入力用）'!O1172</f>
        <v>#N/A</v>
      </c>
      <c r="J1170" s="12">
        <f>'申請書（複数入力用）'!P1172</f>
        <v>1</v>
      </c>
    </row>
    <row r="1171" spans="1:10" ht="51.6" customHeight="1" x14ac:dyDescent="0.45">
      <c r="A1171" s="6">
        <f>'申請書（複数入力用）'!A1173</f>
        <v>1167</v>
      </c>
      <c r="B1171" s="13">
        <f>'申請書（複数入力用）'!AH1173</f>
        <v>0</v>
      </c>
      <c r="C1171" s="6">
        <f>'申請書（複数入力用）'!B1173</f>
        <v>0</v>
      </c>
      <c r="D1171" s="6">
        <f>'申請書（複数入力用）'!D1173</f>
        <v>0</v>
      </c>
      <c r="E1171" s="14">
        <f>'申請書（複数入力用）'!H1173</f>
        <v>0</v>
      </c>
      <c r="F1171" s="11" t="str">
        <f>'申請書（複数入力用）'!J1173</f>
        <v/>
      </c>
      <c r="G1171" s="6" t="str">
        <f>'申請書（複数入力用）'!K1173</f>
        <v>a052r000000jS9ZAAU</v>
      </c>
      <c r="H1171" s="12" t="e">
        <f>'申請書（複数入力用）'!N1173</f>
        <v>#N/A</v>
      </c>
      <c r="I1171" s="12" t="e">
        <f>'申請書（複数入力用）'!O1173</f>
        <v>#N/A</v>
      </c>
      <c r="J1171" s="12">
        <f>'申請書（複数入力用）'!P1173</f>
        <v>1</v>
      </c>
    </row>
    <row r="1172" spans="1:10" ht="51.6" customHeight="1" x14ac:dyDescent="0.45">
      <c r="A1172" s="6">
        <f>'申請書（複数入力用）'!A1174</f>
        <v>1168</v>
      </c>
      <c r="B1172" s="13">
        <f>'申請書（複数入力用）'!AH1174</f>
        <v>0</v>
      </c>
      <c r="C1172" s="6">
        <f>'申請書（複数入力用）'!B1174</f>
        <v>0</v>
      </c>
      <c r="D1172" s="6">
        <f>'申請書（複数入力用）'!D1174</f>
        <v>0</v>
      </c>
      <c r="E1172" s="14">
        <f>'申請書（複数入力用）'!H1174</f>
        <v>0</v>
      </c>
      <c r="F1172" s="11" t="str">
        <f>'申請書（複数入力用）'!J1174</f>
        <v/>
      </c>
      <c r="G1172" s="6" t="str">
        <f>'申請書（複数入力用）'!K1174</f>
        <v>a052r000000jS9ZAAU</v>
      </c>
      <c r="H1172" s="12" t="e">
        <f>'申請書（複数入力用）'!N1174</f>
        <v>#N/A</v>
      </c>
      <c r="I1172" s="12" t="e">
        <f>'申請書（複数入力用）'!O1174</f>
        <v>#N/A</v>
      </c>
      <c r="J1172" s="12">
        <f>'申請書（複数入力用）'!P1174</f>
        <v>1</v>
      </c>
    </row>
    <row r="1173" spans="1:10" ht="51.6" customHeight="1" x14ac:dyDescent="0.45">
      <c r="A1173" s="6">
        <f>'申請書（複数入力用）'!A1175</f>
        <v>1169</v>
      </c>
      <c r="B1173" s="13">
        <f>'申請書（複数入力用）'!AH1175</f>
        <v>0</v>
      </c>
      <c r="C1173" s="6">
        <f>'申請書（複数入力用）'!B1175</f>
        <v>0</v>
      </c>
      <c r="D1173" s="6">
        <f>'申請書（複数入力用）'!D1175</f>
        <v>0</v>
      </c>
      <c r="E1173" s="14">
        <f>'申請書（複数入力用）'!H1175</f>
        <v>0</v>
      </c>
      <c r="F1173" s="11" t="str">
        <f>'申請書（複数入力用）'!J1175</f>
        <v/>
      </c>
      <c r="G1173" s="6" t="str">
        <f>'申請書（複数入力用）'!K1175</f>
        <v>a052r000000jS9ZAAU</v>
      </c>
      <c r="H1173" s="12" t="e">
        <f>'申請書（複数入力用）'!N1175</f>
        <v>#N/A</v>
      </c>
      <c r="I1173" s="12" t="e">
        <f>'申請書（複数入力用）'!O1175</f>
        <v>#N/A</v>
      </c>
      <c r="J1173" s="12">
        <f>'申請書（複数入力用）'!P1175</f>
        <v>1</v>
      </c>
    </row>
    <row r="1174" spans="1:10" ht="51.6" customHeight="1" x14ac:dyDescent="0.45">
      <c r="A1174" s="6">
        <f>'申請書（複数入力用）'!A1176</f>
        <v>1170</v>
      </c>
      <c r="B1174" s="13">
        <f>'申請書（複数入力用）'!AH1176</f>
        <v>0</v>
      </c>
      <c r="C1174" s="6">
        <f>'申請書（複数入力用）'!B1176</f>
        <v>0</v>
      </c>
      <c r="D1174" s="6">
        <f>'申請書（複数入力用）'!D1176</f>
        <v>0</v>
      </c>
      <c r="E1174" s="14">
        <f>'申請書（複数入力用）'!H1176</f>
        <v>0</v>
      </c>
      <c r="F1174" s="11" t="str">
        <f>'申請書（複数入力用）'!J1176</f>
        <v/>
      </c>
      <c r="G1174" s="6" t="str">
        <f>'申請書（複数入力用）'!K1176</f>
        <v>a052r000000jS9ZAAU</v>
      </c>
      <c r="H1174" s="12" t="e">
        <f>'申請書（複数入力用）'!N1176</f>
        <v>#N/A</v>
      </c>
      <c r="I1174" s="12" t="e">
        <f>'申請書（複数入力用）'!O1176</f>
        <v>#N/A</v>
      </c>
      <c r="J1174" s="12">
        <f>'申請書（複数入力用）'!P1176</f>
        <v>1</v>
      </c>
    </row>
    <row r="1175" spans="1:10" ht="51.6" customHeight="1" x14ac:dyDescent="0.45">
      <c r="A1175" s="6">
        <f>'申請書（複数入力用）'!A1177</f>
        <v>1171</v>
      </c>
      <c r="B1175" s="13">
        <f>'申請書（複数入力用）'!AH1177</f>
        <v>0</v>
      </c>
      <c r="C1175" s="6">
        <f>'申請書（複数入力用）'!B1177</f>
        <v>0</v>
      </c>
      <c r="D1175" s="6">
        <f>'申請書（複数入力用）'!D1177</f>
        <v>0</v>
      </c>
      <c r="E1175" s="14">
        <f>'申請書（複数入力用）'!H1177</f>
        <v>0</v>
      </c>
      <c r="F1175" s="11" t="str">
        <f>'申請書（複数入力用）'!J1177</f>
        <v/>
      </c>
      <c r="G1175" s="6" t="str">
        <f>'申請書（複数入力用）'!K1177</f>
        <v>a052r000000jS9ZAAU</v>
      </c>
      <c r="H1175" s="12" t="e">
        <f>'申請書（複数入力用）'!N1177</f>
        <v>#N/A</v>
      </c>
      <c r="I1175" s="12" t="e">
        <f>'申請書（複数入力用）'!O1177</f>
        <v>#N/A</v>
      </c>
      <c r="J1175" s="12">
        <f>'申請書（複数入力用）'!P1177</f>
        <v>1</v>
      </c>
    </row>
    <row r="1176" spans="1:10" ht="51.6" customHeight="1" x14ac:dyDescent="0.45">
      <c r="A1176" s="6">
        <f>'申請書（複数入力用）'!A1178</f>
        <v>1172</v>
      </c>
      <c r="B1176" s="13">
        <f>'申請書（複数入力用）'!AH1178</f>
        <v>0</v>
      </c>
      <c r="C1176" s="6">
        <f>'申請書（複数入力用）'!B1178</f>
        <v>0</v>
      </c>
      <c r="D1176" s="6">
        <f>'申請書（複数入力用）'!D1178</f>
        <v>0</v>
      </c>
      <c r="E1176" s="14">
        <f>'申請書（複数入力用）'!H1178</f>
        <v>0</v>
      </c>
      <c r="F1176" s="11" t="str">
        <f>'申請書（複数入力用）'!J1178</f>
        <v/>
      </c>
      <c r="G1176" s="6" t="str">
        <f>'申請書（複数入力用）'!K1178</f>
        <v>a052r000000jS9ZAAU</v>
      </c>
      <c r="H1176" s="12" t="e">
        <f>'申請書（複数入力用）'!N1178</f>
        <v>#N/A</v>
      </c>
      <c r="I1176" s="12" t="e">
        <f>'申請書（複数入力用）'!O1178</f>
        <v>#N/A</v>
      </c>
      <c r="J1176" s="12">
        <f>'申請書（複数入力用）'!P1178</f>
        <v>1</v>
      </c>
    </row>
    <row r="1177" spans="1:10" ht="51.6" customHeight="1" x14ac:dyDescent="0.45">
      <c r="A1177" s="6">
        <f>'申請書（複数入力用）'!A1179</f>
        <v>1173</v>
      </c>
      <c r="B1177" s="13">
        <f>'申請書（複数入力用）'!AH1179</f>
        <v>0</v>
      </c>
      <c r="C1177" s="6">
        <f>'申請書（複数入力用）'!B1179</f>
        <v>0</v>
      </c>
      <c r="D1177" s="6">
        <f>'申請書（複数入力用）'!D1179</f>
        <v>0</v>
      </c>
      <c r="E1177" s="14">
        <f>'申請書（複数入力用）'!H1179</f>
        <v>0</v>
      </c>
      <c r="F1177" s="11" t="str">
        <f>'申請書（複数入力用）'!J1179</f>
        <v/>
      </c>
      <c r="G1177" s="6" t="str">
        <f>'申請書（複数入力用）'!K1179</f>
        <v>a052r000000jS9ZAAU</v>
      </c>
      <c r="H1177" s="12" t="e">
        <f>'申請書（複数入力用）'!N1179</f>
        <v>#N/A</v>
      </c>
      <c r="I1177" s="12" t="e">
        <f>'申請書（複数入力用）'!O1179</f>
        <v>#N/A</v>
      </c>
      <c r="J1177" s="12">
        <f>'申請書（複数入力用）'!P1179</f>
        <v>1</v>
      </c>
    </row>
    <row r="1178" spans="1:10" ht="51.6" customHeight="1" x14ac:dyDescent="0.45">
      <c r="A1178" s="6">
        <f>'申請書（複数入力用）'!A1180</f>
        <v>1174</v>
      </c>
      <c r="B1178" s="13">
        <f>'申請書（複数入力用）'!AH1180</f>
        <v>0</v>
      </c>
      <c r="C1178" s="6">
        <f>'申請書（複数入力用）'!B1180</f>
        <v>0</v>
      </c>
      <c r="D1178" s="6">
        <f>'申請書（複数入力用）'!D1180</f>
        <v>0</v>
      </c>
      <c r="E1178" s="14">
        <f>'申請書（複数入力用）'!H1180</f>
        <v>0</v>
      </c>
      <c r="F1178" s="11" t="str">
        <f>'申請書（複数入力用）'!J1180</f>
        <v/>
      </c>
      <c r="G1178" s="6" t="str">
        <f>'申請書（複数入力用）'!K1180</f>
        <v>a052r000000jS9ZAAU</v>
      </c>
      <c r="H1178" s="12" t="e">
        <f>'申請書（複数入力用）'!N1180</f>
        <v>#N/A</v>
      </c>
      <c r="I1178" s="12" t="e">
        <f>'申請書（複数入力用）'!O1180</f>
        <v>#N/A</v>
      </c>
      <c r="J1178" s="12">
        <f>'申請書（複数入力用）'!P1180</f>
        <v>1</v>
      </c>
    </row>
    <row r="1179" spans="1:10" ht="51.6" customHeight="1" x14ac:dyDescent="0.45">
      <c r="A1179" s="6">
        <f>'申請書（複数入力用）'!A1181</f>
        <v>1175</v>
      </c>
      <c r="B1179" s="13">
        <f>'申請書（複数入力用）'!AH1181</f>
        <v>0</v>
      </c>
      <c r="C1179" s="6">
        <f>'申請書（複数入力用）'!B1181</f>
        <v>0</v>
      </c>
      <c r="D1179" s="6">
        <f>'申請書（複数入力用）'!D1181</f>
        <v>0</v>
      </c>
      <c r="E1179" s="14">
        <f>'申請書（複数入力用）'!H1181</f>
        <v>0</v>
      </c>
      <c r="F1179" s="11" t="str">
        <f>'申請書（複数入力用）'!J1181</f>
        <v/>
      </c>
      <c r="G1179" s="6" t="str">
        <f>'申請書（複数入力用）'!K1181</f>
        <v>a052r000000jS9ZAAU</v>
      </c>
      <c r="H1179" s="12" t="e">
        <f>'申請書（複数入力用）'!N1181</f>
        <v>#N/A</v>
      </c>
      <c r="I1179" s="12" t="e">
        <f>'申請書（複数入力用）'!O1181</f>
        <v>#N/A</v>
      </c>
      <c r="J1179" s="12">
        <f>'申請書（複数入力用）'!P1181</f>
        <v>1</v>
      </c>
    </row>
    <row r="1180" spans="1:10" ht="51.6" customHeight="1" x14ac:dyDescent="0.45">
      <c r="A1180" s="6">
        <f>'申請書（複数入力用）'!A1182</f>
        <v>1176</v>
      </c>
      <c r="B1180" s="13">
        <f>'申請書（複数入力用）'!AH1182</f>
        <v>0</v>
      </c>
      <c r="C1180" s="6">
        <f>'申請書（複数入力用）'!B1182</f>
        <v>0</v>
      </c>
      <c r="D1180" s="6">
        <f>'申請書（複数入力用）'!D1182</f>
        <v>0</v>
      </c>
      <c r="E1180" s="14">
        <f>'申請書（複数入力用）'!H1182</f>
        <v>0</v>
      </c>
      <c r="F1180" s="11" t="str">
        <f>'申請書（複数入力用）'!J1182</f>
        <v/>
      </c>
      <c r="G1180" s="6" t="str">
        <f>'申請書（複数入力用）'!K1182</f>
        <v>a052r000000jS9ZAAU</v>
      </c>
      <c r="H1180" s="12" t="e">
        <f>'申請書（複数入力用）'!N1182</f>
        <v>#N/A</v>
      </c>
      <c r="I1180" s="12" t="e">
        <f>'申請書（複数入力用）'!O1182</f>
        <v>#N/A</v>
      </c>
      <c r="J1180" s="12">
        <f>'申請書（複数入力用）'!P1182</f>
        <v>1</v>
      </c>
    </row>
    <row r="1181" spans="1:10" ht="51.6" customHeight="1" x14ac:dyDescent="0.45">
      <c r="A1181" s="6">
        <f>'申請書（複数入力用）'!A1183</f>
        <v>1177</v>
      </c>
      <c r="B1181" s="13">
        <f>'申請書（複数入力用）'!AH1183</f>
        <v>0</v>
      </c>
      <c r="C1181" s="6">
        <f>'申請書（複数入力用）'!B1183</f>
        <v>0</v>
      </c>
      <c r="D1181" s="6">
        <f>'申請書（複数入力用）'!D1183</f>
        <v>0</v>
      </c>
      <c r="E1181" s="14">
        <f>'申請書（複数入力用）'!H1183</f>
        <v>0</v>
      </c>
      <c r="F1181" s="11" t="str">
        <f>'申請書（複数入力用）'!J1183</f>
        <v/>
      </c>
      <c r="G1181" s="6" t="str">
        <f>'申請書（複数入力用）'!K1183</f>
        <v>a052r000000jS9ZAAU</v>
      </c>
      <c r="H1181" s="12" t="e">
        <f>'申請書（複数入力用）'!N1183</f>
        <v>#N/A</v>
      </c>
      <c r="I1181" s="12" t="e">
        <f>'申請書（複数入力用）'!O1183</f>
        <v>#N/A</v>
      </c>
      <c r="J1181" s="12">
        <f>'申請書（複数入力用）'!P1183</f>
        <v>1</v>
      </c>
    </row>
    <row r="1182" spans="1:10" ht="51.6" customHeight="1" x14ac:dyDescent="0.45">
      <c r="A1182" s="6">
        <f>'申請書（複数入力用）'!A1184</f>
        <v>1178</v>
      </c>
      <c r="B1182" s="13">
        <f>'申請書（複数入力用）'!AH1184</f>
        <v>0</v>
      </c>
      <c r="C1182" s="6">
        <f>'申請書（複数入力用）'!B1184</f>
        <v>0</v>
      </c>
      <c r="D1182" s="6">
        <f>'申請書（複数入力用）'!D1184</f>
        <v>0</v>
      </c>
      <c r="E1182" s="14">
        <f>'申請書（複数入力用）'!H1184</f>
        <v>0</v>
      </c>
      <c r="F1182" s="11" t="str">
        <f>'申請書（複数入力用）'!J1184</f>
        <v/>
      </c>
      <c r="G1182" s="6" t="str">
        <f>'申請書（複数入力用）'!K1184</f>
        <v>a052r000000jS9ZAAU</v>
      </c>
      <c r="H1182" s="12" t="e">
        <f>'申請書（複数入力用）'!N1184</f>
        <v>#N/A</v>
      </c>
      <c r="I1182" s="12" t="e">
        <f>'申請書（複数入力用）'!O1184</f>
        <v>#N/A</v>
      </c>
      <c r="J1182" s="12">
        <f>'申請書（複数入力用）'!P1184</f>
        <v>1</v>
      </c>
    </row>
    <row r="1183" spans="1:10" ht="51.6" customHeight="1" x14ac:dyDescent="0.45">
      <c r="A1183" s="6">
        <f>'申請書（複数入力用）'!A1185</f>
        <v>1179</v>
      </c>
      <c r="B1183" s="13">
        <f>'申請書（複数入力用）'!AH1185</f>
        <v>0</v>
      </c>
      <c r="C1183" s="6">
        <f>'申請書（複数入力用）'!B1185</f>
        <v>0</v>
      </c>
      <c r="D1183" s="6">
        <f>'申請書（複数入力用）'!D1185</f>
        <v>0</v>
      </c>
      <c r="E1183" s="14">
        <f>'申請書（複数入力用）'!H1185</f>
        <v>0</v>
      </c>
      <c r="F1183" s="11" t="str">
        <f>'申請書（複数入力用）'!J1185</f>
        <v/>
      </c>
      <c r="G1183" s="6" t="str">
        <f>'申請書（複数入力用）'!K1185</f>
        <v>a052r000000jS9ZAAU</v>
      </c>
      <c r="H1183" s="12" t="e">
        <f>'申請書（複数入力用）'!N1185</f>
        <v>#N/A</v>
      </c>
      <c r="I1183" s="12" t="e">
        <f>'申請書（複数入力用）'!O1185</f>
        <v>#N/A</v>
      </c>
      <c r="J1183" s="12">
        <f>'申請書（複数入力用）'!P1185</f>
        <v>1</v>
      </c>
    </row>
    <row r="1184" spans="1:10" ht="51.6" customHeight="1" x14ac:dyDescent="0.45">
      <c r="A1184" s="6">
        <f>'申請書（複数入力用）'!A1186</f>
        <v>1180</v>
      </c>
      <c r="B1184" s="13">
        <f>'申請書（複数入力用）'!AH1186</f>
        <v>0</v>
      </c>
      <c r="C1184" s="6">
        <f>'申請書（複数入力用）'!B1186</f>
        <v>0</v>
      </c>
      <c r="D1184" s="6">
        <f>'申請書（複数入力用）'!D1186</f>
        <v>0</v>
      </c>
      <c r="E1184" s="14">
        <f>'申請書（複数入力用）'!H1186</f>
        <v>0</v>
      </c>
      <c r="F1184" s="11" t="str">
        <f>'申請書（複数入力用）'!J1186</f>
        <v/>
      </c>
      <c r="G1184" s="6" t="str">
        <f>'申請書（複数入力用）'!K1186</f>
        <v>a052r000000jS9ZAAU</v>
      </c>
      <c r="H1184" s="12" t="e">
        <f>'申請書（複数入力用）'!N1186</f>
        <v>#N/A</v>
      </c>
      <c r="I1184" s="12" t="e">
        <f>'申請書（複数入力用）'!O1186</f>
        <v>#N/A</v>
      </c>
      <c r="J1184" s="12">
        <f>'申請書（複数入力用）'!P1186</f>
        <v>1</v>
      </c>
    </row>
    <row r="1185" spans="1:10" ht="51.6" customHeight="1" x14ac:dyDescent="0.45">
      <c r="A1185" s="6">
        <f>'申請書（複数入力用）'!A1187</f>
        <v>1181</v>
      </c>
      <c r="B1185" s="13">
        <f>'申請書（複数入力用）'!AH1187</f>
        <v>0</v>
      </c>
      <c r="C1185" s="6">
        <f>'申請書（複数入力用）'!B1187</f>
        <v>0</v>
      </c>
      <c r="D1185" s="6">
        <f>'申請書（複数入力用）'!D1187</f>
        <v>0</v>
      </c>
      <c r="E1185" s="14">
        <f>'申請書（複数入力用）'!H1187</f>
        <v>0</v>
      </c>
      <c r="F1185" s="11" t="str">
        <f>'申請書（複数入力用）'!J1187</f>
        <v/>
      </c>
      <c r="G1185" s="6" t="str">
        <f>'申請書（複数入力用）'!K1187</f>
        <v>a052r000000jS9ZAAU</v>
      </c>
      <c r="H1185" s="12" t="e">
        <f>'申請書（複数入力用）'!N1187</f>
        <v>#N/A</v>
      </c>
      <c r="I1185" s="12" t="e">
        <f>'申請書（複数入力用）'!O1187</f>
        <v>#N/A</v>
      </c>
      <c r="J1185" s="12">
        <f>'申請書（複数入力用）'!P1187</f>
        <v>1</v>
      </c>
    </row>
    <row r="1186" spans="1:10" ht="51.6" customHeight="1" x14ac:dyDescent="0.45">
      <c r="A1186" s="6">
        <f>'申請書（複数入力用）'!A1188</f>
        <v>1182</v>
      </c>
      <c r="B1186" s="13">
        <f>'申請書（複数入力用）'!AH1188</f>
        <v>0</v>
      </c>
      <c r="C1186" s="6">
        <f>'申請書（複数入力用）'!B1188</f>
        <v>0</v>
      </c>
      <c r="D1186" s="6">
        <f>'申請書（複数入力用）'!D1188</f>
        <v>0</v>
      </c>
      <c r="E1186" s="14">
        <f>'申請書（複数入力用）'!H1188</f>
        <v>0</v>
      </c>
      <c r="F1186" s="11" t="str">
        <f>'申請書（複数入力用）'!J1188</f>
        <v/>
      </c>
      <c r="G1186" s="6" t="str">
        <f>'申請書（複数入力用）'!K1188</f>
        <v>a052r000000jS9ZAAU</v>
      </c>
      <c r="H1186" s="12" t="e">
        <f>'申請書（複数入力用）'!N1188</f>
        <v>#N/A</v>
      </c>
      <c r="I1186" s="12" t="e">
        <f>'申請書（複数入力用）'!O1188</f>
        <v>#N/A</v>
      </c>
      <c r="J1186" s="12">
        <f>'申請書（複数入力用）'!P1188</f>
        <v>1</v>
      </c>
    </row>
    <row r="1187" spans="1:10" ht="51.6" customHeight="1" x14ac:dyDescent="0.45">
      <c r="A1187" s="6">
        <f>'申請書（複数入力用）'!A1189</f>
        <v>1183</v>
      </c>
      <c r="B1187" s="13">
        <f>'申請書（複数入力用）'!AH1189</f>
        <v>0</v>
      </c>
      <c r="C1187" s="6">
        <f>'申請書（複数入力用）'!B1189</f>
        <v>0</v>
      </c>
      <c r="D1187" s="6">
        <f>'申請書（複数入力用）'!D1189</f>
        <v>0</v>
      </c>
      <c r="E1187" s="14">
        <f>'申請書（複数入力用）'!H1189</f>
        <v>0</v>
      </c>
      <c r="F1187" s="11" t="str">
        <f>'申請書（複数入力用）'!J1189</f>
        <v/>
      </c>
      <c r="G1187" s="6" t="str">
        <f>'申請書（複数入力用）'!K1189</f>
        <v>a052r000000jS9ZAAU</v>
      </c>
      <c r="H1187" s="12" t="e">
        <f>'申請書（複数入力用）'!N1189</f>
        <v>#N/A</v>
      </c>
      <c r="I1187" s="12" t="e">
        <f>'申請書（複数入力用）'!O1189</f>
        <v>#N/A</v>
      </c>
      <c r="J1187" s="12">
        <f>'申請書（複数入力用）'!P1189</f>
        <v>1</v>
      </c>
    </row>
    <row r="1188" spans="1:10" ht="51.6" customHeight="1" x14ac:dyDescent="0.45">
      <c r="A1188" s="6">
        <f>'申請書（複数入力用）'!A1190</f>
        <v>1184</v>
      </c>
      <c r="B1188" s="13">
        <f>'申請書（複数入力用）'!AH1190</f>
        <v>0</v>
      </c>
      <c r="C1188" s="6">
        <f>'申請書（複数入力用）'!B1190</f>
        <v>0</v>
      </c>
      <c r="D1188" s="6">
        <f>'申請書（複数入力用）'!D1190</f>
        <v>0</v>
      </c>
      <c r="E1188" s="14">
        <f>'申請書（複数入力用）'!H1190</f>
        <v>0</v>
      </c>
      <c r="F1188" s="11" t="str">
        <f>'申請書（複数入力用）'!J1190</f>
        <v/>
      </c>
      <c r="G1188" s="6" t="str">
        <f>'申請書（複数入力用）'!K1190</f>
        <v>a052r000000jS9ZAAU</v>
      </c>
      <c r="H1188" s="12" t="e">
        <f>'申請書（複数入力用）'!N1190</f>
        <v>#N/A</v>
      </c>
      <c r="I1188" s="12" t="e">
        <f>'申請書（複数入力用）'!O1190</f>
        <v>#N/A</v>
      </c>
      <c r="J1188" s="12">
        <f>'申請書（複数入力用）'!P1190</f>
        <v>1</v>
      </c>
    </row>
    <row r="1189" spans="1:10" ht="51.6" customHeight="1" x14ac:dyDescent="0.45">
      <c r="A1189" s="6">
        <f>'申請書（複数入力用）'!A1191</f>
        <v>1185</v>
      </c>
      <c r="B1189" s="13">
        <f>'申請書（複数入力用）'!AH1191</f>
        <v>0</v>
      </c>
      <c r="C1189" s="6">
        <f>'申請書（複数入力用）'!B1191</f>
        <v>0</v>
      </c>
      <c r="D1189" s="6">
        <f>'申請書（複数入力用）'!D1191</f>
        <v>0</v>
      </c>
      <c r="E1189" s="14">
        <f>'申請書（複数入力用）'!H1191</f>
        <v>0</v>
      </c>
      <c r="F1189" s="11" t="str">
        <f>'申請書（複数入力用）'!J1191</f>
        <v/>
      </c>
      <c r="G1189" s="6" t="str">
        <f>'申請書（複数入力用）'!K1191</f>
        <v>a052r000000jS9ZAAU</v>
      </c>
      <c r="H1189" s="12" t="e">
        <f>'申請書（複数入力用）'!N1191</f>
        <v>#N/A</v>
      </c>
      <c r="I1189" s="12" t="e">
        <f>'申請書（複数入力用）'!O1191</f>
        <v>#N/A</v>
      </c>
      <c r="J1189" s="12">
        <f>'申請書（複数入力用）'!P1191</f>
        <v>1</v>
      </c>
    </row>
    <row r="1190" spans="1:10" ht="51.6" customHeight="1" x14ac:dyDescent="0.45">
      <c r="A1190" s="6">
        <f>'申請書（複数入力用）'!A1192</f>
        <v>1186</v>
      </c>
      <c r="B1190" s="13">
        <f>'申請書（複数入力用）'!AH1192</f>
        <v>0</v>
      </c>
      <c r="C1190" s="6">
        <f>'申請書（複数入力用）'!B1192</f>
        <v>0</v>
      </c>
      <c r="D1190" s="6">
        <f>'申請書（複数入力用）'!D1192</f>
        <v>0</v>
      </c>
      <c r="E1190" s="14">
        <f>'申請書（複数入力用）'!H1192</f>
        <v>0</v>
      </c>
      <c r="F1190" s="11" t="str">
        <f>'申請書（複数入力用）'!J1192</f>
        <v/>
      </c>
      <c r="G1190" s="6" t="str">
        <f>'申請書（複数入力用）'!K1192</f>
        <v>a052r000000jS9ZAAU</v>
      </c>
      <c r="H1190" s="12" t="e">
        <f>'申請書（複数入力用）'!N1192</f>
        <v>#N/A</v>
      </c>
      <c r="I1190" s="12" t="e">
        <f>'申請書（複数入力用）'!O1192</f>
        <v>#N/A</v>
      </c>
      <c r="J1190" s="12">
        <f>'申請書（複数入力用）'!P1192</f>
        <v>1</v>
      </c>
    </row>
    <row r="1191" spans="1:10" ht="51.6" customHeight="1" x14ac:dyDescent="0.45">
      <c r="A1191" s="6">
        <f>'申請書（複数入力用）'!A1193</f>
        <v>1187</v>
      </c>
      <c r="B1191" s="13">
        <f>'申請書（複数入力用）'!AH1193</f>
        <v>0</v>
      </c>
      <c r="C1191" s="6">
        <f>'申請書（複数入力用）'!B1193</f>
        <v>0</v>
      </c>
      <c r="D1191" s="6">
        <f>'申請書（複数入力用）'!D1193</f>
        <v>0</v>
      </c>
      <c r="E1191" s="14">
        <f>'申請書（複数入力用）'!H1193</f>
        <v>0</v>
      </c>
      <c r="F1191" s="11" t="str">
        <f>'申請書（複数入力用）'!J1193</f>
        <v/>
      </c>
      <c r="G1191" s="6" t="str">
        <f>'申請書（複数入力用）'!K1193</f>
        <v>a052r000000jS9ZAAU</v>
      </c>
      <c r="H1191" s="12" t="e">
        <f>'申請書（複数入力用）'!N1193</f>
        <v>#N/A</v>
      </c>
      <c r="I1191" s="12" t="e">
        <f>'申請書（複数入力用）'!O1193</f>
        <v>#N/A</v>
      </c>
      <c r="J1191" s="12">
        <f>'申請書（複数入力用）'!P1193</f>
        <v>1</v>
      </c>
    </row>
    <row r="1192" spans="1:10" ht="51.6" customHeight="1" x14ac:dyDescent="0.45">
      <c r="A1192" s="6">
        <f>'申請書（複数入力用）'!A1194</f>
        <v>1188</v>
      </c>
      <c r="B1192" s="13">
        <f>'申請書（複数入力用）'!AH1194</f>
        <v>0</v>
      </c>
      <c r="C1192" s="6">
        <f>'申請書（複数入力用）'!B1194</f>
        <v>0</v>
      </c>
      <c r="D1192" s="6">
        <f>'申請書（複数入力用）'!D1194</f>
        <v>0</v>
      </c>
      <c r="E1192" s="14">
        <f>'申請書（複数入力用）'!H1194</f>
        <v>0</v>
      </c>
      <c r="F1192" s="11" t="str">
        <f>'申請書（複数入力用）'!J1194</f>
        <v/>
      </c>
      <c r="G1192" s="6" t="str">
        <f>'申請書（複数入力用）'!K1194</f>
        <v>a052r000000jS9ZAAU</v>
      </c>
      <c r="H1192" s="12" t="e">
        <f>'申請書（複数入力用）'!N1194</f>
        <v>#N/A</v>
      </c>
      <c r="I1192" s="12" t="e">
        <f>'申請書（複数入力用）'!O1194</f>
        <v>#N/A</v>
      </c>
      <c r="J1192" s="12">
        <f>'申請書（複数入力用）'!P1194</f>
        <v>1</v>
      </c>
    </row>
    <row r="1193" spans="1:10" ht="51.6" customHeight="1" x14ac:dyDescent="0.45">
      <c r="A1193" s="6">
        <f>'申請書（複数入力用）'!A1195</f>
        <v>1189</v>
      </c>
      <c r="B1193" s="13">
        <f>'申請書（複数入力用）'!AH1195</f>
        <v>0</v>
      </c>
      <c r="C1193" s="6">
        <f>'申請書（複数入力用）'!B1195</f>
        <v>0</v>
      </c>
      <c r="D1193" s="6">
        <f>'申請書（複数入力用）'!D1195</f>
        <v>0</v>
      </c>
      <c r="E1193" s="14">
        <f>'申請書（複数入力用）'!H1195</f>
        <v>0</v>
      </c>
      <c r="F1193" s="11" t="str">
        <f>'申請書（複数入力用）'!J1195</f>
        <v/>
      </c>
      <c r="G1193" s="6" t="str">
        <f>'申請書（複数入力用）'!K1195</f>
        <v>a052r000000jS9ZAAU</v>
      </c>
      <c r="H1193" s="12" t="e">
        <f>'申請書（複数入力用）'!N1195</f>
        <v>#N/A</v>
      </c>
      <c r="I1193" s="12" t="e">
        <f>'申請書（複数入力用）'!O1195</f>
        <v>#N/A</v>
      </c>
      <c r="J1193" s="12">
        <f>'申請書（複数入力用）'!P1195</f>
        <v>1</v>
      </c>
    </row>
    <row r="1194" spans="1:10" ht="51.6" customHeight="1" x14ac:dyDescent="0.45">
      <c r="A1194" s="6">
        <f>'申請書（複数入力用）'!A1196</f>
        <v>1190</v>
      </c>
      <c r="B1194" s="13">
        <f>'申請書（複数入力用）'!AH1196</f>
        <v>0</v>
      </c>
      <c r="C1194" s="6">
        <f>'申請書（複数入力用）'!B1196</f>
        <v>0</v>
      </c>
      <c r="D1194" s="6">
        <f>'申請書（複数入力用）'!D1196</f>
        <v>0</v>
      </c>
      <c r="E1194" s="14">
        <f>'申請書（複数入力用）'!H1196</f>
        <v>0</v>
      </c>
      <c r="F1194" s="11" t="str">
        <f>'申請書（複数入力用）'!J1196</f>
        <v/>
      </c>
      <c r="G1194" s="6" t="str">
        <f>'申請書（複数入力用）'!K1196</f>
        <v>a052r000000jS9ZAAU</v>
      </c>
      <c r="H1194" s="12" t="e">
        <f>'申請書（複数入力用）'!N1196</f>
        <v>#N/A</v>
      </c>
      <c r="I1194" s="12" t="e">
        <f>'申請書（複数入力用）'!O1196</f>
        <v>#N/A</v>
      </c>
      <c r="J1194" s="12">
        <f>'申請書（複数入力用）'!P1196</f>
        <v>1</v>
      </c>
    </row>
    <row r="1195" spans="1:10" ht="51.6" customHeight="1" x14ac:dyDescent="0.45">
      <c r="A1195" s="6">
        <f>'申請書（複数入力用）'!A1197</f>
        <v>1191</v>
      </c>
      <c r="B1195" s="13">
        <f>'申請書（複数入力用）'!AH1197</f>
        <v>0</v>
      </c>
      <c r="C1195" s="6">
        <f>'申請書（複数入力用）'!B1197</f>
        <v>0</v>
      </c>
      <c r="D1195" s="6">
        <f>'申請書（複数入力用）'!D1197</f>
        <v>0</v>
      </c>
      <c r="E1195" s="14">
        <f>'申請書（複数入力用）'!H1197</f>
        <v>0</v>
      </c>
      <c r="F1195" s="11" t="str">
        <f>'申請書（複数入力用）'!J1197</f>
        <v/>
      </c>
      <c r="G1195" s="6" t="str">
        <f>'申請書（複数入力用）'!K1197</f>
        <v>a052r000000jS9ZAAU</v>
      </c>
      <c r="H1195" s="12" t="e">
        <f>'申請書（複数入力用）'!N1197</f>
        <v>#N/A</v>
      </c>
      <c r="I1195" s="12" t="e">
        <f>'申請書（複数入力用）'!O1197</f>
        <v>#N/A</v>
      </c>
      <c r="J1195" s="12">
        <f>'申請書（複数入力用）'!P1197</f>
        <v>1</v>
      </c>
    </row>
    <row r="1196" spans="1:10" ht="51.6" customHeight="1" x14ac:dyDescent="0.45">
      <c r="A1196" s="6">
        <f>'申請書（複数入力用）'!A1198</f>
        <v>1192</v>
      </c>
      <c r="B1196" s="13">
        <f>'申請書（複数入力用）'!AH1198</f>
        <v>0</v>
      </c>
      <c r="C1196" s="6">
        <f>'申請書（複数入力用）'!B1198</f>
        <v>0</v>
      </c>
      <c r="D1196" s="6">
        <f>'申請書（複数入力用）'!D1198</f>
        <v>0</v>
      </c>
      <c r="E1196" s="14">
        <f>'申請書（複数入力用）'!H1198</f>
        <v>0</v>
      </c>
      <c r="F1196" s="11" t="str">
        <f>'申請書（複数入力用）'!J1198</f>
        <v/>
      </c>
      <c r="G1196" s="6" t="str">
        <f>'申請書（複数入力用）'!K1198</f>
        <v>a052r000000jS9ZAAU</v>
      </c>
      <c r="H1196" s="12" t="e">
        <f>'申請書（複数入力用）'!N1198</f>
        <v>#N/A</v>
      </c>
      <c r="I1196" s="12" t="e">
        <f>'申請書（複数入力用）'!O1198</f>
        <v>#N/A</v>
      </c>
      <c r="J1196" s="12">
        <f>'申請書（複数入力用）'!P1198</f>
        <v>1</v>
      </c>
    </row>
    <row r="1197" spans="1:10" ht="51.6" customHeight="1" x14ac:dyDescent="0.45">
      <c r="A1197" s="6">
        <f>'申請書（複数入力用）'!A1199</f>
        <v>1193</v>
      </c>
      <c r="B1197" s="13">
        <f>'申請書（複数入力用）'!AH1199</f>
        <v>0</v>
      </c>
      <c r="C1197" s="6">
        <f>'申請書（複数入力用）'!B1199</f>
        <v>0</v>
      </c>
      <c r="D1197" s="6">
        <f>'申請書（複数入力用）'!D1199</f>
        <v>0</v>
      </c>
      <c r="E1197" s="14">
        <f>'申請書（複数入力用）'!H1199</f>
        <v>0</v>
      </c>
      <c r="F1197" s="11" t="str">
        <f>'申請書（複数入力用）'!J1199</f>
        <v/>
      </c>
      <c r="G1197" s="6" t="str">
        <f>'申請書（複数入力用）'!K1199</f>
        <v>a052r000000jS9ZAAU</v>
      </c>
      <c r="H1197" s="12" t="e">
        <f>'申請書（複数入力用）'!N1199</f>
        <v>#N/A</v>
      </c>
      <c r="I1197" s="12" t="e">
        <f>'申請書（複数入力用）'!O1199</f>
        <v>#N/A</v>
      </c>
      <c r="J1197" s="12">
        <f>'申請書（複数入力用）'!P1199</f>
        <v>1</v>
      </c>
    </row>
    <row r="1198" spans="1:10" ht="51.6" customHeight="1" x14ac:dyDescent="0.45">
      <c r="A1198" s="6">
        <f>'申請書（複数入力用）'!A1200</f>
        <v>1194</v>
      </c>
      <c r="B1198" s="13">
        <f>'申請書（複数入力用）'!AH1200</f>
        <v>0</v>
      </c>
      <c r="C1198" s="6">
        <f>'申請書（複数入力用）'!B1200</f>
        <v>0</v>
      </c>
      <c r="D1198" s="6">
        <f>'申請書（複数入力用）'!D1200</f>
        <v>0</v>
      </c>
      <c r="E1198" s="14">
        <f>'申請書（複数入力用）'!H1200</f>
        <v>0</v>
      </c>
      <c r="F1198" s="11" t="str">
        <f>'申請書（複数入力用）'!J1200</f>
        <v/>
      </c>
      <c r="G1198" s="6" t="str">
        <f>'申請書（複数入力用）'!K1200</f>
        <v>a052r000000jS9ZAAU</v>
      </c>
      <c r="H1198" s="12" t="e">
        <f>'申請書（複数入力用）'!N1200</f>
        <v>#N/A</v>
      </c>
      <c r="I1198" s="12" t="e">
        <f>'申請書（複数入力用）'!O1200</f>
        <v>#N/A</v>
      </c>
      <c r="J1198" s="12">
        <f>'申請書（複数入力用）'!P1200</f>
        <v>1</v>
      </c>
    </row>
    <row r="1199" spans="1:10" ht="51.6" customHeight="1" x14ac:dyDescent="0.45">
      <c r="A1199" s="6">
        <f>'申請書（複数入力用）'!A1201</f>
        <v>1195</v>
      </c>
      <c r="B1199" s="13">
        <f>'申請書（複数入力用）'!AH1201</f>
        <v>0</v>
      </c>
      <c r="C1199" s="6">
        <f>'申請書（複数入力用）'!B1201</f>
        <v>0</v>
      </c>
      <c r="D1199" s="6">
        <f>'申請書（複数入力用）'!D1201</f>
        <v>0</v>
      </c>
      <c r="E1199" s="14">
        <f>'申請書（複数入力用）'!H1201</f>
        <v>0</v>
      </c>
      <c r="F1199" s="11" t="str">
        <f>'申請書（複数入力用）'!J1201</f>
        <v/>
      </c>
      <c r="G1199" s="6" t="str">
        <f>'申請書（複数入力用）'!K1201</f>
        <v>a052r000000jS9ZAAU</v>
      </c>
      <c r="H1199" s="12" t="e">
        <f>'申請書（複数入力用）'!N1201</f>
        <v>#N/A</v>
      </c>
      <c r="I1199" s="12" t="e">
        <f>'申請書（複数入力用）'!O1201</f>
        <v>#N/A</v>
      </c>
      <c r="J1199" s="12">
        <f>'申請書（複数入力用）'!P1201</f>
        <v>1</v>
      </c>
    </row>
    <row r="1200" spans="1:10" ht="51.6" customHeight="1" x14ac:dyDescent="0.45">
      <c r="A1200" s="6">
        <f>'申請書（複数入力用）'!A1202</f>
        <v>1196</v>
      </c>
      <c r="B1200" s="13">
        <f>'申請書（複数入力用）'!AH1202</f>
        <v>0</v>
      </c>
      <c r="C1200" s="6">
        <f>'申請書（複数入力用）'!B1202</f>
        <v>0</v>
      </c>
      <c r="D1200" s="6">
        <f>'申請書（複数入力用）'!D1202</f>
        <v>0</v>
      </c>
      <c r="E1200" s="14">
        <f>'申請書（複数入力用）'!H1202</f>
        <v>0</v>
      </c>
      <c r="F1200" s="11" t="str">
        <f>'申請書（複数入力用）'!J1202</f>
        <v/>
      </c>
      <c r="G1200" s="6" t="str">
        <f>'申請書（複数入力用）'!K1202</f>
        <v>a052r000000jS9ZAAU</v>
      </c>
      <c r="H1200" s="12" t="e">
        <f>'申請書（複数入力用）'!N1202</f>
        <v>#N/A</v>
      </c>
      <c r="I1200" s="12" t="e">
        <f>'申請書（複数入力用）'!O1202</f>
        <v>#N/A</v>
      </c>
      <c r="J1200" s="12">
        <f>'申請書（複数入力用）'!P1202</f>
        <v>1</v>
      </c>
    </row>
    <row r="1201" spans="1:10" ht="51.6" customHeight="1" x14ac:dyDescent="0.45">
      <c r="A1201" s="6">
        <f>'申請書（複数入力用）'!A1203</f>
        <v>1197</v>
      </c>
      <c r="B1201" s="13">
        <f>'申請書（複数入力用）'!AH1203</f>
        <v>0</v>
      </c>
      <c r="C1201" s="6">
        <f>'申請書（複数入力用）'!B1203</f>
        <v>0</v>
      </c>
      <c r="D1201" s="6">
        <f>'申請書（複数入力用）'!D1203</f>
        <v>0</v>
      </c>
      <c r="E1201" s="14">
        <f>'申請書（複数入力用）'!H1203</f>
        <v>0</v>
      </c>
      <c r="F1201" s="11" t="str">
        <f>'申請書（複数入力用）'!J1203</f>
        <v/>
      </c>
      <c r="G1201" s="6" t="str">
        <f>'申請書（複数入力用）'!K1203</f>
        <v>a052r000000jS9ZAAU</v>
      </c>
      <c r="H1201" s="12" t="e">
        <f>'申請書（複数入力用）'!N1203</f>
        <v>#N/A</v>
      </c>
      <c r="I1201" s="12" t="e">
        <f>'申請書（複数入力用）'!O1203</f>
        <v>#N/A</v>
      </c>
      <c r="J1201" s="12">
        <f>'申請書（複数入力用）'!P1203</f>
        <v>1</v>
      </c>
    </row>
    <row r="1202" spans="1:10" ht="51.6" customHeight="1" x14ac:dyDescent="0.45">
      <c r="A1202" s="6">
        <f>'申請書（複数入力用）'!A1204</f>
        <v>1198</v>
      </c>
      <c r="B1202" s="13">
        <f>'申請書（複数入力用）'!AH1204</f>
        <v>0</v>
      </c>
      <c r="C1202" s="6">
        <f>'申請書（複数入力用）'!B1204</f>
        <v>0</v>
      </c>
      <c r="D1202" s="6">
        <f>'申請書（複数入力用）'!D1204</f>
        <v>0</v>
      </c>
      <c r="E1202" s="14">
        <f>'申請書（複数入力用）'!H1204</f>
        <v>0</v>
      </c>
      <c r="F1202" s="11" t="str">
        <f>'申請書（複数入力用）'!J1204</f>
        <v/>
      </c>
      <c r="G1202" s="6" t="str">
        <f>'申請書（複数入力用）'!K1204</f>
        <v>a052r000000jS9ZAAU</v>
      </c>
      <c r="H1202" s="12" t="e">
        <f>'申請書（複数入力用）'!N1204</f>
        <v>#N/A</v>
      </c>
      <c r="I1202" s="12" t="e">
        <f>'申請書（複数入力用）'!O1204</f>
        <v>#N/A</v>
      </c>
      <c r="J1202" s="12">
        <f>'申請書（複数入力用）'!P1204</f>
        <v>1</v>
      </c>
    </row>
    <row r="1203" spans="1:10" ht="51.6" customHeight="1" x14ac:dyDescent="0.45">
      <c r="A1203" s="6">
        <f>'申請書（複数入力用）'!A1205</f>
        <v>1199</v>
      </c>
      <c r="B1203" s="13">
        <f>'申請書（複数入力用）'!AH1205</f>
        <v>0</v>
      </c>
      <c r="C1203" s="6">
        <f>'申請書（複数入力用）'!B1205</f>
        <v>0</v>
      </c>
      <c r="D1203" s="6">
        <f>'申請書（複数入力用）'!D1205</f>
        <v>0</v>
      </c>
      <c r="E1203" s="14">
        <f>'申請書（複数入力用）'!H1205</f>
        <v>0</v>
      </c>
      <c r="F1203" s="11" t="str">
        <f>'申請書（複数入力用）'!J1205</f>
        <v/>
      </c>
      <c r="G1203" s="6" t="str">
        <f>'申請書（複数入力用）'!K1205</f>
        <v>a052r000000jS9ZAAU</v>
      </c>
      <c r="H1203" s="12" t="e">
        <f>'申請書（複数入力用）'!N1205</f>
        <v>#N/A</v>
      </c>
      <c r="I1203" s="12" t="e">
        <f>'申請書（複数入力用）'!O1205</f>
        <v>#N/A</v>
      </c>
      <c r="J1203" s="12">
        <f>'申請書（複数入力用）'!P1205</f>
        <v>1</v>
      </c>
    </row>
    <row r="1204" spans="1:10" ht="51.6" customHeight="1" x14ac:dyDescent="0.45">
      <c r="A1204" s="6">
        <f>'申請書（複数入力用）'!A1206</f>
        <v>1200</v>
      </c>
      <c r="B1204" s="13">
        <f>'申請書（複数入力用）'!AH1206</f>
        <v>0</v>
      </c>
      <c r="C1204" s="6">
        <f>'申請書（複数入力用）'!B1206</f>
        <v>0</v>
      </c>
      <c r="D1204" s="6">
        <f>'申請書（複数入力用）'!D1206</f>
        <v>0</v>
      </c>
      <c r="E1204" s="14">
        <f>'申請書（複数入力用）'!H1206</f>
        <v>0</v>
      </c>
      <c r="F1204" s="11" t="str">
        <f>'申請書（複数入力用）'!J1206</f>
        <v/>
      </c>
      <c r="G1204" s="6" t="str">
        <f>'申請書（複数入力用）'!K1206</f>
        <v>a052r000000jS9ZAAU</v>
      </c>
      <c r="H1204" s="12" t="e">
        <f>'申請書（複数入力用）'!N1206</f>
        <v>#N/A</v>
      </c>
      <c r="I1204" s="12" t="e">
        <f>'申請書（複数入力用）'!O1206</f>
        <v>#N/A</v>
      </c>
      <c r="J1204" s="12">
        <f>'申請書（複数入力用）'!P1206</f>
        <v>1</v>
      </c>
    </row>
    <row r="1205" spans="1:10" ht="51.6" customHeight="1" x14ac:dyDescent="0.45">
      <c r="A1205" s="6">
        <f>'申請書（複数入力用）'!A1207</f>
        <v>1201</v>
      </c>
      <c r="B1205" s="13">
        <f>'申請書（複数入力用）'!AH1207</f>
        <v>0</v>
      </c>
      <c r="C1205" s="6">
        <f>'申請書（複数入力用）'!B1207</f>
        <v>0</v>
      </c>
      <c r="D1205" s="6">
        <f>'申請書（複数入力用）'!D1207</f>
        <v>0</v>
      </c>
      <c r="E1205" s="14">
        <f>'申請書（複数入力用）'!H1207</f>
        <v>0</v>
      </c>
      <c r="F1205" s="11" t="str">
        <f>'申請書（複数入力用）'!J1207</f>
        <v/>
      </c>
      <c r="G1205" s="6" t="str">
        <f>'申請書（複数入力用）'!K1207</f>
        <v>a052r000000jS9ZAAU</v>
      </c>
      <c r="H1205" s="12" t="e">
        <f>'申請書（複数入力用）'!N1207</f>
        <v>#N/A</v>
      </c>
      <c r="I1205" s="12" t="e">
        <f>'申請書（複数入力用）'!O1207</f>
        <v>#N/A</v>
      </c>
      <c r="J1205" s="12">
        <f>'申請書（複数入力用）'!P1207</f>
        <v>1</v>
      </c>
    </row>
    <row r="1206" spans="1:10" ht="51.6" customHeight="1" x14ac:dyDescent="0.45">
      <c r="A1206" s="6">
        <f>'申請書（複数入力用）'!A1208</f>
        <v>1202</v>
      </c>
      <c r="B1206" s="13">
        <f>'申請書（複数入力用）'!AH1208</f>
        <v>0</v>
      </c>
      <c r="C1206" s="6">
        <f>'申請書（複数入力用）'!B1208</f>
        <v>0</v>
      </c>
      <c r="D1206" s="6">
        <f>'申請書（複数入力用）'!D1208</f>
        <v>0</v>
      </c>
      <c r="E1206" s="14">
        <f>'申請書（複数入力用）'!H1208</f>
        <v>0</v>
      </c>
      <c r="F1206" s="11" t="str">
        <f>'申請書（複数入力用）'!J1208</f>
        <v/>
      </c>
      <c r="G1206" s="6" t="str">
        <f>'申請書（複数入力用）'!K1208</f>
        <v>a052r000000jS9ZAAU</v>
      </c>
      <c r="H1206" s="12" t="e">
        <f>'申請書（複数入力用）'!N1208</f>
        <v>#N/A</v>
      </c>
      <c r="I1206" s="12" t="e">
        <f>'申請書（複数入力用）'!O1208</f>
        <v>#N/A</v>
      </c>
      <c r="J1206" s="12">
        <f>'申請書（複数入力用）'!P1208</f>
        <v>1</v>
      </c>
    </row>
    <row r="1207" spans="1:10" ht="51.6" customHeight="1" x14ac:dyDescent="0.45">
      <c r="A1207" s="6">
        <f>'申請書（複数入力用）'!A1209</f>
        <v>1203</v>
      </c>
      <c r="B1207" s="13">
        <f>'申請書（複数入力用）'!AH1209</f>
        <v>0</v>
      </c>
      <c r="C1207" s="6">
        <f>'申請書（複数入力用）'!B1209</f>
        <v>0</v>
      </c>
      <c r="D1207" s="6">
        <f>'申請書（複数入力用）'!D1209</f>
        <v>0</v>
      </c>
      <c r="E1207" s="14">
        <f>'申請書（複数入力用）'!H1209</f>
        <v>0</v>
      </c>
      <c r="F1207" s="11" t="str">
        <f>'申請書（複数入力用）'!J1209</f>
        <v/>
      </c>
      <c r="G1207" s="6" t="str">
        <f>'申請書（複数入力用）'!K1209</f>
        <v>a052r000000jS9ZAAU</v>
      </c>
      <c r="H1207" s="12" t="e">
        <f>'申請書（複数入力用）'!N1209</f>
        <v>#N/A</v>
      </c>
      <c r="I1207" s="12" t="e">
        <f>'申請書（複数入力用）'!O1209</f>
        <v>#N/A</v>
      </c>
      <c r="J1207" s="12">
        <f>'申請書（複数入力用）'!P1209</f>
        <v>1</v>
      </c>
    </row>
    <row r="1208" spans="1:10" ht="51.6" customHeight="1" x14ac:dyDescent="0.45">
      <c r="A1208" s="6">
        <f>'申請書（複数入力用）'!A1210</f>
        <v>1204</v>
      </c>
      <c r="B1208" s="13">
        <f>'申請書（複数入力用）'!AH1210</f>
        <v>0</v>
      </c>
      <c r="C1208" s="6">
        <f>'申請書（複数入力用）'!B1210</f>
        <v>0</v>
      </c>
      <c r="D1208" s="6">
        <f>'申請書（複数入力用）'!D1210</f>
        <v>0</v>
      </c>
      <c r="E1208" s="14">
        <f>'申請書（複数入力用）'!H1210</f>
        <v>0</v>
      </c>
      <c r="F1208" s="11" t="str">
        <f>'申請書（複数入力用）'!J1210</f>
        <v/>
      </c>
      <c r="G1208" s="6" t="str">
        <f>'申請書（複数入力用）'!K1210</f>
        <v>a052r000000jS9ZAAU</v>
      </c>
      <c r="H1208" s="12" t="e">
        <f>'申請書（複数入力用）'!N1210</f>
        <v>#N/A</v>
      </c>
      <c r="I1208" s="12" t="e">
        <f>'申請書（複数入力用）'!O1210</f>
        <v>#N/A</v>
      </c>
      <c r="J1208" s="12">
        <f>'申請書（複数入力用）'!P1210</f>
        <v>1</v>
      </c>
    </row>
    <row r="1209" spans="1:10" ht="51.6" customHeight="1" x14ac:dyDescent="0.45">
      <c r="A1209" s="6">
        <f>'申請書（複数入力用）'!A1211</f>
        <v>1205</v>
      </c>
      <c r="B1209" s="13">
        <f>'申請書（複数入力用）'!AH1211</f>
        <v>0</v>
      </c>
      <c r="C1209" s="6">
        <f>'申請書（複数入力用）'!B1211</f>
        <v>0</v>
      </c>
      <c r="D1209" s="6">
        <f>'申請書（複数入力用）'!D1211</f>
        <v>0</v>
      </c>
      <c r="E1209" s="14">
        <f>'申請書（複数入力用）'!H1211</f>
        <v>0</v>
      </c>
      <c r="F1209" s="11" t="str">
        <f>'申請書（複数入力用）'!J1211</f>
        <v/>
      </c>
      <c r="G1209" s="6" t="str">
        <f>'申請書（複数入力用）'!K1211</f>
        <v>a052r000000jS9ZAAU</v>
      </c>
      <c r="H1209" s="12" t="e">
        <f>'申請書（複数入力用）'!N1211</f>
        <v>#N/A</v>
      </c>
      <c r="I1209" s="12" t="e">
        <f>'申請書（複数入力用）'!O1211</f>
        <v>#N/A</v>
      </c>
      <c r="J1209" s="12">
        <f>'申請書（複数入力用）'!P1211</f>
        <v>1</v>
      </c>
    </row>
    <row r="1210" spans="1:10" ht="51.6" customHeight="1" x14ac:dyDescent="0.45">
      <c r="A1210" s="6">
        <f>'申請書（複数入力用）'!A1212</f>
        <v>1206</v>
      </c>
      <c r="B1210" s="13">
        <f>'申請書（複数入力用）'!AH1212</f>
        <v>0</v>
      </c>
      <c r="C1210" s="6">
        <f>'申請書（複数入力用）'!B1212</f>
        <v>0</v>
      </c>
      <c r="D1210" s="6">
        <f>'申請書（複数入力用）'!D1212</f>
        <v>0</v>
      </c>
      <c r="E1210" s="14">
        <f>'申請書（複数入力用）'!H1212</f>
        <v>0</v>
      </c>
      <c r="F1210" s="11" t="str">
        <f>'申請書（複数入力用）'!J1212</f>
        <v/>
      </c>
      <c r="G1210" s="6" t="str">
        <f>'申請書（複数入力用）'!K1212</f>
        <v>a052r000000jS9ZAAU</v>
      </c>
      <c r="H1210" s="12" t="e">
        <f>'申請書（複数入力用）'!N1212</f>
        <v>#N/A</v>
      </c>
      <c r="I1210" s="12" t="e">
        <f>'申請書（複数入力用）'!O1212</f>
        <v>#N/A</v>
      </c>
      <c r="J1210" s="12">
        <f>'申請書（複数入力用）'!P1212</f>
        <v>1</v>
      </c>
    </row>
    <row r="1211" spans="1:10" ht="51.6" customHeight="1" x14ac:dyDescent="0.45">
      <c r="A1211" s="6">
        <f>'申請書（複数入力用）'!A1213</f>
        <v>1207</v>
      </c>
      <c r="B1211" s="13">
        <f>'申請書（複数入力用）'!AH1213</f>
        <v>0</v>
      </c>
      <c r="C1211" s="6">
        <f>'申請書（複数入力用）'!B1213</f>
        <v>0</v>
      </c>
      <c r="D1211" s="6">
        <f>'申請書（複数入力用）'!D1213</f>
        <v>0</v>
      </c>
      <c r="E1211" s="14">
        <f>'申請書（複数入力用）'!H1213</f>
        <v>0</v>
      </c>
      <c r="F1211" s="11" t="str">
        <f>'申請書（複数入力用）'!J1213</f>
        <v/>
      </c>
      <c r="G1211" s="6" t="str">
        <f>'申請書（複数入力用）'!K1213</f>
        <v>a052r000000jS9ZAAU</v>
      </c>
      <c r="H1211" s="12" t="e">
        <f>'申請書（複数入力用）'!N1213</f>
        <v>#N/A</v>
      </c>
      <c r="I1211" s="12" t="e">
        <f>'申請書（複数入力用）'!O1213</f>
        <v>#N/A</v>
      </c>
      <c r="J1211" s="12">
        <f>'申請書（複数入力用）'!P1213</f>
        <v>1</v>
      </c>
    </row>
    <row r="1212" spans="1:10" ht="51.6" customHeight="1" x14ac:dyDescent="0.45">
      <c r="A1212" s="6">
        <f>'申請書（複数入力用）'!A1214</f>
        <v>1208</v>
      </c>
      <c r="B1212" s="13">
        <f>'申請書（複数入力用）'!AH1214</f>
        <v>0</v>
      </c>
      <c r="C1212" s="6">
        <f>'申請書（複数入力用）'!B1214</f>
        <v>0</v>
      </c>
      <c r="D1212" s="6">
        <f>'申請書（複数入力用）'!D1214</f>
        <v>0</v>
      </c>
      <c r="E1212" s="14">
        <f>'申請書（複数入力用）'!H1214</f>
        <v>0</v>
      </c>
      <c r="F1212" s="11" t="str">
        <f>'申請書（複数入力用）'!J1214</f>
        <v/>
      </c>
      <c r="G1212" s="6" t="str">
        <f>'申請書（複数入力用）'!K1214</f>
        <v>a052r000000jS9ZAAU</v>
      </c>
      <c r="H1212" s="12" t="e">
        <f>'申請書（複数入力用）'!N1214</f>
        <v>#N/A</v>
      </c>
      <c r="I1212" s="12" t="e">
        <f>'申請書（複数入力用）'!O1214</f>
        <v>#N/A</v>
      </c>
      <c r="J1212" s="12">
        <f>'申請書（複数入力用）'!P1214</f>
        <v>1</v>
      </c>
    </row>
    <row r="1213" spans="1:10" ht="51.6" customHeight="1" x14ac:dyDescent="0.45">
      <c r="A1213" s="6">
        <f>'申請書（複数入力用）'!A1215</f>
        <v>1209</v>
      </c>
      <c r="B1213" s="13">
        <f>'申請書（複数入力用）'!AH1215</f>
        <v>0</v>
      </c>
      <c r="C1213" s="6">
        <f>'申請書（複数入力用）'!B1215</f>
        <v>0</v>
      </c>
      <c r="D1213" s="6">
        <f>'申請書（複数入力用）'!D1215</f>
        <v>0</v>
      </c>
      <c r="E1213" s="14">
        <f>'申請書（複数入力用）'!H1215</f>
        <v>0</v>
      </c>
      <c r="F1213" s="11" t="str">
        <f>'申請書（複数入力用）'!J1215</f>
        <v/>
      </c>
      <c r="G1213" s="6" t="str">
        <f>'申請書（複数入力用）'!K1215</f>
        <v>a052r000000jS9ZAAU</v>
      </c>
      <c r="H1213" s="12" t="e">
        <f>'申請書（複数入力用）'!N1215</f>
        <v>#N/A</v>
      </c>
      <c r="I1213" s="12" t="e">
        <f>'申請書（複数入力用）'!O1215</f>
        <v>#N/A</v>
      </c>
      <c r="J1213" s="12">
        <f>'申請書（複数入力用）'!P1215</f>
        <v>1</v>
      </c>
    </row>
    <row r="1214" spans="1:10" ht="51.6" customHeight="1" x14ac:dyDescent="0.45">
      <c r="A1214" s="6">
        <f>'申請書（複数入力用）'!A1216</f>
        <v>1210</v>
      </c>
      <c r="B1214" s="13">
        <f>'申請書（複数入力用）'!AH1216</f>
        <v>0</v>
      </c>
      <c r="C1214" s="6">
        <f>'申請書（複数入力用）'!B1216</f>
        <v>0</v>
      </c>
      <c r="D1214" s="6">
        <f>'申請書（複数入力用）'!D1216</f>
        <v>0</v>
      </c>
      <c r="E1214" s="14">
        <f>'申請書（複数入力用）'!H1216</f>
        <v>0</v>
      </c>
      <c r="F1214" s="11" t="str">
        <f>'申請書（複数入力用）'!J1216</f>
        <v/>
      </c>
      <c r="G1214" s="6" t="str">
        <f>'申請書（複数入力用）'!K1216</f>
        <v>a052r000000jS9ZAAU</v>
      </c>
      <c r="H1214" s="12" t="e">
        <f>'申請書（複数入力用）'!N1216</f>
        <v>#N/A</v>
      </c>
      <c r="I1214" s="12" t="e">
        <f>'申請書（複数入力用）'!O1216</f>
        <v>#N/A</v>
      </c>
      <c r="J1214" s="12">
        <f>'申請書（複数入力用）'!P1216</f>
        <v>1</v>
      </c>
    </row>
    <row r="1215" spans="1:10" ht="51.6" customHeight="1" x14ac:dyDescent="0.45">
      <c r="A1215" s="6">
        <f>'申請書（複数入力用）'!A1217</f>
        <v>1211</v>
      </c>
      <c r="B1215" s="13">
        <f>'申請書（複数入力用）'!AH1217</f>
        <v>0</v>
      </c>
      <c r="C1215" s="6">
        <f>'申請書（複数入力用）'!B1217</f>
        <v>0</v>
      </c>
      <c r="D1215" s="6">
        <f>'申請書（複数入力用）'!D1217</f>
        <v>0</v>
      </c>
      <c r="E1215" s="14">
        <f>'申請書（複数入力用）'!H1217</f>
        <v>0</v>
      </c>
      <c r="F1215" s="11" t="str">
        <f>'申請書（複数入力用）'!J1217</f>
        <v/>
      </c>
      <c r="G1215" s="6" t="str">
        <f>'申請書（複数入力用）'!K1217</f>
        <v>a052r000000jS9ZAAU</v>
      </c>
      <c r="H1215" s="12" t="e">
        <f>'申請書（複数入力用）'!N1217</f>
        <v>#N/A</v>
      </c>
      <c r="I1215" s="12" t="e">
        <f>'申請書（複数入力用）'!O1217</f>
        <v>#N/A</v>
      </c>
      <c r="J1215" s="12">
        <f>'申請書（複数入力用）'!P1217</f>
        <v>1</v>
      </c>
    </row>
    <row r="1216" spans="1:10" ht="51.6" customHeight="1" x14ac:dyDescent="0.45">
      <c r="A1216" s="6">
        <f>'申請書（複数入力用）'!A1218</f>
        <v>1212</v>
      </c>
      <c r="B1216" s="13">
        <f>'申請書（複数入力用）'!AH1218</f>
        <v>0</v>
      </c>
      <c r="C1216" s="6">
        <f>'申請書（複数入力用）'!B1218</f>
        <v>0</v>
      </c>
      <c r="D1216" s="6">
        <f>'申請書（複数入力用）'!D1218</f>
        <v>0</v>
      </c>
      <c r="E1216" s="14">
        <f>'申請書（複数入力用）'!H1218</f>
        <v>0</v>
      </c>
      <c r="F1216" s="11" t="str">
        <f>'申請書（複数入力用）'!J1218</f>
        <v/>
      </c>
      <c r="G1216" s="6" t="str">
        <f>'申請書（複数入力用）'!K1218</f>
        <v>a052r000000jS9ZAAU</v>
      </c>
      <c r="H1216" s="12" t="e">
        <f>'申請書（複数入力用）'!N1218</f>
        <v>#N/A</v>
      </c>
      <c r="I1216" s="12" t="e">
        <f>'申請書（複数入力用）'!O1218</f>
        <v>#N/A</v>
      </c>
      <c r="J1216" s="12">
        <f>'申請書（複数入力用）'!P1218</f>
        <v>1</v>
      </c>
    </row>
    <row r="1217" spans="1:10" ht="51.6" customHeight="1" x14ac:dyDescent="0.45">
      <c r="A1217" s="6">
        <f>'申請書（複数入力用）'!A1219</f>
        <v>1213</v>
      </c>
      <c r="B1217" s="13">
        <f>'申請書（複数入力用）'!AH1219</f>
        <v>0</v>
      </c>
      <c r="C1217" s="6">
        <f>'申請書（複数入力用）'!B1219</f>
        <v>0</v>
      </c>
      <c r="D1217" s="6">
        <f>'申請書（複数入力用）'!D1219</f>
        <v>0</v>
      </c>
      <c r="E1217" s="14">
        <f>'申請書（複数入力用）'!H1219</f>
        <v>0</v>
      </c>
      <c r="F1217" s="11" t="str">
        <f>'申請書（複数入力用）'!J1219</f>
        <v/>
      </c>
      <c r="G1217" s="6" t="str">
        <f>'申請書（複数入力用）'!K1219</f>
        <v>a052r000000jS9ZAAU</v>
      </c>
      <c r="H1217" s="12" t="e">
        <f>'申請書（複数入力用）'!N1219</f>
        <v>#N/A</v>
      </c>
      <c r="I1217" s="12" t="e">
        <f>'申請書（複数入力用）'!O1219</f>
        <v>#N/A</v>
      </c>
      <c r="J1217" s="12">
        <f>'申請書（複数入力用）'!P1219</f>
        <v>1</v>
      </c>
    </row>
    <row r="1218" spans="1:10" ht="51.6" customHeight="1" x14ac:dyDescent="0.45">
      <c r="A1218" s="6">
        <f>'申請書（複数入力用）'!A1220</f>
        <v>1214</v>
      </c>
      <c r="B1218" s="13">
        <f>'申請書（複数入力用）'!AH1220</f>
        <v>0</v>
      </c>
      <c r="C1218" s="6">
        <f>'申請書（複数入力用）'!B1220</f>
        <v>0</v>
      </c>
      <c r="D1218" s="6">
        <f>'申請書（複数入力用）'!D1220</f>
        <v>0</v>
      </c>
      <c r="E1218" s="14">
        <f>'申請書（複数入力用）'!H1220</f>
        <v>0</v>
      </c>
      <c r="F1218" s="11" t="str">
        <f>'申請書（複数入力用）'!J1220</f>
        <v/>
      </c>
      <c r="G1218" s="6" t="str">
        <f>'申請書（複数入力用）'!K1220</f>
        <v>a052r000000jS9ZAAU</v>
      </c>
      <c r="H1218" s="12" t="e">
        <f>'申請書（複数入力用）'!N1220</f>
        <v>#N/A</v>
      </c>
      <c r="I1218" s="12" t="e">
        <f>'申請書（複数入力用）'!O1220</f>
        <v>#N/A</v>
      </c>
      <c r="J1218" s="12">
        <f>'申請書（複数入力用）'!P1220</f>
        <v>1</v>
      </c>
    </row>
    <row r="1219" spans="1:10" ht="51.6" customHeight="1" x14ac:dyDescent="0.45">
      <c r="A1219" s="6">
        <f>'申請書（複数入力用）'!A1221</f>
        <v>1215</v>
      </c>
      <c r="B1219" s="13">
        <f>'申請書（複数入力用）'!AH1221</f>
        <v>0</v>
      </c>
      <c r="C1219" s="6">
        <f>'申請書（複数入力用）'!B1221</f>
        <v>0</v>
      </c>
      <c r="D1219" s="6">
        <f>'申請書（複数入力用）'!D1221</f>
        <v>0</v>
      </c>
      <c r="E1219" s="14">
        <f>'申請書（複数入力用）'!H1221</f>
        <v>0</v>
      </c>
      <c r="F1219" s="11" t="str">
        <f>'申請書（複数入力用）'!J1221</f>
        <v/>
      </c>
      <c r="G1219" s="6" t="str">
        <f>'申請書（複数入力用）'!K1221</f>
        <v>a052r000000jS9ZAAU</v>
      </c>
      <c r="H1219" s="12" t="e">
        <f>'申請書（複数入力用）'!N1221</f>
        <v>#N/A</v>
      </c>
      <c r="I1219" s="12" t="e">
        <f>'申請書（複数入力用）'!O1221</f>
        <v>#N/A</v>
      </c>
      <c r="J1219" s="12">
        <f>'申請書（複数入力用）'!P1221</f>
        <v>1</v>
      </c>
    </row>
    <row r="1220" spans="1:10" ht="51.6" customHeight="1" x14ac:dyDescent="0.45">
      <c r="A1220" s="6">
        <f>'申請書（複数入力用）'!A1222</f>
        <v>1216</v>
      </c>
      <c r="B1220" s="13">
        <f>'申請書（複数入力用）'!AH1222</f>
        <v>0</v>
      </c>
      <c r="C1220" s="6">
        <f>'申請書（複数入力用）'!B1222</f>
        <v>0</v>
      </c>
      <c r="D1220" s="6">
        <f>'申請書（複数入力用）'!D1222</f>
        <v>0</v>
      </c>
      <c r="E1220" s="14">
        <f>'申請書（複数入力用）'!H1222</f>
        <v>0</v>
      </c>
      <c r="F1220" s="11" t="str">
        <f>'申請書（複数入力用）'!J1222</f>
        <v/>
      </c>
      <c r="G1220" s="6" t="str">
        <f>'申請書（複数入力用）'!K1222</f>
        <v>a052r000000jS9ZAAU</v>
      </c>
      <c r="H1220" s="12" t="e">
        <f>'申請書（複数入力用）'!N1222</f>
        <v>#N/A</v>
      </c>
      <c r="I1220" s="12" t="e">
        <f>'申請書（複数入力用）'!O1222</f>
        <v>#N/A</v>
      </c>
      <c r="J1220" s="12">
        <f>'申請書（複数入力用）'!P1222</f>
        <v>1</v>
      </c>
    </row>
    <row r="1221" spans="1:10" ht="51.6" customHeight="1" x14ac:dyDescent="0.45">
      <c r="A1221" s="6">
        <f>'申請書（複数入力用）'!A1223</f>
        <v>1217</v>
      </c>
      <c r="B1221" s="13">
        <f>'申請書（複数入力用）'!AH1223</f>
        <v>0</v>
      </c>
      <c r="C1221" s="6">
        <f>'申請書（複数入力用）'!B1223</f>
        <v>0</v>
      </c>
      <c r="D1221" s="6">
        <f>'申請書（複数入力用）'!D1223</f>
        <v>0</v>
      </c>
      <c r="E1221" s="14">
        <f>'申請書（複数入力用）'!H1223</f>
        <v>0</v>
      </c>
      <c r="F1221" s="11" t="str">
        <f>'申請書（複数入力用）'!J1223</f>
        <v/>
      </c>
      <c r="G1221" s="6" t="str">
        <f>'申請書（複数入力用）'!K1223</f>
        <v>a052r000000jS9ZAAU</v>
      </c>
      <c r="H1221" s="12" t="e">
        <f>'申請書（複数入力用）'!N1223</f>
        <v>#N/A</v>
      </c>
      <c r="I1221" s="12" t="e">
        <f>'申請書（複数入力用）'!O1223</f>
        <v>#N/A</v>
      </c>
      <c r="J1221" s="12">
        <f>'申請書（複数入力用）'!P1223</f>
        <v>1</v>
      </c>
    </row>
    <row r="1222" spans="1:10" ht="51.6" customHeight="1" x14ac:dyDescent="0.45">
      <c r="A1222" s="6">
        <f>'申請書（複数入力用）'!A1224</f>
        <v>1218</v>
      </c>
      <c r="B1222" s="13">
        <f>'申請書（複数入力用）'!AH1224</f>
        <v>0</v>
      </c>
      <c r="C1222" s="6">
        <f>'申請書（複数入力用）'!B1224</f>
        <v>0</v>
      </c>
      <c r="D1222" s="6">
        <f>'申請書（複数入力用）'!D1224</f>
        <v>0</v>
      </c>
      <c r="E1222" s="14">
        <f>'申請書（複数入力用）'!H1224</f>
        <v>0</v>
      </c>
      <c r="F1222" s="11" t="str">
        <f>'申請書（複数入力用）'!J1224</f>
        <v/>
      </c>
      <c r="G1222" s="6" t="str">
        <f>'申請書（複数入力用）'!K1224</f>
        <v>a052r000000jS9ZAAU</v>
      </c>
      <c r="H1222" s="12" t="e">
        <f>'申請書（複数入力用）'!N1224</f>
        <v>#N/A</v>
      </c>
      <c r="I1222" s="12" t="e">
        <f>'申請書（複数入力用）'!O1224</f>
        <v>#N/A</v>
      </c>
      <c r="J1222" s="12">
        <f>'申請書（複数入力用）'!P1224</f>
        <v>1</v>
      </c>
    </row>
    <row r="1223" spans="1:10" ht="51.6" customHeight="1" x14ac:dyDescent="0.45">
      <c r="A1223" s="6">
        <f>'申請書（複数入力用）'!A1225</f>
        <v>1219</v>
      </c>
      <c r="B1223" s="13">
        <f>'申請書（複数入力用）'!AH1225</f>
        <v>0</v>
      </c>
      <c r="C1223" s="6">
        <f>'申請書（複数入力用）'!B1225</f>
        <v>0</v>
      </c>
      <c r="D1223" s="6">
        <f>'申請書（複数入力用）'!D1225</f>
        <v>0</v>
      </c>
      <c r="E1223" s="14">
        <f>'申請書（複数入力用）'!H1225</f>
        <v>0</v>
      </c>
      <c r="F1223" s="11" t="str">
        <f>'申請書（複数入力用）'!J1225</f>
        <v/>
      </c>
      <c r="G1223" s="6" t="str">
        <f>'申請書（複数入力用）'!K1225</f>
        <v>a052r000000jS9ZAAU</v>
      </c>
      <c r="H1223" s="12" t="e">
        <f>'申請書（複数入力用）'!N1225</f>
        <v>#N/A</v>
      </c>
      <c r="I1223" s="12" t="e">
        <f>'申請書（複数入力用）'!O1225</f>
        <v>#N/A</v>
      </c>
      <c r="J1223" s="12">
        <f>'申請書（複数入力用）'!P1225</f>
        <v>1</v>
      </c>
    </row>
    <row r="1224" spans="1:10" ht="51.6" customHeight="1" x14ac:dyDescent="0.45">
      <c r="A1224" s="6">
        <f>'申請書（複数入力用）'!A1226</f>
        <v>1220</v>
      </c>
      <c r="B1224" s="13">
        <f>'申請書（複数入力用）'!AH1226</f>
        <v>0</v>
      </c>
      <c r="C1224" s="6">
        <f>'申請書（複数入力用）'!B1226</f>
        <v>0</v>
      </c>
      <c r="D1224" s="6">
        <f>'申請書（複数入力用）'!D1226</f>
        <v>0</v>
      </c>
      <c r="E1224" s="14">
        <f>'申請書（複数入力用）'!H1226</f>
        <v>0</v>
      </c>
      <c r="F1224" s="11" t="str">
        <f>'申請書（複数入力用）'!J1226</f>
        <v/>
      </c>
      <c r="G1224" s="6" t="str">
        <f>'申請書（複数入力用）'!K1226</f>
        <v>a052r000000jS9ZAAU</v>
      </c>
      <c r="H1224" s="12" t="e">
        <f>'申請書（複数入力用）'!N1226</f>
        <v>#N/A</v>
      </c>
      <c r="I1224" s="12" t="e">
        <f>'申請書（複数入力用）'!O1226</f>
        <v>#N/A</v>
      </c>
      <c r="J1224" s="12">
        <f>'申請書（複数入力用）'!P1226</f>
        <v>1</v>
      </c>
    </row>
    <row r="1225" spans="1:10" ht="51.6" customHeight="1" x14ac:dyDescent="0.45">
      <c r="A1225" s="6">
        <f>'申請書（複数入力用）'!A1227</f>
        <v>1221</v>
      </c>
      <c r="B1225" s="13">
        <f>'申請書（複数入力用）'!AH1227</f>
        <v>0</v>
      </c>
      <c r="C1225" s="6">
        <f>'申請書（複数入力用）'!B1227</f>
        <v>0</v>
      </c>
      <c r="D1225" s="6">
        <f>'申請書（複数入力用）'!D1227</f>
        <v>0</v>
      </c>
      <c r="E1225" s="14">
        <f>'申請書（複数入力用）'!H1227</f>
        <v>0</v>
      </c>
      <c r="F1225" s="11" t="str">
        <f>'申請書（複数入力用）'!J1227</f>
        <v/>
      </c>
      <c r="G1225" s="6" t="str">
        <f>'申請書（複数入力用）'!K1227</f>
        <v>a052r000000jS9ZAAU</v>
      </c>
      <c r="H1225" s="12" t="e">
        <f>'申請書（複数入力用）'!N1227</f>
        <v>#N/A</v>
      </c>
      <c r="I1225" s="12" t="e">
        <f>'申請書（複数入力用）'!O1227</f>
        <v>#N/A</v>
      </c>
      <c r="J1225" s="12">
        <f>'申請書（複数入力用）'!P1227</f>
        <v>1</v>
      </c>
    </row>
    <row r="1226" spans="1:10" ht="51.6" customHeight="1" x14ac:dyDescent="0.45">
      <c r="A1226" s="6">
        <f>'申請書（複数入力用）'!A1228</f>
        <v>1222</v>
      </c>
      <c r="B1226" s="13">
        <f>'申請書（複数入力用）'!AH1228</f>
        <v>0</v>
      </c>
      <c r="C1226" s="6">
        <f>'申請書（複数入力用）'!B1228</f>
        <v>0</v>
      </c>
      <c r="D1226" s="6">
        <f>'申請書（複数入力用）'!D1228</f>
        <v>0</v>
      </c>
      <c r="E1226" s="14">
        <f>'申請書（複数入力用）'!H1228</f>
        <v>0</v>
      </c>
      <c r="F1226" s="11" t="str">
        <f>'申請書（複数入力用）'!J1228</f>
        <v/>
      </c>
      <c r="G1226" s="6" t="str">
        <f>'申請書（複数入力用）'!K1228</f>
        <v>a052r000000jS9ZAAU</v>
      </c>
      <c r="H1226" s="12" t="e">
        <f>'申請書（複数入力用）'!N1228</f>
        <v>#N/A</v>
      </c>
      <c r="I1226" s="12" t="e">
        <f>'申請書（複数入力用）'!O1228</f>
        <v>#N/A</v>
      </c>
      <c r="J1226" s="12">
        <f>'申請書（複数入力用）'!P1228</f>
        <v>1</v>
      </c>
    </row>
    <row r="1227" spans="1:10" ht="51.6" customHeight="1" x14ac:dyDescent="0.45">
      <c r="A1227" s="6">
        <f>'申請書（複数入力用）'!A1229</f>
        <v>1223</v>
      </c>
      <c r="B1227" s="13">
        <f>'申請書（複数入力用）'!AH1229</f>
        <v>0</v>
      </c>
      <c r="C1227" s="6">
        <f>'申請書（複数入力用）'!B1229</f>
        <v>0</v>
      </c>
      <c r="D1227" s="6">
        <f>'申請書（複数入力用）'!D1229</f>
        <v>0</v>
      </c>
      <c r="E1227" s="14">
        <f>'申請書（複数入力用）'!H1229</f>
        <v>0</v>
      </c>
      <c r="F1227" s="11" t="str">
        <f>'申請書（複数入力用）'!J1229</f>
        <v/>
      </c>
      <c r="G1227" s="6" t="str">
        <f>'申請書（複数入力用）'!K1229</f>
        <v>a052r000000jS9ZAAU</v>
      </c>
      <c r="H1227" s="12" t="e">
        <f>'申請書（複数入力用）'!N1229</f>
        <v>#N/A</v>
      </c>
      <c r="I1227" s="12" t="e">
        <f>'申請書（複数入力用）'!O1229</f>
        <v>#N/A</v>
      </c>
      <c r="J1227" s="12">
        <f>'申請書（複数入力用）'!P1229</f>
        <v>1</v>
      </c>
    </row>
    <row r="1228" spans="1:10" ht="51.6" customHeight="1" x14ac:dyDescent="0.45">
      <c r="A1228" s="6">
        <f>'申請書（複数入力用）'!A1230</f>
        <v>1224</v>
      </c>
      <c r="B1228" s="13">
        <f>'申請書（複数入力用）'!AH1230</f>
        <v>0</v>
      </c>
      <c r="C1228" s="6">
        <f>'申請書（複数入力用）'!B1230</f>
        <v>0</v>
      </c>
      <c r="D1228" s="6">
        <f>'申請書（複数入力用）'!D1230</f>
        <v>0</v>
      </c>
      <c r="E1228" s="14">
        <f>'申請書（複数入力用）'!H1230</f>
        <v>0</v>
      </c>
      <c r="F1228" s="11" t="str">
        <f>'申請書（複数入力用）'!J1230</f>
        <v/>
      </c>
      <c r="G1228" s="6" t="str">
        <f>'申請書（複数入力用）'!K1230</f>
        <v>a052r000000jS9ZAAU</v>
      </c>
      <c r="H1228" s="12" t="e">
        <f>'申請書（複数入力用）'!N1230</f>
        <v>#N/A</v>
      </c>
      <c r="I1228" s="12" t="e">
        <f>'申請書（複数入力用）'!O1230</f>
        <v>#N/A</v>
      </c>
      <c r="J1228" s="12">
        <f>'申請書（複数入力用）'!P1230</f>
        <v>1</v>
      </c>
    </row>
    <row r="1229" spans="1:10" ht="51.6" customHeight="1" x14ac:dyDescent="0.45">
      <c r="A1229" s="6">
        <f>'申請書（複数入力用）'!A1231</f>
        <v>1225</v>
      </c>
      <c r="B1229" s="13">
        <f>'申請書（複数入力用）'!AH1231</f>
        <v>0</v>
      </c>
      <c r="C1229" s="6">
        <f>'申請書（複数入力用）'!B1231</f>
        <v>0</v>
      </c>
      <c r="D1229" s="6">
        <f>'申請書（複数入力用）'!D1231</f>
        <v>0</v>
      </c>
      <c r="E1229" s="14">
        <f>'申請書（複数入力用）'!H1231</f>
        <v>0</v>
      </c>
      <c r="F1229" s="11" t="str">
        <f>'申請書（複数入力用）'!J1231</f>
        <v/>
      </c>
      <c r="G1229" s="6" t="str">
        <f>'申請書（複数入力用）'!K1231</f>
        <v>a052r000000jS9ZAAU</v>
      </c>
      <c r="H1229" s="12" t="e">
        <f>'申請書（複数入力用）'!N1231</f>
        <v>#N/A</v>
      </c>
      <c r="I1229" s="12" t="e">
        <f>'申請書（複数入力用）'!O1231</f>
        <v>#N/A</v>
      </c>
      <c r="J1229" s="12">
        <f>'申請書（複数入力用）'!P1231</f>
        <v>1</v>
      </c>
    </row>
    <row r="1230" spans="1:10" ht="51.6" customHeight="1" x14ac:dyDescent="0.45">
      <c r="A1230" s="6">
        <f>'申請書（複数入力用）'!A1232</f>
        <v>1226</v>
      </c>
      <c r="B1230" s="13">
        <f>'申請書（複数入力用）'!AH1232</f>
        <v>0</v>
      </c>
      <c r="C1230" s="6">
        <f>'申請書（複数入力用）'!B1232</f>
        <v>0</v>
      </c>
      <c r="D1230" s="6">
        <f>'申請書（複数入力用）'!D1232</f>
        <v>0</v>
      </c>
      <c r="E1230" s="14">
        <f>'申請書（複数入力用）'!H1232</f>
        <v>0</v>
      </c>
      <c r="F1230" s="11" t="str">
        <f>'申請書（複数入力用）'!J1232</f>
        <v/>
      </c>
      <c r="G1230" s="6" t="str">
        <f>'申請書（複数入力用）'!K1232</f>
        <v>a052r000000jS9ZAAU</v>
      </c>
      <c r="H1230" s="12" t="e">
        <f>'申請書（複数入力用）'!N1232</f>
        <v>#N/A</v>
      </c>
      <c r="I1230" s="12" t="e">
        <f>'申請書（複数入力用）'!O1232</f>
        <v>#N/A</v>
      </c>
      <c r="J1230" s="12">
        <f>'申請書（複数入力用）'!P1232</f>
        <v>1</v>
      </c>
    </row>
    <row r="1231" spans="1:10" ht="51.6" customHeight="1" x14ac:dyDescent="0.45">
      <c r="A1231" s="6">
        <f>'申請書（複数入力用）'!A1233</f>
        <v>1227</v>
      </c>
      <c r="B1231" s="13">
        <f>'申請書（複数入力用）'!AH1233</f>
        <v>0</v>
      </c>
      <c r="C1231" s="6">
        <f>'申請書（複数入力用）'!B1233</f>
        <v>0</v>
      </c>
      <c r="D1231" s="6">
        <f>'申請書（複数入力用）'!D1233</f>
        <v>0</v>
      </c>
      <c r="E1231" s="14">
        <f>'申請書（複数入力用）'!H1233</f>
        <v>0</v>
      </c>
      <c r="F1231" s="11" t="str">
        <f>'申請書（複数入力用）'!J1233</f>
        <v/>
      </c>
      <c r="G1231" s="6" t="str">
        <f>'申請書（複数入力用）'!K1233</f>
        <v>a052r000000jS9ZAAU</v>
      </c>
      <c r="H1231" s="12" t="e">
        <f>'申請書（複数入力用）'!N1233</f>
        <v>#N/A</v>
      </c>
      <c r="I1231" s="12" t="e">
        <f>'申請書（複数入力用）'!O1233</f>
        <v>#N/A</v>
      </c>
      <c r="J1231" s="12">
        <f>'申請書（複数入力用）'!P1233</f>
        <v>1</v>
      </c>
    </row>
    <row r="1232" spans="1:10" ht="51.6" customHeight="1" x14ac:dyDescent="0.45">
      <c r="A1232" s="6">
        <f>'申請書（複数入力用）'!A1234</f>
        <v>1228</v>
      </c>
      <c r="B1232" s="13">
        <f>'申請書（複数入力用）'!AH1234</f>
        <v>0</v>
      </c>
      <c r="C1232" s="6">
        <f>'申請書（複数入力用）'!B1234</f>
        <v>0</v>
      </c>
      <c r="D1232" s="6">
        <f>'申請書（複数入力用）'!D1234</f>
        <v>0</v>
      </c>
      <c r="E1232" s="14">
        <f>'申請書（複数入力用）'!H1234</f>
        <v>0</v>
      </c>
      <c r="F1232" s="11" t="str">
        <f>'申請書（複数入力用）'!J1234</f>
        <v/>
      </c>
      <c r="G1232" s="6" t="str">
        <f>'申請書（複数入力用）'!K1234</f>
        <v>a052r000000jS9ZAAU</v>
      </c>
      <c r="H1232" s="12" t="e">
        <f>'申請書（複数入力用）'!N1234</f>
        <v>#N/A</v>
      </c>
      <c r="I1232" s="12" t="e">
        <f>'申請書（複数入力用）'!O1234</f>
        <v>#N/A</v>
      </c>
      <c r="J1232" s="12">
        <f>'申請書（複数入力用）'!P1234</f>
        <v>1</v>
      </c>
    </row>
    <row r="1233" spans="1:10" ht="51.6" customHeight="1" x14ac:dyDescent="0.45">
      <c r="A1233" s="6">
        <f>'申請書（複数入力用）'!A1235</f>
        <v>1229</v>
      </c>
      <c r="B1233" s="13">
        <f>'申請書（複数入力用）'!AH1235</f>
        <v>0</v>
      </c>
      <c r="C1233" s="6">
        <f>'申請書（複数入力用）'!B1235</f>
        <v>0</v>
      </c>
      <c r="D1233" s="6">
        <f>'申請書（複数入力用）'!D1235</f>
        <v>0</v>
      </c>
      <c r="E1233" s="14">
        <f>'申請書（複数入力用）'!H1235</f>
        <v>0</v>
      </c>
      <c r="F1233" s="11" t="str">
        <f>'申請書（複数入力用）'!J1235</f>
        <v/>
      </c>
      <c r="G1233" s="6" t="str">
        <f>'申請書（複数入力用）'!K1235</f>
        <v>a052r000000jS9ZAAU</v>
      </c>
      <c r="H1233" s="12" t="e">
        <f>'申請書（複数入力用）'!N1235</f>
        <v>#N/A</v>
      </c>
      <c r="I1233" s="12" t="e">
        <f>'申請書（複数入力用）'!O1235</f>
        <v>#N/A</v>
      </c>
      <c r="J1233" s="12">
        <f>'申請書（複数入力用）'!P1235</f>
        <v>1</v>
      </c>
    </row>
    <row r="1234" spans="1:10" ht="51.6" customHeight="1" x14ac:dyDescent="0.45">
      <c r="A1234" s="6">
        <f>'申請書（複数入力用）'!A1236</f>
        <v>1230</v>
      </c>
      <c r="B1234" s="13">
        <f>'申請書（複数入力用）'!AH1236</f>
        <v>0</v>
      </c>
      <c r="C1234" s="6">
        <f>'申請書（複数入力用）'!B1236</f>
        <v>0</v>
      </c>
      <c r="D1234" s="6">
        <f>'申請書（複数入力用）'!D1236</f>
        <v>0</v>
      </c>
      <c r="E1234" s="14">
        <f>'申請書（複数入力用）'!H1236</f>
        <v>0</v>
      </c>
      <c r="F1234" s="11" t="str">
        <f>'申請書（複数入力用）'!J1236</f>
        <v/>
      </c>
      <c r="G1234" s="6" t="str">
        <f>'申請書（複数入力用）'!K1236</f>
        <v>a052r000000jS9ZAAU</v>
      </c>
      <c r="H1234" s="12" t="e">
        <f>'申請書（複数入力用）'!N1236</f>
        <v>#N/A</v>
      </c>
      <c r="I1234" s="12" t="e">
        <f>'申請書（複数入力用）'!O1236</f>
        <v>#N/A</v>
      </c>
      <c r="J1234" s="12">
        <f>'申請書（複数入力用）'!P1236</f>
        <v>1</v>
      </c>
    </row>
    <row r="1235" spans="1:10" ht="51.6" customHeight="1" x14ac:dyDescent="0.45">
      <c r="A1235" s="6">
        <f>'申請書（複数入力用）'!A1237</f>
        <v>1231</v>
      </c>
      <c r="B1235" s="13">
        <f>'申請書（複数入力用）'!AH1237</f>
        <v>0</v>
      </c>
      <c r="C1235" s="6">
        <f>'申請書（複数入力用）'!B1237</f>
        <v>0</v>
      </c>
      <c r="D1235" s="6">
        <f>'申請書（複数入力用）'!D1237</f>
        <v>0</v>
      </c>
      <c r="E1235" s="14">
        <f>'申請書（複数入力用）'!H1237</f>
        <v>0</v>
      </c>
      <c r="F1235" s="11" t="str">
        <f>'申請書（複数入力用）'!J1237</f>
        <v/>
      </c>
      <c r="G1235" s="6" t="str">
        <f>'申請書（複数入力用）'!K1237</f>
        <v>a052r000000jS9ZAAU</v>
      </c>
      <c r="H1235" s="12" t="e">
        <f>'申請書（複数入力用）'!N1237</f>
        <v>#N/A</v>
      </c>
      <c r="I1235" s="12" t="e">
        <f>'申請書（複数入力用）'!O1237</f>
        <v>#N/A</v>
      </c>
      <c r="J1235" s="12">
        <f>'申請書（複数入力用）'!P1237</f>
        <v>1</v>
      </c>
    </row>
    <row r="1236" spans="1:10" ht="51.6" customHeight="1" x14ac:dyDescent="0.45">
      <c r="A1236" s="6">
        <f>'申請書（複数入力用）'!A1238</f>
        <v>1232</v>
      </c>
      <c r="B1236" s="13">
        <f>'申請書（複数入力用）'!AH1238</f>
        <v>0</v>
      </c>
      <c r="C1236" s="6">
        <f>'申請書（複数入力用）'!B1238</f>
        <v>0</v>
      </c>
      <c r="D1236" s="6">
        <f>'申請書（複数入力用）'!D1238</f>
        <v>0</v>
      </c>
      <c r="E1236" s="14">
        <f>'申請書（複数入力用）'!H1238</f>
        <v>0</v>
      </c>
      <c r="F1236" s="11" t="str">
        <f>'申請書（複数入力用）'!J1238</f>
        <v/>
      </c>
      <c r="G1236" s="6" t="str">
        <f>'申請書（複数入力用）'!K1238</f>
        <v>a052r000000jS9ZAAU</v>
      </c>
      <c r="H1236" s="12" t="e">
        <f>'申請書（複数入力用）'!N1238</f>
        <v>#N/A</v>
      </c>
      <c r="I1236" s="12" t="e">
        <f>'申請書（複数入力用）'!O1238</f>
        <v>#N/A</v>
      </c>
      <c r="J1236" s="12">
        <f>'申請書（複数入力用）'!P1238</f>
        <v>1</v>
      </c>
    </row>
    <row r="1237" spans="1:10" ht="51.6" customHeight="1" x14ac:dyDescent="0.45">
      <c r="A1237" s="6">
        <f>'申請書（複数入力用）'!A1239</f>
        <v>1233</v>
      </c>
      <c r="B1237" s="13">
        <f>'申請書（複数入力用）'!AH1239</f>
        <v>0</v>
      </c>
      <c r="C1237" s="6">
        <f>'申請書（複数入力用）'!B1239</f>
        <v>0</v>
      </c>
      <c r="D1237" s="6">
        <f>'申請書（複数入力用）'!D1239</f>
        <v>0</v>
      </c>
      <c r="E1237" s="14">
        <f>'申請書（複数入力用）'!H1239</f>
        <v>0</v>
      </c>
      <c r="F1237" s="11" t="str">
        <f>'申請書（複数入力用）'!J1239</f>
        <v/>
      </c>
      <c r="G1237" s="6" t="str">
        <f>'申請書（複数入力用）'!K1239</f>
        <v>a052r000000jS9ZAAU</v>
      </c>
      <c r="H1237" s="12" t="e">
        <f>'申請書（複数入力用）'!N1239</f>
        <v>#N/A</v>
      </c>
      <c r="I1237" s="12" t="e">
        <f>'申請書（複数入力用）'!O1239</f>
        <v>#N/A</v>
      </c>
      <c r="J1237" s="12">
        <f>'申請書（複数入力用）'!P1239</f>
        <v>1</v>
      </c>
    </row>
    <row r="1238" spans="1:10" ht="51.6" customHeight="1" x14ac:dyDescent="0.45">
      <c r="A1238" s="6">
        <f>'申請書（複数入力用）'!A1240</f>
        <v>1234</v>
      </c>
      <c r="B1238" s="13">
        <f>'申請書（複数入力用）'!AH1240</f>
        <v>0</v>
      </c>
      <c r="C1238" s="6">
        <f>'申請書（複数入力用）'!B1240</f>
        <v>0</v>
      </c>
      <c r="D1238" s="6">
        <f>'申請書（複数入力用）'!D1240</f>
        <v>0</v>
      </c>
      <c r="E1238" s="14">
        <f>'申請書（複数入力用）'!H1240</f>
        <v>0</v>
      </c>
      <c r="F1238" s="11" t="str">
        <f>'申請書（複数入力用）'!J1240</f>
        <v/>
      </c>
      <c r="G1238" s="6" t="str">
        <f>'申請書（複数入力用）'!K1240</f>
        <v>a052r000000jS9ZAAU</v>
      </c>
      <c r="H1238" s="12" t="e">
        <f>'申請書（複数入力用）'!N1240</f>
        <v>#N/A</v>
      </c>
      <c r="I1238" s="12" t="e">
        <f>'申請書（複数入力用）'!O1240</f>
        <v>#N/A</v>
      </c>
      <c r="J1238" s="12">
        <f>'申請書（複数入力用）'!P1240</f>
        <v>1</v>
      </c>
    </row>
    <row r="1239" spans="1:10" ht="51.6" customHeight="1" x14ac:dyDescent="0.45">
      <c r="A1239" s="6">
        <f>'申請書（複数入力用）'!A1241</f>
        <v>1235</v>
      </c>
      <c r="B1239" s="13">
        <f>'申請書（複数入力用）'!AH1241</f>
        <v>0</v>
      </c>
      <c r="C1239" s="6">
        <f>'申請書（複数入力用）'!B1241</f>
        <v>0</v>
      </c>
      <c r="D1239" s="6">
        <f>'申請書（複数入力用）'!D1241</f>
        <v>0</v>
      </c>
      <c r="E1239" s="14">
        <f>'申請書（複数入力用）'!H1241</f>
        <v>0</v>
      </c>
      <c r="F1239" s="11" t="str">
        <f>'申請書（複数入力用）'!J1241</f>
        <v/>
      </c>
      <c r="G1239" s="6" t="str">
        <f>'申請書（複数入力用）'!K1241</f>
        <v>a052r000000jS9ZAAU</v>
      </c>
      <c r="H1239" s="12" t="e">
        <f>'申請書（複数入力用）'!N1241</f>
        <v>#N/A</v>
      </c>
      <c r="I1239" s="12" t="e">
        <f>'申請書（複数入力用）'!O1241</f>
        <v>#N/A</v>
      </c>
      <c r="J1239" s="12">
        <f>'申請書（複数入力用）'!P1241</f>
        <v>1</v>
      </c>
    </row>
    <row r="1240" spans="1:10" ht="51.6" customHeight="1" x14ac:dyDescent="0.45">
      <c r="A1240" s="6">
        <f>'申請書（複数入力用）'!A1242</f>
        <v>1236</v>
      </c>
      <c r="B1240" s="13">
        <f>'申請書（複数入力用）'!AH1242</f>
        <v>0</v>
      </c>
      <c r="C1240" s="6">
        <f>'申請書（複数入力用）'!B1242</f>
        <v>0</v>
      </c>
      <c r="D1240" s="6">
        <f>'申請書（複数入力用）'!D1242</f>
        <v>0</v>
      </c>
      <c r="E1240" s="14">
        <f>'申請書（複数入力用）'!H1242</f>
        <v>0</v>
      </c>
      <c r="F1240" s="11" t="str">
        <f>'申請書（複数入力用）'!J1242</f>
        <v/>
      </c>
      <c r="G1240" s="6" t="str">
        <f>'申請書（複数入力用）'!K1242</f>
        <v>a052r000000jS9ZAAU</v>
      </c>
      <c r="H1240" s="12" t="e">
        <f>'申請書（複数入力用）'!N1242</f>
        <v>#N/A</v>
      </c>
      <c r="I1240" s="12" t="e">
        <f>'申請書（複数入力用）'!O1242</f>
        <v>#N/A</v>
      </c>
      <c r="J1240" s="12">
        <f>'申請書（複数入力用）'!P1242</f>
        <v>1</v>
      </c>
    </row>
    <row r="1241" spans="1:10" ht="51.6" customHeight="1" x14ac:dyDescent="0.45">
      <c r="A1241" s="6">
        <f>'申請書（複数入力用）'!A1243</f>
        <v>1237</v>
      </c>
      <c r="B1241" s="13">
        <f>'申請書（複数入力用）'!AH1243</f>
        <v>0</v>
      </c>
      <c r="C1241" s="6">
        <f>'申請書（複数入力用）'!B1243</f>
        <v>0</v>
      </c>
      <c r="D1241" s="6">
        <f>'申請書（複数入力用）'!D1243</f>
        <v>0</v>
      </c>
      <c r="E1241" s="14">
        <f>'申請書（複数入力用）'!H1243</f>
        <v>0</v>
      </c>
      <c r="F1241" s="11" t="str">
        <f>'申請書（複数入力用）'!J1243</f>
        <v/>
      </c>
      <c r="G1241" s="6" t="str">
        <f>'申請書（複数入力用）'!K1243</f>
        <v>a052r000000jS9ZAAU</v>
      </c>
      <c r="H1241" s="12" t="e">
        <f>'申請書（複数入力用）'!N1243</f>
        <v>#N/A</v>
      </c>
      <c r="I1241" s="12" t="e">
        <f>'申請書（複数入力用）'!O1243</f>
        <v>#N/A</v>
      </c>
      <c r="J1241" s="12">
        <f>'申請書（複数入力用）'!P1243</f>
        <v>1</v>
      </c>
    </row>
    <row r="1242" spans="1:10" ht="51.6" customHeight="1" x14ac:dyDescent="0.45">
      <c r="A1242" s="6">
        <f>'申請書（複数入力用）'!A1244</f>
        <v>1238</v>
      </c>
      <c r="B1242" s="13">
        <f>'申請書（複数入力用）'!AH1244</f>
        <v>0</v>
      </c>
      <c r="C1242" s="6">
        <f>'申請書（複数入力用）'!B1244</f>
        <v>0</v>
      </c>
      <c r="D1242" s="6">
        <f>'申請書（複数入力用）'!D1244</f>
        <v>0</v>
      </c>
      <c r="E1242" s="14">
        <f>'申請書（複数入力用）'!H1244</f>
        <v>0</v>
      </c>
      <c r="F1242" s="11" t="str">
        <f>'申請書（複数入力用）'!J1244</f>
        <v/>
      </c>
      <c r="G1242" s="6" t="str">
        <f>'申請書（複数入力用）'!K1244</f>
        <v>a052r000000jS9ZAAU</v>
      </c>
      <c r="H1242" s="12" t="e">
        <f>'申請書（複数入力用）'!N1244</f>
        <v>#N/A</v>
      </c>
      <c r="I1242" s="12" t="e">
        <f>'申請書（複数入力用）'!O1244</f>
        <v>#N/A</v>
      </c>
      <c r="J1242" s="12">
        <f>'申請書（複数入力用）'!P1244</f>
        <v>1</v>
      </c>
    </row>
    <row r="1243" spans="1:10" ht="51.6" customHeight="1" x14ac:dyDescent="0.45">
      <c r="A1243" s="6">
        <f>'申請書（複数入力用）'!A1245</f>
        <v>1239</v>
      </c>
      <c r="B1243" s="13">
        <f>'申請書（複数入力用）'!AH1245</f>
        <v>0</v>
      </c>
      <c r="C1243" s="6">
        <f>'申請書（複数入力用）'!B1245</f>
        <v>0</v>
      </c>
      <c r="D1243" s="6">
        <f>'申請書（複数入力用）'!D1245</f>
        <v>0</v>
      </c>
      <c r="E1243" s="14">
        <f>'申請書（複数入力用）'!H1245</f>
        <v>0</v>
      </c>
      <c r="F1243" s="11" t="str">
        <f>'申請書（複数入力用）'!J1245</f>
        <v/>
      </c>
      <c r="G1243" s="6" t="str">
        <f>'申請書（複数入力用）'!K1245</f>
        <v>a052r000000jS9ZAAU</v>
      </c>
      <c r="H1243" s="12" t="e">
        <f>'申請書（複数入力用）'!N1245</f>
        <v>#N/A</v>
      </c>
      <c r="I1243" s="12" t="e">
        <f>'申請書（複数入力用）'!O1245</f>
        <v>#N/A</v>
      </c>
      <c r="J1243" s="12">
        <f>'申請書（複数入力用）'!P1245</f>
        <v>1</v>
      </c>
    </row>
    <row r="1244" spans="1:10" ht="51.6" customHeight="1" x14ac:dyDescent="0.45">
      <c r="A1244" s="6">
        <f>'申請書（複数入力用）'!A1246</f>
        <v>1240</v>
      </c>
      <c r="B1244" s="13">
        <f>'申請書（複数入力用）'!AH1246</f>
        <v>0</v>
      </c>
      <c r="C1244" s="6">
        <f>'申請書（複数入力用）'!B1246</f>
        <v>0</v>
      </c>
      <c r="D1244" s="6">
        <f>'申請書（複数入力用）'!D1246</f>
        <v>0</v>
      </c>
      <c r="E1244" s="14">
        <f>'申請書（複数入力用）'!H1246</f>
        <v>0</v>
      </c>
      <c r="F1244" s="11" t="str">
        <f>'申請書（複数入力用）'!J1246</f>
        <v/>
      </c>
      <c r="G1244" s="6" t="str">
        <f>'申請書（複数入力用）'!K1246</f>
        <v>a052r000000jS9ZAAU</v>
      </c>
      <c r="H1244" s="12" t="e">
        <f>'申請書（複数入力用）'!N1246</f>
        <v>#N/A</v>
      </c>
      <c r="I1244" s="12" t="e">
        <f>'申請書（複数入力用）'!O1246</f>
        <v>#N/A</v>
      </c>
      <c r="J1244" s="12">
        <f>'申請書（複数入力用）'!P1246</f>
        <v>1</v>
      </c>
    </row>
    <row r="1245" spans="1:10" ht="51.6" customHeight="1" x14ac:dyDescent="0.45">
      <c r="A1245" s="6">
        <f>'申請書（複数入力用）'!A1247</f>
        <v>1241</v>
      </c>
      <c r="B1245" s="13">
        <f>'申請書（複数入力用）'!AH1247</f>
        <v>0</v>
      </c>
      <c r="C1245" s="6">
        <f>'申請書（複数入力用）'!B1247</f>
        <v>0</v>
      </c>
      <c r="D1245" s="6">
        <f>'申請書（複数入力用）'!D1247</f>
        <v>0</v>
      </c>
      <c r="E1245" s="14">
        <f>'申請書（複数入力用）'!H1247</f>
        <v>0</v>
      </c>
      <c r="F1245" s="11" t="str">
        <f>'申請書（複数入力用）'!J1247</f>
        <v/>
      </c>
      <c r="G1245" s="6" t="str">
        <f>'申請書（複数入力用）'!K1247</f>
        <v>a052r000000jS9ZAAU</v>
      </c>
      <c r="H1245" s="12" t="e">
        <f>'申請書（複数入力用）'!N1247</f>
        <v>#N/A</v>
      </c>
      <c r="I1245" s="12" t="e">
        <f>'申請書（複数入力用）'!O1247</f>
        <v>#N/A</v>
      </c>
      <c r="J1245" s="12">
        <f>'申請書（複数入力用）'!P1247</f>
        <v>1</v>
      </c>
    </row>
    <row r="1246" spans="1:10" ht="51.6" customHeight="1" x14ac:dyDescent="0.45">
      <c r="A1246" s="6">
        <f>'申請書（複数入力用）'!A1248</f>
        <v>1242</v>
      </c>
      <c r="B1246" s="13">
        <f>'申請書（複数入力用）'!AH1248</f>
        <v>0</v>
      </c>
      <c r="C1246" s="6">
        <f>'申請書（複数入力用）'!B1248</f>
        <v>0</v>
      </c>
      <c r="D1246" s="6">
        <f>'申請書（複数入力用）'!D1248</f>
        <v>0</v>
      </c>
      <c r="E1246" s="14">
        <f>'申請書（複数入力用）'!H1248</f>
        <v>0</v>
      </c>
      <c r="F1246" s="11" t="str">
        <f>'申請書（複数入力用）'!J1248</f>
        <v/>
      </c>
      <c r="G1246" s="6" t="str">
        <f>'申請書（複数入力用）'!K1248</f>
        <v>a052r000000jS9ZAAU</v>
      </c>
      <c r="H1246" s="12" t="e">
        <f>'申請書（複数入力用）'!N1248</f>
        <v>#N/A</v>
      </c>
      <c r="I1246" s="12" t="e">
        <f>'申請書（複数入力用）'!O1248</f>
        <v>#N/A</v>
      </c>
      <c r="J1246" s="12">
        <f>'申請書（複数入力用）'!P1248</f>
        <v>1</v>
      </c>
    </row>
    <row r="1247" spans="1:10" ht="51.6" customHeight="1" x14ac:dyDescent="0.45">
      <c r="A1247" s="6">
        <f>'申請書（複数入力用）'!A1249</f>
        <v>1243</v>
      </c>
      <c r="B1247" s="13">
        <f>'申請書（複数入力用）'!AH1249</f>
        <v>0</v>
      </c>
      <c r="C1247" s="6">
        <f>'申請書（複数入力用）'!B1249</f>
        <v>0</v>
      </c>
      <c r="D1247" s="6">
        <f>'申請書（複数入力用）'!D1249</f>
        <v>0</v>
      </c>
      <c r="E1247" s="14">
        <f>'申請書（複数入力用）'!H1249</f>
        <v>0</v>
      </c>
      <c r="F1247" s="11" t="str">
        <f>'申請書（複数入力用）'!J1249</f>
        <v/>
      </c>
      <c r="G1247" s="6" t="str">
        <f>'申請書（複数入力用）'!K1249</f>
        <v>a052r000000jS9ZAAU</v>
      </c>
      <c r="H1247" s="12" t="e">
        <f>'申請書（複数入力用）'!N1249</f>
        <v>#N/A</v>
      </c>
      <c r="I1247" s="12" t="e">
        <f>'申請書（複数入力用）'!O1249</f>
        <v>#N/A</v>
      </c>
      <c r="J1247" s="12">
        <f>'申請書（複数入力用）'!P1249</f>
        <v>1</v>
      </c>
    </row>
    <row r="1248" spans="1:10" ht="51.6" customHeight="1" x14ac:dyDescent="0.45">
      <c r="A1248" s="6">
        <f>'申請書（複数入力用）'!A1250</f>
        <v>1244</v>
      </c>
      <c r="B1248" s="13">
        <f>'申請書（複数入力用）'!AH1250</f>
        <v>0</v>
      </c>
      <c r="C1248" s="6">
        <f>'申請書（複数入力用）'!B1250</f>
        <v>0</v>
      </c>
      <c r="D1248" s="6">
        <f>'申請書（複数入力用）'!D1250</f>
        <v>0</v>
      </c>
      <c r="E1248" s="14">
        <f>'申請書（複数入力用）'!H1250</f>
        <v>0</v>
      </c>
      <c r="F1248" s="11" t="str">
        <f>'申請書（複数入力用）'!J1250</f>
        <v/>
      </c>
      <c r="G1248" s="6" t="str">
        <f>'申請書（複数入力用）'!K1250</f>
        <v>a052r000000jS9ZAAU</v>
      </c>
      <c r="H1248" s="12" t="e">
        <f>'申請書（複数入力用）'!N1250</f>
        <v>#N/A</v>
      </c>
      <c r="I1248" s="12" t="e">
        <f>'申請書（複数入力用）'!O1250</f>
        <v>#N/A</v>
      </c>
      <c r="J1248" s="12">
        <f>'申請書（複数入力用）'!P1250</f>
        <v>1</v>
      </c>
    </row>
    <row r="1249" spans="1:10" ht="51.6" customHeight="1" x14ac:dyDescent="0.45">
      <c r="A1249" s="6">
        <f>'申請書（複数入力用）'!A1251</f>
        <v>1245</v>
      </c>
      <c r="B1249" s="13">
        <f>'申請書（複数入力用）'!AH1251</f>
        <v>0</v>
      </c>
      <c r="C1249" s="6">
        <f>'申請書（複数入力用）'!B1251</f>
        <v>0</v>
      </c>
      <c r="D1249" s="6">
        <f>'申請書（複数入力用）'!D1251</f>
        <v>0</v>
      </c>
      <c r="E1249" s="14">
        <f>'申請書（複数入力用）'!H1251</f>
        <v>0</v>
      </c>
      <c r="F1249" s="11" t="str">
        <f>'申請書（複数入力用）'!J1251</f>
        <v/>
      </c>
      <c r="G1249" s="6" t="str">
        <f>'申請書（複数入力用）'!K1251</f>
        <v>a052r000000jS9ZAAU</v>
      </c>
      <c r="H1249" s="12" t="e">
        <f>'申請書（複数入力用）'!N1251</f>
        <v>#N/A</v>
      </c>
      <c r="I1249" s="12" t="e">
        <f>'申請書（複数入力用）'!O1251</f>
        <v>#N/A</v>
      </c>
      <c r="J1249" s="12">
        <f>'申請書（複数入力用）'!P1251</f>
        <v>1</v>
      </c>
    </row>
    <row r="1250" spans="1:10" ht="51.6" customHeight="1" x14ac:dyDescent="0.45">
      <c r="A1250" s="6">
        <f>'申請書（複数入力用）'!A1252</f>
        <v>1246</v>
      </c>
      <c r="B1250" s="13">
        <f>'申請書（複数入力用）'!AH1252</f>
        <v>0</v>
      </c>
      <c r="C1250" s="6">
        <f>'申請書（複数入力用）'!B1252</f>
        <v>0</v>
      </c>
      <c r="D1250" s="6">
        <f>'申請書（複数入力用）'!D1252</f>
        <v>0</v>
      </c>
      <c r="E1250" s="14">
        <f>'申請書（複数入力用）'!H1252</f>
        <v>0</v>
      </c>
      <c r="F1250" s="11" t="str">
        <f>'申請書（複数入力用）'!J1252</f>
        <v/>
      </c>
      <c r="G1250" s="6" t="str">
        <f>'申請書（複数入力用）'!K1252</f>
        <v>a052r000000jS9ZAAU</v>
      </c>
      <c r="H1250" s="12" t="e">
        <f>'申請書（複数入力用）'!N1252</f>
        <v>#N/A</v>
      </c>
      <c r="I1250" s="12" t="e">
        <f>'申請書（複数入力用）'!O1252</f>
        <v>#N/A</v>
      </c>
      <c r="J1250" s="12">
        <f>'申請書（複数入力用）'!P1252</f>
        <v>1</v>
      </c>
    </row>
    <row r="1251" spans="1:10" ht="51.6" customHeight="1" x14ac:dyDescent="0.45">
      <c r="A1251" s="6">
        <f>'申請書（複数入力用）'!A1253</f>
        <v>1247</v>
      </c>
      <c r="B1251" s="13">
        <f>'申請書（複数入力用）'!AH1253</f>
        <v>0</v>
      </c>
      <c r="C1251" s="6">
        <f>'申請書（複数入力用）'!B1253</f>
        <v>0</v>
      </c>
      <c r="D1251" s="6">
        <f>'申請書（複数入力用）'!D1253</f>
        <v>0</v>
      </c>
      <c r="E1251" s="14">
        <f>'申請書（複数入力用）'!H1253</f>
        <v>0</v>
      </c>
      <c r="F1251" s="11" t="str">
        <f>'申請書（複数入力用）'!J1253</f>
        <v/>
      </c>
      <c r="G1251" s="6" t="str">
        <f>'申請書（複数入力用）'!K1253</f>
        <v>a052r000000jS9ZAAU</v>
      </c>
      <c r="H1251" s="12" t="e">
        <f>'申請書（複数入力用）'!N1253</f>
        <v>#N/A</v>
      </c>
      <c r="I1251" s="12" t="e">
        <f>'申請書（複数入力用）'!O1253</f>
        <v>#N/A</v>
      </c>
      <c r="J1251" s="12">
        <f>'申請書（複数入力用）'!P1253</f>
        <v>1</v>
      </c>
    </row>
    <row r="1252" spans="1:10" ht="51.6" customHeight="1" x14ac:dyDescent="0.45">
      <c r="A1252" s="6">
        <f>'申請書（複数入力用）'!A1254</f>
        <v>1248</v>
      </c>
      <c r="B1252" s="13">
        <f>'申請書（複数入力用）'!AH1254</f>
        <v>0</v>
      </c>
      <c r="C1252" s="6">
        <f>'申請書（複数入力用）'!B1254</f>
        <v>0</v>
      </c>
      <c r="D1252" s="6">
        <f>'申請書（複数入力用）'!D1254</f>
        <v>0</v>
      </c>
      <c r="E1252" s="14">
        <f>'申請書（複数入力用）'!H1254</f>
        <v>0</v>
      </c>
      <c r="F1252" s="11" t="str">
        <f>'申請書（複数入力用）'!J1254</f>
        <v/>
      </c>
      <c r="G1252" s="6" t="str">
        <f>'申請書（複数入力用）'!K1254</f>
        <v>a052r000000jS9ZAAU</v>
      </c>
      <c r="H1252" s="12" t="e">
        <f>'申請書（複数入力用）'!N1254</f>
        <v>#N/A</v>
      </c>
      <c r="I1252" s="12" t="e">
        <f>'申請書（複数入力用）'!O1254</f>
        <v>#N/A</v>
      </c>
      <c r="J1252" s="12">
        <f>'申請書（複数入力用）'!P1254</f>
        <v>1</v>
      </c>
    </row>
    <row r="1253" spans="1:10" ht="51.6" customHeight="1" x14ac:dyDescent="0.45">
      <c r="A1253" s="6">
        <f>'申請書（複数入力用）'!A1255</f>
        <v>1249</v>
      </c>
      <c r="B1253" s="13">
        <f>'申請書（複数入力用）'!AH1255</f>
        <v>0</v>
      </c>
      <c r="C1253" s="6">
        <f>'申請書（複数入力用）'!B1255</f>
        <v>0</v>
      </c>
      <c r="D1253" s="6">
        <f>'申請書（複数入力用）'!D1255</f>
        <v>0</v>
      </c>
      <c r="E1253" s="14">
        <f>'申請書（複数入力用）'!H1255</f>
        <v>0</v>
      </c>
      <c r="F1253" s="11" t="str">
        <f>'申請書（複数入力用）'!J1255</f>
        <v/>
      </c>
      <c r="G1253" s="6" t="str">
        <f>'申請書（複数入力用）'!K1255</f>
        <v>a052r000000jS9ZAAU</v>
      </c>
      <c r="H1253" s="12" t="e">
        <f>'申請書（複数入力用）'!N1255</f>
        <v>#N/A</v>
      </c>
      <c r="I1253" s="12" t="e">
        <f>'申請書（複数入力用）'!O1255</f>
        <v>#N/A</v>
      </c>
      <c r="J1253" s="12">
        <f>'申請書（複数入力用）'!P1255</f>
        <v>1</v>
      </c>
    </row>
    <row r="1254" spans="1:10" ht="51.6" customHeight="1" x14ac:dyDescent="0.45">
      <c r="A1254" s="6">
        <f>'申請書（複数入力用）'!A1256</f>
        <v>1250</v>
      </c>
      <c r="B1254" s="13">
        <f>'申請書（複数入力用）'!AH1256</f>
        <v>0</v>
      </c>
      <c r="C1254" s="6">
        <f>'申請書（複数入力用）'!B1256</f>
        <v>0</v>
      </c>
      <c r="D1254" s="6">
        <f>'申請書（複数入力用）'!D1256</f>
        <v>0</v>
      </c>
      <c r="E1254" s="14">
        <f>'申請書（複数入力用）'!H1256</f>
        <v>0</v>
      </c>
      <c r="F1254" s="11" t="str">
        <f>'申請書（複数入力用）'!J1256</f>
        <v/>
      </c>
      <c r="G1254" s="6" t="str">
        <f>'申請書（複数入力用）'!K1256</f>
        <v>a052r000000jS9ZAAU</v>
      </c>
      <c r="H1254" s="12" t="e">
        <f>'申請書（複数入力用）'!N1256</f>
        <v>#N/A</v>
      </c>
      <c r="I1254" s="12" t="e">
        <f>'申請書（複数入力用）'!O1256</f>
        <v>#N/A</v>
      </c>
      <c r="J1254" s="12">
        <f>'申請書（複数入力用）'!P1256</f>
        <v>1</v>
      </c>
    </row>
    <row r="1255" spans="1:10" ht="51.6" customHeight="1" x14ac:dyDescent="0.45">
      <c r="A1255" s="6">
        <f>'申請書（複数入力用）'!A1257</f>
        <v>1251</v>
      </c>
      <c r="B1255" s="13">
        <f>'申請書（複数入力用）'!AH1257</f>
        <v>0</v>
      </c>
      <c r="C1255" s="6">
        <f>'申請書（複数入力用）'!B1257</f>
        <v>0</v>
      </c>
      <c r="D1255" s="6">
        <f>'申請書（複数入力用）'!D1257</f>
        <v>0</v>
      </c>
      <c r="E1255" s="14">
        <f>'申請書（複数入力用）'!H1257</f>
        <v>0</v>
      </c>
      <c r="F1255" s="11" t="str">
        <f>'申請書（複数入力用）'!J1257</f>
        <v/>
      </c>
      <c r="G1255" s="6" t="str">
        <f>'申請書（複数入力用）'!K1257</f>
        <v>a052r000000jS9ZAAU</v>
      </c>
      <c r="H1255" s="12" t="e">
        <f>'申請書（複数入力用）'!N1257</f>
        <v>#N/A</v>
      </c>
      <c r="I1255" s="12" t="e">
        <f>'申請書（複数入力用）'!O1257</f>
        <v>#N/A</v>
      </c>
      <c r="J1255" s="12">
        <f>'申請書（複数入力用）'!P1257</f>
        <v>1</v>
      </c>
    </row>
    <row r="1256" spans="1:10" ht="51.6" customHeight="1" x14ac:dyDescent="0.45">
      <c r="A1256" s="6">
        <f>'申請書（複数入力用）'!A1258</f>
        <v>1252</v>
      </c>
      <c r="B1256" s="13">
        <f>'申請書（複数入力用）'!AH1258</f>
        <v>0</v>
      </c>
      <c r="C1256" s="6">
        <f>'申請書（複数入力用）'!B1258</f>
        <v>0</v>
      </c>
      <c r="D1256" s="6">
        <f>'申請書（複数入力用）'!D1258</f>
        <v>0</v>
      </c>
      <c r="E1256" s="14">
        <f>'申請書（複数入力用）'!H1258</f>
        <v>0</v>
      </c>
      <c r="F1256" s="11" t="str">
        <f>'申請書（複数入力用）'!J1258</f>
        <v/>
      </c>
      <c r="G1256" s="6" t="str">
        <f>'申請書（複数入力用）'!K1258</f>
        <v>a052r000000jS9ZAAU</v>
      </c>
      <c r="H1256" s="12" t="e">
        <f>'申請書（複数入力用）'!N1258</f>
        <v>#N/A</v>
      </c>
      <c r="I1256" s="12" t="e">
        <f>'申請書（複数入力用）'!O1258</f>
        <v>#N/A</v>
      </c>
      <c r="J1256" s="12">
        <f>'申請書（複数入力用）'!P1258</f>
        <v>1</v>
      </c>
    </row>
    <row r="1257" spans="1:10" ht="51.6" customHeight="1" x14ac:dyDescent="0.45">
      <c r="A1257" s="6">
        <f>'申請書（複数入力用）'!A1259</f>
        <v>1253</v>
      </c>
      <c r="B1257" s="13">
        <f>'申請書（複数入力用）'!AH1259</f>
        <v>0</v>
      </c>
      <c r="C1257" s="6">
        <f>'申請書（複数入力用）'!B1259</f>
        <v>0</v>
      </c>
      <c r="D1257" s="6">
        <f>'申請書（複数入力用）'!D1259</f>
        <v>0</v>
      </c>
      <c r="E1257" s="14">
        <f>'申請書（複数入力用）'!H1259</f>
        <v>0</v>
      </c>
      <c r="F1257" s="11" t="str">
        <f>'申請書（複数入力用）'!J1259</f>
        <v/>
      </c>
      <c r="G1257" s="6" t="str">
        <f>'申請書（複数入力用）'!K1259</f>
        <v>a052r000000jS9ZAAU</v>
      </c>
      <c r="H1257" s="12" t="e">
        <f>'申請書（複数入力用）'!N1259</f>
        <v>#N/A</v>
      </c>
      <c r="I1257" s="12" t="e">
        <f>'申請書（複数入力用）'!O1259</f>
        <v>#N/A</v>
      </c>
      <c r="J1257" s="12">
        <f>'申請書（複数入力用）'!P1259</f>
        <v>1</v>
      </c>
    </row>
    <row r="1258" spans="1:10" ht="51.6" customHeight="1" x14ac:dyDescent="0.45">
      <c r="A1258" s="6">
        <f>'申請書（複数入力用）'!A1260</f>
        <v>1254</v>
      </c>
      <c r="B1258" s="13">
        <f>'申請書（複数入力用）'!AH1260</f>
        <v>0</v>
      </c>
      <c r="C1258" s="6">
        <f>'申請書（複数入力用）'!B1260</f>
        <v>0</v>
      </c>
      <c r="D1258" s="6">
        <f>'申請書（複数入力用）'!D1260</f>
        <v>0</v>
      </c>
      <c r="E1258" s="14">
        <f>'申請書（複数入力用）'!H1260</f>
        <v>0</v>
      </c>
      <c r="F1258" s="11" t="str">
        <f>'申請書（複数入力用）'!J1260</f>
        <v/>
      </c>
      <c r="G1258" s="6" t="str">
        <f>'申請書（複数入力用）'!K1260</f>
        <v>a052r000000jS9ZAAU</v>
      </c>
      <c r="H1258" s="12" t="e">
        <f>'申請書（複数入力用）'!N1260</f>
        <v>#N/A</v>
      </c>
      <c r="I1258" s="12" t="e">
        <f>'申請書（複数入力用）'!O1260</f>
        <v>#N/A</v>
      </c>
      <c r="J1258" s="12">
        <f>'申請書（複数入力用）'!P1260</f>
        <v>1</v>
      </c>
    </row>
    <row r="1259" spans="1:10" ht="51.6" customHeight="1" x14ac:dyDescent="0.45">
      <c r="A1259" s="6">
        <f>'申請書（複数入力用）'!A1261</f>
        <v>1255</v>
      </c>
      <c r="B1259" s="13">
        <f>'申請書（複数入力用）'!AH1261</f>
        <v>0</v>
      </c>
      <c r="C1259" s="6">
        <f>'申請書（複数入力用）'!B1261</f>
        <v>0</v>
      </c>
      <c r="D1259" s="6">
        <f>'申請書（複数入力用）'!D1261</f>
        <v>0</v>
      </c>
      <c r="E1259" s="14">
        <f>'申請書（複数入力用）'!H1261</f>
        <v>0</v>
      </c>
      <c r="F1259" s="11" t="str">
        <f>'申請書（複数入力用）'!J1261</f>
        <v/>
      </c>
      <c r="G1259" s="6" t="str">
        <f>'申請書（複数入力用）'!K1261</f>
        <v>a052r000000jS9ZAAU</v>
      </c>
      <c r="H1259" s="12" t="e">
        <f>'申請書（複数入力用）'!N1261</f>
        <v>#N/A</v>
      </c>
      <c r="I1259" s="12" t="e">
        <f>'申請書（複数入力用）'!O1261</f>
        <v>#N/A</v>
      </c>
      <c r="J1259" s="12">
        <f>'申請書（複数入力用）'!P1261</f>
        <v>1</v>
      </c>
    </row>
    <row r="1260" spans="1:10" ht="51.6" customHeight="1" x14ac:dyDescent="0.45">
      <c r="A1260" s="6">
        <f>'申請書（複数入力用）'!A1262</f>
        <v>1256</v>
      </c>
      <c r="B1260" s="13">
        <f>'申請書（複数入力用）'!AH1262</f>
        <v>0</v>
      </c>
      <c r="C1260" s="6">
        <f>'申請書（複数入力用）'!B1262</f>
        <v>0</v>
      </c>
      <c r="D1260" s="6">
        <f>'申請書（複数入力用）'!D1262</f>
        <v>0</v>
      </c>
      <c r="E1260" s="14">
        <f>'申請書（複数入力用）'!H1262</f>
        <v>0</v>
      </c>
      <c r="F1260" s="11" t="str">
        <f>'申請書（複数入力用）'!J1262</f>
        <v/>
      </c>
      <c r="G1260" s="6" t="str">
        <f>'申請書（複数入力用）'!K1262</f>
        <v>a052r000000jS9ZAAU</v>
      </c>
      <c r="H1260" s="12" t="e">
        <f>'申請書（複数入力用）'!N1262</f>
        <v>#N/A</v>
      </c>
      <c r="I1260" s="12" t="e">
        <f>'申請書（複数入力用）'!O1262</f>
        <v>#N/A</v>
      </c>
      <c r="J1260" s="12">
        <f>'申請書（複数入力用）'!P1262</f>
        <v>1</v>
      </c>
    </row>
    <row r="1261" spans="1:10" ht="51.6" customHeight="1" x14ac:dyDescent="0.45">
      <c r="A1261" s="6">
        <f>'申請書（複数入力用）'!A1263</f>
        <v>1257</v>
      </c>
      <c r="B1261" s="13">
        <f>'申請書（複数入力用）'!AH1263</f>
        <v>0</v>
      </c>
      <c r="C1261" s="6">
        <f>'申請書（複数入力用）'!B1263</f>
        <v>0</v>
      </c>
      <c r="D1261" s="6">
        <f>'申請書（複数入力用）'!D1263</f>
        <v>0</v>
      </c>
      <c r="E1261" s="14">
        <f>'申請書（複数入力用）'!H1263</f>
        <v>0</v>
      </c>
      <c r="F1261" s="11" t="str">
        <f>'申請書（複数入力用）'!J1263</f>
        <v/>
      </c>
      <c r="G1261" s="6" t="str">
        <f>'申請書（複数入力用）'!K1263</f>
        <v>a052r000000jS9ZAAU</v>
      </c>
      <c r="H1261" s="12" t="e">
        <f>'申請書（複数入力用）'!N1263</f>
        <v>#N/A</v>
      </c>
      <c r="I1261" s="12" t="e">
        <f>'申請書（複数入力用）'!O1263</f>
        <v>#N/A</v>
      </c>
      <c r="J1261" s="12">
        <f>'申請書（複数入力用）'!P1263</f>
        <v>1</v>
      </c>
    </row>
    <row r="1262" spans="1:10" ht="51.6" customHeight="1" x14ac:dyDescent="0.45">
      <c r="A1262" s="6">
        <f>'申請書（複数入力用）'!A1264</f>
        <v>1258</v>
      </c>
      <c r="B1262" s="13">
        <f>'申請書（複数入力用）'!AH1264</f>
        <v>0</v>
      </c>
      <c r="C1262" s="6">
        <f>'申請書（複数入力用）'!B1264</f>
        <v>0</v>
      </c>
      <c r="D1262" s="6">
        <f>'申請書（複数入力用）'!D1264</f>
        <v>0</v>
      </c>
      <c r="E1262" s="14">
        <f>'申請書（複数入力用）'!H1264</f>
        <v>0</v>
      </c>
      <c r="F1262" s="11" t="str">
        <f>'申請書（複数入力用）'!J1264</f>
        <v/>
      </c>
      <c r="G1262" s="6" t="str">
        <f>'申請書（複数入力用）'!K1264</f>
        <v>a052r000000jS9ZAAU</v>
      </c>
      <c r="H1262" s="12" t="e">
        <f>'申請書（複数入力用）'!N1264</f>
        <v>#N/A</v>
      </c>
      <c r="I1262" s="12" t="e">
        <f>'申請書（複数入力用）'!O1264</f>
        <v>#N/A</v>
      </c>
      <c r="J1262" s="12">
        <f>'申請書（複数入力用）'!P1264</f>
        <v>1</v>
      </c>
    </row>
    <row r="1263" spans="1:10" ht="51.6" customHeight="1" x14ac:dyDescent="0.45">
      <c r="A1263" s="6">
        <f>'申請書（複数入力用）'!A1265</f>
        <v>1259</v>
      </c>
      <c r="B1263" s="13">
        <f>'申請書（複数入力用）'!AH1265</f>
        <v>0</v>
      </c>
      <c r="C1263" s="6">
        <f>'申請書（複数入力用）'!B1265</f>
        <v>0</v>
      </c>
      <c r="D1263" s="6">
        <f>'申請書（複数入力用）'!D1265</f>
        <v>0</v>
      </c>
      <c r="E1263" s="14">
        <f>'申請書（複数入力用）'!H1265</f>
        <v>0</v>
      </c>
      <c r="F1263" s="11" t="str">
        <f>'申請書（複数入力用）'!J1265</f>
        <v/>
      </c>
      <c r="G1263" s="6" t="str">
        <f>'申請書（複数入力用）'!K1265</f>
        <v>a052r000000jS9ZAAU</v>
      </c>
      <c r="H1263" s="12" t="e">
        <f>'申請書（複数入力用）'!N1265</f>
        <v>#N/A</v>
      </c>
      <c r="I1263" s="12" t="e">
        <f>'申請書（複数入力用）'!O1265</f>
        <v>#N/A</v>
      </c>
      <c r="J1263" s="12">
        <f>'申請書（複数入力用）'!P1265</f>
        <v>1</v>
      </c>
    </row>
    <row r="1264" spans="1:10" ht="51.6" customHeight="1" x14ac:dyDescent="0.45">
      <c r="A1264" s="6">
        <f>'申請書（複数入力用）'!A1266</f>
        <v>1260</v>
      </c>
      <c r="B1264" s="13">
        <f>'申請書（複数入力用）'!AH1266</f>
        <v>0</v>
      </c>
      <c r="C1264" s="6">
        <f>'申請書（複数入力用）'!B1266</f>
        <v>0</v>
      </c>
      <c r="D1264" s="6">
        <f>'申請書（複数入力用）'!D1266</f>
        <v>0</v>
      </c>
      <c r="E1264" s="14">
        <f>'申請書（複数入力用）'!H1266</f>
        <v>0</v>
      </c>
      <c r="F1264" s="11" t="str">
        <f>'申請書（複数入力用）'!J1266</f>
        <v/>
      </c>
      <c r="G1264" s="6" t="str">
        <f>'申請書（複数入力用）'!K1266</f>
        <v>a052r000000jS9ZAAU</v>
      </c>
      <c r="H1264" s="12" t="e">
        <f>'申請書（複数入力用）'!N1266</f>
        <v>#N/A</v>
      </c>
      <c r="I1264" s="12" t="e">
        <f>'申請書（複数入力用）'!O1266</f>
        <v>#N/A</v>
      </c>
      <c r="J1264" s="12">
        <f>'申請書（複数入力用）'!P1266</f>
        <v>1</v>
      </c>
    </row>
    <row r="1265" spans="1:10" ht="51.6" customHeight="1" x14ac:dyDescent="0.45">
      <c r="A1265" s="6">
        <f>'申請書（複数入力用）'!A1267</f>
        <v>1261</v>
      </c>
      <c r="B1265" s="13">
        <f>'申請書（複数入力用）'!AH1267</f>
        <v>0</v>
      </c>
      <c r="C1265" s="6">
        <f>'申請書（複数入力用）'!B1267</f>
        <v>0</v>
      </c>
      <c r="D1265" s="6">
        <f>'申請書（複数入力用）'!D1267</f>
        <v>0</v>
      </c>
      <c r="E1265" s="14">
        <f>'申請書（複数入力用）'!H1267</f>
        <v>0</v>
      </c>
      <c r="F1265" s="11" t="str">
        <f>'申請書（複数入力用）'!J1267</f>
        <v/>
      </c>
      <c r="G1265" s="6" t="str">
        <f>'申請書（複数入力用）'!K1267</f>
        <v>a052r000000jS9ZAAU</v>
      </c>
      <c r="H1265" s="12" t="e">
        <f>'申請書（複数入力用）'!N1267</f>
        <v>#N/A</v>
      </c>
      <c r="I1265" s="12" t="e">
        <f>'申請書（複数入力用）'!O1267</f>
        <v>#N/A</v>
      </c>
      <c r="J1265" s="12">
        <f>'申請書（複数入力用）'!P1267</f>
        <v>1</v>
      </c>
    </row>
    <row r="1266" spans="1:10" ht="51.6" customHeight="1" x14ac:dyDescent="0.45">
      <c r="A1266" s="6">
        <f>'申請書（複数入力用）'!A1268</f>
        <v>1262</v>
      </c>
      <c r="B1266" s="13">
        <f>'申請書（複数入力用）'!AH1268</f>
        <v>0</v>
      </c>
      <c r="C1266" s="6">
        <f>'申請書（複数入力用）'!B1268</f>
        <v>0</v>
      </c>
      <c r="D1266" s="6">
        <f>'申請書（複数入力用）'!D1268</f>
        <v>0</v>
      </c>
      <c r="E1266" s="14">
        <f>'申請書（複数入力用）'!H1268</f>
        <v>0</v>
      </c>
      <c r="F1266" s="11" t="str">
        <f>'申請書（複数入力用）'!J1268</f>
        <v/>
      </c>
      <c r="G1266" s="6" t="str">
        <f>'申請書（複数入力用）'!K1268</f>
        <v>a052r000000jS9ZAAU</v>
      </c>
      <c r="H1266" s="12" t="e">
        <f>'申請書（複数入力用）'!N1268</f>
        <v>#N/A</v>
      </c>
      <c r="I1266" s="12" t="e">
        <f>'申請書（複数入力用）'!O1268</f>
        <v>#N/A</v>
      </c>
      <c r="J1266" s="12">
        <f>'申請書（複数入力用）'!P1268</f>
        <v>1</v>
      </c>
    </row>
    <row r="1267" spans="1:10" ht="51.6" customHeight="1" x14ac:dyDescent="0.45">
      <c r="A1267" s="6">
        <f>'申請書（複数入力用）'!A1269</f>
        <v>1263</v>
      </c>
      <c r="B1267" s="13">
        <f>'申請書（複数入力用）'!AH1269</f>
        <v>0</v>
      </c>
      <c r="C1267" s="6">
        <f>'申請書（複数入力用）'!B1269</f>
        <v>0</v>
      </c>
      <c r="D1267" s="6">
        <f>'申請書（複数入力用）'!D1269</f>
        <v>0</v>
      </c>
      <c r="E1267" s="14">
        <f>'申請書（複数入力用）'!H1269</f>
        <v>0</v>
      </c>
      <c r="F1267" s="11" t="str">
        <f>'申請書（複数入力用）'!J1269</f>
        <v/>
      </c>
      <c r="G1267" s="6" t="str">
        <f>'申請書（複数入力用）'!K1269</f>
        <v>a052r000000jS9ZAAU</v>
      </c>
      <c r="H1267" s="12" t="e">
        <f>'申請書（複数入力用）'!N1269</f>
        <v>#N/A</v>
      </c>
      <c r="I1267" s="12" t="e">
        <f>'申請書（複数入力用）'!O1269</f>
        <v>#N/A</v>
      </c>
      <c r="J1267" s="12">
        <f>'申請書（複数入力用）'!P1269</f>
        <v>1</v>
      </c>
    </row>
    <row r="1268" spans="1:10" ht="51.6" customHeight="1" x14ac:dyDescent="0.45">
      <c r="A1268" s="6">
        <f>'申請書（複数入力用）'!A1270</f>
        <v>1264</v>
      </c>
      <c r="B1268" s="13">
        <f>'申請書（複数入力用）'!AH1270</f>
        <v>0</v>
      </c>
      <c r="C1268" s="6">
        <f>'申請書（複数入力用）'!B1270</f>
        <v>0</v>
      </c>
      <c r="D1268" s="6">
        <f>'申請書（複数入力用）'!D1270</f>
        <v>0</v>
      </c>
      <c r="E1268" s="14">
        <f>'申請書（複数入力用）'!H1270</f>
        <v>0</v>
      </c>
      <c r="F1268" s="11" t="str">
        <f>'申請書（複数入力用）'!J1270</f>
        <v/>
      </c>
      <c r="G1268" s="6" t="str">
        <f>'申請書（複数入力用）'!K1270</f>
        <v>a052r000000jS9ZAAU</v>
      </c>
      <c r="H1268" s="12" t="e">
        <f>'申請書（複数入力用）'!N1270</f>
        <v>#N/A</v>
      </c>
      <c r="I1268" s="12" t="e">
        <f>'申請書（複数入力用）'!O1270</f>
        <v>#N/A</v>
      </c>
      <c r="J1268" s="12">
        <f>'申請書（複数入力用）'!P1270</f>
        <v>1</v>
      </c>
    </row>
    <row r="1269" spans="1:10" ht="51.6" customHeight="1" x14ac:dyDescent="0.45">
      <c r="A1269" s="6">
        <f>'申請書（複数入力用）'!A1271</f>
        <v>1265</v>
      </c>
      <c r="B1269" s="13">
        <f>'申請書（複数入力用）'!AH1271</f>
        <v>0</v>
      </c>
      <c r="C1269" s="6">
        <f>'申請書（複数入力用）'!B1271</f>
        <v>0</v>
      </c>
      <c r="D1269" s="6">
        <f>'申請書（複数入力用）'!D1271</f>
        <v>0</v>
      </c>
      <c r="E1269" s="14">
        <f>'申請書（複数入力用）'!H1271</f>
        <v>0</v>
      </c>
      <c r="F1269" s="11" t="str">
        <f>'申請書（複数入力用）'!J1271</f>
        <v/>
      </c>
      <c r="G1269" s="6" t="str">
        <f>'申請書（複数入力用）'!K1271</f>
        <v>a052r000000jS9ZAAU</v>
      </c>
      <c r="H1269" s="12" t="e">
        <f>'申請書（複数入力用）'!N1271</f>
        <v>#N/A</v>
      </c>
      <c r="I1269" s="12" t="e">
        <f>'申請書（複数入力用）'!O1271</f>
        <v>#N/A</v>
      </c>
      <c r="J1269" s="12">
        <f>'申請書（複数入力用）'!P1271</f>
        <v>1</v>
      </c>
    </row>
    <row r="1270" spans="1:10" ht="51.6" customHeight="1" x14ac:dyDescent="0.45">
      <c r="A1270" s="6">
        <f>'申請書（複数入力用）'!A1272</f>
        <v>1266</v>
      </c>
      <c r="B1270" s="13">
        <f>'申請書（複数入力用）'!AH1272</f>
        <v>0</v>
      </c>
      <c r="C1270" s="6">
        <f>'申請書（複数入力用）'!B1272</f>
        <v>0</v>
      </c>
      <c r="D1270" s="6">
        <f>'申請書（複数入力用）'!D1272</f>
        <v>0</v>
      </c>
      <c r="E1270" s="14">
        <f>'申請書（複数入力用）'!H1272</f>
        <v>0</v>
      </c>
      <c r="F1270" s="11" t="str">
        <f>'申請書（複数入力用）'!J1272</f>
        <v/>
      </c>
      <c r="G1270" s="6" t="str">
        <f>'申請書（複数入力用）'!K1272</f>
        <v>a052r000000jS9ZAAU</v>
      </c>
      <c r="H1270" s="12" t="e">
        <f>'申請書（複数入力用）'!N1272</f>
        <v>#N/A</v>
      </c>
      <c r="I1270" s="12" t="e">
        <f>'申請書（複数入力用）'!O1272</f>
        <v>#N/A</v>
      </c>
      <c r="J1270" s="12">
        <f>'申請書（複数入力用）'!P1272</f>
        <v>1</v>
      </c>
    </row>
    <row r="1271" spans="1:10" ht="51.6" customHeight="1" x14ac:dyDescent="0.45">
      <c r="A1271" s="6">
        <f>'申請書（複数入力用）'!A1273</f>
        <v>1267</v>
      </c>
      <c r="B1271" s="13">
        <f>'申請書（複数入力用）'!AH1273</f>
        <v>0</v>
      </c>
      <c r="C1271" s="6">
        <f>'申請書（複数入力用）'!B1273</f>
        <v>0</v>
      </c>
      <c r="D1271" s="6">
        <f>'申請書（複数入力用）'!D1273</f>
        <v>0</v>
      </c>
      <c r="E1271" s="14">
        <f>'申請書（複数入力用）'!H1273</f>
        <v>0</v>
      </c>
      <c r="F1271" s="11" t="str">
        <f>'申請書（複数入力用）'!J1273</f>
        <v/>
      </c>
      <c r="G1271" s="6" t="str">
        <f>'申請書（複数入力用）'!K1273</f>
        <v>a052r000000jS9ZAAU</v>
      </c>
      <c r="H1271" s="12" t="e">
        <f>'申請書（複数入力用）'!N1273</f>
        <v>#N/A</v>
      </c>
      <c r="I1271" s="12" t="e">
        <f>'申請書（複数入力用）'!O1273</f>
        <v>#N/A</v>
      </c>
      <c r="J1271" s="12">
        <f>'申請書（複数入力用）'!P1273</f>
        <v>1</v>
      </c>
    </row>
    <row r="1272" spans="1:10" ht="51.6" customHeight="1" x14ac:dyDescent="0.45">
      <c r="A1272" s="6">
        <f>'申請書（複数入力用）'!A1274</f>
        <v>1268</v>
      </c>
      <c r="B1272" s="13">
        <f>'申請書（複数入力用）'!AH1274</f>
        <v>0</v>
      </c>
      <c r="C1272" s="6">
        <f>'申請書（複数入力用）'!B1274</f>
        <v>0</v>
      </c>
      <c r="D1272" s="6">
        <f>'申請書（複数入力用）'!D1274</f>
        <v>0</v>
      </c>
      <c r="E1272" s="14">
        <f>'申請書（複数入力用）'!H1274</f>
        <v>0</v>
      </c>
      <c r="F1272" s="11" t="str">
        <f>'申請書（複数入力用）'!J1274</f>
        <v/>
      </c>
      <c r="G1272" s="6" t="str">
        <f>'申請書（複数入力用）'!K1274</f>
        <v>a052r000000jS9ZAAU</v>
      </c>
      <c r="H1272" s="12" t="e">
        <f>'申請書（複数入力用）'!N1274</f>
        <v>#N/A</v>
      </c>
      <c r="I1272" s="12" t="e">
        <f>'申請書（複数入力用）'!O1274</f>
        <v>#N/A</v>
      </c>
      <c r="J1272" s="12">
        <f>'申請書（複数入力用）'!P1274</f>
        <v>1</v>
      </c>
    </row>
    <row r="1273" spans="1:10" ht="51.6" customHeight="1" x14ac:dyDescent="0.45">
      <c r="A1273" s="6">
        <f>'申請書（複数入力用）'!A1275</f>
        <v>1269</v>
      </c>
      <c r="B1273" s="13">
        <f>'申請書（複数入力用）'!AH1275</f>
        <v>0</v>
      </c>
      <c r="C1273" s="6">
        <f>'申請書（複数入力用）'!B1275</f>
        <v>0</v>
      </c>
      <c r="D1273" s="6">
        <f>'申請書（複数入力用）'!D1275</f>
        <v>0</v>
      </c>
      <c r="E1273" s="14">
        <f>'申請書（複数入力用）'!H1275</f>
        <v>0</v>
      </c>
      <c r="F1273" s="11" t="str">
        <f>'申請書（複数入力用）'!J1275</f>
        <v/>
      </c>
      <c r="G1273" s="6" t="str">
        <f>'申請書（複数入力用）'!K1275</f>
        <v>a052r000000jS9ZAAU</v>
      </c>
      <c r="H1273" s="12" t="e">
        <f>'申請書（複数入力用）'!N1275</f>
        <v>#N/A</v>
      </c>
      <c r="I1273" s="12" t="e">
        <f>'申請書（複数入力用）'!O1275</f>
        <v>#N/A</v>
      </c>
      <c r="J1273" s="12">
        <f>'申請書（複数入力用）'!P1275</f>
        <v>1</v>
      </c>
    </row>
    <row r="1274" spans="1:10" ht="51.6" customHeight="1" x14ac:dyDescent="0.45">
      <c r="A1274" s="6">
        <f>'申請書（複数入力用）'!A1276</f>
        <v>1270</v>
      </c>
      <c r="B1274" s="13">
        <f>'申請書（複数入力用）'!AH1276</f>
        <v>0</v>
      </c>
      <c r="C1274" s="6">
        <f>'申請書（複数入力用）'!B1276</f>
        <v>0</v>
      </c>
      <c r="D1274" s="6">
        <f>'申請書（複数入力用）'!D1276</f>
        <v>0</v>
      </c>
      <c r="E1274" s="14">
        <f>'申請書（複数入力用）'!H1276</f>
        <v>0</v>
      </c>
      <c r="F1274" s="11" t="str">
        <f>'申請書（複数入力用）'!J1276</f>
        <v/>
      </c>
      <c r="G1274" s="6" t="str">
        <f>'申請書（複数入力用）'!K1276</f>
        <v>a052r000000jS9ZAAU</v>
      </c>
      <c r="H1274" s="12" t="e">
        <f>'申請書（複数入力用）'!N1276</f>
        <v>#N/A</v>
      </c>
      <c r="I1274" s="12" t="e">
        <f>'申請書（複数入力用）'!O1276</f>
        <v>#N/A</v>
      </c>
      <c r="J1274" s="12">
        <f>'申請書（複数入力用）'!P1276</f>
        <v>1</v>
      </c>
    </row>
    <row r="1275" spans="1:10" ht="51.6" customHeight="1" x14ac:dyDescent="0.45">
      <c r="A1275" s="6">
        <f>'申請書（複数入力用）'!A1277</f>
        <v>1271</v>
      </c>
      <c r="B1275" s="13">
        <f>'申請書（複数入力用）'!AH1277</f>
        <v>0</v>
      </c>
      <c r="C1275" s="6">
        <f>'申請書（複数入力用）'!B1277</f>
        <v>0</v>
      </c>
      <c r="D1275" s="6">
        <f>'申請書（複数入力用）'!D1277</f>
        <v>0</v>
      </c>
      <c r="E1275" s="14">
        <f>'申請書（複数入力用）'!H1277</f>
        <v>0</v>
      </c>
      <c r="F1275" s="11" t="str">
        <f>'申請書（複数入力用）'!J1277</f>
        <v/>
      </c>
      <c r="G1275" s="6" t="str">
        <f>'申請書（複数入力用）'!K1277</f>
        <v>a052r000000jS9ZAAU</v>
      </c>
      <c r="H1275" s="12" t="e">
        <f>'申請書（複数入力用）'!N1277</f>
        <v>#N/A</v>
      </c>
      <c r="I1275" s="12" t="e">
        <f>'申請書（複数入力用）'!O1277</f>
        <v>#N/A</v>
      </c>
      <c r="J1275" s="12">
        <f>'申請書（複数入力用）'!P1277</f>
        <v>1</v>
      </c>
    </row>
    <row r="1276" spans="1:10" ht="51.6" customHeight="1" x14ac:dyDescent="0.45">
      <c r="A1276" s="6">
        <f>'申請書（複数入力用）'!A1278</f>
        <v>1272</v>
      </c>
      <c r="B1276" s="13">
        <f>'申請書（複数入力用）'!AH1278</f>
        <v>0</v>
      </c>
      <c r="C1276" s="6">
        <f>'申請書（複数入力用）'!B1278</f>
        <v>0</v>
      </c>
      <c r="D1276" s="6">
        <f>'申請書（複数入力用）'!D1278</f>
        <v>0</v>
      </c>
      <c r="E1276" s="14">
        <f>'申請書（複数入力用）'!H1278</f>
        <v>0</v>
      </c>
      <c r="F1276" s="11" t="str">
        <f>'申請書（複数入力用）'!J1278</f>
        <v/>
      </c>
      <c r="G1276" s="6" t="str">
        <f>'申請書（複数入力用）'!K1278</f>
        <v>a052r000000jS9ZAAU</v>
      </c>
      <c r="H1276" s="12" t="e">
        <f>'申請書（複数入力用）'!N1278</f>
        <v>#N/A</v>
      </c>
      <c r="I1276" s="12" t="e">
        <f>'申請書（複数入力用）'!O1278</f>
        <v>#N/A</v>
      </c>
      <c r="J1276" s="12">
        <f>'申請書（複数入力用）'!P1278</f>
        <v>1</v>
      </c>
    </row>
    <row r="1277" spans="1:10" ht="51.6" customHeight="1" x14ac:dyDescent="0.45">
      <c r="A1277" s="6">
        <f>'申請書（複数入力用）'!A1279</f>
        <v>1273</v>
      </c>
      <c r="B1277" s="13">
        <f>'申請書（複数入力用）'!AH1279</f>
        <v>0</v>
      </c>
      <c r="C1277" s="6">
        <f>'申請書（複数入力用）'!B1279</f>
        <v>0</v>
      </c>
      <c r="D1277" s="6">
        <f>'申請書（複数入力用）'!D1279</f>
        <v>0</v>
      </c>
      <c r="E1277" s="14">
        <f>'申請書（複数入力用）'!H1279</f>
        <v>0</v>
      </c>
      <c r="F1277" s="11" t="str">
        <f>'申請書（複数入力用）'!J1279</f>
        <v/>
      </c>
      <c r="G1277" s="6" t="str">
        <f>'申請書（複数入力用）'!K1279</f>
        <v>a052r000000jS9ZAAU</v>
      </c>
      <c r="H1277" s="12" t="e">
        <f>'申請書（複数入力用）'!N1279</f>
        <v>#N/A</v>
      </c>
      <c r="I1277" s="12" t="e">
        <f>'申請書（複数入力用）'!O1279</f>
        <v>#N/A</v>
      </c>
      <c r="J1277" s="12">
        <f>'申請書（複数入力用）'!P1279</f>
        <v>1</v>
      </c>
    </row>
    <row r="1278" spans="1:10" ht="51.6" customHeight="1" x14ac:dyDescent="0.45">
      <c r="A1278" s="6">
        <f>'申請書（複数入力用）'!A1280</f>
        <v>1274</v>
      </c>
      <c r="B1278" s="13">
        <f>'申請書（複数入力用）'!AH1280</f>
        <v>0</v>
      </c>
      <c r="C1278" s="6">
        <f>'申請書（複数入力用）'!B1280</f>
        <v>0</v>
      </c>
      <c r="D1278" s="6">
        <f>'申請書（複数入力用）'!D1280</f>
        <v>0</v>
      </c>
      <c r="E1278" s="14">
        <f>'申請書（複数入力用）'!H1280</f>
        <v>0</v>
      </c>
      <c r="F1278" s="11" t="str">
        <f>'申請書（複数入力用）'!J1280</f>
        <v/>
      </c>
      <c r="G1278" s="6" t="str">
        <f>'申請書（複数入力用）'!K1280</f>
        <v>a052r000000jS9ZAAU</v>
      </c>
      <c r="H1278" s="12" t="e">
        <f>'申請書（複数入力用）'!N1280</f>
        <v>#N/A</v>
      </c>
      <c r="I1278" s="12" t="e">
        <f>'申請書（複数入力用）'!O1280</f>
        <v>#N/A</v>
      </c>
      <c r="J1278" s="12">
        <f>'申請書（複数入力用）'!P1280</f>
        <v>1</v>
      </c>
    </row>
    <row r="1279" spans="1:10" ht="51.6" customHeight="1" x14ac:dyDescent="0.45">
      <c r="A1279" s="6">
        <f>'申請書（複数入力用）'!A1281</f>
        <v>1275</v>
      </c>
      <c r="B1279" s="13">
        <f>'申請書（複数入力用）'!AH1281</f>
        <v>0</v>
      </c>
      <c r="C1279" s="6">
        <f>'申請書（複数入力用）'!B1281</f>
        <v>0</v>
      </c>
      <c r="D1279" s="6">
        <f>'申請書（複数入力用）'!D1281</f>
        <v>0</v>
      </c>
      <c r="E1279" s="14">
        <f>'申請書（複数入力用）'!H1281</f>
        <v>0</v>
      </c>
      <c r="F1279" s="11" t="str">
        <f>'申請書（複数入力用）'!J1281</f>
        <v/>
      </c>
      <c r="G1279" s="6" t="str">
        <f>'申請書（複数入力用）'!K1281</f>
        <v>a052r000000jS9ZAAU</v>
      </c>
      <c r="H1279" s="12" t="e">
        <f>'申請書（複数入力用）'!N1281</f>
        <v>#N/A</v>
      </c>
      <c r="I1279" s="12" t="e">
        <f>'申請書（複数入力用）'!O1281</f>
        <v>#N/A</v>
      </c>
      <c r="J1279" s="12">
        <f>'申請書（複数入力用）'!P1281</f>
        <v>1</v>
      </c>
    </row>
    <row r="1280" spans="1:10" ht="51.6" customHeight="1" x14ac:dyDescent="0.45">
      <c r="A1280" s="6">
        <f>'申請書（複数入力用）'!A1282</f>
        <v>1276</v>
      </c>
      <c r="B1280" s="13">
        <f>'申請書（複数入力用）'!AH1282</f>
        <v>0</v>
      </c>
      <c r="C1280" s="6">
        <f>'申請書（複数入力用）'!B1282</f>
        <v>0</v>
      </c>
      <c r="D1280" s="6">
        <f>'申請書（複数入力用）'!D1282</f>
        <v>0</v>
      </c>
      <c r="E1280" s="14">
        <f>'申請書（複数入力用）'!H1282</f>
        <v>0</v>
      </c>
      <c r="F1280" s="11" t="str">
        <f>'申請書（複数入力用）'!J1282</f>
        <v/>
      </c>
      <c r="G1280" s="6" t="str">
        <f>'申請書（複数入力用）'!K1282</f>
        <v>a052r000000jS9ZAAU</v>
      </c>
      <c r="H1280" s="12" t="e">
        <f>'申請書（複数入力用）'!N1282</f>
        <v>#N/A</v>
      </c>
      <c r="I1280" s="12" t="e">
        <f>'申請書（複数入力用）'!O1282</f>
        <v>#N/A</v>
      </c>
      <c r="J1280" s="12">
        <f>'申請書（複数入力用）'!P1282</f>
        <v>1</v>
      </c>
    </row>
    <row r="1281" spans="1:10" ht="51.6" customHeight="1" x14ac:dyDescent="0.45">
      <c r="A1281" s="6">
        <f>'申請書（複数入力用）'!A1283</f>
        <v>1277</v>
      </c>
      <c r="B1281" s="13">
        <f>'申請書（複数入力用）'!AH1283</f>
        <v>0</v>
      </c>
      <c r="C1281" s="6">
        <f>'申請書（複数入力用）'!B1283</f>
        <v>0</v>
      </c>
      <c r="D1281" s="6">
        <f>'申請書（複数入力用）'!D1283</f>
        <v>0</v>
      </c>
      <c r="E1281" s="14">
        <f>'申請書（複数入力用）'!H1283</f>
        <v>0</v>
      </c>
      <c r="F1281" s="11" t="str">
        <f>'申請書（複数入力用）'!J1283</f>
        <v/>
      </c>
      <c r="G1281" s="6" t="str">
        <f>'申請書（複数入力用）'!K1283</f>
        <v>a052r000000jS9ZAAU</v>
      </c>
      <c r="H1281" s="12" t="e">
        <f>'申請書（複数入力用）'!N1283</f>
        <v>#N/A</v>
      </c>
      <c r="I1281" s="12" t="e">
        <f>'申請書（複数入力用）'!O1283</f>
        <v>#N/A</v>
      </c>
      <c r="J1281" s="12">
        <f>'申請書（複数入力用）'!P1283</f>
        <v>1</v>
      </c>
    </row>
    <row r="1282" spans="1:10" ht="51.6" customHeight="1" x14ac:dyDescent="0.45">
      <c r="A1282" s="6">
        <f>'申請書（複数入力用）'!A1284</f>
        <v>1278</v>
      </c>
      <c r="B1282" s="13">
        <f>'申請書（複数入力用）'!AH1284</f>
        <v>0</v>
      </c>
      <c r="C1282" s="6">
        <f>'申請書（複数入力用）'!B1284</f>
        <v>0</v>
      </c>
      <c r="D1282" s="6">
        <f>'申請書（複数入力用）'!D1284</f>
        <v>0</v>
      </c>
      <c r="E1282" s="14">
        <f>'申請書（複数入力用）'!H1284</f>
        <v>0</v>
      </c>
      <c r="F1282" s="11" t="str">
        <f>'申請書（複数入力用）'!J1284</f>
        <v/>
      </c>
      <c r="G1282" s="6" t="str">
        <f>'申請書（複数入力用）'!K1284</f>
        <v>a052r000000jS9ZAAU</v>
      </c>
      <c r="H1282" s="12" t="e">
        <f>'申請書（複数入力用）'!N1284</f>
        <v>#N/A</v>
      </c>
      <c r="I1282" s="12" t="e">
        <f>'申請書（複数入力用）'!O1284</f>
        <v>#N/A</v>
      </c>
      <c r="J1282" s="12">
        <f>'申請書（複数入力用）'!P1284</f>
        <v>1</v>
      </c>
    </row>
    <row r="1283" spans="1:10" ht="51.6" customHeight="1" x14ac:dyDescent="0.45">
      <c r="A1283" s="6">
        <f>'申請書（複数入力用）'!A1285</f>
        <v>1279</v>
      </c>
      <c r="B1283" s="13">
        <f>'申請書（複数入力用）'!AH1285</f>
        <v>0</v>
      </c>
      <c r="C1283" s="6">
        <f>'申請書（複数入力用）'!B1285</f>
        <v>0</v>
      </c>
      <c r="D1283" s="6">
        <f>'申請書（複数入力用）'!D1285</f>
        <v>0</v>
      </c>
      <c r="E1283" s="14">
        <f>'申請書（複数入力用）'!H1285</f>
        <v>0</v>
      </c>
      <c r="F1283" s="11" t="str">
        <f>'申請書（複数入力用）'!J1285</f>
        <v/>
      </c>
      <c r="G1283" s="6" t="str">
        <f>'申請書（複数入力用）'!K1285</f>
        <v>a052r000000jS9ZAAU</v>
      </c>
      <c r="H1283" s="12" t="e">
        <f>'申請書（複数入力用）'!N1285</f>
        <v>#N/A</v>
      </c>
      <c r="I1283" s="12" t="e">
        <f>'申請書（複数入力用）'!O1285</f>
        <v>#N/A</v>
      </c>
      <c r="J1283" s="12">
        <f>'申請書（複数入力用）'!P1285</f>
        <v>1</v>
      </c>
    </row>
    <row r="1284" spans="1:10" ht="51.6" customHeight="1" x14ac:dyDescent="0.45">
      <c r="A1284" s="6">
        <f>'申請書（複数入力用）'!A1286</f>
        <v>1280</v>
      </c>
      <c r="B1284" s="13">
        <f>'申請書（複数入力用）'!AH1286</f>
        <v>0</v>
      </c>
      <c r="C1284" s="6">
        <f>'申請書（複数入力用）'!B1286</f>
        <v>0</v>
      </c>
      <c r="D1284" s="6">
        <f>'申請書（複数入力用）'!D1286</f>
        <v>0</v>
      </c>
      <c r="E1284" s="14">
        <f>'申請書（複数入力用）'!H1286</f>
        <v>0</v>
      </c>
      <c r="F1284" s="11" t="str">
        <f>'申請書（複数入力用）'!J1286</f>
        <v/>
      </c>
      <c r="G1284" s="6" t="str">
        <f>'申請書（複数入力用）'!K1286</f>
        <v>a052r000000jS9ZAAU</v>
      </c>
      <c r="H1284" s="12" t="e">
        <f>'申請書（複数入力用）'!N1286</f>
        <v>#N/A</v>
      </c>
      <c r="I1284" s="12" t="e">
        <f>'申請書（複数入力用）'!O1286</f>
        <v>#N/A</v>
      </c>
      <c r="J1284" s="12">
        <f>'申請書（複数入力用）'!P1286</f>
        <v>1</v>
      </c>
    </row>
    <row r="1285" spans="1:10" ht="51.6" customHeight="1" x14ac:dyDescent="0.45">
      <c r="A1285" s="6">
        <f>'申請書（複数入力用）'!A1287</f>
        <v>1281</v>
      </c>
      <c r="B1285" s="13">
        <f>'申請書（複数入力用）'!AH1287</f>
        <v>0</v>
      </c>
      <c r="C1285" s="6">
        <f>'申請書（複数入力用）'!B1287</f>
        <v>0</v>
      </c>
      <c r="D1285" s="6">
        <f>'申請書（複数入力用）'!D1287</f>
        <v>0</v>
      </c>
      <c r="E1285" s="14">
        <f>'申請書（複数入力用）'!H1287</f>
        <v>0</v>
      </c>
      <c r="F1285" s="11" t="str">
        <f>'申請書（複数入力用）'!J1287</f>
        <v/>
      </c>
      <c r="G1285" s="6" t="str">
        <f>'申請書（複数入力用）'!K1287</f>
        <v>a052r000000jS9ZAAU</v>
      </c>
      <c r="H1285" s="12" t="e">
        <f>'申請書（複数入力用）'!N1287</f>
        <v>#N/A</v>
      </c>
      <c r="I1285" s="12" t="e">
        <f>'申請書（複数入力用）'!O1287</f>
        <v>#N/A</v>
      </c>
      <c r="J1285" s="12">
        <f>'申請書（複数入力用）'!P1287</f>
        <v>1</v>
      </c>
    </row>
    <row r="1286" spans="1:10" ht="51.6" customHeight="1" x14ac:dyDescent="0.45">
      <c r="A1286" s="6">
        <f>'申請書（複数入力用）'!A1288</f>
        <v>1282</v>
      </c>
      <c r="B1286" s="13">
        <f>'申請書（複数入力用）'!AH1288</f>
        <v>0</v>
      </c>
      <c r="C1286" s="6">
        <f>'申請書（複数入力用）'!B1288</f>
        <v>0</v>
      </c>
      <c r="D1286" s="6">
        <f>'申請書（複数入力用）'!D1288</f>
        <v>0</v>
      </c>
      <c r="E1286" s="14">
        <f>'申請書（複数入力用）'!H1288</f>
        <v>0</v>
      </c>
      <c r="F1286" s="11" t="str">
        <f>'申請書（複数入力用）'!J1288</f>
        <v/>
      </c>
      <c r="G1286" s="6" t="str">
        <f>'申請書（複数入力用）'!K1288</f>
        <v>a052r000000jS9ZAAU</v>
      </c>
      <c r="H1286" s="12" t="e">
        <f>'申請書（複数入力用）'!N1288</f>
        <v>#N/A</v>
      </c>
      <c r="I1286" s="12" t="e">
        <f>'申請書（複数入力用）'!O1288</f>
        <v>#N/A</v>
      </c>
      <c r="J1286" s="12">
        <f>'申請書（複数入力用）'!P1288</f>
        <v>1</v>
      </c>
    </row>
    <row r="1287" spans="1:10" ht="51.6" customHeight="1" x14ac:dyDescent="0.45">
      <c r="A1287" s="6">
        <f>'申請書（複数入力用）'!A1289</f>
        <v>1283</v>
      </c>
      <c r="B1287" s="13">
        <f>'申請書（複数入力用）'!AH1289</f>
        <v>0</v>
      </c>
      <c r="C1287" s="6">
        <f>'申請書（複数入力用）'!B1289</f>
        <v>0</v>
      </c>
      <c r="D1287" s="6">
        <f>'申請書（複数入力用）'!D1289</f>
        <v>0</v>
      </c>
      <c r="E1287" s="14">
        <f>'申請書（複数入力用）'!H1289</f>
        <v>0</v>
      </c>
      <c r="F1287" s="11" t="str">
        <f>'申請書（複数入力用）'!J1289</f>
        <v/>
      </c>
      <c r="G1287" s="6" t="str">
        <f>'申請書（複数入力用）'!K1289</f>
        <v>a052r000000jS9ZAAU</v>
      </c>
      <c r="H1287" s="12" t="e">
        <f>'申請書（複数入力用）'!N1289</f>
        <v>#N/A</v>
      </c>
      <c r="I1287" s="12" t="e">
        <f>'申請書（複数入力用）'!O1289</f>
        <v>#N/A</v>
      </c>
      <c r="J1287" s="12">
        <f>'申請書（複数入力用）'!P1289</f>
        <v>1</v>
      </c>
    </row>
    <row r="1288" spans="1:10" ht="51.6" customHeight="1" x14ac:dyDescent="0.45">
      <c r="A1288" s="6">
        <f>'申請書（複数入力用）'!A1290</f>
        <v>1284</v>
      </c>
      <c r="B1288" s="13">
        <f>'申請書（複数入力用）'!AH1290</f>
        <v>0</v>
      </c>
      <c r="C1288" s="6">
        <f>'申請書（複数入力用）'!B1290</f>
        <v>0</v>
      </c>
      <c r="D1288" s="6">
        <f>'申請書（複数入力用）'!D1290</f>
        <v>0</v>
      </c>
      <c r="E1288" s="14">
        <f>'申請書（複数入力用）'!H1290</f>
        <v>0</v>
      </c>
      <c r="F1288" s="11" t="str">
        <f>'申請書（複数入力用）'!J1290</f>
        <v/>
      </c>
      <c r="G1288" s="6" t="str">
        <f>'申請書（複数入力用）'!K1290</f>
        <v>a052r000000jS9ZAAU</v>
      </c>
      <c r="H1288" s="12" t="e">
        <f>'申請書（複数入力用）'!N1290</f>
        <v>#N/A</v>
      </c>
      <c r="I1288" s="12" t="e">
        <f>'申請書（複数入力用）'!O1290</f>
        <v>#N/A</v>
      </c>
      <c r="J1288" s="12">
        <f>'申請書（複数入力用）'!P1290</f>
        <v>1</v>
      </c>
    </row>
    <row r="1289" spans="1:10" ht="51.6" customHeight="1" x14ac:dyDescent="0.45">
      <c r="A1289" s="6">
        <f>'申請書（複数入力用）'!A1291</f>
        <v>1285</v>
      </c>
      <c r="B1289" s="13">
        <f>'申請書（複数入力用）'!AH1291</f>
        <v>0</v>
      </c>
      <c r="C1289" s="6">
        <f>'申請書（複数入力用）'!B1291</f>
        <v>0</v>
      </c>
      <c r="D1289" s="6">
        <f>'申請書（複数入力用）'!D1291</f>
        <v>0</v>
      </c>
      <c r="E1289" s="14">
        <f>'申請書（複数入力用）'!H1291</f>
        <v>0</v>
      </c>
      <c r="F1289" s="11" t="str">
        <f>'申請書（複数入力用）'!J1291</f>
        <v/>
      </c>
      <c r="G1289" s="6" t="str">
        <f>'申請書（複数入力用）'!K1291</f>
        <v>a052r000000jS9ZAAU</v>
      </c>
      <c r="H1289" s="12" t="e">
        <f>'申請書（複数入力用）'!N1291</f>
        <v>#N/A</v>
      </c>
      <c r="I1289" s="12" t="e">
        <f>'申請書（複数入力用）'!O1291</f>
        <v>#N/A</v>
      </c>
      <c r="J1289" s="12">
        <f>'申請書（複数入力用）'!P1291</f>
        <v>1</v>
      </c>
    </row>
    <row r="1290" spans="1:10" ht="51.6" customHeight="1" x14ac:dyDescent="0.45">
      <c r="A1290" s="6">
        <f>'申請書（複数入力用）'!A1292</f>
        <v>1286</v>
      </c>
      <c r="B1290" s="13">
        <f>'申請書（複数入力用）'!AH1292</f>
        <v>0</v>
      </c>
      <c r="C1290" s="6">
        <f>'申請書（複数入力用）'!B1292</f>
        <v>0</v>
      </c>
      <c r="D1290" s="6">
        <f>'申請書（複数入力用）'!D1292</f>
        <v>0</v>
      </c>
      <c r="E1290" s="14">
        <f>'申請書（複数入力用）'!H1292</f>
        <v>0</v>
      </c>
      <c r="F1290" s="11" t="str">
        <f>'申請書（複数入力用）'!J1292</f>
        <v/>
      </c>
      <c r="G1290" s="6" t="str">
        <f>'申請書（複数入力用）'!K1292</f>
        <v>a052r000000jS9ZAAU</v>
      </c>
      <c r="H1290" s="12" t="e">
        <f>'申請書（複数入力用）'!N1292</f>
        <v>#N/A</v>
      </c>
      <c r="I1290" s="12" t="e">
        <f>'申請書（複数入力用）'!O1292</f>
        <v>#N/A</v>
      </c>
      <c r="J1290" s="12">
        <f>'申請書（複数入力用）'!P1292</f>
        <v>1</v>
      </c>
    </row>
    <row r="1291" spans="1:10" ht="51.6" customHeight="1" x14ac:dyDescent="0.45">
      <c r="A1291" s="6">
        <f>'申請書（複数入力用）'!A1293</f>
        <v>1287</v>
      </c>
      <c r="B1291" s="13">
        <f>'申請書（複数入力用）'!AH1293</f>
        <v>0</v>
      </c>
      <c r="C1291" s="6">
        <f>'申請書（複数入力用）'!B1293</f>
        <v>0</v>
      </c>
      <c r="D1291" s="6">
        <f>'申請書（複数入力用）'!D1293</f>
        <v>0</v>
      </c>
      <c r="E1291" s="14">
        <f>'申請書（複数入力用）'!H1293</f>
        <v>0</v>
      </c>
      <c r="F1291" s="11" t="str">
        <f>'申請書（複数入力用）'!J1293</f>
        <v/>
      </c>
      <c r="G1291" s="6" t="str">
        <f>'申請書（複数入力用）'!K1293</f>
        <v>a052r000000jS9ZAAU</v>
      </c>
      <c r="H1291" s="12" t="e">
        <f>'申請書（複数入力用）'!N1293</f>
        <v>#N/A</v>
      </c>
      <c r="I1291" s="12" t="e">
        <f>'申請書（複数入力用）'!O1293</f>
        <v>#N/A</v>
      </c>
      <c r="J1291" s="12">
        <f>'申請書（複数入力用）'!P1293</f>
        <v>1</v>
      </c>
    </row>
    <row r="1292" spans="1:10" ht="51.6" customHeight="1" x14ac:dyDescent="0.45">
      <c r="A1292" s="6">
        <f>'申請書（複数入力用）'!A1294</f>
        <v>1288</v>
      </c>
      <c r="B1292" s="13">
        <f>'申請書（複数入力用）'!AH1294</f>
        <v>0</v>
      </c>
      <c r="C1292" s="6">
        <f>'申請書（複数入力用）'!B1294</f>
        <v>0</v>
      </c>
      <c r="D1292" s="6">
        <f>'申請書（複数入力用）'!D1294</f>
        <v>0</v>
      </c>
      <c r="E1292" s="14">
        <f>'申請書（複数入力用）'!H1294</f>
        <v>0</v>
      </c>
      <c r="F1292" s="11" t="str">
        <f>'申請書（複数入力用）'!J1294</f>
        <v/>
      </c>
      <c r="G1292" s="6" t="str">
        <f>'申請書（複数入力用）'!K1294</f>
        <v>a052r000000jS9ZAAU</v>
      </c>
      <c r="H1292" s="12" t="e">
        <f>'申請書（複数入力用）'!N1294</f>
        <v>#N/A</v>
      </c>
      <c r="I1292" s="12" t="e">
        <f>'申請書（複数入力用）'!O1294</f>
        <v>#N/A</v>
      </c>
      <c r="J1292" s="12">
        <f>'申請書（複数入力用）'!P1294</f>
        <v>1</v>
      </c>
    </row>
    <row r="1293" spans="1:10" ht="51.6" customHeight="1" x14ac:dyDescent="0.45">
      <c r="A1293" s="6">
        <f>'申請書（複数入力用）'!A1295</f>
        <v>1289</v>
      </c>
      <c r="B1293" s="13">
        <f>'申請書（複数入力用）'!AH1295</f>
        <v>0</v>
      </c>
      <c r="C1293" s="6">
        <f>'申請書（複数入力用）'!B1295</f>
        <v>0</v>
      </c>
      <c r="D1293" s="6">
        <f>'申請書（複数入力用）'!D1295</f>
        <v>0</v>
      </c>
      <c r="E1293" s="14">
        <f>'申請書（複数入力用）'!H1295</f>
        <v>0</v>
      </c>
      <c r="F1293" s="11" t="str">
        <f>'申請書（複数入力用）'!J1295</f>
        <v/>
      </c>
      <c r="G1293" s="6" t="str">
        <f>'申請書（複数入力用）'!K1295</f>
        <v>a052r000000jS9ZAAU</v>
      </c>
      <c r="H1293" s="12" t="e">
        <f>'申請書（複数入力用）'!N1295</f>
        <v>#N/A</v>
      </c>
      <c r="I1293" s="12" t="e">
        <f>'申請書（複数入力用）'!O1295</f>
        <v>#N/A</v>
      </c>
      <c r="J1293" s="12">
        <f>'申請書（複数入力用）'!P1295</f>
        <v>1</v>
      </c>
    </row>
    <row r="1294" spans="1:10" ht="51.6" customHeight="1" x14ac:dyDescent="0.45">
      <c r="A1294" s="6">
        <f>'申請書（複数入力用）'!A1296</f>
        <v>1290</v>
      </c>
      <c r="B1294" s="13">
        <f>'申請書（複数入力用）'!AH1296</f>
        <v>0</v>
      </c>
      <c r="C1294" s="6">
        <f>'申請書（複数入力用）'!B1296</f>
        <v>0</v>
      </c>
      <c r="D1294" s="6">
        <f>'申請書（複数入力用）'!D1296</f>
        <v>0</v>
      </c>
      <c r="E1294" s="14">
        <f>'申請書（複数入力用）'!H1296</f>
        <v>0</v>
      </c>
      <c r="F1294" s="11" t="str">
        <f>'申請書（複数入力用）'!J1296</f>
        <v/>
      </c>
      <c r="G1294" s="6" t="str">
        <f>'申請書（複数入力用）'!K1296</f>
        <v>a052r000000jS9ZAAU</v>
      </c>
      <c r="H1294" s="12" t="e">
        <f>'申請書（複数入力用）'!N1296</f>
        <v>#N/A</v>
      </c>
      <c r="I1294" s="12" t="e">
        <f>'申請書（複数入力用）'!O1296</f>
        <v>#N/A</v>
      </c>
      <c r="J1294" s="12">
        <f>'申請書（複数入力用）'!P1296</f>
        <v>1</v>
      </c>
    </row>
    <row r="1295" spans="1:10" ht="51.6" customHeight="1" x14ac:dyDescent="0.45">
      <c r="A1295" s="6">
        <f>'申請書（複数入力用）'!A1297</f>
        <v>1291</v>
      </c>
      <c r="B1295" s="13">
        <f>'申請書（複数入力用）'!AH1297</f>
        <v>0</v>
      </c>
      <c r="C1295" s="6">
        <f>'申請書（複数入力用）'!B1297</f>
        <v>0</v>
      </c>
      <c r="D1295" s="6">
        <f>'申請書（複数入力用）'!D1297</f>
        <v>0</v>
      </c>
      <c r="E1295" s="14">
        <f>'申請書（複数入力用）'!H1297</f>
        <v>0</v>
      </c>
      <c r="F1295" s="11" t="str">
        <f>'申請書（複数入力用）'!J1297</f>
        <v/>
      </c>
      <c r="G1295" s="6" t="str">
        <f>'申請書（複数入力用）'!K1297</f>
        <v>a052r000000jS9ZAAU</v>
      </c>
      <c r="H1295" s="12" t="e">
        <f>'申請書（複数入力用）'!N1297</f>
        <v>#N/A</v>
      </c>
      <c r="I1295" s="12" t="e">
        <f>'申請書（複数入力用）'!O1297</f>
        <v>#N/A</v>
      </c>
      <c r="J1295" s="12">
        <f>'申請書（複数入力用）'!P1297</f>
        <v>1</v>
      </c>
    </row>
    <row r="1296" spans="1:10" ht="51.6" customHeight="1" x14ac:dyDescent="0.45">
      <c r="A1296" s="6">
        <f>'申請書（複数入力用）'!A1298</f>
        <v>1292</v>
      </c>
      <c r="B1296" s="13">
        <f>'申請書（複数入力用）'!AH1298</f>
        <v>0</v>
      </c>
      <c r="C1296" s="6">
        <f>'申請書（複数入力用）'!B1298</f>
        <v>0</v>
      </c>
      <c r="D1296" s="6">
        <f>'申請書（複数入力用）'!D1298</f>
        <v>0</v>
      </c>
      <c r="E1296" s="14">
        <f>'申請書（複数入力用）'!H1298</f>
        <v>0</v>
      </c>
      <c r="F1296" s="11" t="str">
        <f>'申請書（複数入力用）'!J1298</f>
        <v/>
      </c>
      <c r="G1296" s="6" t="str">
        <f>'申請書（複数入力用）'!K1298</f>
        <v>a052r000000jS9ZAAU</v>
      </c>
      <c r="H1296" s="12" t="e">
        <f>'申請書（複数入力用）'!N1298</f>
        <v>#N/A</v>
      </c>
      <c r="I1296" s="12" t="e">
        <f>'申請書（複数入力用）'!O1298</f>
        <v>#N/A</v>
      </c>
      <c r="J1296" s="12">
        <f>'申請書（複数入力用）'!P1298</f>
        <v>1</v>
      </c>
    </row>
    <row r="1297" spans="1:10" ht="51.6" customHeight="1" x14ac:dyDescent="0.45">
      <c r="A1297" s="6">
        <f>'申請書（複数入力用）'!A1299</f>
        <v>1293</v>
      </c>
      <c r="B1297" s="13">
        <f>'申請書（複数入力用）'!AH1299</f>
        <v>0</v>
      </c>
      <c r="C1297" s="6">
        <f>'申請書（複数入力用）'!B1299</f>
        <v>0</v>
      </c>
      <c r="D1297" s="6">
        <f>'申請書（複数入力用）'!D1299</f>
        <v>0</v>
      </c>
      <c r="E1297" s="14">
        <f>'申請書（複数入力用）'!H1299</f>
        <v>0</v>
      </c>
      <c r="F1297" s="11" t="str">
        <f>'申請書（複数入力用）'!J1299</f>
        <v/>
      </c>
      <c r="G1297" s="6" t="str">
        <f>'申請書（複数入力用）'!K1299</f>
        <v>a052r000000jS9ZAAU</v>
      </c>
      <c r="H1297" s="12" t="e">
        <f>'申請書（複数入力用）'!N1299</f>
        <v>#N/A</v>
      </c>
      <c r="I1297" s="12" t="e">
        <f>'申請書（複数入力用）'!O1299</f>
        <v>#N/A</v>
      </c>
      <c r="J1297" s="12">
        <f>'申請書（複数入力用）'!P1299</f>
        <v>1</v>
      </c>
    </row>
    <row r="1298" spans="1:10" ht="51.6" customHeight="1" x14ac:dyDescent="0.45">
      <c r="A1298" s="6">
        <f>'申請書（複数入力用）'!A1300</f>
        <v>1294</v>
      </c>
      <c r="B1298" s="13">
        <f>'申請書（複数入力用）'!AH1300</f>
        <v>0</v>
      </c>
      <c r="C1298" s="6">
        <f>'申請書（複数入力用）'!B1300</f>
        <v>0</v>
      </c>
      <c r="D1298" s="6">
        <f>'申請書（複数入力用）'!D1300</f>
        <v>0</v>
      </c>
      <c r="E1298" s="14">
        <f>'申請書（複数入力用）'!H1300</f>
        <v>0</v>
      </c>
      <c r="F1298" s="11" t="str">
        <f>'申請書（複数入力用）'!J1300</f>
        <v/>
      </c>
      <c r="G1298" s="6" t="str">
        <f>'申請書（複数入力用）'!K1300</f>
        <v>a052r000000jS9ZAAU</v>
      </c>
      <c r="H1298" s="12" t="e">
        <f>'申請書（複数入力用）'!N1300</f>
        <v>#N/A</v>
      </c>
      <c r="I1298" s="12" t="e">
        <f>'申請書（複数入力用）'!O1300</f>
        <v>#N/A</v>
      </c>
      <c r="J1298" s="12">
        <f>'申請書（複数入力用）'!P1300</f>
        <v>1</v>
      </c>
    </row>
    <row r="1299" spans="1:10" ht="51.6" customHeight="1" x14ac:dyDescent="0.45">
      <c r="A1299" s="6">
        <f>'申請書（複数入力用）'!A1301</f>
        <v>1295</v>
      </c>
      <c r="B1299" s="13">
        <f>'申請書（複数入力用）'!AH1301</f>
        <v>0</v>
      </c>
      <c r="C1299" s="6">
        <f>'申請書（複数入力用）'!B1301</f>
        <v>0</v>
      </c>
      <c r="D1299" s="6">
        <f>'申請書（複数入力用）'!D1301</f>
        <v>0</v>
      </c>
      <c r="E1299" s="14">
        <f>'申請書（複数入力用）'!H1301</f>
        <v>0</v>
      </c>
      <c r="F1299" s="11" t="str">
        <f>'申請書（複数入力用）'!J1301</f>
        <v/>
      </c>
      <c r="G1299" s="6" t="str">
        <f>'申請書（複数入力用）'!K1301</f>
        <v>a052r000000jS9ZAAU</v>
      </c>
      <c r="H1299" s="12" t="e">
        <f>'申請書（複数入力用）'!N1301</f>
        <v>#N/A</v>
      </c>
      <c r="I1299" s="12" t="e">
        <f>'申請書（複数入力用）'!O1301</f>
        <v>#N/A</v>
      </c>
      <c r="J1299" s="12">
        <f>'申請書（複数入力用）'!P1301</f>
        <v>1</v>
      </c>
    </row>
    <row r="1300" spans="1:10" ht="51.6" customHeight="1" x14ac:dyDescent="0.45">
      <c r="A1300" s="6">
        <f>'申請書（複数入力用）'!A1302</f>
        <v>1296</v>
      </c>
      <c r="B1300" s="13">
        <f>'申請書（複数入力用）'!AH1302</f>
        <v>0</v>
      </c>
      <c r="C1300" s="6">
        <f>'申請書（複数入力用）'!B1302</f>
        <v>0</v>
      </c>
      <c r="D1300" s="6">
        <f>'申請書（複数入力用）'!D1302</f>
        <v>0</v>
      </c>
      <c r="E1300" s="14">
        <f>'申請書（複数入力用）'!H1302</f>
        <v>0</v>
      </c>
      <c r="F1300" s="11" t="str">
        <f>'申請書（複数入力用）'!J1302</f>
        <v/>
      </c>
      <c r="G1300" s="6" t="str">
        <f>'申請書（複数入力用）'!K1302</f>
        <v>a052r000000jS9ZAAU</v>
      </c>
      <c r="H1300" s="12" t="e">
        <f>'申請書（複数入力用）'!N1302</f>
        <v>#N/A</v>
      </c>
      <c r="I1300" s="12" t="e">
        <f>'申請書（複数入力用）'!O1302</f>
        <v>#N/A</v>
      </c>
      <c r="J1300" s="12">
        <f>'申請書（複数入力用）'!P1302</f>
        <v>1</v>
      </c>
    </row>
    <row r="1301" spans="1:10" ht="51.6" customHeight="1" x14ac:dyDescent="0.45">
      <c r="A1301" s="6">
        <f>'申請書（複数入力用）'!A1303</f>
        <v>1297</v>
      </c>
      <c r="B1301" s="13">
        <f>'申請書（複数入力用）'!AH1303</f>
        <v>0</v>
      </c>
      <c r="C1301" s="6">
        <f>'申請書（複数入力用）'!B1303</f>
        <v>0</v>
      </c>
      <c r="D1301" s="6">
        <f>'申請書（複数入力用）'!D1303</f>
        <v>0</v>
      </c>
      <c r="E1301" s="14">
        <f>'申請書（複数入力用）'!H1303</f>
        <v>0</v>
      </c>
      <c r="F1301" s="11" t="str">
        <f>'申請書（複数入力用）'!J1303</f>
        <v/>
      </c>
      <c r="G1301" s="6" t="str">
        <f>'申請書（複数入力用）'!K1303</f>
        <v>a052r000000jS9ZAAU</v>
      </c>
      <c r="H1301" s="12" t="e">
        <f>'申請書（複数入力用）'!N1303</f>
        <v>#N/A</v>
      </c>
      <c r="I1301" s="12" t="e">
        <f>'申請書（複数入力用）'!O1303</f>
        <v>#N/A</v>
      </c>
      <c r="J1301" s="12">
        <f>'申請書（複数入力用）'!P1303</f>
        <v>1</v>
      </c>
    </row>
    <row r="1302" spans="1:10" ht="51.6" customHeight="1" x14ac:dyDescent="0.45">
      <c r="A1302" s="6">
        <f>'申請書（複数入力用）'!A1304</f>
        <v>1298</v>
      </c>
      <c r="B1302" s="13">
        <f>'申請書（複数入力用）'!AH1304</f>
        <v>0</v>
      </c>
      <c r="C1302" s="6">
        <f>'申請書（複数入力用）'!B1304</f>
        <v>0</v>
      </c>
      <c r="D1302" s="6">
        <f>'申請書（複数入力用）'!D1304</f>
        <v>0</v>
      </c>
      <c r="E1302" s="14">
        <f>'申請書（複数入力用）'!H1304</f>
        <v>0</v>
      </c>
      <c r="F1302" s="11" t="str">
        <f>'申請書（複数入力用）'!J1304</f>
        <v/>
      </c>
      <c r="G1302" s="6" t="str">
        <f>'申請書（複数入力用）'!K1304</f>
        <v>a052r000000jS9ZAAU</v>
      </c>
      <c r="H1302" s="12" t="e">
        <f>'申請書（複数入力用）'!N1304</f>
        <v>#N/A</v>
      </c>
      <c r="I1302" s="12" t="e">
        <f>'申請書（複数入力用）'!O1304</f>
        <v>#N/A</v>
      </c>
      <c r="J1302" s="12">
        <f>'申請書（複数入力用）'!P1304</f>
        <v>1</v>
      </c>
    </row>
    <row r="1303" spans="1:10" ht="51.6" customHeight="1" x14ac:dyDescent="0.45">
      <c r="A1303" s="6">
        <f>'申請書（複数入力用）'!A1305</f>
        <v>1299</v>
      </c>
      <c r="B1303" s="13">
        <f>'申請書（複数入力用）'!AH1305</f>
        <v>0</v>
      </c>
      <c r="C1303" s="6">
        <f>'申請書（複数入力用）'!B1305</f>
        <v>0</v>
      </c>
      <c r="D1303" s="6">
        <f>'申請書（複数入力用）'!D1305</f>
        <v>0</v>
      </c>
      <c r="E1303" s="14">
        <f>'申請書（複数入力用）'!H1305</f>
        <v>0</v>
      </c>
      <c r="F1303" s="11" t="str">
        <f>'申請書（複数入力用）'!J1305</f>
        <v/>
      </c>
      <c r="G1303" s="6" t="str">
        <f>'申請書（複数入力用）'!K1305</f>
        <v>a052r000000jS9ZAAU</v>
      </c>
      <c r="H1303" s="12" t="e">
        <f>'申請書（複数入力用）'!N1305</f>
        <v>#N/A</v>
      </c>
      <c r="I1303" s="12" t="e">
        <f>'申請書（複数入力用）'!O1305</f>
        <v>#N/A</v>
      </c>
      <c r="J1303" s="12">
        <f>'申請書（複数入力用）'!P1305</f>
        <v>1</v>
      </c>
    </row>
    <row r="1304" spans="1:10" ht="51.6" customHeight="1" x14ac:dyDescent="0.45">
      <c r="A1304" s="6">
        <f>'申請書（複数入力用）'!A1306</f>
        <v>1300</v>
      </c>
      <c r="B1304" s="13">
        <f>'申請書（複数入力用）'!AH1306</f>
        <v>0</v>
      </c>
      <c r="C1304" s="6">
        <f>'申請書（複数入力用）'!B1306</f>
        <v>0</v>
      </c>
      <c r="D1304" s="6">
        <f>'申請書（複数入力用）'!D1306</f>
        <v>0</v>
      </c>
      <c r="E1304" s="14">
        <f>'申請書（複数入力用）'!H1306</f>
        <v>0</v>
      </c>
      <c r="F1304" s="11" t="str">
        <f>'申請書（複数入力用）'!J1306</f>
        <v/>
      </c>
      <c r="G1304" s="6" t="str">
        <f>'申請書（複数入力用）'!K1306</f>
        <v>a052r000000jS9ZAAU</v>
      </c>
      <c r="H1304" s="12" t="e">
        <f>'申請書（複数入力用）'!N1306</f>
        <v>#N/A</v>
      </c>
      <c r="I1304" s="12" t="e">
        <f>'申請書（複数入力用）'!O1306</f>
        <v>#N/A</v>
      </c>
      <c r="J1304" s="12">
        <f>'申請書（複数入力用）'!P1306</f>
        <v>1</v>
      </c>
    </row>
    <row r="1305" spans="1:10" ht="51.6" customHeight="1" x14ac:dyDescent="0.45">
      <c r="A1305" s="6">
        <f>'申請書（複数入力用）'!A1307</f>
        <v>1301</v>
      </c>
      <c r="B1305" s="13">
        <f>'申請書（複数入力用）'!AH1307</f>
        <v>0</v>
      </c>
      <c r="C1305" s="6">
        <f>'申請書（複数入力用）'!B1307</f>
        <v>0</v>
      </c>
      <c r="D1305" s="6">
        <f>'申請書（複数入力用）'!D1307</f>
        <v>0</v>
      </c>
      <c r="E1305" s="14">
        <f>'申請書（複数入力用）'!H1307</f>
        <v>0</v>
      </c>
      <c r="F1305" s="11" t="str">
        <f>'申請書（複数入力用）'!J1307</f>
        <v/>
      </c>
      <c r="G1305" s="6" t="str">
        <f>'申請書（複数入力用）'!K1307</f>
        <v>a052r000000jS9ZAAU</v>
      </c>
      <c r="H1305" s="12" t="e">
        <f>'申請書（複数入力用）'!N1307</f>
        <v>#N/A</v>
      </c>
      <c r="I1305" s="12" t="e">
        <f>'申請書（複数入力用）'!O1307</f>
        <v>#N/A</v>
      </c>
      <c r="J1305" s="12">
        <f>'申請書（複数入力用）'!P1307</f>
        <v>1</v>
      </c>
    </row>
    <row r="1306" spans="1:10" ht="51.6" customHeight="1" x14ac:dyDescent="0.45">
      <c r="A1306" s="6">
        <f>'申請書（複数入力用）'!A1308</f>
        <v>1302</v>
      </c>
      <c r="B1306" s="13">
        <f>'申請書（複数入力用）'!AH1308</f>
        <v>0</v>
      </c>
      <c r="C1306" s="6">
        <f>'申請書（複数入力用）'!B1308</f>
        <v>0</v>
      </c>
      <c r="D1306" s="6">
        <f>'申請書（複数入力用）'!D1308</f>
        <v>0</v>
      </c>
      <c r="E1306" s="14">
        <f>'申請書（複数入力用）'!H1308</f>
        <v>0</v>
      </c>
      <c r="F1306" s="11" t="str">
        <f>'申請書（複数入力用）'!J1308</f>
        <v/>
      </c>
      <c r="G1306" s="6" t="str">
        <f>'申請書（複数入力用）'!K1308</f>
        <v>a052r000000jS9ZAAU</v>
      </c>
      <c r="H1306" s="12" t="e">
        <f>'申請書（複数入力用）'!N1308</f>
        <v>#N/A</v>
      </c>
      <c r="I1306" s="12" t="e">
        <f>'申請書（複数入力用）'!O1308</f>
        <v>#N/A</v>
      </c>
      <c r="J1306" s="12">
        <f>'申請書（複数入力用）'!P1308</f>
        <v>1</v>
      </c>
    </row>
    <row r="1307" spans="1:10" ht="51.6" customHeight="1" x14ac:dyDescent="0.45">
      <c r="A1307" s="6">
        <f>'申請書（複数入力用）'!A1309</f>
        <v>1303</v>
      </c>
      <c r="B1307" s="13">
        <f>'申請書（複数入力用）'!AH1309</f>
        <v>0</v>
      </c>
      <c r="C1307" s="6">
        <f>'申請書（複数入力用）'!B1309</f>
        <v>0</v>
      </c>
      <c r="D1307" s="6">
        <f>'申請書（複数入力用）'!D1309</f>
        <v>0</v>
      </c>
      <c r="E1307" s="14">
        <f>'申請書（複数入力用）'!H1309</f>
        <v>0</v>
      </c>
      <c r="F1307" s="11" t="str">
        <f>'申請書（複数入力用）'!J1309</f>
        <v/>
      </c>
      <c r="G1307" s="6" t="str">
        <f>'申請書（複数入力用）'!K1309</f>
        <v>a052r000000jS9ZAAU</v>
      </c>
      <c r="H1307" s="12" t="e">
        <f>'申請書（複数入力用）'!N1309</f>
        <v>#N/A</v>
      </c>
      <c r="I1307" s="12" t="e">
        <f>'申請書（複数入力用）'!O1309</f>
        <v>#N/A</v>
      </c>
      <c r="J1307" s="12">
        <f>'申請書（複数入力用）'!P1309</f>
        <v>1</v>
      </c>
    </row>
    <row r="1308" spans="1:10" ht="51.6" customHeight="1" x14ac:dyDescent="0.45">
      <c r="A1308" s="6">
        <f>'申請書（複数入力用）'!A1310</f>
        <v>1304</v>
      </c>
      <c r="B1308" s="13">
        <f>'申請書（複数入力用）'!AH1310</f>
        <v>0</v>
      </c>
      <c r="C1308" s="6">
        <f>'申請書（複数入力用）'!B1310</f>
        <v>0</v>
      </c>
      <c r="D1308" s="6">
        <f>'申請書（複数入力用）'!D1310</f>
        <v>0</v>
      </c>
      <c r="E1308" s="14">
        <f>'申請書（複数入力用）'!H1310</f>
        <v>0</v>
      </c>
      <c r="F1308" s="11" t="str">
        <f>'申請書（複数入力用）'!J1310</f>
        <v/>
      </c>
      <c r="G1308" s="6" t="str">
        <f>'申請書（複数入力用）'!K1310</f>
        <v>a052r000000jS9ZAAU</v>
      </c>
      <c r="H1308" s="12" t="e">
        <f>'申請書（複数入力用）'!N1310</f>
        <v>#N/A</v>
      </c>
      <c r="I1308" s="12" t="e">
        <f>'申請書（複数入力用）'!O1310</f>
        <v>#N/A</v>
      </c>
      <c r="J1308" s="12">
        <f>'申請書（複数入力用）'!P1310</f>
        <v>1</v>
      </c>
    </row>
    <row r="1309" spans="1:10" ht="51.6" customHeight="1" x14ac:dyDescent="0.45">
      <c r="A1309" s="6">
        <f>'申請書（複数入力用）'!A1311</f>
        <v>1305</v>
      </c>
      <c r="B1309" s="13">
        <f>'申請書（複数入力用）'!AH1311</f>
        <v>0</v>
      </c>
      <c r="C1309" s="6">
        <f>'申請書（複数入力用）'!B1311</f>
        <v>0</v>
      </c>
      <c r="D1309" s="6">
        <f>'申請書（複数入力用）'!D1311</f>
        <v>0</v>
      </c>
      <c r="E1309" s="14">
        <f>'申請書（複数入力用）'!H1311</f>
        <v>0</v>
      </c>
      <c r="F1309" s="11" t="str">
        <f>'申請書（複数入力用）'!J1311</f>
        <v/>
      </c>
      <c r="G1309" s="6" t="str">
        <f>'申請書（複数入力用）'!K1311</f>
        <v>a052r000000jS9ZAAU</v>
      </c>
      <c r="H1309" s="12" t="e">
        <f>'申請書（複数入力用）'!N1311</f>
        <v>#N/A</v>
      </c>
      <c r="I1309" s="12" t="e">
        <f>'申請書（複数入力用）'!O1311</f>
        <v>#N/A</v>
      </c>
      <c r="J1309" s="12">
        <f>'申請書（複数入力用）'!P1311</f>
        <v>1</v>
      </c>
    </row>
    <row r="1310" spans="1:10" ht="51.6" customHeight="1" x14ac:dyDescent="0.45">
      <c r="A1310" s="6">
        <f>'申請書（複数入力用）'!A1312</f>
        <v>1306</v>
      </c>
      <c r="B1310" s="13">
        <f>'申請書（複数入力用）'!AH1312</f>
        <v>0</v>
      </c>
      <c r="C1310" s="6">
        <f>'申請書（複数入力用）'!B1312</f>
        <v>0</v>
      </c>
      <c r="D1310" s="6">
        <f>'申請書（複数入力用）'!D1312</f>
        <v>0</v>
      </c>
      <c r="E1310" s="14">
        <f>'申請書（複数入力用）'!H1312</f>
        <v>0</v>
      </c>
      <c r="F1310" s="11" t="str">
        <f>'申請書（複数入力用）'!J1312</f>
        <v/>
      </c>
      <c r="G1310" s="6" t="str">
        <f>'申請書（複数入力用）'!K1312</f>
        <v>a052r000000jS9ZAAU</v>
      </c>
      <c r="H1310" s="12" t="e">
        <f>'申請書（複数入力用）'!N1312</f>
        <v>#N/A</v>
      </c>
      <c r="I1310" s="12" t="e">
        <f>'申請書（複数入力用）'!O1312</f>
        <v>#N/A</v>
      </c>
      <c r="J1310" s="12">
        <f>'申請書（複数入力用）'!P1312</f>
        <v>1</v>
      </c>
    </row>
    <row r="1311" spans="1:10" ht="51.6" customHeight="1" x14ac:dyDescent="0.45">
      <c r="A1311" s="6">
        <f>'申請書（複数入力用）'!A1313</f>
        <v>1307</v>
      </c>
      <c r="B1311" s="13">
        <f>'申請書（複数入力用）'!AH1313</f>
        <v>0</v>
      </c>
      <c r="C1311" s="6">
        <f>'申請書（複数入力用）'!B1313</f>
        <v>0</v>
      </c>
      <c r="D1311" s="6">
        <f>'申請書（複数入力用）'!D1313</f>
        <v>0</v>
      </c>
      <c r="E1311" s="14">
        <f>'申請書（複数入力用）'!H1313</f>
        <v>0</v>
      </c>
      <c r="F1311" s="11" t="str">
        <f>'申請書（複数入力用）'!J1313</f>
        <v/>
      </c>
      <c r="G1311" s="6" t="str">
        <f>'申請書（複数入力用）'!K1313</f>
        <v>a052r000000jS9ZAAU</v>
      </c>
      <c r="H1311" s="12" t="e">
        <f>'申請書（複数入力用）'!N1313</f>
        <v>#N/A</v>
      </c>
      <c r="I1311" s="12" t="e">
        <f>'申請書（複数入力用）'!O1313</f>
        <v>#N/A</v>
      </c>
      <c r="J1311" s="12">
        <f>'申請書（複数入力用）'!P1313</f>
        <v>1</v>
      </c>
    </row>
    <row r="1312" spans="1:10" ht="51.6" customHeight="1" x14ac:dyDescent="0.45">
      <c r="A1312" s="6">
        <f>'申請書（複数入力用）'!A1314</f>
        <v>1308</v>
      </c>
      <c r="B1312" s="13">
        <f>'申請書（複数入力用）'!AH1314</f>
        <v>0</v>
      </c>
      <c r="C1312" s="6">
        <f>'申請書（複数入力用）'!B1314</f>
        <v>0</v>
      </c>
      <c r="D1312" s="6">
        <f>'申請書（複数入力用）'!D1314</f>
        <v>0</v>
      </c>
      <c r="E1312" s="14">
        <f>'申請書（複数入力用）'!H1314</f>
        <v>0</v>
      </c>
      <c r="F1312" s="11" t="str">
        <f>'申請書（複数入力用）'!J1314</f>
        <v/>
      </c>
      <c r="G1312" s="6" t="str">
        <f>'申請書（複数入力用）'!K1314</f>
        <v>a052r000000jS9ZAAU</v>
      </c>
      <c r="H1312" s="12" t="e">
        <f>'申請書（複数入力用）'!N1314</f>
        <v>#N/A</v>
      </c>
      <c r="I1312" s="12" t="e">
        <f>'申請書（複数入力用）'!O1314</f>
        <v>#N/A</v>
      </c>
      <c r="J1312" s="12">
        <f>'申請書（複数入力用）'!P1314</f>
        <v>1</v>
      </c>
    </row>
    <row r="1313" spans="1:10" ht="51.6" customHeight="1" x14ac:dyDescent="0.45">
      <c r="A1313" s="6">
        <f>'申請書（複数入力用）'!A1315</f>
        <v>1309</v>
      </c>
      <c r="B1313" s="13">
        <f>'申請書（複数入力用）'!AH1315</f>
        <v>0</v>
      </c>
      <c r="C1313" s="6">
        <f>'申請書（複数入力用）'!B1315</f>
        <v>0</v>
      </c>
      <c r="D1313" s="6">
        <f>'申請書（複数入力用）'!D1315</f>
        <v>0</v>
      </c>
      <c r="E1313" s="14">
        <f>'申請書（複数入力用）'!H1315</f>
        <v>0</v>
      </c>
      <c r="F1313" s="11" t="str">
        <f>'申請書（複数入力用）'!J1315</f>
        <v/>
      </c>
      <c r="G1313" s="6" t="str">
        <f>'申請書（複数入力用）'!K1315</f>
        <v>a052r000000jS9ZAAU</v>
      </c>
      <c r="H1313" s="12" t="e">
        <f>'申請書（複数入力用）'!N1315</f>
        <v>#N/A</v>
      </c>
      <c r="I1313" s="12" t="e">
        <f>'申請書（複数入力用）'!O1315</f>
        <v>#N/A</v>
      </c>
      <c r="J1313" s="12">
        <f>'申請書（複数入力用）'!P1315</f>
        <v>1</v>
      </c>
    </row>
    <row r="1314" spans="1:10" ht="51.6" customHeight="1" x14ac:dyDescent="0.45">
      <c r="A1314" s="6">
        <f>'申請書（複数入力用）'!A1316</f>
        <v>1310</v>
      </c>
      <c r="B1314" s="13">
        <f>'申請書（複数入力用）'!AH1316</f>
        <v>0</v>
      </c>
      <c r="C1314" s="6">
        <f>'申請書（複数入力用）'!B1316</f>
        <v>0</v>
      </c>
      <c r="D1314" s="6">
        <f>'申請書（複数入力用）'!D1316</f>
        <v>0</v>
      </c>
      <c r="E1314" s="14">
        <f>'申請書（複数入力用）'!H1316</f>
        <v>0</v>
      </c>
      <c r="F1314" s="11" t="str">
        <f>'申請書（複数入力用）'!J1316</f>
        <v/>
      </c>
      <c r="G1314" s="6" t="str">
        <f>'申請書（複数入力用）'!K1316</f>
        <v>a052r000000jS9ZAAU</v>
      </c>
      <c r="H1314" s="12" t="e">
        <f>'申請書（複数入力用）'!N1316</f>
        <v>#N/A</v>
      </c>
      <c r="I1314" s="12" t="e">
        <f>'申請書（複数入力用）'!O1316</f>
        <v>#N/A</v>
      </c>
      <c r="J1314" s="12">
        <f>'申請書（複数入力用）'!P1316</f>
        <v>1</v>
      </c>
    </row>
    <row r="1315" spans="1:10" ht="51.6" customHeight="1" x14ac:dyDescent="0.45">
      <c r="A1315" s="6">
        <f>'申請書（複数入力用）'!A1317</f>
        <v>1311</v>
      </c>
      <c r="B1315" s="13">
        <f>'申請書（複数入力用）'!AH1317</f>
        <v>0</v>
      </c>
      <c r="C1315" s="6">
        <f>'申請書（複数入力用）'!B1317</f>
        <v>0</v>
      </c>
      <c r="D1315" s="6">
        <f>'申請書（複数入力用）'!D1317</f>
        <v>0</v>
      </c>
      <c r="E1315" s="14">
        <f>'申請書（複数入力用）'!H1317</f>
        <v>0</v>
      </c>
      <c r="F1315" s="11" t="str">
        <f>'申請書（複数入力用）'!J1317</f>
        <v/>
      </c>
      <c r="G1315" s="6" t="str">
        <f>'申請書（複数入力用）'!K1317</f>
        <v>a052r000000jS9ZAAU</v>
      </c>
      <c r="H1315" s="12" t="e">
        <f>'申請書（複数入力用）'!N1317</f>
        <v>#N/A</v>
      </c>
      <c r="I1315" s="12" t="e">
        <f>'申請書（複数入力用）'!O1317</f>
        <v>#N/A</v>
      </c>
      <c r="J1315" s="12">
        <f>'申請書（複数入力用）'!P1317</f>
        <v>1</v>
      </c>
    </row>
    <row r="1316" spans="1:10" ht="51.6" customHeight="1" x14ac:dyDescent="0.45">
      <c r="A1316" s="6">
        <f>'申請書（複数入力用）'!A1318</f>
        <v>1312</v>
      </c>
      <c r="B1316" s="13">
        <f>'申請書（複数入力用）'!AH1318</f>
        <v>0</v>
      </c>
      <c r="C1316" s="6">
        <f>'申請書（複数入力用）'!B1318</f>
        <v>0</v>
      </c>
      <c r="D1316" s="6">
        <f>'申請書（複数入力用）'!D1318</f>
        <v>0</v>
      </c>
      <c r="E1316" s="14">
        <f>'申請書（複数入力用）'!H1318</f>
        <v>0</v>
      </c>
      <c r="F1316" s="11" t="str">
        <f>'申請書（複数入力用）'!J1318</f>
        <v/>
      </c>
      <c r="G1316" s="6" t="str">
        <f>'申請書（複数入力用）'!K1318</f>
        <v>a052r000000jS9ZAAU</v>
      </c>
      <c r="H1316" s="12" t="e">
        <f>'申請書（複数入力用）'!N1318</f>
        <v>#N/A</v>
      </c>
      <c r="I1316" s="12" t="e">
        <f>'申請書（複数入力用）'!O1318</f>
        <v>#N/A</v>
      </c>
      <c r="J1316" s="12">
        <f>'申請書（複数入力用）'!P1318</f>
        <v>1</v>
      </c>
    </row>
    <row r="1317" spans="1:10" ht="51.6" customHeight="1" x14ac:dyDescent="0.45">
      <c r="A1317" s="6">
        <f>'申請書（複数入力用）'!A1319</f>
        <v>1313</v>
      </c>
      <c r="B1317" s="13">
        <f>'申請書（複数入力用）'!AH1319</f>
        <v>0</v>
      </c>
      <c r="C1317" s="6">
        <f>'申請書（複数入力用）'!B1319</f>
        <v>0</v>
      </c>
      <c r="D1317" s="6">
        <f>'申請書（複数入力用）'!D1319</f>
        <v>0</v>
      </c>
      <c r="E1317" s="14">
        <f>'申請書（複数入力用）'!H1319</f>
        <v>0</v>
      </c>
      <c r="F1317" s="11" t="str">
        <f>'申請書（複数入力用）'!J1319</f>
        <v/>
      </c>
      <c r="G1317" s="6" t="str">
        <f>'申請書（複数入力用）'!K1319</f>
        <v>a052r000000jS9ZAAU</v>
      </c>
      <c r="H1317" s="12" t="e">
        <f>'申請書（複数入力用）'!N1319</f>
        <v>#N/A</v>
      </c>
      <c r="I1317" s="12" t="e">
        <f>'申請書（複数入力用）'!O1319</f>
        <v>#N/A</v>
      </c>
      <c r="J1317" s="12">
        <f>'申請書（複数入力用）'!P1319</f>
        <v>1</v>
      </c>
    </row>
    <row r="1318" spans="1:10" ht="51.6" customHeight="1" x14ac:dyDescent="0.45">
      <c r="A1318" s="6">
        <f>'申請書（複数入力用）'!A1320</f>
        <v>1314</v>
      </c>
      <c r="B1318" s="13">
        <f>'申請書（複数入力用）'!AH1320</f>
        <v>0</v>
      </c>
      <c r="C1318" s="6">
        <f>'申請書（複数入力用）'!B1320</f>
        <v>0</v>
      </c>
      <c r="D1318" s="6">
        <f>'申請書（複数入力用）'!D1320</f>
        <v>0</v>
      </c>
      <c r="E1318" s="14">
        <f>'申請書（複数入力用）'!H1320</f>
        <v>0</v>
      </c>
      <c r="F1318" s="11" t="str">
        <f>'申請書（複数入力用）'!J1320</f>
        <v/>
      </c>
      <c r="G1318" s="6" t="str">
        <f>'申請書（複数入力用）'!K1320</f>
        <v>a052r000000jS9ZAAU</v>
      </c>
      <c r="H1318" s="12" t="e">
        <f>'申請書（複数入力用）'!N1320</f>
        <v>#N/A</v>
      </c>
      <c r="I1318" s="12" t="e">
        <f>'申請書（複数入力用）'!O1320</f>
        <v>#N/A</v>
      </c>
      <c r="J1318" s="12">
        <f>'申請書（複数入力用）'!P1320</f>
        <v>1</v>
      </c>
    </row>
    <row r="1319" spans="1:10" ht="51.6" customHeight="1" x14ac:dyDescent="0.45">
      <c r="A1319" s="6">
        <f>'申請書（複数入力用）'!A1321</f>
        <v>1315</v>
      </c>
      <c r="B1319" s="13">
        <f>'申請書（複数入力用）'!AH1321</f>
        <v>0</v>
      </c>
      <c r="C1319" s="6">
        <f>'申請書（複数入力用）'!B1321</f>
        <v>0</v>
      </c>
      <c r="D1319" s="6">
        <f>'申請書（複数入力用）'!D1321</f>
        <v>0</v>
      </c>
      <c r="E1319" s="14">
        <f>'申請書（複数入力用）'!H1321</f>
        <v>0</v>
      </c>
      <c r="F1319" s="11" t="str">
        <f>'申請書（複数入力用）'!J1321</f>
        <v/>
      </c>
      <c r="G1319" s="6" t="str">
        <f>'申請書（複数入力用）'!K1321</f>
        <v>a052r000000jS9ZAAU</v>
      </c>
      <c r="H1319" s="12" t="e">
        <f>'申請書（複数入力用）'!N1321</f>
        <v>#N/A</v>
      </c>
      <c r="I1319" s="12" t="e">
        <f>'申請書（複数入力用）'!O1321</f>
        <v>#N/A</v>
      </c>
      <c r="J1319" s="12">
        <f>'申請書（複数入力用）'!P1321</f>
        <v>1</v>
      </c>
    </row>
    <row r="1320" spans="1:10" ht="51.6" customHeight="1" x14ac:dyDescent="0.45">
      <c r="A1320" s="6">
        <f>'申請書（複数入力用）'!A1322</f>
        <v>1316</v>
      </c>
      <c r="B1320" s="13">
        <f>'申請書（複数入力用）'!AH1322</f>
        <v>0</v>
      </c>
      <c r="C1320" s="6">
        <f>'申請書（複数入力用）'!B1322</f>
        <v>0</v>
      </c>
      <c r="D1320" s="6">
        <f>'申請書（複数入力用）'!D1322</f>
        <v>0</v>
      </c>
      <c r="E1320" s="14">
        <f>'申請書（複数入力用）'!H1322</f>
        <v>0</v>
      </c>
      <c r="F1320" s="11" t="str">
        <f>'申請書（複数入力用）'!J1322</f>
        <v/>
      </c>
      <c r="G1320" s="6" t="str">
        <f>'申請書（複数入力用）'!K1322</f>
        <v>a052r000000jS9ZAAU</v>
      </c>
      <c r="H1320" s="12" t="e">
        <f>'申請書（複数入力用）'!N1322</f>
        <v>#N/A</v>
      </c>
      <c r="I1320" s="12" t="e">
        <f>'申請書（複数入力用）'!O1322</f>
        <v>#N/A</v>
      </c>
      <c r="J1320" s="12">
        <f>'申請書（複数入力用）'!P1322</f>
        <v>1</v>
      </c>
    </row>
    <row r="1321" spans="1:10" ht="51.6" customHeight="1" x14ac:dyDescent="0.45">
      <c r="A1321" s="6">
        <f>'申請書（複数入力用）'!A1323</f>
        <v>1317</v>
      </c>
      <c r="B1321" s="13">
        <f>'申請書（複数入力用）'!AH1323</f>
        <v>0</v>
      </c>
      <c r="C1321" s="6">
        <f>'申請書（複数入力用）'!B1323</f>
        <v>0</v>
      </c>
      <c r="D1321" s="6">
        <f>'申請書（複数入力用）'!D1323</f>
        <v>0</v>
      </c>
      <c r="E1321" s="14">
        <f>'申請書（複数入力用）'!H1323</f>
        <v>0</v>
      </c>
      <c r="F1321" s="11" t="str">
        <f>'申請書（複数入力用）'!J1323</f>
        <v/>
      </c>
      <c r="G1321" s="6" t="str">
        <f>'申請書（複数入力用）'!K1323</f>
        <v>a052r000000jS9ZAAU</v>
      </c>
      <c r="H1321" s="12" t="e">
        <f>'申請書（複数入力用）'!N1323</f>
        <v>#N/A</v>
      </c>
      <c r="I1321" s="12" t="e">
        <f>'申請書（複数入力用）'!O1323</f>
        <v>#N/A</v>
      </c>
      <c r="J1321" s="12">
        <f>'申請書（複数入力用）'!P1323</f>
        <v>1</v>
      </c>
    </row>
    <row r="1322" spans="1:10" ht="51.6" customHeight="1" x14ac:dyDescent="0.45">
      <c r="A1322" s="6">
        <f>'申請書（複数入力用）'!A1324</f>
        <v>1318</v>
      </c>
      <c r="B1322" s="13">
        <f>'申請書（複数入力用）'!AH1324</f>
        <v>0</v>
      </c>
      <c r="C1322" s="6">
        <f>'申請書（複数入力用）'!B1324</f>
        <v>0</v>
      </c>
      <c r="D1322" s="6">
        <f>'申請書（複数入力用）'!D1324</f>
        <v>0</v>
      </c>
      <c r="E1322" s="14">
        <f>'申請書（複数入力用）'!H1324</f>
        <v>0</v>
      </c>
      <c r="F1322" s="11" t="str">
        <f>'申請書（複数入力用）'!J1324</f>
        <v/>
      </c>
      <c r="G1322" s="6" t="str">
        <f>'申請書（複数入力用）'!K1324</f>
        <v>a052r000000jS9ZAAU</v>
      </c>
      <c r="H1322" s="12" t="e">
        <f>'申請書（複数入力用）'!N1324</f>
        <v>#N/A</v>
      </c>
      <c r="I1322" s="12" t="e">
        <f>'申請書（複数入力用）'!O1324</f>
        <v>#N/A</v>
      </c>
      <c r="J1322" s="12">
        <f>'申請書（複数入力用）'!P1324</f>
        <v>1</v>
      </c>
    </row>
    <row r="1323" spans="1:10" ht="51.6" customHeight="1" x14ac:dyDescent="0.45">
      <c r="A1323" s="6">
        <f>'申請書（複数入力用）'!A1325</f>
        <v>1319</v>
      </c>
      <c r="B1323" s="13">
        <f>'申請書（複数入力用）'!AH1325</f>
        <v>0</v>
      </c>
      <c r="C1323" s="6">
        <f>'申請書（複数入力用）'!B1325</f>
        <v>0</v>
      </c>
      <c r="D1323" s="6">
        <f>'申請書（複数入力用）'!D1325</f>
        <v>0</v>
      </c>
      <c r="E1323" s="14">
        <f>'申請書（複数入力用）'!H1325</f>
        <v>0</v>
      </c>
      <c r="F1323" s="11" t="str">
        <f>'申請書（複数入力用）'!J1325</f>
        <v/>
      </c>
      <c r="G1323" s="6" t="str">
        <f>'申請書（複数入力用）'!K1325</f>
        <v>a052r000000jS9ZAAU</v>
      </c>
      <c r="H1323" s="12" t="e">
        <f>'申請書（複数入力用）'!N1325</f>
        <v>#N/A</v>
      </c>
      <c r="I1323" s="12" t="e">
        <f>'申請書（複数入力用）'!O1325</f>
        <v>#N/A</v>
      </c>
      <c r="J1323" s="12">
        <f>'申請書（複数入力用）'!P1325</f>
        <v>1</v>
      </c>
    </row>
    <row r="1324" spans="1:10" ht="51.6" customHeight="1" x14ac:dyDescent="0.45">
      <c r="A1324" s="6">
        <f>'申請書（複数入力用）'!A1326</f>
        <v>1320</v>
      </c>
      <c r="B1324" s="13">
        <f>'申請書（複数入力用）'!AH1326</f>
        <v>0</v>
      </c>
      <c r="C1324" s="6">
        <f>'申請書（複数入力用）'!B1326</f>
        <v>0</v>
      </c>
      <c r="D1324" s="6">
        <f>'申請書（複数入力用）'!D1326</f>
        <v>0</v>
      </c>
      <c r="E1324" s="14">
        <f>'申請書（複数入力用）'!H1326</f>
        <v>0</v>
      </c>
      <c r="F1324" s="11" t="str">
        <f>'申請書（複数入力用）'!J1326</f>
        <v/>
      </c>
      <c r="G1324" s="6" t="str">
        <f>'申請書（複数入力用）'!K1326</f>
        <v>a052r000000jS9ZAAU</v>
      </c>
      <c r="H1324" s="12" t="e">
        <f>'申請書（複数入力用）'!N1326</f>
        <v>#N/A</v>
      </c>
      <c r="I1324" s="12" t="e">
        <f>'申請書（複数入力用）'!O1326</f>
        <v>#N/A</v>
      </c>
      <c r="J1324" s="12">
        <f>'申請書（複数入力用）'!P1326</f>
        <v>1</v>
      </c>
    </row>
    <row r="1325" spans="1:10" ht="51.6" customHeight="1" x14ac:dyDescent="0.45">
      <c r="A1325" s="6">
        <f>'申請書（複数入力用）'!A1327</f>
        <v>1321</v>
      </c>
      <c r="B1325" s="13">
        <f>'申請書（複数入力用）'!AH1327</f>
        <v>0</v>
      </c>
      <c r="C1325" s="6">
        <f>'申請書（複数入力用）'!B1327</f>
        <v>0</v>
      </c>
      <c r="D1325" s="6">
        <f>'申請書（複数入力用）'!D1327</f>
        <v>0</v>
      </c>
      <c r="E1325" s="14">
        <f>'申請書（複数入力用）'!H1327</f>
        <v>0</v>
      </c>
      <c r="F1325" s="11" t="str">
        <f>'申請書（複数入力用）'!J1327</f>
        <v/>
      </c>
      <c r="G1325" s="6" t="str">
        <f>'申請書（複数入力用）'!K1327</f>
        <v>a052r000000jS9ZAAU</v>
      </c>
      <c r="H1325" s="12" t="e">
        <f>'申請書（複数入力用）'!N1327</f>
        <v>#N/A</v>
      </c>
      <c r="I1325" s="12" t="e">
        <f>'申請書（複数入力用）'!O1327</f>
        <v>#N/A</v>
      </c>
      <c r="J1325" s="12">
        <f>'申請書（複数入力用）'!P1327</f>
        <v>1</v>
      </c>
    </row>
    <row r="1326" spans="1:10" ht="51.6" customHeight="1" x14ac:dyDescent="0.45">
      <c r="A1326" s="6">
        <f>'申請書（複数入力用）'!A1328</f>
        <v>1322</v>
      </c>
      <c r="B1326" s="13">
        <f>'申請書（複数入力用）'!AH1328</f>
        <v>0</v>
      </c>
      <c r="C1326" s="6">
        <f>'申請書（複数入力用）'!B1328</f>
        <v>0</v>
      </c>
      <c r="D1326" s="6">
        <f>'申請書（複数入力用）'!D1328</f>
        <v>0</v>
      </c>
      <c r="E1326" s="14">
        <f>'申請書（複数入力用）'!H1328</f>
        <v>0</v>
      </c>
      <c r="F1326" s="11" t="str">
        <f>'申請書（複数入力用）'!J1328</f>
        <v/>
      </c>
      <c r="G1326" s="6" t="str">
        <f>'申請書（複数入力用）'!K1328</f>
        <v>a052r000000jS9ZAAU</v>
      </c>
      <c r="H1326" s="12" t="e">
        <f>'申請書（複数入力用）'!N1328</f>
        <v>#N/A</v>
      </c>
      <c r="I1326" s="12" t="e">
        <f>'申請書（複数入力用）'!O1328</f>
        <v>#N/A</v>
      </c>
      <c r="J1326" s="12">
        <f>'申請書（複数入力用）'!P1328</f>
        <v>1</v>
      </c>
    </row>
    <row r="1327" spans="1:10" ht="51.6" customHeight="1" x14ac:dyDescent="0.45">
      <c r="A1327" s="6">
        <f>'申請書（複数入力用）'!A1329</f>
        <v>1323</v>
      </c>
      <c r="B1327" s="13">
        <f>'申請書（複数入力用）'!AH1329</f>
        <v>0</v>
      </c>
      <c r="C1327" s="6">
        <f>'申請書（複数入力用）'!B1329</f>
        <v>0</v>
      </c>
      <c r="D1327" s="6">
        <f>'申請書（複数入力用）'!D1329</f>
        <v>0</v>
      </c>
      <c r="E1327" s="14">
        <f>'申請書（複数入力用）'!H1329</f>
        <v>0</v>
      </c>
      <c r="F1327" s="11" t="str">
        <f>'申請書（複数入力用）'!J1329</f>
        <v/>
      </c>
      <c r="G1327" s="6" t="str">
        <f>'申請書（複数入力用）'!K1329</f>
        <v>a052r000000jS9ZAAU</v>
      </c>
      <c r="H1327" s="12" t="e">
        <f>'申請書（複数入力用）'!N1329</f>
        <v>#N/A</v>
      </c>
      <c r="I1327" s="12" t="e">
        <f>'申請書（複数入力用）'!O1329</f>
        <v>#N/A</v>
      </c>
      <c r="J1327" s="12">
        <f>'申請書（複数入力用）'!P1329</f>
        <v>1</v>
      </c>
    </row>
    <row r="1328" spans="1:10" ht="51.6" customHeight="1" x14ac:dyDescent="0.45">
      <c r="A1328" s="6">
        <f>'申請書（複数入力用）'!A1330</f>
        <v>1324</v>
      </c>
      <c r="B1328" s="13">
        <f>'申請書（複数入力用）'!AH1330</f>
        <v>0</v>
      </c>
      <c r="C1328" s="6">
        <f>'申請書（複数入力用）'!B1330</f>
        <v>0</v>
      </c>
      <c r="D1328" s="6">
        <f>'申請書（複数入力用）'!D1330</f>
        <v>0</v>
      </c>
      <c r="E1328" s="14">
        <f>'申請書（複数入力用）'!H1330</f>
        <v>0</v>
      </c>
      <c r="F1328" s="11" t="str">
        <f>'申請書（複数入力用）'!J1330</f>
        <v/>
      </c>
      <c r="G1328" s="6" t="str">
        <f>'申請書（複数入力用）'!K1330</f>
        <v>a052r000000jS9ZAAU</v>
      </c>
      <c r="H1328" s="12" t="e">
        <f>'申請書（複数入力用）'!N1330</f>
        <v>#N/A</v>
      </c>
      <c r="I1328" s="12" t="e">
        <f>'申請書（複数入力用）'!O1330</f>
        <v>#N/A</v>
      </c>
      <c r="J1328" s="12">
        <f>'申請書（複数入力用）'!P1330</f>
        <v>1</v>
      </c>
    </row>
    <row r="1329" spans="1:10" ht="51.6" customHeight="1" x14ac:dyDescent="0.45">
      <c r="A1329" s="6">
        <f>'申請書（複数入力用）'!A1331</f>
        <v>1325</v>
      </c>
      <c r="B1329" s="13">
        <f>'申請書（複数入力用）'!AH1331</f>
        <v>0</v>
      </c>
      <c r="C1329" s="6">
        <f>'申請書（複数入力用）'!B1331</f>
        <v>0</v>
      </c>
      <c r="D1329" s="6">
        <f>'申請書（複数入力用）'!D1331</f>
        <v>0</v>
      </c>
      <c r="E1329" s="14">
        <f>'申請書（複数入力用）'!H1331</f>
        <v>0</v>
      </c>
      <c r="F1329" s="11" t="str">
        <f>'申請書（複数入力用）'!J1331</f>
        <v/>
      </c>
      <c r="G1329" s="6" t="str">
        <f>'申請書（複数入力用）'!K1331</f>
        <v>a052r000000jS9ZAAU</v>
      </c>
      <c r="H1329" s="12" t="e">
        <f>'申請書（複数入力用）'!N1331</f>
        <v>#N/A</v>
      </c>
      <c r="I1329" s="12" t="e">
        <f>'申請書（複数入力用）'!O1331</f>
        <v>#N/A</v>
      </c>
      <c r="J1329" s="12">
        <f>'申請書（複数入力用）'!P1331</f>
        <v>1</v>
      </c>
    </row>
    <row r="1330" spans="1:10" ht="51.6" customHeight="1" x14ac:dyDescent="0.45">
      <c r="A1330" s="6">
        <f>'申請書（複数入力用）'!A1332</f>
        <v>1326</v>
      </c>
      <c r="B1330" s="13">
        <f>'申請書（複数入力用）'!AH1332</f>
        <v>0</v>
      </c>
      <c r="C1330" s="6">
        <f>'申請書（複数入力用）'!B1332</f>
        <v>0</v>
      </c>
      <c r="D1330" s="6">
        <f>'申請書（複数入力用）'!D1332</f>
        <v>0</v>
      </c>
      <c r="E1330" s="14">
        <f>'申請書（複数入力用）'!H1332</f>
        <v>0</v>
      </c>
      <c r="F1330" s="11" t="str">
        <f>'申請書（複数入力用）'!J1332</f>
        <v/>
      </c>
      <c r="G1330" s="6" t="str">
        <f>'申請書（複数入力用）'!K1332</f>
        <v>a052r000000jS9ZAAU</v>
      </c>
      <c r="H1330" s="12" t="e">
        <f>'申請書（複数入力用）'!N1332</f>
        <v>#N/A</v>
      </c>
      <c r="I1330" s="12" t="e">
        <f>'申請書（複数入力用）'!O1332</f>
        <v>#N/A</v>
      </c>
      <c r="J1330" s="12">
        <f>'申請書（複数入力用）'!P1332</f>
        <v>1</v>
      </c>
    </row>
    <row r="1331" spans="1:10" ht="51.6" customHeight="1" x14ac:dyDescent="0.45">
      <c r="A1331" s="6">
        <f>'申請書（複数入力用）'!A1333</f>
        <v>1327</v>
      </c>
      <c r="B1331" s="13">
        <f>'申請書（複数入力用）'!AH1333</f>
        <v>0</v>
      </c>
      <c r="C1331" s="6">
        <f>'申請書（複数入力用）'!B1333</f>
        <v>0</v>
      </c>
      <c r="D1331" s="6">
        <f>'申請書（複数入力用）'!D1333</f>
        <v>0</v>
      </c>
      <c r="E1331" s="14">
        <f>'申請書（複数入力用）'!H1333</f>
        <v>0</v>
      </c>
      <c r="F1331" s="11" t="str">
        <f>'申請書（複数入力用）'!J1333</f>
        <v/>
      </c>
      <c r="G1331" s="6" t="str">
        <f>'申請書（複数入力用）'!K1333</f>
        <v>a052r000000jS9ZAAU</v>
      </c>
      <c r="H1331" s="12" t="e">
        <f>'申請書（複数入力用）'!N1333</f>
        <v>#N/A</v>
      </c>
      <c r="I1331" s="12" t="e">
        <f>'申請書（複数入力用）'!O1333</f>
        <v>#N/A</v>
      </c>
      <c r="J1331" s="12">
        <f>'申請書（複数入力用）'!P1333</f>
        <v>1</v>
      </c>
    </row>
    <row r="1332" spans="1:10" ht="51.6" customHeight="1" x14ac:dyDescent="0.45">
      <c r="A1332" s="6">
        <f>'申請書（複数入力用）'!A1334</f>
        <v>1328</v>
      </c>
      <c r="B1332" s="13">
        <f>'申請書（複数入力用）'!AH1334</f>
        <v>0</v>
      </c>
      <c r="C1332" s="6">
        <f>'申請書（複数入力用）'!B1334</f>
        <v>0</v>
      </c>
      <c r="D1332" s="6">
        <f>'申請書（複数入力用）'!D1334</f>
        <v>0</v>
      </c>
      <c r="E1332" s="14">
        <f>'申請書（複数入力用）'!H1334</f>
        <v>0</v>
      </c>
      <c r="F1332" s="11" t="str">
        <f>'申請書（複数入力用）'!J1334</f>
        <v/>
      </c>
      <c r="G1332" s="6" t="str">
        <f>'申請書（複数入力用）'!K1334</f>
        <v>a052r000000jS9ZAAU</v>
      </c>
      <c r="H1332" s="12" t="e">
        <f>'申請書（複数入力用）'!N1334</f>
        <v>#N/A</v>
      </c>
      <c r="I1332" s="12" t="e">
        <f>'申請書（複数入力用）'!O1334</f>
        <v>#N/A</v>
      </c>
      <c r="J1332" s="12">
        <f>'申請書（複数入力用）'!P1334</f>
        <v>1</v>
      </c>
    </row>
    <row r="1333" spans="1:10" ht="51.6" customHeight="1" x14ac:dyDescent="0.45">
      <c r="A1333" s="6">
        <f>'申請書（複数入力用）'!A1335</f>
        <v>1329</v>
      </c>
      <c r="B1333" s="13">
        <f>'申請書（複数入力用）'!AH1335</f>
        <v>0</v>
      </c>
      <c r="C1333" s="6">
        <f>'申請書（複数入力用）'!B1335</f>
        <v>0</v>
      </c>
      <c r="D1333" s="6">
        <f>'申請書（複数入力用）'!D1335</f>
        <v>0</v>
      </c>
      <c r="E1333" s="14">
        <f>'申請書（複数入力用）'!H1335</f>
        <v>0</v>
      </c>
      <c r="F1333" s="11" t="str">
        <f>'申請書（複数入力用）'!J1335</f>
        <v/>
      </c>
      <c r="G1333" s="6" t="str">
        <f>'申請書（複数入力用）'!K1335</f>
        <v>a052r000000jS9ZAAU</v>
      </c>
      <c r="H1333" s="12" t="e">
        <f>'申請書（複数入力用）'!N1335</f>
        <v>#N/A</v>
      </c>
      <c r="I1333" s="12" t="e">
        <f>'申請書（複数入力用）'!O1335</f>
        <v>#N/A</v>
      </c>
      <c r="J1333" s="12">
        <f>'申請書（複数入力用）'!P1335</f>
        <v>1</v>
      </c>
    </row>
    <row r="1334" spans="1:10" ht="51.6" customHeight="1" x14ac:dyDescent="0.45">
      <c r="A1334" s="6">
        <f>'申請書（複数入力用）'!A1336</f>
        <v>1330</v>
      </c>
      <c r="B1334" s="13">
        <f>'申請書（複数入力用）'!AH1336</f>
        <v>0</v>
      </c>
      <c r="C1334" s="6">
        <f>'申請書（複数入力用）'!B1336</f>
        <v>0</v>
      </c>
      <c r="D1334" s="6">
        <f>'申請書（複数入力用）'!D1336</f>
        <v>0</v>
      </c>
      <c r="E1334" s="14">
        <f>'申請書（複数入力用）'!H1336</f>
        <v>0</v>
      </c>
      <c r="F1334" s="11" t="str">
        <f>'申請書（複数入力用）'!J1336</f>
        <v/>
      </c>
      <c r="G1334" s="6" t="str">
        <f>'申請書（複数入力用）'!K1336</f>
        <v>a052r000000jS9ZAAU</v>
      </c>
      <c r="H1334" s="12" t="e">
        <f>'申請書（複数入力用）'!N1336</f>
        <v>#N/A</v>
      </c>
      <c r="I1334" s="12" t="e">
        <f>'申請書（複数入力用）'!O1336</f>
        <v>#N/A</v>
      </c>
      <c r="J1334" s="12">
        <f>'申請書（複数入力用）'!P1336</f>
        <v>1</v>
      </c>
    </row>
    <row r="1335" spans="1:10" ht="51.6" customHeight="1" x14ac:dyDescent="0.45">
      <c r="A1335" s="6">
        <f>'申請書（複数入力用）'!A1337</f>
        <v>1331</v>
      </c>
      <c r="B1335" s="13">
        <f>'申請書（複数入力用）'!AH1337</f>
        <v>0</v>
      </c>
      <c r="C1335" s="6">
        <f>'申請書（複数入力用）'!B1337</f>
        <v>0</v>
      </c>
      <c r="D1335" s="6">
        <f>'申請書（複数入力用）'!D1337</f>
        <v>0</v>
      </c>
      <c r="E1335" s="14">
        <f>'申請書（複数入力用）'!H1337</f>
        <v>0</v>
      </c>
      <c r="F1335" s="11" t="str">
        <f>'申請書（複数入力用）'!J1337</f>
        <v/>
      </c>
      <c r="G1335" s="6" t="str">
        <f>'申請書（複数入力用）'!K1337</f>
        <v>a052r000000jS9ZAAU</v>
      </c>
      <c r="H1335" s="12" t="e">
        <f>'申請書（複数入力用）'!N1337</f>
        <v>#N/A</v>
      </c>
      <c r="I1335" s="12" t="e">
        <f>'申請書（複数入力用）'!O1337</f>
        <v>#N/A</v>
      </c>
      <c r="J1335" s="12">
        <f>'申請書（複数入力用）'!P1337</f>
        <v>1</v>
      </c>
    </row>
    <row r="1336" spans="1:10" ht="51.6" customHeight="1" x14ac:dyDescent="0.45">
      <c r="A1336" s="6">
        <f>'申請書（複数入力用）'!A1338</f>
        <v>1332</v>
      </c>
      <c r="B1336" s="13">
        <f>'申請書（複数入力用）'!AH1338</f>
        <v>0</v>
      </c>
      <c r="C1336" s="6">
        <f>'申請書（複数入力用）'!B1338</f>
        <v>0</v>
      </c>
      <c r="D1336" s="6">
        <f>'申請書（複数入力用）'!D1338</f>
        <v>0</v>
      </c>
      <c r="E1336" s="14">
        <f>'申請書（複数入力用）'!H1338</f>
        <v>0</v>
      </c>
      <c r="F1336" s="11" t="str">
        <f>'申請書（複数入力用）'!J1338</f>
        <v/>
      </c>
      <c r="G1336" s="6" t="str">
        <f>'申請書（複数入力用）'!K1338</f>
        <v>a052r000000jS9ZAAU</v>
      </c>
      <c r="H1336" s="12" t="e">
        <f>'申請書（複数入力用）'!N1338</f>
        <v>#N/A</v>
      </c>
      <c r="I1336" s="12" t="e">
        <f>'申請書（複数入力用）'!O1338</f>
        <v>#N/A</v>
      </c>
      <c r="J1336" s="12">
        <f>'申請書（複数入力用）'!P1338</f>
        <v>1</v>
      </c>
    </row>
    <row r="1337" spans="1:10" ht="51.6" customHeight="1" x14ac:dyDescent="0.45">
      <c r="A1337" s="6">
        <f>'申請書（複数入力用）'!A1339</f>
        <v>1333</v>
      </c>
      <c r="B1337" s="13">
        <f>'申請書（複数入力用）'!AH1339</f>
        <v>0</v>
      </c>
      <c r="C1337" s="6">
        <f>'申請書（複数入力用）'!B1339</f>
        <v>0</v>
      </c>
      <c r="D1337" s="6">
        <f>'申請書（複数入力用）'!D1339</f>
        <v>0</v>
      </c>
      <c r="E1337" s="14">
        <f>'申請書（複数入力用）'!H1339</f>
        <v>0</v>
      </c>
      <c r="F1337" s="11" t="str">
        <f>'申請書（複数入力用）'!J1339</f>
        <v/>
      </c>
      <c r="G1337" s="6" t="str">
        <f>'申請書（複数入力用）'!K1339</f>
        <v>a052r000000jS9ZAAU</v>
      </c>
      <c r="H1337" s="12" t="e">
        <f>'申請書（複数入力用）'!N1339</f>
        <v>#N/A</v>
      </c>
      <c r="I1337" s="12" t="e">
        <f>'申請書（複数入力用）'!O1339</f>
        <v>#N/A</v>
      </c>
      <c r="J1337" s="12">
        <f>'申請書（複数入力用）'!P1339</f>
        <v>1</v>
      </c>
    </row>
    <row r="1338" spans="1:10" ht="51.6" customHeight="1" x14ac:dyDescent="0.45">
      <c r="A1338" s="6">
        <f>'申請書（複数入力用）'!A1340</f>
        <v>1334</v>
      </c>
      <c r="B1338" s="13">
        <f>'申請書（複数入力用）'!AH1340</f>
        <v>0</v>
      </c>
      <c r="C1338" s="6">
        <f>'申請書（複数入力用）'!B1340</f>
        <v>0</v>
      </c>
      <c r="D1338" s="6">
        <f>'申請書（複数入力用）'!D1340</f>
        <v>0</v>
      </c>
      <c r="E1338" s="14">
        <f>'申請書（複数入力用）'!H1340</f>
        <v>0</v>
      </c>
      <c r="F1338" s="11" t="str">
        <f>'申請書（複数入力用）'!J1340</f>
        <v/>
      </c>
      <c r="G1338" s="6" t="str">
        <f>'申請書（複数入力用）'!K1340</f>
        <v>a052r000000jS9ZAAU</v>
      </c>
      <c r="H1338" s="12" t="e">
        <f>'申請書（複数入力用）'!N1340</f>
        <v>#N/A</v>
      </c>
      <c r="I1338" s="12" t="e">
        <f>'申請書（複数入力用）'!O1340</f>
        <v>#N/A</v>
      </c>
      <c r="J1338" s="12">
        <f>'申請書（複数入力用）'!P1340</f>
        <v>1</v>
      </c>
    </row>
    <row r="1339" spans="1:10" ht="51.6" customHeight="1" x14ac:dyDescent="0.45">
      <c r="A1339" s="6">
        <f>'申請書（複数入力用）'!A1341</f>
        <v>1335</v>
      </c>
      <c r="B1339" s="13">
        <f>'申請書（複数入力用）'!AH1341</f>
        <v>0</v>
      </c>
      <c r="C1339" s="6">
        <f>'申請書（複数入力用）'!B1341</f>
        <v>0</v>
      </c>
      <c r="D1339" s="6">
        <f>'申請書（複数入力用）'!D1341</f>
        <v>0</v>
      </c>
      <c r="E1339" s="14">
        <f>'申請書（複数入力用）'!H1341</f>
        <v>0</v>
      </c>
      <c r="F1339" s="11" t="str">
        <f>'申請書（複数入力用）'!J1341</f>
        <v/>
      </c>
      <c r="G1339" s="6" t="str">
        <f>'申請書（複数入力用）'!K1341</f>
        <v>a052r000000jS9ZAAU</v>
      </c>
      <c r="H1339" s="12" t="e">
        <f>'申請書（複数入力用）'!N1341</f>
        <v>#N/A</v>
      </c>
      <c r="I1339" s="12" t="e">
        <f>'申請書（複数入力用）'!O1341</f>
        <v>#N/A</v>
      </c>
      <c r="J1339" s="12">
        <f>'申請書（複数入力用）'!P1341</f>
        <v>1</v>
      </c>
    </row>
    <row r="1340" spans="1:10" ht="51.6" customHeight="1" x14ac:dyDescent="0.45">
      <c r="A1340" s="6">
        <f>'申請書（複数入力用）'!A1342</f>
        <v>1336</v>
      </c>
      <c r="B1340" s="13">
        <f>'申請書（複数入力用）'!AH1342</f>
        <v>0</v>
      </c>
      <c r="C1340" s="6">
        <f>'申請書（複数入力用）'!B1342</f>
        <v>0</v>
      </c>
      <c r="D1340" s="6">
        <f>'申請書（複数入力用）'!D1342</f>
        <v>0</v>
      </c>
      <c r="E1340" s="14">
        <f>'申請書（複数入力用）'!H1342</f>
        <v>0</v>
      </c>
      <c r="F1340" s="11" t="str">
        <f>'申請書（複数入力用）'!J1342</f>
        <v/>
      </c>
      <c r="G1340" s="6" t="str">
        <f>'申請書（複数入力用）'!K1342</f>
        <v>a052r000000jS9ZAAU</v>
      </c>
      <c r="H1340" s="12" t="e">
        <f>'申請書（複数入力用）'!N1342</f>
        <v>#N/A</v>
      </c>
      <c r="I1340" s="12" t="e">
        <f>'申請書（複数入力用）'!O1342</f>
        <v>#N/A</v>
      </c>
      <c r="J1340" s="12">
        <f>'申請書（複数入力用）'!P1342</f>
        <v>1</v>
      </c>
    </row>
    <row r="1341" spans="1:10" ht="51.6" customHeight="1" x14ac:dyDescent="0.45">
      <c r="A1341" s="6">
        <f>'申請書（複数入力用）'!A1343</f>
        <v>1337</v>
      </c>
      <c r="B1341" s="13">
        <f>'申請書（複数入力用）'!AH1343</f>
        <v>0</v>
      </c>
      <c r="C1341" s="6">
        <f>'申請書（複数入力用）'!B1343</f>
        <v>0</v>
      </c>
      <c r="D1341" s="6">
        <f>'申請書（複数入力用）'!D1343</f>
        <v>0</v>
      </c>
      <c r="E1341" s="14">
        <f>'申請書（複数入力用）'!H1343</f>
        <v>0</v>
      </c>
      <c r="F1341" s="11" t="str">
        <f>'申請書（複数入力用）'!J1343</f>
        <v/>
      </c>
      <c r="G1341" s="6" t="str">
        <f>'申請書（複数入力用）'!K1343</f>
        <v>a052r000000jS9ZAAU</v>
      </c>
      <c r="H1341" s="12" t="e">
        <f>'申請書（複数入力用）'!N1343</f>
        <v>#N/A</v>
      </c>
      <c r="I1341" s="12" t="e">
        <f>'申請書（複数入力用）'!O1343</f>
        <v>#N/A</v>
      </c>
      <c r="J1341" s="12">
        <f>'申請書（複数入力用）'!P1343</f>
        <v>1</v>
      </c>
    </row>
    <row r="1342" spans="1:10" ht="51.6" customHeight="1" x14ac:dyDescent="0.45">
      <c r="A1342" s="6">
        <f>'申請書（複数入力用）'!A1344</f>
        <v>1338</v>
      </c>
      <c r="B1342" s="13">
        <f>'申請書（複数入力用）'!AH1344</f>
        <v>0</v>
      </c>
      <c r="C1342" s="6">
        <f>'申請書（複数入力用）'!B1344</f>
        <v>0</v>
      </c>
      <c r="D1342" s="6">
        <f>'申請書（複数入力用）'!D1344</f>
        <v>0</v>
      </c>
      <c r="E1342" s="14">
        <f>'申請書（複数入力用）'!H1344</f>
        <v>0</v>
      </c>
      <c r="F1342" s="11" t="str">
        <f>'申請書（複数入力用）'!J1344</f>
        <v/>
      </c>
      <c r="G1342" s="6" t="str">
        <f>'申請書（複数入力用）'!K1344</f>
        <v>a052r000000jS9ZAAU</v>
      </c>
      <c r="H1342" s="12" t="e">
        <f>'申請書（複数入力用）'!N1344</f>
        <v>#N/A</v>
      </c>
      <c r="I1342" s="12" t="e">
        <f>'申請書（複数入力用）'!O1344</f>
        <v>#N/A</v>
      </c>
      <c r="J1342" s="12">
        <f>'申請書（複数入力用）'!P1344</f>
        <v>1</v>
      </c>
    </row>
    <row r="1343" spans="1:10" ht="51.6" customHeight="1" x14ac:dyDescent="0.45">
      <c r="A1343" s="6">
        <f>'申請書（複数入力用）'!A1345</f>
        <v>1339</v>
      </c>
      <c r="B1343" s="13">
        <f>'申請書（複数入力用）'!AH1345</f>
        <v>0</v>
      </c>
      <c r="C1343" s="6">
        <f>'申請書（複数入力用）'!B1345</f>
        <v>0</v>
      </c>
      <c r="D1343" s="6">
        <f>'申請書（複数入力用）'!D1345</f>
        <v>0</v>
      </c>
      <c r="E1343" s="14">
        <f>'申請書（複数入力用）'!H1345</f>
        <v>0</v>
      </c>
      <c r="F1343" s="11" t="str">
        <f>'申請書（複数入力用）'!J1345</f>
        <v/>
      </c>
      <c r="G1343" s="6" t="str">
        <f>'申請書（複数入力用）'!K1345</f>
        <v>a052r000000jS9ZAAU</v>
      </c>
      <c r="H1343" s="12" t="e">
        <f>'申請書（複数入力用）'!N1345</f>
        <v>#N/A</v>
      </c>
      <c r="I1343" s="12" t="e">
        <f>'申請書（複数入力用）'!O1345</f>
        <v>#N/A</v>
      </c>
      <c r="J1343" s="12">
        <f>'申請書（複数入力用）'!P1345</f>
        <v>1</v>
      </c>
    </row>
    <row r="1344" spans="1:10" ht="51.6" customHeight="1" x14ac:dyDescent="0.45">
      <c r="A1344" s="6">
        <f>'申請書（複数入力用）'!A1346</f>
        <v>1340</v>
      </c>
      <c r="B1344" s="13">
        <f>'申請書（複数入力用）'!AH1346</f>
        <v>0</v>
      </c>
      <c r="C1344" s="6">
        <f>'申請書（複数入力用）'!B1346</f>
        <v>0</v>
      </c>
      <c r="D1344" s="6">
        <f>'申請書（複数入力用）'!D1346</f>
        <v>0</v>
      </c>
      <c r="E1344" s="14">
        <f>'申請書（複数入力用）'!H1346</f>
        <v>0</v>
      </c>
      <c r="F1344" s="11" t="str">
        <f>'申請書（複数入力用）'!J1346</f>
        <v/>
      </c>
      <c r="G1344" s="6" t="str">
        <f>'申請書（複数入力用）'!K1346</f>
        <v>a052r000000jS9ZAAU</v>
      </c>
      <c r="H1344" s="12" t="e">
        <f>'申請書（複数入力用）'!N1346</f>
        <v>#N/A</v>
      </c>
      <c r="I1344" s="12" t="e">
        <f>'申請書（複数入力用）'!O1346</f>
        <v>#N/A</v>
      </c>
      <c r="J1344" s="12">
        <f>'申請書（複数入力用）'!P1346</f>
        <v>1</v>
      </c>
    </row>
    <row r="1345" spans="1:10" ht="51.6" customHeight="1" x14ac:dyDescent="0.45">
      <c r="A1345" s="6">
        <f>'申請書（複数入力用）'!A1347</f>
        <v>1341</v>
      </c>
      <c r="B1345" s="13">
        <f>'申請書（複数入力用）'!AH1347</f>
        <v>0</v>
      </c>
      <c r="C1345" s="6">
        <f>'申請書（複数入力用）'!B1347</f>
        <v>0</v>
      </c>
      <c r="D1345" s="6">
        <f>'申請書（複数入力用）'!D1347</f>
        <v>0</v>
      </c>
      <c r="E1345" s="14">
        <f>'申請書（複数入力用）'!H1347</f>
        <v>0</v>
      </c>
      <c r="F1345" s="11" t="str">
        <f>'申請書（複数入力用）'!J1347</f>
        <v/>
      </c>
      <c r="G1345" s="6" t="str">
        <f>'申請書（複数入力用）'!K1347</f>
        <v>a052r000000jS9ZAAU</v>
      </c>
      <c r="H1345" s="12" t="e">
        <f>'申請書（複数入力用）'!N1347</f>
        <v>#N/A</v>
      </c>
      <c r="I1345" s="12" t="e">
        <f>'申請書（複数入力用）'!O1347</f>
        <v>#N/A</v>
      </c>
      <c r="J1345" s="12">
        <f>'申請書（複数入力用）'!P1347</f>
        <v>1</v>
      </c>
    </row>
    <row r="1346" spans="1:10" ht="51.6" customHeight="1" x14ac:dyDescent="0.45">
      <c r="A1346" s="6">
        <f>'申請書（複数入力用）'!A1348</f>
        <v>1342</v>
      </c>
      <c r="B1346" s="13">
        <f>'申請書（複数入力用）'!AH1348</f>
        <v>0</v>
      </c>
      <c r="C1346" s="6">
        <f>'申請書（複数入力用）'!B1348</f>
        <v>0</v>
      </c>
      <c r="D1346" s="6">
        <f>'申請書（複数入力用）'!D1348</f>
        <v>0</v>
      </c>
      <c r="E1346" s="14">
        <f>'申請書（複数入力用）'!H1348</f>
        <v>0</v>
      </c>
      <c r="F1346" s="11" t="str">
        <f>'申請書（複数入力用）'!J1348</f>
        <v/>
      </c>
      <c r="G1346" s="6" t="str">
        <f>'申請書（複数入力用）'!K1348</f>
        <v>a052r000000jS9ZAAU</v>
      </c>
      <c r="H1346" s="12" t="e">
        <f>'申請書（複数入力用）'!N1348</f>
        <v>#N/A</v>
      </c>
      <c r="I1346" s="12" t="e">
        <f>'申請書（複数入力用）'!O1348</f>
        <v>#N/A</v>
      </c>
      <c r="J1346" s="12">
        <f>'申請書（複数入力用）'!P1348</f>
        <v>1</v>
      </c>
    </row>
    <row r="1347" spans="1:10" ht="51.6" customHeight="1" x14ac:dyDescent="0.45">
      <c r="A1347" s="6">
        <f>'申請書（複数入力用）'!A1349</f>
        <v>1343</v>
      </c>
      <c r="B1347" s="13">
        <f>'申請書（複数入力用）'!AH1349</f>
        <v>0</v>
      </c>
      <c r="C1347" s="6">
        <f>'申請書（複数入力用）'!B1349</f>
        <v>0</v>
      </c>
      <c r="D1347" s="6">
        <f>'申請書（複数入力用）'!D1349</f>
        <v>0</v>
      </c>
      <c r="E1347" s="14">
        <f>'申請書（複数入力用）'!H1349</f>
        <v>0</v>
      </c>
      <c r="F1347" s="11" t="str">
        <f>'申請書（複数入力用）'!J1349</f>
        <v/>
      </c>
      <c r="G1347" s="6" t="str">
        <f>'申請書（複数入力用）'!K1349</f>
        <v>a052r000000jS9ZAAU</v>
      </c>
      <c r="H1347" s="12" t="e">
        <f>'申請書（複数入力用）'!N1349</f>
        <v>#N/A</v>
      </c>
      <c r="I1347" s="12" t="e">
        <f>'申請書（複数入力用）'!O1349</f>
        <v>#N/A</v>
      </c>
      <c r="J1347" s="12">
        <f>'申請書（複数入力用）'!P1349</f>
        <v>1</v>
      </c>
    </row>
    <row r="1348" spans="1:10" ht="51.6" customHeight="1" x14ac:dyDescent="0.45">
      <c r="A1348" s="6">
        <f>'申請書（複数入力用）'!A1350</f>
        <v>1344</v>
      </c>
      <c r="B1348" s="13">
        <f>'申請書（複数入力用）'!AH1350</f>
        <v>0</v>
      </c>
      <c r="C1348" s="6">
        <f>'申請書（複数入力用）'!B1350</f>
        <v>0</v>
      </c>
      <c r="D1348" s="6">
        <f>'申請書（複数入力用）'!D1350</f>
        <v>0</v>
      </c>
      <c r="E1348" s="14">
        <f>'申請書（複数入力用）'!H1350</f>
        <v>0</v>
      </c>
      <c r="F1348" s="11" t="str">
        <f>'申請書（複数入力用）'!J1350</f>
        <v/>
      </c>
      <c r="G1348" s="6" t="str">
        <f>'申請書（複数入力用）'!K1350</f>
        <v>a052r000000jS9ZAAU</v>
      </c>
      <c r="H1348" s="12" t="e">
        <f>'申請書（複数入力用）'!N1350</f>
        <v>#N/A</v>
      </c>
      <c r="I1348" s="12" t="e">
        <f>'申請書（複数入力用）'!O1350</f>
        <v>#N/A</v>
      </c>
      <c r="J1348" s="12">
        <f>'申請書（複数入力用）'!P1350</f>
        <v>1</v>
      </c>
    </row>
    <row r="1349" spans="1:10" ht="51.6" customHeight="1" x14ac:dyDescent="0.45">
      <c r="A1349" s="6">
        <f>'申請書（複数入力用）'!A1351</f>
        <v>1345</v>
      </c>
      <c r="B1349" s="13">
        <f>'申請書（複数入力用）'!AH1351</f>
        <v>0</v>
      </c>
      <c r="C1349" s="6">
        <f>'申請書（複数入力用）'!B1351</f>
        <v>0</v>
      </c>
      <c r="D1349" s="6">
        <f>'申請書（複数入力用）'!D1351</f>
        <v>0</v>
      </c>
      <c r="E1349" s="14">
        <f>'申請書（複数入力用）'!H1351</f>
        <v>0</v>
      </c>
      <c r="F1349" s="11" t="str">
        <f>'申請書（複数入力用）'!J1351</f>
        <v/>
      </c>
      <c r="G1349" s="6" t="str">
        <f>'申請書（複数入力用）'!K1351</f>
        <v>a052r000000jS9ZAAU</v>
      </c>
      <c r="H1349" s="12" t="e">
        <f>'申請書（複数入力用）'!N1351</f>
        <v>#N/A</v>
      </c>
      <c r="I1349" s="12" t="e">
        <f>'申請書（複数入力用）'!O1351</f>
        <v>#N/A</v>
      </c>
      <c r="J1349" s="12">
        <f>'申請書（複数入力用）'!P1351</f>
        <v>1</v>
      </c>
    </row>
    <row r="1350" spans="1:10" ht="51.6" customHeight="1" x14ac:dyDescent="0.45">
      <c r="A1350" s="6">
        <f>'申請書（複数入力用）'!A1352</f>
        <v>1346</v>
      </c>
      <c r="B1350" s="13">
        <f>'申請書（複数入力用）'!AH1352</f>
        <v>0</v>
      </c>
      <c r="C1350" s="6">
        <f>'申請書（複数入力用）'!B1352</f>
        <v>0</v>
      </c>
      <c r="D1350" s="6">
        <f>'申請書（複数入力用）'!D1352</f>
        <v>0</v>
      </c>
      <c r="E1350" s="14">
        <f>'申請書（複数入力用）'!H1352</f>
        <v>0</v>
      </c>
      <c r="F1350" s="11" t="str">
        <f>'申請書（複数入力用）'!J1352</f>
        <v/>
      </c>
      <c r="G1350" s="6" t="str">
        <f>'申請書（複数入力用）'!K1352</f>
        <v>a052r000000jS9ZAAU</v>
      </c>
      <c r="H1350" s="12" t="e">
        <f>'申請書（複数入力用）'!N1352</f>
        <v>#N/A</v>
      </c>
      <c r="I1350" s="12" t="e">
        <f>'申請書（複数入力用）'!O1352</f>
        <v>#N/A</v>
      </c>
      <c r="J1350" s="12">
        <f>'申請書（複数入力用）'!P1352</f>
        <v>1</v>
      </c>
    </row>
    <row r="1351" spans="1:10" ht="51.6" customHeight="1" x14ac:dyDescent="0.45">
      <c r="A1351" s="6">
        <f>'申請書（複数入力用）'!A1353</f>
        <v>1347</v>
      </c>
      <c r="B1351" s="13">
        <f>'申請書（複数入力用）'!AH1353</f>
        <v>0</v>
      </c>
      <c r="C1351" s="6">
        <f>'申請書（複数入力用）'!B1353</f>
        <v>0</v>
      </c>
      <c r="D1351" s="6">
        <f>'申請書（複数入力用）'!D1353</f>
        <v>0</v>
      </c>
      <c r="E1351" s="14">
        <f>'申請書（複数入力用）'!H1353</f>
        <v>0</v>
      </c>
      <c r="F1351" s="11" t="str">
        <f>'申請書（複数入力用）'!J1353</f>
        <v/>
      </c>
      <c r="G1351" s="6" t="str">
        <f>'申請書（複数入力用）'!K1353</f>
        <v>a052r000000jS9ZAAU</v>
      </c>
      <c r="H1351" s="12" t="e">
        <f>'申請書（複数入力用）'!N1353</f>
        <v>#N/A</v>
      </c>
      <c r="I1351" s="12" t="e">
        <f>'申請書（複数入力用）'!O1353</f>
        <v>#N/A</v>
      </c>
      <c r="J1351" s="12">
        <f>'申請書（複数入力用）'!P1353</f>
        <v>1</v>
      </c>
    </row>
    <row r="1352" spans="1:10" ht="51.6" customHeight="1" x14ac:dyDescent="0.45">
      <c r="A1352" s="6">
        <f>'申請書（複数入力用）'!A1354</f>
        <v>1348</v>
      </c>
      <c r="B1352" s="13">
        <f>'申請書（複数入力用）'!AH1354</f>
        <v>0</v>
      </c>
      <c r="C1352" s="6">
        <f>'申請書（複数入力用）'!B1354</f>
        <v>0</v>
      </c>
      <c r="D1352" s="6">
        <f>'申請書（複数入力用）'!D1354</f>
        <v>0</v>
      </c>
      <c r="E1352" s="14">
        <f>'申請書（複数入力用）'!H1354</f>
        <v>0</v>
      </c>
      <c r="F1352" s="11" t="str">
        <f>'申請書（複数入力用）'!J1354</f>
        <v/>
      </c>
      <c r="G1352" s="6" t="str">
        <f>'申請書（複数入力用）'!K1354</f>
        <v>a052r000000jS9ZAAU</v>
      </c>
      <c r="H1352" s="12" t="e">
        <f>'申請書（複数入力用）'!N1354</f>
        <v>#N/A</v>
      </c>
      <c r="I1352" s="12" t="e">
        <f>'申請書（複数入力用）'!O1354</f>
        <v>#N/A</v>
      </c>
      <c r="J1352" s="12">
        <f>'申請書（複数入力用）'!P1354</f>
        <v>1</v>
      </c>
    </row>
    <row r="1353" spans="1:10" ht="51.6" customHeight="1" x14ac:dyDescent="0.45">
      <c r="A1353" s="6">
        <f>'申請書（複数入力用）'!A1355</f>
        <v>1349</v>
      </c>
      <c r="B1353" s="13">
        <f>'申請書（複数入力用）'!AH1355</f>
        <v>0</v>
      </c>
      <c r="C1353" s="6">
        <f>'申請書（複数入力用）'!B1355</f>
        <v>0</v>
      </c>
      <c r="D1353" s="6">
        <f>'申請書（複数入力用）'!D1355</f>
        <v>0</v>
      </c>
      <c r="E1353" s="14">
        <f>'申請書（複数入力用）'!H1355</f>
        <v>0</v>
      </c>
      <c r="F1353" s="11" t="str">
        <f>'申請書（複数入力用）'!J1355</f>
        <v/>
      </c>
      <c r="G1353" s="6" t="str">
        <f>'申請書（複数入力用）'!K1355</f>
        <v>a052r000000jS9ZAAU</v>
      </c>
      <c r="H1353" s="12" t="e">
        <f>'申請書（複数入力用）'!N1355</f>
        <v>#N/A</v>
      </c>
      <c r="I1353" s="12" t="e">
        <f>'申請書（複数入力用）'!O1355</f>
        <v>#N/A</v>
      </c>
      <c r="J1353" s="12">
        <f>'申請書（複数入力用）'!P1355</f>
        <v>1</v>
      </c>
    </row>
    <row r="1354" spans="1:10" ht="51.6" customHeight="1" x14ac:dyDescent="0.45">
      <c r="A1354" s="6">
        <f>'申請書（複数入力用）'!A1356</f>
        <v>1350</v>
      </c>
      <c r="B1354" s="13">
        <f>'申請書（複数入力用）'!AH1356</f>
        <v>0</v>
      </c>
      <c r="C1354" s="6">
        <f>'申請書（複数入力用）'!B1356</f>
        <v>0</v>
      </c>
      <c r="D1354" s="6">
        <f>'申請書（複数入力用）'!D1356</f>
        <v>0</v>
      </c>
      <c r="E1354" s="14">
        <f>'申請書（複数入力用）'!H1356</f>
        <v>0</v>
      </c>
      <c r="F1354" s="11" t="str">
        <f>'申請書（複数入力用）'!J1356</f>
        <v/>
      </c>
      <c r="G1354" s="6" t="str">
        <f>'申請書（複数入力用）'!K1356</f>
        <v>a052r000000jS9ZAAU</v>
      </c>
      <c r="H1354" s="12" t="e">
        <f>'申請書（複数入力用）'!N1356</f>
        <v>#N/A</v>
      </c>
      <c r="I1354" s="12" t="e">
        <f>'申請書（複数入力用）'!O1356</f>
        <v>#N/A</v>
      </c>
      <c r="J1354" s="12">
        <f>'申請書（複数入力用）'!P1356</f>
        <v>1</v>
      </c>
    </row>
    <row r="1355" spans="1:10" ht="51.6" customHeight="1" x14ac:dyDescent="0.45">
      <c r="A1355" s="6">
        <f>'申請書（複数入力用）'!A1357</f>
        <v>1351</v>
      </c>
      <c r="B1355" s="13">
        <f>'申請書（複数入力用）'!AH1357</f>
        <v>0</v>
      </c>
      <c r="C1355" s="6">
        <f>'申請書（複数入力用）'!B1357</f>
        <v>0</v>
      </c>
      <c r="D1355" s="6">
        <f>'申請書（複数入力用）'!D1357</f>
        <v>0</v>
      </c>
      <c r="E1355" s="14">
        <f>'申請書（複数入力用）'!H1357</f>
        <v>0</v>
      </c>
      <c r="F1355" s="11" t="str">
        <f>'申請書（複数入力用）'!J1357</f>
        <v/>
      </c>
      <c r="G1355" s="6" t="str">
        <f>'申請書（複数入力用）'!K1357</f>
        <v>a052r000000jS9ZAAU</v>
      </c>
      <c r="H1355" s="12" t="e">
        <f>'申請書（複数入力用）'!N1357</f>
        <v>#N/A</v>
      </c>
      <c r="I1355" s="12" t="e">
        <f>'申請書（複数入力用）'!O1357</f>
        <v>#N/A</v>
      </c>
      <c r="J1355" s="12">
        <f>'申請書（複数入力用）'!P1357</f>
        <v>1</v>
      </c>
    </row>
    <row r="1356" spans="1:10" ht="51.6" customHeight="1" x14ac:dyDescent="0.45">
      <c r="A1356" s="6">
        <f>'申請書（複数入力用）'!A1358</f>
        <v>1352</v>
      </c>
      <c r="B1356" s="13">
        <f>'申請書（複数入力用）'!AH1358</f>
        <v>0</v>
      </c>
      <c r="C1356" s="6">
        <f>'申請書（複数入力用）'!B1358</f>
        <v>0</v>
      </c>
      <c r="D1356" s="6">
        <f>'申請書（複数入力用）'!D1358</f>
        <v>0</v>
      </c>
      <c r="E1356" s="14">
        <f>'申請書（複数入力用）'!H1358</f>
        <v>0</v>
      </c>
      <c r="F1356" s="11" t="str">
        <f>'申請書（複数入力用）'!J1358</f>
        <v/>
      </c>
      <c r="G1356" s="6" t="str">
        <f>'申請書（複数入力用）'!K1358</f>
        <v>a052r000000jS9ZAAU</v>
      </c>
      <c r="H1356" s="12" t="e">
        <f>'申請書（複数入力用）'!N1358</f>
        <v>#N/A</v>
      </c>
      <c r="I1356" s="12" t="e">
        <f>'申請書（複数入力用）'!O1358</f>
        <v>#N/A</v>
      </c>
      <c r="J1356" s="12">
        <f>'申請書（複数入力用）'!P1358</f>
        <v>1</v>
      </c>
    </row>
    <row r="1357" spans="1:10" ht="51.6" customHeight="1" x14ac:dyDescent="0.45">
      <c r="A1357" s="6">
        <f>'申請書（複数入力用）'!A1359</f>
        <v>1353</v>
      </c>
      <c r="B1357" s="13">
        <f>'申請書（複数入力用）'!AH1359</f>
        <v>0</v>
      </c>
      <c r="C1357" s="6">
        <f>'申請書（複数入力用）'!B1359</f>
        <v>0</v>
      </c>
      <c r="D1357" s="6">
        <f>'申請書（複数入力用）'!D1359</f>
        <v>0</v>
      </c>
      <c r="E1357" s="14">
        <f>'申請書（複数入力用）'!H1359</f>
        <v>0</v>
      </c>
      <c r="F1357" s="11" t="str">
        <f>'申請書（複数入力用）'!J1359</f>
        <v/>
      </c>
      <c r="G1357" s="6" t="str">
        <f>'申請書（複数入力用）'!K1359</f>
        <v>a052r000000jS9ZAAU</v>
      </c>
      <c r="H1357" s="12" t="e">
        <f>'申請書（複数入力用）'!N1359</f>
        <v>#N/A</v>
      </c>
      <c r="I1357" s="12" t="e">
        <f>'申請書（複数入力用）'!O1359</f>
        <v>#N/A</v>
      </c>
      <c r="J1357" s="12">
        <f>'申請書（複数入力用）'!P1359</f>
        <v>1</v>
      </c>
    </row>
    <row r="1358" spans="1:10" ht="51.6" customHeight="1" x14ac:dyDescent="0.45">
      <c r="A1358" s="6">
        <f>'申請書（複数入力用）'!A1360</f>
        <v>1354</v>
      </c>
      <c r="B1358" s="13">
        <f>'申請書（複数入力用）'!AH1360</f>
        <v>0</v>
      </c>
      <c r="C1358" s="6">
        <f>'申請書（複数入力用）'!B1360</f>
        <v>0</v>
      </c>
      <c r="D1358" s="6">
        <f>'申請書（複数入力用）'!D1360</f>
        <v>0</v>
      </c>
      <c r="E1358" s="14">
        <f>'申請書（複数入力用）'!H1360</f>
        <v>0</v>
      </c>
      <c r="F1358" s="11" t="str">
        <f>'申請書（複数入力用）'!J1360</f>
        <v/>
      </c>
      <c r="G1358" s="6" t="str">
        <f>'申請書（複数入力用）'!K1360</f>
        <v>a052r000000jS9ZAAU</v>
      </c>
      <c r="H1358" s="12" t="e">
        <f>'申請書（複数入力用）'!N1360</f>
        <v>#N/A</v>
      </c>
      <c r="I1358" s="12" t="e">
        <f>'申請書（複数入力用）'!O1360</f>
        <v>#N/A</v>
      </c>
      <c r="J1358" s="12">
        <f>'申請書（複数入力用）'!P1360</f>
        <v>1</v>
      </c>
    </row>
    <row r="1359" spans="1:10" ht="51.6" customHeight="1" x14ac:dyDescent="0.45">
      <c r="A1359" s="6">
        <f>'申請書（複数入力用）'!A1361</f>
        <v>1355</v>
      </c>
      <c r="B1359" s="13">
        <f>'申請書（複数入力用）'!AH1361</f>
        <v>0</v>
      </c>
      <c r="C1359" s="6">
        <f>'申請書（複数入力用）'!B1361</f>
        <v>0</v>
      </c>
      <c r="D1359" s="6">
        <f>'申請書（複数入力用）'!D1361</f>
        <v>0</v>
      </c>
      <c r="E1359" s="14">
        <f>'申請書（複数入力用）'!H1361</f>
        <v>0</v>
      </c>
      <c r="F1359" s="11" t="str">
        <f>'申請書（複数入力用）'!J1361</f>
        <v/>
      </c>
      <c r="G1359" s="6" t="str">
        <f>'申請書（複数入力用）'!K1361</f>
        <v>a052r000000jS9ZAAU</v>
      </c>
      <c r="H1359" s="12" t="e">
        <f>'申請書（複数入力用）'!N1361</f>
        <v>#N/A</v>
      </c>
      <c r="I1359" s="12" t="e">
        <f>'申請書（複数入力用）'!O1361</f>
        <v>#N/A</v>
      </c>
      <c r="J1359" s="12">
        <f>'申請書（複数入力用）'!P1361</f>
        <v>1</v>
      </c>
    </row>
    <row r="1360" spans="1:10" ht="51.6" customHeight="1" x14ac:dyDescent="0.45">
      <c r="A1360" s="6">
        <f>'申請書（複数入力用）'!A1362</f>
        <v>1356</v>
      </c>
      <c r="B1360" s="13">
        <f>'申請書（複数入力用）'!AH1362</f>
        <v>0</v>
      </c>
      <c r="C1360" s="6">
        <f>'申請書（複数入力用）'!B1362</f>
        <v>0</v>
      </c>
      <c r="D1360" s="6">
        <f>'申請書（複数入力用）'!D1362</f>
        <v>0</v>
      </c>
      <c r="E1360" s="14">
        <f>'申請書（複数入力用）'!H1362</f>
        <v>0</v>
      </c>
      <c r="F1360" s="11" t="str">
        <f>'申請書（複数入力用）'!J1362</f>
        <v/>
      </c>
      <c r="G1360" s="6" t="str">
        <f>'申請書（複数入力用）'!K1362</f>
        <v>a052r000000jS9ZAAU</v>
      </c>
      <c r="H1360" s="12" t="e">
        <f>'申請書（複数入力用）'!N1362</f>
        <v>#N/A</v>
      </c>
      <c r="I1360" s="12" t="e">
        <f>'申請書（複数入力用）'!O1362</f>
        <v>#N/A</v>
      </c>
      <c r="J1360" s="12">
        <f>'申請書（複数入力用）'!P1362</f>
        <v>1</v>
      </c>
    </row>
    <row r="1361" spans="1:10" ht="51.6" customHeight="1" x14ac:dyDescent="0.45">
      <c r="A1361" s="6">
        <f>'申請書（複数入力用）'!A1363</f>
        <v>1357</v>
      </c>
      <c r="B1361" s="13">
        <f>'申請書（複数入力用）'!AH1363</f>
        <v>0</v>
      </c>
      <c r="C1361" s="6">
        <f>'申請書（複数入力用）'!B1363</f>
        <v>0</v>
      </c>
      <c r="D1361" s="6">
        <f>'申請書（複数入力用）'!D1363</f>
        <v>0</v>
      </c>
      <c r="E1361" s="14">
        <f>'申請書（複数入力用）'!H1363</f>
        <v>0</v>
      </c>
      <c r="F1361" s="11" t="str">
        <f>'申請書（複数入力用）'!J1363</f>
        <v/>
      </c>
      <c r="G1361" s="6" t="str">
        <f>'申請書（複数入力用）'!K1363</f>
        <v>a052r000000jS9ZAAU</v>
      </c>
      <c r="H1361" s="12" t="e">
        <f>'申請書（複数入力用）'!N1363</f>
        <v>#N/A</v>
      </c>
      <c r="I1361" s="12" t="e">
        <f>'申請書（複数入力用）'!O1363</f>
        <v>#N/A</v>
      </c>
      <c r="J1361" s="12">
        <f>'申請書（複数入力用）'!P1363</f>
        <v>1</v>
      </c>
    </row>
    <row r="1362" spans="1:10" ht="51.6" customHeight="1" x14ac:dyDescent="0.45">
      <c r="A1362" s="6">
        <f>'申請書（複数入力用）'!A1364</f>
        <v>1358</v>
      </c>
      <c r="B1362" s="13">
        <f>'申請書（複数入力用）'!AH1364</f>
        <v>0</v>
      </c>
      <c r="C1362" s="6">
        <f>'申請書（複数入力用）'!B1364</f>
        <v>0</v>
      </c>
      <c r="D1362" s="6">
        <f>'申請書（複数入力用）'!D1364</f>
        <v>0</v>
      </c>
      <c r="E1362" s="14">
        <f>'申請書（複数入力用）'!H1364</f>
        <v>0</v>
      </c>
      <c r="F1362" s="11" t="str">
        <f>'申請書（複数入力用）'!J1364</f>
        <v/>
      </c>
      <c r="G1362" s="6" t="str">
        <f>'申請書（複数入力用）'!K1364</f>
        <v>a052r000000jS9ZAAU</v>
      </c>
      <c r="H1362" s="12" t="e">
        <f>'申請書（複数入力用）'!N1364</f>
        <v>#N/A</v>
      </c>
      <c r="I1362" s="12" t="e">
        <f>'申請書（複数入力用）'!O1364</f>
        <v>#N/A</v>
      </c>
      <c r="J1362" s="12">
        <f>'申請書（複数入力用）'!P1364</f>
        <v>1</v>
      </c>
    </row>
    <row r="1363" spans="1:10" ht="51.6" customHeight="1" x14ac:dyDescent="0.45">
      <c r="A1363" s="6">
        <f>'申請書（複数入力用）'!A1365</f>
        <v>1359</v>
      </c>
      <c r="B1363" s="13">
        <f>'申請書（複数入力用）'!AH1365</f>
        <v>0</v>
      </c>
      <c r="C1363" s="6">
        <f>'申請書（複数入力用）'!B1365</f>
        <v>0</v>
      </c>
      <c r="D1363" s="6">
        <f>'申請書（複数入力用）'!D1365</f>
        <v>0</v>
      </c>
      <c r="E1363" s="14">
        <f>'申請書（複数入力用）'!H1365</f>
        <v>0</v>
      </c>
      <c r="F1363" s="11" t="str">
        <f>'申請書（複数入力用）'!J1365</f>
        <v/>
      </c>
      <c r="G1363" s="6" t="str">
        <f>'申請書（複数入力用）'!K1365</f>
        <v>a052r000000jS9ZAAU</v>
      </c>
      <c r="H1363" s="12" t="e">
        <f>'申請書（複数入力用）'!N1365</f>
        <v>#N/A</v>
      </c>
      <c r="I1363" s="12" t="e">
        <f>'申請書（複数入力用）'!O1365</f>
        <v>#N/A</v>
      </c>
      <c r="J1363" s="12">
        <f>'申請書（複数入力用）'!P1365</f>
        <v>1</v>
      </c>
    </row>
    <row r="1364" spans="1:10" ht="51.6" customHeight="1" x14ac:dyDescent="0.45">
      <c r="A1364" s="6">
        <f>'申請書（複数入力用）'!A1366</f>
        <v>1360</v>
      </c>
      <c r="B1364" s="13">
        <f>'申請書（複数入力用）'!AH1366</f>
        <v>0</v>
      </c>
      <c r="C1364" s="6">
        <f>'申請書（複数入力用）'!B1366</f>
        <v>0</v>
      </c>
      <c r="D1364" s="6">
        <f>'申請書（複数入力用）'!D1366</f>
        <v>0</v>
      </c>
      <c r="E1364" s="14">
        <f>'申請書（複数入力用）'!H1366</f>
        <v>0</v>
      </c>
      <c r="F1364" s="11" t="str">
        <f>'申請書（複数入力用）'!J1366</f>
        <v/>
      </c>
      <c r="G1364" s="6" t="str">
        <f>'申請書（複数入力用）'!K1366</f>
        <v>a052r000000jS9ZAAU</v>
      </c>
      <c r="H1364" s="12" t="e">
        <f>'申請書（複数入力用）'!N1366</f>
        <v>#N/A</v>
      </c>
      <c r="I1364" s="12" t="e">
        <f>'申請書（複数入力用）'!O1366</f>
        <v>#N/A</v>
      </c>
      <c r="J1364" s="12">
        <f>'申請書（複数入力用）'!P1366</f>
        <v>1</v>
      </c>
    </row>
    <row r="1365" spans="1:10" ht="51.6" customHeight="1" x14ac:dyDescent="0.45">
      <c r="A1365" s="6">
        <f>'申請書（複数入力用）'!A1367</f>
        <v>1361</v>
      </c>
      <c r="B1365" s="13">
        <f>'申請書（複数入力用）'!AH1367</f>
        <v>0</v>
      </c>
      <c r="C1365" s="6">
        <f>'申請書（複数入力用）'!B1367</f>
        <v>0</v>
      </c>
      <c r="D1365" s="6">
        <f>'申請書（複数入力用）'!D1367</f>
        <v>0</v>
      </c>
      <c r="E1365" s="14">
        <f>'申請書（複数入力用）'!H1367</f>
        <v>0</v>
      </c>
      <c r="F1365" s="11" t="str">
        <f>'申請書（複数入力用）'!J1367</f>
        <v/>
      </c>
      <c r="G1365" s="6" t="str">
        <f>'申請書（複数入力用）'!K1367</f>
        <v>a052r000000jS9ZAAU</v>
      </c>
      <c r="H1365" s="12" t="e">
        <f>'申請書（複数入力用）'!N1367</f>
        <v>#N/A</v>
      </c>
      <c r="I1365" s="12" t="e">
        <f>'申請書（複数入力用）'!O1367</f>
        <v>#N/A</v>
      </c>
      <c r="J1365" s="12">
        <f>'申請書（複数入力用）'!P1367</f>
        <v>1</v>
      </c>
    </row>
    <row r="1366" spans="1:10" ht="51.6" customHeight="1" x14ac:dyDescent="0.45">
      <c r="A1366" s="6">
        <f>'申請書（複数入力用）'!A1368</f>
        <v>1362</v>
      </c>
      <c r="B1366" s="13">
        <f>'申請書（複数入力用）'!AH1368</f>
        <v>0</v>
      </c>
      <c r="C1366" s="6">
        <f>'申請書（複数入力用）'!B1368</f>
        <v>0</v>
      </c>
      <c r="D1366" s="6">
        <f>'申請書（複数入力用）'!D1368</f>
        <v>0</v>
      </c>
      <c r="E1366" s="14">
        <f>'申請書（複数入力用）'!H1368</f>
        <v>0</v>
      </c>
      <c r="F1366" s="11" t="str">
        <f>'申請書（複数入力用）'!J1368</f>
        <v/>
      </c>
      <c r="G1366" s="6" t="str">
        <f>'申請書（複数入力用）'!K1368</f>
        <v>a052r000000jS9ZAAU</v>
      </c>
      <c r="H1366" s="12" t="e">
        <f>'申請書（複数入力用）'!N1368</f>
        <v>#N/A</v>
      </c>
      <c r="I1366" s="12" t="e">
        <f>'申請書（複数入力用）'!O1368</f>
        <v>#N/A</v>
      </c>
      <c r="J1366" s="12">
        <f>'申請書（複数入力用）'!P1368</f>
        <v>1</v>
      </c>
    </row>
    <row r="1367" spans="1:10" ht="51.6" customHeight="1" x14ac:dyDescent="0.45">
      <c r="A1367" s="6">
        <f>'申請書（複数入力用）'!A1369</f>
        <v>1363</v>
      </c>
      <c r="B1367" s="13">
        <f>'申請書（複数入力用）'!AH1369</f>
        <v>0</v>
      </c>
      <c r="C1367" s="6">
        <f>'申請書（複数入力用）'!B1369</f>
        <v>0</v>
      </c>
      <c r="D1367" s="6">
        <f>'申請書（複数入力用）'!D1369</f>
        <v>0</v>
      </c>
      <c r="E1367" s="14">
        <f>'申請書（複数入力用）'!H1369</f>
        <v>0</v>
      </c>
      <c r="F1367" s="11" t="str">
        <f>'申請書（複数入力用）'!J1369</f>
        <v/>
      </c>
      <c r="G1367" s="6" t="str">
        <f>'申請書（複数入力用）'!K1369</f>
        <v>a052r000000jS9ZAAU</v>
      </c>
      <c r="H1367" s="12" t="e">
        <f>'申請書（複数入力用）'!N1369</f>
        <v>#N/A</v>
      </c>
      <c r="I1367" s="12" t="e">
        <f>'申請書（複数入力用）'!O1369</f>
        <v>#N/A</v>
      </c>
      <c r="J1367" s="12">
        <f>'申請書（複数入力用）'!P1369</f>
        <v>1</v>
      </c>
    </row>
    <row r="1368" spans="1:10" ht="51.6" customHeight="1" x14ac:dyDescent="0.45">
      <c r="A1368" s="6">
        <f>'申請書（複数入力用）'!A1370</f>
        <v>1364</v>
      </c>
      <c r="B1368" s="13">
        <f>'申請書（複数入力用）'!AH1370</f>
        <v>0</v>
      </c>
      <c r="C1368" s="6">
        <f>'申請書（複数入力用）'!B1370</f>
        <v>0</v>
      </c>
      <c r="D1368" s="6">
        <f>'申請書（複数入力用）'!D1370</f>
        <v>0</v>
      </c>
      <c r="E1368" s="14">
        <f>'申請書（複数入力用）'!H1370</f>
        <v>0</v>
      </c>
      <c r="F1368" s="11" t="str">
        <f>'申請書（複数入力用）'!J1370</f>
        <v/>
      </c>
      <c r="G1368" s="6" t="str">
        <f>'申請書（複数入力用）'!K1370</f>
        <v>a052r000000jS9ZAAU</v>
      </c>
      <c r="H1368" s="12" t="e">
        <f>'申請書（複数入力用）'!N1370</f>
        <v>#N/A</v>
      </c>
      <c r="I1368" s="12" t="e">
        <f>'申請書（複数入力用）'!O1370</f>
        <v>#N/A</v>
      </c>
      <c r="J1368" s="12">
        <f>'申請書（複数入力用）'!P1370</f>
        <v>1</v>
      </c>
    </row>
    <row r="1369" spans="1:10" ht="51.6" customHeight="1" x14ac:dyDescent="0.45">
      <c r="A1369" s="6">
        <f>'申請書（複数入力用）'!A1371</f>
        <v>1365</v>
      </c>
      <c r="B1369" s="13">
        <f>'申請書（複数入力用）'!AH1371</f>
        <v>0</v>
      </c>
      <c r="C1369" s="6">
        <f>'申請書（複数入力用）'!B1371</f>
        <v>0</v>
      </c>
      <c r="D1369" s="6">
        <f>'申請書（複数入力用）'!D1371</f>
        <v>0</v>
      </c>
      <c r="E1369" s="14">
        <f>'申請書（複数入力用）'!H1371</f>
        <v>0</v>
      </c>
      <c r="F1369" s="11" t="str">
        <f>'申請書（複数入力用）'!J1371</f>
        <v/>
      </c>
      <c r="G1369" s="6" t="str">
        <f>'申請書（複数入力用）'!K1371</f>
        <v>a052r000000jS9ZAAU</v>
      </c>
      <c r="H1369" s="12" t="e">
        <f>'申請書（複数入力用）'!N1371</f>
        <v>#N/A</v>
      </c>
      <c r="I1369" s="12" t="e">
        <f>'申請書（複数入力用）'!O1371</f>
        <v>#N/A</v>
      </c>
      <c r="J1369" s="12">
        <f>'申請書（複数入力用）'!P1371</f>
        <v>1</v>
      </c>
    </row>
    <row r="1370" spans="1:10" ht="51.6" customHeight="1" x14ac:dyDescent="0.45">
      <c r="A1370" s="6">
        <f>'申請書（複数入力用）'!A1372</f>
        <v>1366</v>
      </c>
      <c r="B1370" s="13">
        <f>'申請書（複数入力用）'!AH1372</f>
        <v>0</v>
      </c>
      <c r="C1370" s="6">
        <f>'申請書（複数入力用）'!B1372</f>
        <v>0</v>
      </c>
      <c r="D1370" s="6">
        <f>'申請書（複数入力用）'!D1372</f>
        <v>0</v>
      </c>
      <c r="E1370" s="14">
        <f>'申請書（複数入力用）'!H1372</f>
        <v>0</v>
      </c>
      <c r="F1370" s="11" t="str">
        <f>'申請書（複数入力用）'!J1372</f>
        <v/>
      </c>
      <c r="G1370" s="6" t="str">
        <f>'申請書（複数入力用）'!K1372</f>
        <v>a052r000000jS9ZAAU</v>
      </c>
      <c r="H1370" s="12" t="e">
        <f>'申請書（複数入力用）'!N1372</f>
        <v>#N/A</v>
      </c>
      <c r="I1370" s="12" t="e">
        <f>'申請書（複数入力用）'!O1372</f>
        <v>#N/A</v>
      </c>
      <c r="J1370" s="12">
        <f>'申請書（複数入力用）'!P1372</f>
        <v>1</v>
      </c>
    </row>
    <row r="1371" spans="1:10" ht="51.6" customHeight="1" x14ac:dyDescent="0.45">
      <c r="A1371" s="6">
        <f>'申請書（複数入力用）'!A1373</f>
        <v>1367</v>
      </c>
      <c r="B1371" s="13">
        <f>'申請書（複数入力用）'!AH1373</f>
        <v>0</v>
      </c>
      <c r="C1371" s="6">
        <f>'申請書（複数入力用）'!B1373</f>
        <v>0</v>
      </c>
      <c r="D1371" s="6">
        <f>'申請書（複数入力用）'!D1373</f>
        <v>0</v>
      </c>
      <c r="E1371" s="14">
        <f>'申請書（複数入力用）'!H1373</f>
        <v>0</v>
      </c>
      <c r="F1371" s="11" t="str">
        <f>'申請書（複数入力用）'!J1373</f>
        <v/>
      </c>
      <c r="G1371" s="6" t="str">
        <f>'申請書（複数入力用）'!K1373</f>
        <v>a052r000000jS9ZAAU</v>
      </c>
      <c r="H1371" s="12" t="e">
        <f>'申請書（複数入力用）'!N1373</f>
        <v>#N/A</v>
      </c>
      <c r="I1371" s="12" t="e">
        <f>'申請書（複数入力用）'!O1373</f>
        <v>#N/A</v>
      </c>
      <c r="J1371" s="12">
        <f>'申請書（複数入力用）'!P1373</f>
        <v>1</v>
      </c>
    </row>
    <row r="1372" spans="1:10" ht="51.6" customHeight="1" x14ac:dyDescent="0.45">
      <c r="A1372" s="6">
        <f>'申請書（複数入力用）'!A1374</f>
        <v>1368</v>
      </c>
      <c r="B1372" s="13">
        <f>'申請書（複数入力用）'!AH1374</f>
        <v>0</v>
      </c>
      <c r="C1372" s="6">
        <f>'申請書（複数入力用）'!B1374</f>
        <v>0</v>
      </c>
      <c r="D1372" s="6">
        <f>'申請書（複数入力用）'!D1374</f>
        <v>0</v>
      </c>
      <c r="E1372" s="14">
        <f>'申請書（複数入力用）'!H1374</f>
        <v>0</v>
      </c>
      <c r="F1372" s="11" t="str">
        <f>'申請書（複数入力用）'!J1374</f>
        <v/>
      </c>
      <c r="G1372" s="6" t="str">
        <f>'申請書（複数入力用）'!K1374</f>
        <v>a052r000000jS9ZAAU</v>
      </c>
      <c r="H1372" s="12" t="e">
        <f>'申請書（複数入力用）'!N1374</f>
        <v>#N/A</v>
      </c>
      <c r="I1372" s="12" t="e">
        <f>'申請書（複数入力用）'!O1374</f>
        <v>#N/A</v>
      </c>
      <c r="J1372" s="12">
        <f>'申請書（複数入力用）'!P1374</f>
        <v>1</v>
      </c>
    </row>
    <row r="1373" spans="1:10" ht="51.6" customHeight="1" x14ac:dyDescent="0.45">
      <c r="A1373" s="6">
        <f>'申請書（複数入力用）'!A1375</f>
        <v>1369</v>
      </c>
      <c r="B1373" s="13">
        <f>'申請書（複数入力用）'!AH1375</f>
        <v>0</v>
      </c>
      <c r="C1373" s="6">
        <f>'申請書（複数入力用）'!B1375</f>
        <v>0</v>
      </c>
      <c r="D1373" s="6">
        <f>'申請書（複数入力用）'!D1375</f>
        <v>0</v>
      </c>
      <c r="E1373" s="14">
        <f>'申請書（複数入力用）'!H1375</f>
        <v>0</v>
      </c>
      <c r="F1373" s="11" t="str">
        <f>'申請書（複数入力用）'!J1375</f>
        <v/>
      </c>
      <c r="G1373" s="6" t="str">
        <f>'申請書（複数入力用）'!K1375</f>
        <v>a052r000000jS9ZAAU</v>
      </c>
      <c r="H1373" s="12" t="e">
        <f>'申請書（複数入力用）'!N1375</f>
        <v>#N/A</v>
      </c>
      <c r="I1373" s="12" t="e">
        <f>'申請書（複数入力用）'!O1375</f>
        <v>#N/A</v>
      </c>
      <c r="J1373" s="12">
        <f>'申請書（複数入力用）'!P1375</f>
        <v>1</v>
      </c>
    </row>
    <row r="1374" spans="1:10" ht="51.6" customHeight="1" x14ac:dyDescent="0.45">
      <c r="A1374" s="6">
        <f>'申請書（複数入力用）'!A1376</f>
        <v>1370</v>
      </c>
      <c r="B1374" s="13">
        <f>'申請書（複数入力用）'!AH1376</f>
        <v>0</v>
      </c>
      <c r="C1374" s="6">
        <f>'申請書（複数入力用）'!B1376</f>
        <v>0</v>
      </c>
      <c r="D1374" s="6">
        <f>'申請書（複数入力用）'!D1376</f>
        <v>0</v>
      </c>
      <c r="E1374" s="14">
        <f>'申請書（複数入力用）'!H1376</f>
        <v>0</v>
      </c>
      <c r="F1374" s="11" t="str">
        <f>'申請書（複数入力用）'!J1376</f>
        <v/>
      </c>
      <c r="G1374" s="6" t="str">
        <f>'申請書（複数入力用）'!K1376</f>
        <v>a052r000000jS9ZAAU</v>
      </c>
      <c r="H1374" s="12" t="e">
        <f>'申請書（複数入力用）'!N1376</f>
        <v>#N/A</v>
      </c>
      <c r="I1374" s="12" t="e">
        <f>'申請書（複数入力用）'!O1376</f>
        <v>#N/A</v>
      </c>
      <c r="J1374" s="12">
        <f>'申請書（複数入力用）'!P1376</f>
        <v>1</v>
      </c>
    </row>
    <row r="1375" spans="1:10" ht="51.6" customHeight="1" x14ac:dyDescent="0.45">
      <c r="A1375" s="6">
        <f>'申請書（複数入力用）'!A1377</f>
        <v>1371</v>
      </c>
      <c r="B1375" s="13">
        <f>'申請書（複数入力用）'!AH1377</f>
        <v>0</v>
      </c>
      <c r="C1375" s="6">
        <f>'申請書（複数入力用）'!B1377</f>
        <v>0</v>
      </c>
      <c r="D1375" s="6">
        <f>'申請書（複数入力用）'!D1377</f>
        <v>0</v>
      </c>
      <c r="E1375" s="14">
        <f>'申請書（複数入力用）'!H1377</f>
        <v>0</v>
      </c>
      <c r="F1375" s="11" t="str">
        <f>'申請書（複数入力用）'!J1377</f>
        <v/>
      </c>
      <c r="G1375" s="6" t="str">
        <f>'申請書（複数入力用）'!K1377</f>
        <v>a052r000000jS9ZAAU</v>
      </c>
      <c r="H1375" s="12" t="e">
        <f>'申請書（複数入力用）'!N1377</f>
        <v>#N/A</v>
      </c>
      <c r="I1375" s="12" t="e">
        <f>'申請書（複数入力用）'!O1377</f>
        <v>#N/A</v>
      </c>
      <c r="J1375" s="12">
        <f>'申請書（複数入力用）'!P1377</f>
        <v>1</v>
      </c>
    </row>
    <row r="1376" spans="1:10" ht="51.6" customHeight="1" x14ac:dyDescent="0.45">
      <c r="A1376" s="6">
        <f>'申請書（複数入力用）'!A1378</f>
        <v>1372</v>
      </c>
      <c r="B1376" s="13">
        <f>'申請書（複数入力用）'!AH1378</f>
        <v>0</v>
      </c>
      <c r="C1376" s="6">
        <f>'申請書（複数入力用）'!B1378</f>
        <v>0</v>
      </c>
      <c r="D1376" s="6">
        <f>'申請書（複数入力用）'!D1378</f>
        <v>0</v>
      </c>
      <c r="E1376" s="14">
        <f>'申請書（複数入力用）'!H1378</f>
        <v>0</v>
      </c>
      <c r="F1376" s="11" t="str">
        <f>'申請書（複数入力用）'!J1378</f>
        <v/>
      </c>
      <c r="G1376" s="6" t="str">
        <f>'申請書（複数入力用）'!K1378</f>
        <v>a052r000000jS9ZAAU</v>
      </c>
      <c r="H1376" s="12" t="e">
        <f>'申請書（複数入力用）'!N1378</f>
        <v>#N/A</v>
      </c>
      <c r="I1376" s="12" t="e">
        <f>'申請書（複数入力用）'!O1378</f>
        <v>#N/A</v>
      </c>
      <c r="J1376" s="12">
        <f>'申請書（複数入力用）'!P1378</f>
        <v>1</v>
      </c>
    </row>
    <row r="1377" spans="1:10" ht="51.6" customHeight="1" x14ac:dyDescent="0.45">
      <c r="A1377" s="6">
        <f>'申請書（複数入力用）'!A1379</f>
        <v>1373</v>
      </c>
      <c r="B1377" s="13">
        <f>'申請書（複数入力用）'!AH1379</f>
        <v>0</v>
      </c>
      <c r="C1377" s="6">
        <f>'申請書（複数入力用）'!B1379</f>
        <v>0</v>
      </c>
      <c r="D1377" s="6">
        <f>'申請書（複数入力用）'!D1379</f>
        <v>0</v>
      </c>
      <c r="E1377" s="14">
        <f>'申請書（複数入力用）'!H1379</f>
        <v>0</v>
      </c>
      <c r="F1377" s="11" t="str">
        <f>'申請書（複数入力用）'!J1379</f>
        <v/>
      </c>
      <c r="G1377" s="6" t="str">
        <f>'申請書（複数入力用）'!K1379</f>
        <v>a052r000000jS9ZAAU</v>
      </c>
      <c r="H1377" s="12" t="e">
        <f>'申請書（複数入力用）'!N1379</f>
        <v>#N/A</v>
      </c>
      <c r="I1377" s="12" t="e">
        <f>'申請書（複数入力用）'!O1379</f>
        <v>#N/A</v>
      </c>
      <c r="J1377" s="12">
        <f>'申請書（複数入力用）'!P1379</f>
        <v>1</v>
      </c>
    </row>
    <row r="1378" spans="1:10" ht="51.6" customHeight="1" x14ac:dyDescent="0.45">
      <c r="A1378" s="6">
        <f>'申請書（複数入力用）'!A1380</f>
        <v>1374</v>
      </c>
      <c r="B1378" s="13">
        <f>'申請書（複数入力用）'!AH1380</f>
        <v>0</v>
      </c>
      <c r="C1378" s="6">
        <f>'申請書（複数入力用）'!B1380</f>
        <v>0</v>
      </c>
      <c r="D1378" s="6">
        <f>'申請書（複数入力用）'!D1380</f>
        <v>0</v>
      </c>
      <c r="E1378" s="14">
        <f>'申請書（複数入力用）'!H1380</f>
        <v>0</v>
      </c>
      <c r="F1378" s="11" t="str">
        <f>'申請書（複数入力用）'!J1380</f>
        <v/>
      </c>
      <c r="G1378" s="6" t="str">
        <f>'申請書（複数入力用）'!K1380</f>
        <v>a052r000000jS9ZAAU</v>
      </c>
      <c r="H1378" s="12" t="e">
        <f>'申請書（複数入力用）'!N1380</f>
        <v>#N/A</v>
      </c>
      <c r="I1378" s="12" t="e">
        <f>'申請書（複数入力用）'!O1380</f>
        <v>#N/A</v>
      </c>
      <c r="J1378" s="12">
        <f>'申請書（複数入力用）'!P1380</f>
        <v>1</v>
      </c>
    </row>
    <row r="1379" spans="1:10" ht="51.6" customHeight="1" x14ac:dyDescent="0.45">
      <c r="A1379" s="6">
        <f>'申請書（複数入力用）'!A1381</f>
        <v>1375</v>
      </c>
      <c r="B1379" s="13">
        <f>'申請書（複数入力用）'!AH1381</f>
        <v>0</v>
      </c>
      <c r="C1379" s="6">
        <f>'申請書（複数入力用）'!B1381</f>
        <v>0</v>
      </c>
      <c r="D1379" s="6">
        <f>'申請書（複数入力用）'!D1381</f>
        <v>0</v>
      </c>
      <c r="E1379" s="14">
        <f>'申請書（複数入力用）'!H1381</f>
        <v>0</v>
      </c>
      <c r="F1379" s="11" t="str">
        <f>'申請書（複数入力用）'!J1381</f>
        <v/>
      </c>
      <c r="G1379" s="6" t="str">
        <f>'申請書（複数入力用）'!K1381</f>
        <v>a052r000000jS9ZAAU</v>
      </c>
      <c r="H1379" s="12" t="e">
        <f>'申請書（複数入力用）'!N1381</f>
        <v>#N/A</v>
      </c>
      <c r="I1379" s="12" t="e">
        <f>'申請書（複数入力用）'!O1381</f>
        <v>#N/A</v>
      </c>
      <c r="J1379" s="12">
        <f>'申請書（複数入力用）'!P1381</f>
        <v>1</v>
      </c>
    </row>
    <row r="1380" spans="1:10" ht="51.6" customHeight="1" x14ac:dyDescent="0.45">
      <c r="A1380" s="6">
        <f>'申請書（複数入力用）'!A1382</f>
        <v>1376</v>
      </c>
      <c r="B1380" s="13">
        <f>'申請書（複数入力用）'!AH1382</f>
        <v>0</v>
      </c>
      <c r="C1380" s="6">
        <f>'申請書（複数入力用）'!B1382</f>
        <v>0</v>
      </c>
      <c r="D1380" s="6">
        <f>'申請書（複数入力用）'!D1382</f>
        <v>0</v>
      </c>
      <c r="E1380" s="14">
        <f>'申請書（複数入力用）'!H1382</f>
        <v>0</v>
      </c>
      <c r="F1380" s="11" t="str">
        <f>'申請書（複数入力用）'!J1382</f>
        <v/>
      </c>
      <c r="G1380" s="6" t="str">
        <f>'申請書（複数入力用）'!K1382</f>
        <v>a052r000000jS9ZAAU</v>
      </c>
      <c r="H1380" s="12" t="e">
        <f>'申請書（複数入力用）'!N1382</f>
        <v>#N/A</v>
      </c>
      <c r="I1380" s="12" t="e">
        <f>'申請書（複数入力用）'!O1382</f>
        <v>#N/A</v>
      </c>
      <c r="J1380" s="12">
        <f>'申請書（複数入力用）'!P1382</f>
        <v>1</v>
      </c>
    </row>
    <row r="1381" spans="1:10" ht="51.6" customHeight="1" x14ac:dyDescent="0.45">
      <c r="A1381" s="6">
        <f>'申請書（複数入力用）'!A1383</f>
        <v>1377</v>
      </c>
      <c r="B1381" s="13">
        <f>'申請書（複数入力用）'!AH1383</f>
        <v>0</v>
      </c>
      <c r="C1381" s="6">
        <f>'申請書（複数入力用）'!B1383</f>
        <v>0</v>
      </c>
      <c r="D1381" s="6">
        <f>'申請書（複数入力用）'!D1383</f>
        <v>0</v>
      </c>
      <c r="E1381" s="14">
        <f>'申請書（複数入力用）'!H1383</f>
        <v>0</v>
      </c>
      <c r="F1381" s="11" t="str">
        <f>'申請書（複数入力用）'!J1383</f>
        <v/>
      </c>
      <c r="G1381" s="6" t="str">
        <f>'申請書（複数入力用）'!K1383</f>
        <v>a052r000000jS9ZAAU</v>
      </c>
      <c r="H1381" s="12" t="e">
        <f>'申請書（複数入力用）'!N1383</f>
        <v>#N/A</v>
      </c>
      <c r="I1381" s="12" t="e">
        <f>'申請書（複数入力用）'!O1383</f>
        <v>#N/A</v>
      </c>
      <c r="J1381" s="12">
        <f>'申請書（複数入力用）'!P1383</f>
        <v>1</v>
      </c>
    </row>
    <row r="1382" spans="1:10" ht="51.6" customHeight="1" x14ac:dyDescent="0.45">
      <c r="A1382" s="6">
        <f>'申請書（複数入力用）'!A1384</f>
        <v>1378</v>
      </c>
      <c r="B1382" s="13">
        <f>'申請書（複数入力用）'!AH1384</f>
        <v>0</v>
      </c>
      <c r="C1382" s="6">
        <f>'申請書（複数入力用）'!B1384</f>
        <v>0</v>
      </c>
      <c r="D1382" s="6">
        <f>'申請書（複数入力用）'!D1384</f>
        <v>0</v>
      </c>
      <c r="E1382" s="14">
        <f>'申請書（複数入力用）'!H1384</f>
        <v>0</v>
      </c>
      <c r="F1382" s="11" t="str">
        <f>'申請書（複数入力用）'!J1384</f>
        <v/>
      </c>
      <c r="G1382" s="6" t="str">
        <f>'申請書（複数入力用）'!K1384</f>
        <v>a052r000000jS9ZAAU</v>
      </c>
      <c r="H1382" s="12" t="e">
        <f>'申請書（複数入力用）'!N1384</f>
        <v>#N/A</v>
      </c>
      <c r="I1382" s="12" t="e">
        <f>'申請書（複数入力用）'!O1384</f>
        <v>#N/A</v>
      </c>
      <c r="J1382" s="12">
        <f>'申請書（複数入力用）'!P1384</f>
        <v>1</v>
      </c>
    </row>
    <row r="1383" spans="1:10" ht="51.6" customHeight="1" x14ac:dyDescent="0.45">
      <c r="A1383" s="6">
        <f>'申請書（複数入力用）'!A1385</f>
        <v>1379</v>
      </c>
      <c r="B1383" s="13">
        <f>'申請書（複数入力用）'!AH1385</f>
        <v>0</v>
      </c>
      <c r="C1383" s="6">
        <f>'申請書（複数入力用）'!B1385</f>
        <v>0</v>
      </c>
      <c r="D1383" s="6">
        <f>'申請書（複数入力用）'!D1385</f>
        <v>0</v>
      </c>
      <c r="E1383" s="14">
        <f>'申請書（複数入力用）'!H1385</f>
        <v>0</v>
      </c>
      <c r="F1383" s="11" t="str">
        <f>'申請書（複数入力用）'!J1385</f>
        <v/>
      </c>
      <c r="G1383" s="6" t="str">
        <f>'申請書（複数入力用）'!K1385</f>
        <v>a052r000000jS9ZAAU</v>
      </c>
      <c r="H1383" s="12" t="e">
        <f>'申請書（複数入力用）'!N1385</f>
        <v>#N/A</v>
      </c>
      <c r="I1383" s="12" t="e">
        <f>'申請書（複数入力用）'!O1385</f>
        <v>#N/A</v>
      </c>
      <c r="J1383" s="12">
        <f>'申請書（複数入力用）'!P1385</f>
        <v>1</v>
      </c>
    </row>
    <row r="1384" spans="1:10" ht="51.6" customHeight="1" x14ac:dyDescent="0.45">
      <c r="A1384" s="6">
        <f>'申請書（複数入力用）'!A1386</f>
        <v>1380</v>
      </c>
      <c r="B1384" s="13">
        <f>'申請書（複数入力用）'!AH1386</f>
        <v>0</v>
      </c>
      <c r="C1384" s="6">
        <f>'申請書（複数入力用）'!B1386</f>
        <v>0</v>
      </c>
      <c r="D1384" s="6">
        <f>'申請書（複数入力用）'!D1386</f>
        <v>0</v>
      </c>
      <c r="E1384" s="14">
        <f>'申請書（複数入力用）'!H1386</f>
        <v>0</v>
      </c>
      <c r="F1384" s="11" t="str">
        <f>'申請書（複数入力用）'!J1386</f>
        <v/>
      </c>
      <c r="G1384" s="6" t="str">
        <f>'申請書（複数入力用）'!K1386</f>
        <v>a052r000000jS9ZAAU</v>
      </c>
      <c r="H1384" s="12" t="e">
        <f>'申請書（複数入力用）'!N1386</f>
        <v>#N/A</v>
      </c>
      <c r="I1384" s="12" t="e">
        <f>'申請書（複数入力用）'!O1386</f>
        <v>#N/A</v>
      </c>
      <c r="J1384" s="12">
        <f>'申請書（複数入力用）'!P1386</f>
        <v>1</v>
      </c>
    </row>
    <row r="1385" spans="1:10" ht="51.6" customHeight="1" x14ac:dyDescent="0.45">
      <c r="A1385" s="6">
        <f>'申請書（複数入力用）'!A1387</f>
        <v>1381</v>
      </c>
      <c r="B1385" s="13">
        <f>'申請書（複数入力用）'!AH1387</f>
        <v>0</v>
      </c>
      <c r="C1385" s="6">
        <f>'申請書（複数入力用）'!B1387</f>
        <v>0</v>
      </c>
      <c r="D1385" s="6">
        <f>'申請書（複数入力用）'!D1387</f>
        <v>0</v>
      </c>
      <c r="E1385" s="14">
        <f>'申請書（複数入力用）'!H1387</f>
        <v>0</v>
      </c>
      <c r="F1385" s="11" t="str">
        <f>'申請書（複数入力用）'!J1387</f>
        <v/>
      </c>
      <c r="G1385" s="6" t="str">
        <f>'申請書（複数入力用）'!K1387</f>
        <v>a052r000000jS9ZAAU</v>
      </c>
      <c r="H1385" s="12" t="e">
        <f>'申請書（複数入力用）'!N1387</f>
        <v>#N/A</v>
      </c>
      <c r="I1385" s="12" t="e">
        <f>'申請書（複数入力用）'!O1387</f>
        <v>#N/A</v>
      </c>
      <c r="J1385" s="12">
        <f>'申請書（複数入力用）'!P1387</f>
        <v>1</v>
      </c>
    </row>
    <row r="1386" spans="1:10" ht="51.6" customHeight="1" x14ac:dyDescent="0.45">
      <c r="A1386" s="6">
        <f>'申請書（複数入力用）'!A1388</f>
        <v>1382</v>
      </c>
      <c r="B1386" s="13">
        <f>'申請書（複数入力用）'!AH1388</f>
        <v>0</v>
      </c>
      <c r="C1386" s="6">
        <f>'申請書（複数入力用）'!B1388</f>
        <v>0</v>
      </c>
      <c r="D1386" s="6">
        <f>'申請書（複数入力用）'!D1388</f>
        <v>0</v>
      </c>
      <c r="E1386" s="14">
        <f>'申請書（複数入力用）'!H1388</f>
        <v>0</v>
      </c>
      <c r="F1386" s="11" t="str">
        <f>'申請書（複数入力用）'!J1388</f>
        <v/>
      </c>
      <c r="G1386" s="6" t="str">
        <f>'申請書（複数入力用）'!K1388</f>
        <v>a052r000000jS9ZAAU</v>
      </c>
      <c r="H1386" s="12" t="e">
        <f>'申請書（複数入力用）'!N1388</f>
        <v>#N/A</v>
      </c>
      <c r="I1386" s="12" t="e">
        <f>'申請書（複数入力用）'!O1388</f>
        <v>#N/A</v>
      </c>
      <c r="J1386" s="12">
        <f>'申請書（複数入力用）'!P1388</f>
        <v>1</v>
      </c>
    </row>
    <row r="1387" spans="1:10" ht="51.6" customHeight="1" x14ac:dyDescent="0.45">
      <c r="A1387" s="6">
        <f>'申請書（複数入力用）'!A1389</f>
        <v>1383</v>
      </c>
      <c r="B1387" s="13">
        <f>'申請書（複数入力用）'!AH1389</f>
        <v>0</v>
      </c>
      <c r="C1387" s="6">
        <f>'申請書（複数入力用）'!B1389</f>
        <v>0</v>
      </c>
      <c r="D1387" s="6">
        <f>'申請書（複数入力用）'!D1389</f>
        <v>0</v>
      </c>
      <c r="E1387" s="14">
        <f>'申請書（複数入力用）'!H1389</f>
        <v>0</v>
      </c>
      <c r="F1387" s="11" t="str">
        <f>'申請書（複数入力用）'!J1389</f>
        <v/>
      </c>
      <c r="G1387" s="6" t="str">
        <f>'申請書（複数入力用）'!K1389</f>
        <v>a052r000000jS9ZAAU</v>
      </c>
      <c r="H1387" s="12" t="e">
        <f>'申請書（複数入力用）'!N1389</f>
        <v>#N/A</v>
      </c>
      <c r="I1387" s="12" t="e">
        <f>'申請書（複数入力用）'!O1389</f>
        <v>#N/A</v>
      </c>
      <c r="J1387" s="12">
        <f>'申請書（複数入力用）'!P1389</f>
        <v>1</v>
      </c>
    </row>
    <row r="1388" spans="1:10" ht="51.6" customHeight="1" x14ac:dyDescent="0.45">
      <c r="A1388" s="6">
        <f>'申請書（複数入力用）'!A1390</f>
        <v>1384</v>
      </c>
      <c r="B1388" s="13">
        <f>'申請書（複数入力用）'!AH1390</f>
        <v>0</v>
      </c>
      <c r="C1388" s="6">
        <f>'申請書（複数入力用）'!B1390</f>
        <v>0</v>
      </c>
      <c r="D1388" s="6">
        <f>'申請書（複数入力用）'!D1390</f>
        <v>0</v>
      </c>
      <c r="E1388" s="14">
        <f>'申請書（複数入力用）'!H1390</f>
        <v>0</v>
      </c>
      <c r="F1388" s="11" t="str">
        <f>'申請書（複数入力用）'!J1390</f>
        <v/>
      </c>
      <c r="G1388" s="6" t="str">
        <f>'申請書（複数入力用）'!K1390</f>
        <v>a052r000000jS9ZAAU</v>
      </c>
      <c r="H1388" s="12" t="e">
        <f>'申請書（複数入力用）'!N1390</f>
        <v>#N/A</v>
      </c>
      <c r="I1388" s="12" t="e">
        <f>'申請書（複数入力用）'!O1390</f>
        <v>#N/A</v>
      </c>
      <c r="J1388" s="12">
        <f>'申請書（複数入力用）'!P1390</f>
        <v>1</v>
      </c>
    </row>
    <row r="1389" spans="1:10" ht="51.6" customHeight="1" x14ac:dyDescent="0.45">
      <c r="A1389" s="6">
        <f>'申請書（複数入力用）'!A1391</f>
        <v>1385</v>
      </c>
      <c r="B1389" s="13">
        <f>'申請書（複数入力用）'!AH1391</f>
        <v>0</v>
      </c>
      <c r="C1389" s="6">
        <f>'申請書（複数入力用）'!B1391</f>
        <v>0</v>
      </c>
      <c r="D1389" s="6">
        <f>'申請書（複数入力用）'!D1391</f>
        <v>0</v>
      </c>
      <c r="E1389" s="14">
        <f>'申請書（複数入力用）'!H1391</f>
        <v>0</v>
      </c>
      <c r="F1389" s="11" t="str">
        <f>'申請書（複数入力用）'!J1391</f>
        <v/>
      </c>
      <c r="G1389" s="6" t="str">
        <f>'申請書（複数入力用）'!K1391</f>
        <v>a052r000000jS9ZAAU</v>
      </c>
      <c r="H1389" s="12" t="e">
        <f>'申請書（複数入力用）'!N1391</f>
        <v>#N/A</v>
      </c>
      <c r="I1389" s="12" t="e">
        <f>'申請書（複数入力用）'!O1391</f>
        <v>#N/A</v>
      </c>
      <c r="J1389" s="12">
        <f>'申請書（複数入力用）'!P1391</f>
        <v>1</v>
      </c>
    </row>
    <row r="1390" spans="1:10" ht="51.6" customHeight="1" x14ac:dyDescent="0.45">
      <c r="A1390" s="6">
        <f>'申請書（複数入力用）'!A1392</f>
        <v>1386</v>
      </c>
      <c r="B1390" s="13">
        <f>'申請書（複数入力用）'!AH1392</f>
        <v>0</v>
      </c>
      <c r="C1390" s="6">
        <f>'申請書（複数入力用）'!B1392</f>
        <v>0</v>
      </c>
      <c r="D1390" s="6">
        <f>'申請書（複数入力用）'!D1392</f>
        <v>0</v>
      </c>
      <c r="E1390" s="14">
        <f>'申請書（複数入力用）'!H1392</f>
        <v>0</v>
      </c>
      <c r="F1390" s="11" t="str">
        <f>'申請書（複数入力用）'!J1392</f>
        <v/>
      </c>
      <c r="G1390" s="6" t="str">
        <f>'申請書（複数入力用）'!K1392</f>
        <v>a052r000000jS9ZAAU</v>
      </c>
      <c r="H1390" s="12" t="e">
        <f>'申請書（複数入力用）'!N1392</f>
        <v>#N/A</v>
      </c>
      <c r="I1390" s="12" t="e">
        <f>'申請書（複数入力用）'!O1392</f>
        <v>#N/A</v>
      </c>
      <c r="J1390" s="12">
        <f>'申請書（複数入力用）'!P1392</f>
        <v>1</v>
      </c>
    </row>
    <row r="1391" spans="1:10" ht="51.6" customHeight="1" x14ac:dyDescent="0.45">
      <c r="A1391" s="6">
        <f>'申請書（複数入力用）'!A1393</f>
        <v>1387</v>
      </c>
      <c r="B1391" s="13">
        <f>'申請書（複数入力用）'!AH1393</f>
        <v>0</v>
      </c>
      <c r="C1391" s="6">
        <f>'申請書（複数入力用）'!B1393</f>
        <v>0</v>
      </c>
      <c r="D1391" s="6">
        <f>'申請書（複数入力用）'!D1393</f>
        <v>0</v>
      </c>
      <c r="E1391" s="14">
        <f>'申請書（複数入力用）'!H1393</f>
        <v>0</v>
      </c>
      <c r="F1391" s="11" t="str">
        <f>'申請書（複数入力用）'!J1393</f>
        <v/>
      </c>
      <c r="G1391" s="6" t="str">
        <f>'申請書（複数入力用）'!K1393</f>
        <v>a052r000000jS9ZAAU</v>
      </c>
      <c r="H1391" s="12" t="e">
        <f>'申請書（複数入力用）'!N1393</f>
        <v>#N/A</v>
      </c>
      <c r="I1391" s="12" t="e">
        <f>'申請書（複数入力用）'!O1393</f>
        <v>#N/A</v>
      </c>
      <c r="J1391" s="12">
        <f>'申請書（複数入力用）'!P1393</f>
        <v>1</v>
      </c>
    </row>
    <row r="1392" spans="1:10" ht="51.6" customHeight="1" x14ac:dyDescent="0.45">
      <c r="A1392" s="6">
        <f>'申請書（複数入力用）'!A1394</f>
        <v>1388</v>
      </c>
      <c r="B1392" s="13">
        <f>'申請書（複数入力用）'!AH1394</f>
        <v>0</v>
      </c>
      <c r="C1392" s="6">
        <f>'申請書（複数入力用）'!B1394</f>
        <v>0</v>
      </c>
      <c r="D1392" s="6">
        <f>'申請書（複数入力用）'!D1394</f>
        <v>0</v>
      </c>
      <c r="E1392" s="14">
        <f>'申請書（複数入力用）'!H1394</f>
        <v>0</v>
      </c>
      <c r="F1392" s="11" t="str">
        <f>'申請書（複数入力用）'!J1394</f>
        <v/>
      </c>
      <c r="G1392" s="6" t="str">
        <f>'申請書（複数入力用）'!K1394</f>
        <v>a052r000000jS9ZAAU</v>
      </c>
      <c r="H1392" s="12" t="e">
        <f>'申請書（複数入力用）'!N1394</f>
        <v>#N/A</v>
      </c>
      <c r="I1392" s="12" t="e">
        <f>'申請書（複数入力用）'!O1394</f>
        <v>#N/A</v>
      </c>
      <c r="J1392" s="12">
        <f>'申請書（複数入力用）'!P1394</f>
        <v>1</v>
      </c>
    </row>
    <row r="1393" spans="1:10" ht="51.6" customHeight="1" x14ac:dyDescent="0.45">
      <c r="A1393" s="6">
        <f>'申請書（複数入力用）'!A1395</f>
        <v>1389</v>
      </c>
      <c r="B1393" s="13">
        <f>'申請書（複数入力用）'!AH1395</f>
        <v>0</v>
      </c>
      <c r="C1393" s="6">
        <f>'申請書（複数入力用）'!B1395</f>
        <v>0</v>
      </c>
      <c r="D1393" s="6">
        <f>'申請書（複数入力用）'!D1395</f>
        <v>0</v>
      </c>
      <c r="E1393" s="14">
        <f>'申請書（複数入力用）'!H1395</f>
        <v>0</v>
      </c>
      <c r="F1393" s="11" t="str">
        <f>'申請書（複数入力用）'!J1395</f>
        <v/>
      </c>
      <c r="G1393" s="6" t="str">
        <f>'申請書（複数入力用）'!K1395</f>
        <v>a052r000000jS9ZAAU</v>
      </c>
      <c r="H1393" s="12" t="e">
        <f>'申請書（複数入力用）'!N1395</f>
        <v>#N/A</v>
      </c>
      <c r="I1393" s="12" t="e">
        <f>'申請書（複数入力用）'!O1395</f>
        <v>#N/A</v>
      </c>
      <c r="J1393" s="12">
        <f>'申請書（複数入力用）'!P1395</f>
        <v>1</v>
      </c>
    </row>
    <row r="1394" spans="1:10" ht="51.6" customHeight="1" x14ac:dyDescent="0.45">
      <c r="A1394" s="6">
        <f>'申請書（複数入力用）'!A1396</f>
        <v>1390</v>
      </c>
      <c r="B1394" s="13">
        <f>'申請書（複数入力用）'!AH1396</f>
        <v>0</v>
      </c>
      <c r="C1394" s="6">
        <f>'申請書（複数入力用）'!B1396</f>
        <v>0</v>
      </c>
      <c r="D1394" s="6">
        <f>'申請書（複数入力用）'!D1396</f>
        <v>0</v>
      </c>
      <c r="E1394" s="14">
        <f>'申請書（複数入力用）'!H1396</f>
        <v>0</v>
      </c>
      <c r="F1394" s="11" t="str">
        <f>'申請書（複数入力用）'!J1396</f>
        <v/>
      </c>
      <c r="G1394" s="6" t="str">
        <f>'申請書（複数入力用）'!K1396</f>
        <v>a052r000000jS9ZAAU</v>
      </c>
      <c r="H1394" s="12" t="e">
        <f>'申請書（複数入力用）'!N1396</f>
        <v>#N/A</v>
      </c>
      <c r="I1394" s="12" t="e">
        <f>'申請書（複数入力用）'!O1396</f>
        <v>#N/A</v>
      </c>
      <c r="J1394" s="12">
        <f>'申請書（複数入力用）'!P1396</f>
        <v>1</v>
      </c>
    </row>
    <row r="1395" spans="1:10" ht="51.6" customHeight="1" x14ac:dyDescent="0.45">
      <c r="A1395" s="6">
        <f>'申請書（複数入力用）'!A1397</f>
        <v>1391</v>
      </c>
      <c r="B1395" s="13">
        <f>'申請書（複数入力用）'!AH1397</f>
        <v>0</v>
      </c>
      <c r="C1395" s="6">
        <f>'申請書（複数入力用）'!B1397</f>
        <v>0</v>
      </c>
      <c r="D1395" s="6">
        <f>'申請書（複数入力用）'!D1397</f>
        <v>0</v>
      </c>
      <c r="E1395" s="14">
        <f>'申請書（複数入力用）'!H1397</f>
        <v>0</v>
      </c>
      <c r="F1395" s="11" t="str">
        <f>'申請書（複数入力用）'!J1397</f>
        <v/>
      </c>
      <c r="G1395" s="6" t="str">
        <f>'申請書（複数入力用）'!K1397</f>
        <v>a052r000000jS9ZAAU</v>
      </c>
      <c r="H1395" s="12" t="e">
        <f>'申請書（複数入力用）'!N1397</f>
        <v>#N/A</v>
      </c>
      <c r="I1395" s="12" t="e">
        <f>'申請書（複数入力用）'!O1397</f>
        <v>#N/A</v>
      </c>
      <c r="J1395" s="12">
        <f>'申請書（複数入力用）'!P1397</f>
        <v>1</v>
      </c>
    </row>
    <row r="1396" spans="1:10" ht="51.6" customHeight="1" x14ac:dyDescent="0.45">
      <c r="A1396" s="6">
        <f>'申請書（複数入力用）'!A1398</f>
        <v>1392</v>
      </c>
      <c r="B1396" s="13">
        <f>'申請書（複数入力用）'!AH1398</f>
        <v>0</v>
      </c>
      <c r="C1396" s="6">
        <f>'申請書（複数入力用）'!B1398</f>
        <v>0</v>
      </c>
      <c r="D1396" s="6">
        <f>'申請書（複数入力用）'!D1398</f>
        <v>0</v>
      </c>
      <c r="E1396" s="14">
        <f>'申請書（複数入力用）'!H1398</f>
        <v>0</v>
      </c>
      <c r="F1396" s="11" t="str">
        <f>'申請書（複数入力用）'!J1398</f>
        <v/>
      </c>
      <c r="G1396" s="6" t="str">
        <f>'申請書（複数入力用）'!K1398</f>
        <v>a052r000000jS9ZAAU</v>
      </c>
      <c r="H1396" s="12" t="e">
        <f>'申請書（複数入力用）'!N1398</f>
        <v>#N/A</v>
      </c>
      <c r="I1396" s="12" t="e">
        <f>'申請書（複数入力用）'!O1398</f>
        <v>#N/A</v>
      </c>
      <c r="J1396" s="12">
        <f>'申請書（複数入力用）'!P1398</f>
        <v>1</v>
      </c>
    </row>
    <row r="1397" spans="1:10" ht="51.6" customHeight="1" x14ac:dyDescent="0.45">
      <c r="A1397" s="6">
        <f>'申請書（複数入力用）'!A1399</f>
        <v>1393</v>
      </c>
      <c r="B1397" s="13">
        <f>'申請書（複数入力用）'!AH1399</f>
        <v>0</v>
      </c>
      <c r="C1397" s="6">
        <f>'申請書（複数入力用）'!B1399</f>
        <v>0</v>
      </c>
      <c r="D1397" s="6">
        <f>'申請書（複数入力用）'!D1399</f>
        <v>0</v>
      </c>
      <c r="E1397" s="14">
        <f>'申請書（複数入力用）'!H1399</f>
        <v>0</v>
      </c>
      <c r="F1397" s="11" t="str">
        <f>'申請書（複数入力用）'!J1399</f>
        <v/>
      </c>
      <c r="G1397" s="6" t="str">
        <f>'申請書（複数入力用）'!K1399</f>
        <v>a052r000000jS9ZAAU</v>
      </c>
      <c r="H1397" s="12" t="e">
        <f>'申請書（複数入力用）'!N1399</f>
        <v>#N/A</v>
      </c>
      <c r="I1397" s="12" t="e">
        <f>'申請書（複数入力用）'!O1399</f>
        <v>#N/A</v>
      </c>
      <c r="J1397" s="12">
        <f>'申請書（複数入力用）'!P1399</f>
        <v>1</v>
      </c>
    </row>
    <row r="1398" spans="1:10" ht="51.6" customHeight="1" x14ac:dyDescent="0.45">
      <c r="A1398" s="6">
        <f>'申請書（複数入力用）'!A1400</f>
        <v>1394</v>
      </c>
      <c r="B1398" s="13">
        <f>'申請書（複数入力用）'!AH1400</f>
        <v>0</v>
      </c>
      <c r="C1398" s="6">
        <f>'申請書（複数入力用）'!B1400</f>
        <v>0</v>
      </c>
      <c r="D1398" s="6">
        <f>'申請書（複数入力用）'!D1400</f>
        <v>0</v>
      </c>
      <c r="E1398" s="14">
        <f>'申請書（複数入力用）'!H1400</f>
        <v>0</v>
      </c>
      <c r="F1398" s="11" t="str">
        <f>'申請書（複数入力用）'!J1400</f>
        <v/>
      </c>
      <c r="G1398" s="6" t="str">
        <f>'申請書（複数入力用）'!K1400</f>
        <v>a052r000000jS9ZAAU</v>
      </c>
      <c r="H1398" s="12" t="e">
        <f>'申請書（複数入力用）'!N1400</f>
        <v>#N/A</v>
      </c>
      <c r="I1398" s="12" t="e">
        <f>'申請書（複数入力用）'!O1400</f>
        <v>#N/A</v>
      </c>
      <c r="J1398" s="12">
        <f>'申請書（複数入力用）'!P1400</f>
        <v>1</v>
      </c>
    </row>
    <row r="1399" spans="1:10" ht="51.6" customHeight="1" x14ac:dyDescent="0.45">
      <c r="A1399" s="6">
        <f>'申請書（複数入力用）'!A1401</f>
        <v>1395</v>
      </c>
      <c r="B1399" s="13">
        <f>'申請書（複数入力用）'!AH1401</f>
        <v>0</v>
      </c>
      <c r="C1399" s="6">
        <f>'申請書（複数入力用）'!B1401</f>
        <v>0</v>
      </c>
      <c r="D1399" s="6">
        <f>'申請書（複数入力用）'!D1401</f>
        <v>0</v>
      </c>
      <c r="E1399" s="14">
        <f>'申請書（複数入力用）'!H1401</f>
        <v>0</v>
      </c>
      <c r="F1399" s="11" t="str">
        <f>'申請書（複数入力用）'!J1401</f>
        <v/>
      </c>
      <c r="G1399" s="6" t="str">
        <f>'申請書（複数入力用）'!K1401</f>
        <v>a052r000000jS9ZAAU</v>
      </c>
      <c r="H1399" s="12" t="e">
        <f>'申請書（複数入力用）'!N1401</f>
        <v>#N/A</v>
      </c>
      <c r="I1399" s="12" t="e">
        <f>'申請書（複数入力用）'!O1401</f>
        <v>#N/A</v>
      </c>
      <c r="J1399" s="12">
        <f>'申請書（複数入力用）'!P1401</f>
        <v>1</v>
      </c>
    </row>
    <row r="1400" spans="1:10" ht="51.6" customHeight="1" x14ac:dyDescent="0.45">
      <c r="A1400" s="6">
        <f>'申請書（複数入力用）'!A1402</f>
        <v>1396</v>
      </c>
      <c r="B1400" s="13">
        <f>'申請書（複数入力用）'!AH1402</f>
        <v>0</v>
      </c>
      <c r="C1400" s="6">
        <f>'申請書（複数入力用）'!B1402</f>
        <v>0</v>
      </c>
      <c r="D1400" s="6">
        <f>'申請書（複数入力用）'!D1402</f>
        <v>0</v>
      </c>
      <c r="E1400" s="14">
        <f>'申請書（複数入力用）'!H1402</f>
        <v>0</v>
      </c>
      <c r="F1400" s="11" t="str">
        <f>'申請書（複数入力用）'!J1402</f>
        <v/>
      </c>
      <c r="G1400" s="6" t="str">
        <f>'申請書（複数入力用）'!K1402</f>
        <v>a052r000000jS9ZAAU</v>
      </c>
      <c r="H1400" s="12" t="e">
        <f>'申請書（複数入力用）'!N1402</f>
        <v>#N/A</v>
      </c>
      <c r="I1400" s="12" t="e">
        <f>'申請書（複数入力用）'!O1402</f>
        <v>#N/A</v>
      </c>
      <c r="J1400" s="12">
        <f>'申請書（複数入力用）'!P1402</f>
        <v>1</v>
      </c>
    </row>
    <row r="1401" spans="1:10" ht="51.6" customHeight="1" x14ac:dyDescent="0.45">
      <c r="A1401" s="6">
        <f>'申請書（複数入力用）'!A1403</f>
        <v>1397</v>
      </c>
      <c r="B1401" s="13">
        <f>'申請書（複数入力用）'!AH1403</f>
        <v>0</v>
      </c>
      <c r="C1401" s="6">
        <f>'申請書（複数入力用）'!B1403</f>
        <v>0</v>
      </c>
      <c r="D1401" s="6">
        <f>'申請書（複数入力用）'!D1403</f>
        <v>0</v>
      </c>
      <c r="E1401" s="14">
        <f>'申請書（複数入力用）'!H1403</f>
        <v>0</v>
      </c>
      <c r="F1401" s="11" t="str">
        <f>'申請書（複数入力用）'!J1403</f>
        <v/>
      </c>
      <c r="G1401" s="6" t="str">
        <f>'申請書（複数入力用）'!K1403</f>
        <v>a052r000000jS9ZAAU</v>
      </c>
      <c r="H1401" s="12" t="e">
        <f>'申請書（複数入力用）'!N1403</f>
        <v>#N/A</v>
      </c>
      <c r="I1401" s="12" t="e">
        <f>'申請書（複数入力用）'!O1403</f>
        <v>#N/A</v>
      </c>
      <c r="J1401" s="12">
        <f>'申請書（複数入力用）'!P1403</f>
        <v>1</v>
      </c>
    </row>
    <row r="1402" spans="1:10" ht="51.6" customHeight="1" x14ac:dyDescent="0.45">
      <c r="A1402" s="6">
        <f>'申請書（複数入力用）'!A1404</f>
        <v>1398</v>
      </c>
      <c r="B1402" s="13">
        <f>'申請書（複数入力用）'!AH1404</f>
        <v>0</v>
      </c>
      <c r="C1402" s="6">
        <f>'申請書（複数入力用）'!B1404</f>
        <v>0</v>
      </c>
      <c r="D1402" s="6">
        <f>'申請書（複数入力用）'!D1404</f>
        <v>0</v>
      </c>
      <c r="E1402" s="14">
        <f>'申請書（複数入力用）'!H1404</f>
        <v>0</v>
      </c>
      <c r="F1402" s="11" t="str">
        <f>'申請書（複数入力用）'!J1404</f>
        <v/>
      </c>
      <c r="G1402" s="6" t="str">
        <f>'申請書（複数入力用）'!K1404</f>
        <v>a052r000000jS9ZAAU</v>
      </c>
      <c r="H1402" s="12" t="e">
        <f>'申請書（複数入力用）'!N1404</f>
        <v>#N/A</v>
      </c>
      <c r="I1402" s="12" t="e">
        <f>'申請書（複数入力用）'!O1404</f>
        <v>#N/A</v>
      </c>
      <c r="J1402" s="12">
        <f>'申請書（複数入力用）'!P1404</f>
        <v>1</v>
      </c>
    </row>
    <row r="1403" spans="1:10" ht="51.6" customHeight="1" x14ac:dyDescent="0.45">
      <c r="A1403" s="6">
        <f>'申請書（複数入力用）'!A1405</f>
        <v>1399</v>
      </c>
      <c r="B1403" s="13">
        <f>'申請書（複数入力用）'!AH1405</f>
        <v>0</v>
      </c>
      <c r="C1403" s="6">
        <f>'申請書（複数入力用）'!B1405</f>
        <v>0</v>
      </c>
      <c r="D1403" s="6">
        <f>'申請書（複数入力用）'!D1405</f>
        <v>0</v>
      </c>
      <c r="E1403" s="14">
        <f>'申請書（複数入力用）'!H1405</f>
        <v>0</v>
      </c>
      <c r="F1403" s="11" t="str">
        <f>'申請書（複数入力用）'!J1405</f>
        <v/>
      </c>
      <c r="G1403" s="6" t="str">
        <f>'申請書（複数入力用）'!K1405</f>
        <v>a052r000000jS9ZAAU</v>
      </c>
      <c r="H1403" s="12" t="e">
        <f>'申請書（複数入力用）'!N1405</f>
        <v>#N/A</v>
      </c>
      <c r="I1403" s="12" t="e">
        <f>'申請書（複数入力用）'!O1405</f>
        <v>#N/A</v>
      </c>
      <c r="J1403" s="12">
        <f>'申請書（複数入力用）'!P1405</f>
        <v>1</v>
      </c>
    </row>
    <row r="1404" spans="1:10" ht="51.6" customHeight="1" x14ac:dyDescent="0.45">
      <c r="A1404" s="6">
        <f>'申請書（複数入力用）'!A1406</f>
        <v>1400</v>
      </c>
      <c r="B1404" s="13">
        <f>'申請書（複数入力用）'!AH1406</f>
        <v>0</v>
      </c>
      <c r="C1404" s="6">
        <f>'申請書（複数入力用）'!B1406</f>
        <v>0</v>
      </c>
      <c r="D1404" s="6">
        <f>'申請書（複数入力用）'!D1406</f>
        <v>0</v>
      </c>
      <c r="E1404" s="14">
        <f>'申請書（複数入力用）'!H1406</f>
        <v>0</v>
      </c>
      <c r="F1404" s="11" t="str">
        <f>'申請書（複数入力用）'!J1406</f>
        <v/>
      </c>
      <c r="G1404" s="6" t="str">
        <f>'申請書（複数入力用）'!K1406</f>
        <v>a052r000000jS9ZAAU</v>
      </c>
      <c r="H1404" s="12" t="e">
        <f>'申請書（複数入力用）'!N1406</f>
        <v>#N/A</v>
      </c>
      <c r="I1404" s="12" t="e">
        <f>'申請書（複数入力用）'!O1406</f>
        <v>#N/A</v>
      </c>
      <c r="J1404" s="12">
        <f>'申請書（複数入力用）'!P1406</f>
        <v>1</v>
      </c>
    </row>
    <row r="1405" spans="1:10" ht="51.6" customHeight="1" x14ac:dyDescent="0.45">
      <c r="A1405" s="6">
        <f>'申請書（複数入力用）'!A1407</f>
        <v>1401</v>
      </c>
      <c r="B1405" s="13">
        <f>'申請書（複数入力用）'!AH1407</f>
        <v>0</v>
      </c>
      <c r="C1405" s="6">
        <f>'申請書（複数入力用）'!B1407</f>
        <v>0</v>
      </c>
      <c r="D1405" s="6">
        <f>'申請書（複数入力用）'!D1407</f>
        <v>0</v>
      </c>
      <c r="E1405" s="14">
        <f>'申請書（複数入力用）'!H1407</f>
        <v>0</v>
      </c>
      <c r="F1405" s="11" t="str">
        <f>'申請書（複数入力用）'!J1407</f>
        <v/>
      </c>
      <c r="G1405" s="6" t="str">
        <f>'申請書（複数入力用）'!K1407</f>
        <v>a052r000000jS9ZAAU</v>
      </c>
      <c r="H1405" s="12" t="e">
        <f>'申請書（複数入力用）'!N1407</f>
        <v>#N/A</v>
      </c>
      <c r="I1405" s="12" t="e">
        <f>'申請書（複数入力用）'!O1407</f>
        <v>#N/A</v>
      </c>
      <c r="J1405" s="12">
        <f>'申請書（複数入力用）'!P1407</f>
        <v>1</v>
      </c>
    </row>
    <row r="1406" spans="1:10" ht="51.6" customHeight="1" x14ac:dyDescent="0.45">
      <c r="A1406" s="6">
        <f>'申請書（複数入力用）'!A1408</f>
        <v>1402</v>
      </c>
      <c r="B1406" s="13">
        <f>'申請書（複数入力用）'!AH1408</f>
        <v>0</v>
      </c>
      <c r="C1406" s="6">
        <f>'申請書（複数入力用）'!B1408</f>
        <v>0</v>
      </c>
      <c r="D1406" s="6">
        <f>'申請書（複数入力用）'!D1408</f>
        <v>0</v>
      </c>
      <c r="E1406" s="14">
        <f>'申請書（複数入力用）'!H1408</f>
        <v>0</v>
      </c>
      <c r="F1406" s="11" t="str">
        <f>'申請書（複数入力用）'!J1408</f>
        <v/>
      </c>
      <c r="G1406" s="6" t="str">
        <f>'申請書（複数入力用）'!K1408</f>
        <v>a052r000000jS9ZAAU</v>
      </c>
      <c r="H1406" s="12" t="e">
        <f>'申請書（複数入力用）'!N1408</f>
        <v>#N/A</v>
      </c>
      <c r="I1406" s="12" t="e">
        <f>'申請書（複数入力用）'!O1408</f>
        <v>#N/A</v>
      </c>
      <c r="J1406" s="12">
        <f>'申請書（複数入力用）'!P1408</f>
        <v>1</v>
      </c>
    </row>
    <row r="1407" spans="1:10" ht="51.6" customHeight="1" x14ac:dyDescent="0.45">
      <c r="A1407" s="6">
        <f>'申請書（複数入力用）'!A1409</f>
        <v>1403</v>
      </c>
      <c r="B1407" s="13">
        <f>'申請書（複数入力用）'!AH1409</f>
        <v>0</v>
      </c>
      <c r="C1407" s="6">
        <f>'申請書（複数入力用）'!B1409</f>
        <v>0</v>
      </c>
      <c r="D1407" s="6">
        <f>'申請書（複数入力用）'!D1409</f>
        <v>0</v>
      </c>
      <c r="E1407" s="14">
        <f>'申請書（複数入力用）'!H1409</f>
        <v>0</v>
      </c>
      <c r="F1407" s="11" t="str">
        <f>'申請書（複数入力用）'!J1409</f>
        <v/>
      </c>
      <c r="G1407" s="6" t="str">
        <f>'申請書（複数入力用）'!K1409</f>
        <v>a052r000000jS9ZAAU</v>
      </c>
      <c r="H1407" s="12" t="e">
        <f>'申請書（複数入力用）'!N1409</f>
        <v>#N/A</v>
      </c>
      <c r="I1407" s="12" t="e">
        <f>'申請書（複数入力用）'!O1409</f>
        <v>#N/A</v>
      </c>
      <c r="J1407" s="12">
        <f>'申請書（複数入力用）'!P1409</f>
        <v>1</v>
      </c>
    </row>
    <row r="1408" spans="1:10" ht="51.6" customHeight="1" x14ac:dyDescent="0.45">
      <c r="A1408" s="6">
        <f>'申請書（複数入力用）'!A1410</f>
        <v>1404</v>
      </c>
      <c r="B1408" s="13">
        <f>'申請書（複数入力用）'!AH1410</f>
        <v>0</v>
      </c>
      <c r="C1408" s="6">
        <f>'申請書（複数入力用）'!B1410</f>
        <v>0</v>
      </c>
      <c r="D1408" s="6">
        <f>'申請書（複数入力用）'!D1410</f>
        <v>0</v>
      </c>
      <c r="E1408" s="14">
        <f>'申請書（複数入力用）'!H1410</f>
        <v>0</v>
      </c>
      <c r="F1408" s="11" t="str">
        <f>'申請書（複数入力用）'!J1410</f>
        <v/>
      </c>
      <c r="G1408" s="6" t="str">
        <f>'申請書（複数入力用）'!K1410</f>
        <v>a052r000000jS9ZAAU</v>
      </c>
      <c r="H1408" s="12" t="e">
        <f>'申請書（複数入力用）'!N1410</f>
        <v>#N/A</v>
      </c>
      <c r="I1408" s="12" t="e">
        <f>'申請書（複数入力用）'!O1410</f>
        <v>#N/A</v>
      </c>
      <c r="J1408" s="12">
        <f>'申請書（複数入力用）'!P1410</f>
        <v>1</v>
      </c>
    </row>
    <row r="1409" spans="1:10" ht="51.6" customHeight="1" x14ac:dyDescent="0.45">
      <c r="A1409" s="6">
        <f>'申請書（複数入力用）'!A1411</f>
        <v>1405</v>
      </c>
      <c r="B1409" s="13">
        <f>'申請書（複数入力用）'!AH1411</f>
        <v>0</v>
      </c>
      <c r="C1409" s="6">
        <f>'申請書（複数入力用）'!B1411</f>
        <v>0</v>
      </c>
      <c r="D1409" s="6">
        <f>'申請書（複数入力用）'!D1411</f>
        <v>0</v>
      </c>
      <c r="E1409" s="14">
        <f>'申請書（複数入力用）'!H1411</f>
        <v>0</v>
      </c>
      <c r="F1409" s="11" t="str">
        <f>'申請書（複数入力用）'!J1411</f>
        <v/>
      </c>
      <c r="G1409" s="6" t="str">
        <f>'申請書（複数入力用）'!K1411</f>
        <v>a052r000000jS9ZAAU</v>
      </c>
      <c r="H1409" s="12" t="e">
        <f>'申請書（複数入力用）'!N1411</f>
        <v>#N/A</v>
      </c>
      <c r="I1409" s="12" t="e">
        <f>'申請書（複数入力用）'!O1411</f>
        <v>#N/A</v>
      </c>
      <c r="J1409" s="12">
        <f>'申請書（複数入力用）'!P1411</f>
        <v>1</v>
      </c>
    </row>
    <row r="1410" spans="1:10" ht="51.6" customHeight="1" x14ac:dyDescent="0.45">
      <c r="A1410" s="6">
        <f>'申請書（複数入力用）'!A1412</f>
        <v>1406</v>
      </c>
      <c r="B1410" s="13">
        <f>'申請書（複数入力用）'!AH1412</f>
        <v>0</v>
      </c>
      <c r="C1410" s="6">
        <f>'申請書（複数入力用）'!B1412</f>
        <v>0</v>
      </c>
      <c r="D1410" s="6">
        <f>'申請書（複数入力用）'!D1412</f>
        <v>0</v>
      </c>
      <c r="E1410" s="14">
        <f>'申請書（複数入力用）'!H1412</f>
        <v>0</v>
      </c>
      <c r="F1410" s="11" t="str">
        <f>'申請書（複数入力用）'!J1412</f>
        <v/>
      </c>
      <c r="G1410" s="6" t="str">
        <f>'申請書（複数入力用）'!K1412</f>
        <v>a052r000000jS9ZAAU</v>
      </c>
      <c r="H1410" s="12" t="e">
        <f>'申請書（複数入力用）'!N1412</f>
        <v>#N/A</v>
      </c>
      <c r="I1410" s="12" t="e">
        <f>'申請書（複数入力用）'!O1412</f>
        <v>#N/A</v>
      </c>
      <c r="J1410" s="12">
        <f>'申請書（複数入力用）'!P1412</f>
        <v>1</v>
      </c>
    </row>
    <row r="1411" spans="1:10" ht="51.6" customHeight="1" x14ac:dyDescent="0.45">
      <c r="A1411" s="6">
        <f>'申請書（複数入力用）'!A1413</f>
        <v>1407</v>
      </c>
      <c r="B1411" s="13">
        <f>'申請書（複数入力用）'!AH1413</f>
        <v>0</v>
      </c>
      <c r="C1411" s="6">
        <f>'申請書（複数入力用）'!B1413</f>
        <v>0</v>
      </c>
      <c r="D1411" s="6">
        <f>'申請書（複数入力用）'!D1413</f>
        <v>0</v>
      </c>
      <c r="E1411" s="14">
        <f>'申請書（複数入力用）'!H1413</f>
        <v>0</v>
      </c>
      <c r="F1411" s="11" t="str">
        <f>'申請書（複数入力用）'!J1413</f>
        <v/>
      </c>
      <c r="G1411" s="6" t="str">
        <f>'申請書（複数入力用）'!K1413</f>
        <v>a052r000000jS9ZAAU</v>
      </c>
      <c r="H1411" s="12" t="e">
        <f>'申請書（複数入力用）'!N1413</f>
        <v>#N/A</v>
      </c>
      <c r="I1411" s="12" t="e">
        <f>'申請書（複数入力用）'!O1413</f>
        <v>#N/A</v>
      </c>
      <c r="J1411" s="12">
        <f>'申請書（複数入力用）'!P1413</f>
        <v>1</v>
      </c>
    </row>
    <row r="1412" spans="1:10" ht="51.6" customHeight="1" x14ac:dyDescent="0.45">
      <c r="A1412" s="6">
        <f>'申請書（複数入力用）'!A1414</f>
        <v>1408</v>
      </c>
      <c r="B1412" s="13">
        <f>'申請書（複数入力用）'!AH1414</f>
        <v>0</v>
      </c>
      <c r="C1412" s="6">
        <f>'申請書（複数入力用）'!B1414</f>
        <v>0</v>
      </c>
      <c r="D1412" s="6">
        <f>'申請書（複数入力用）'!D1414</f>
        <v>0</v>
      </c>
      <c r="E1412" s="14">
        <f>'申請書（複数入力用）'!H1414</f>
        <v>0</v>
      </c>
      <c r="F1412" s="11" t="str">
        <f>'申請書（複数入力用）'!J1414</f>
        <v/>
      </c>
      <c r="G1412" s="6" t="str">
        <f>'申請書（複数入力用）'!K1414</f>
        <v>a052r000000jS9ZAAU</v>
      </c>
      <c r="H1412" s="12" t="e">
        <f>'申請書（複数入力用）'!N1414</f>
        <v>#N/A</v>
      </c>
      <c r="I1412" s="12" t="e">
        <f>'申請書（複数入力用）'!O1414</f>
        <v>#N/A</v>
      </c>
      <c r="J1412" s="12">
        <f>'申請書（複数入力用）'!P1414</f>
        <v>1</v>
      </c>
    </row>
    <row r="1413" spans="1:10" ht="51.6" customHeight="1" x14ac:dyDescent="0.45">
      <c r="A1413" s="6">
        <f>'申請書（複数入力用）'!A1415</f>
        <v>1409</v>
      </c>
      <c r="B1413" s="13">
        <f>'申請書（複数入力用）'!AH1415</f>
        <v>0</v>
      </c>
      <c r="C1413" s="6">
        <f>'申請書（複数入力用）'!B1415</f>
        <v>0</v>
      </c>
      <c r="D1413" s="6">
        <f>'申請書（複数入力用）'!D1415</f>
        <v>0</v>
      </c>
      <c r="E1413" s="14">
        <f>'申請書（複数入力用）'!H1415</f>
        <v>0</v>
      </c>
      <c r="F1413" s="11" t="str">
        <f>'申請書（複数入力用）'!J1415</f>
        <v/>
      </c>
      <c r="G1413" s="6" t="str">
        <f>'申請書（複数入力用）'!K1415</f>
        <v>a052r000000jS9ZAAU</v>
      </c>
      <c r="H1413" s="12" t="e">
        <f>'申請書（複数入力用）'!N1415</f>
        <v>#N/A</v>
      </c>
      <c r="I1413" s="12" t="e">
        <f>'申請書（複数入力用）'!O1415</f>
        <v>#N/A</v>
      </c>
      <c r="J1413" s="12">
        <f>'申請書（複数入力用）'!P1415</f>
        <v>1</v>
      </c>
    </row>
    <row r="1414" spans="1:10" ht="51.6" customHeight="1" x14ac:dyDescent="0.45">
      <c r="A1414" s="6">
        <f>'申請書（複数入力用）'!A1416</f>
        <v>1410</v>
      </c>
      <c r="B1414" s="13">
        <f>'申請書（複数入力用）'!AH1416</f>
        <v>0</v>
      </c>
      <c r="C1414" s="6">
        <f>'申請書（複数入力用）'!B1416</f>
        <v>0</v>
      </c>
      <c r="D1414" s="6">
        <f>'申請書（複数入力用）'!D1416</f>
        <v>0</v>
      </c>
      <c r="E1414" s="14">
        <f>'申請書（複数入力用）'!H1416</f>
        <v>0</v>
      </c>
      <c r="F1414" s="11" t="str">
        <f>'申請書（複数入力用）'!J1416</f>
        <v/>
      </c>
      <c r="G1414" s="6" t="str">
        <f>'申請書（複数入力用）'!K1416</f>
        <v>a052r000000jS9ZAAU</v>
      </c>
      <c r="H1414" s="12" t="e">
        <f>'申請書（複数入力用）'!N1416</f>
        <v>#N/A</v>
      </c>
      <c r="I1414" s="12" t="e">
        <f>'申請書（複数入力用）'!O1416</f>
        <v>#N/A</v>
      </c>
      <c r="J1414" s="12">
        <f>'申請書（複数入力用）'!P1416</f>
        <v>1</v>
      </c>
    </row>
    <row r="1415" spans="1:10" ht="51.6" customHeight="1" x14ac:dyDescent="0.45">
      <c r="A1415" s="6">
        <f>'申請書（複数入力用）'!A1417</f>
        <v>1411</v>
      </c>
      <c r="B1415" s="13">
        <f>'申請書（複数入力用）'!AH1417</f>
        <v>0</v>
      </c>
      <c r="C1415" s="6">
        <f>'申請書（複数入力用）'!B1417</f>
        <v>0</v>
      </c>
      <c r="D1415" s="6">
        <f>'申請書（複数入力用）'!D1417</f>
        <v>0</v>
      </c>
      <c r="E1415" s="14">
        <f>'申請書（複数入力用）'!H1417</f>
        <v>0</v>
      </c>
      <c r="F1415" s="11" t="str">
        <f>'申請書（複数入力用）'!J1417</f>
        <v/>
      </c>
      <c r="G1415" s="6" t="str">
        <f>'申請書（複数入力用）'!K1417</f>
        <v>a052r000000jS9ZAAU</v>
      </c>
      <c r="H1415" s="12" t="e">
        <f>'申請書（複数入力用）'!N1417</f>
        <v>#N/A</v>
      </c>
      <c r="I1415" s="12" t="e">
        <f>'申請書（複数入力用）'!O1417</f>
        <v>#N/A</v>
      </c>
      <c r="J1415" s="12">
        <f>'申請書（複数入力用）'!P1417</f>
        <v>1</v>
      </c>
    </row>
    <row r="1416" spans="1:10" ht="51.6" customHeight="1" x14ac:dyDescent="0.45">
      <c r="A1416" s="6">
        <f>'申請書（複数入力用）'!A1418</f>
        <v>1412</v>
      </c>
      <c r="B1416" s="13">
        <f>'申請書（複数入力用）'!AH1418</f>
        <v>0</v>
      </c>
      <c r="C1416" s="6">
        <f>'申請書（複数入力用）'!B1418</f>
        <v>0</v>
      </c>
      <c r="D1416" s="6">
        <f>'申請書（複数入力用）'!D1418</f>
        <v>0</v>
      </c>
      <c r="E1416" s="14">
        <f>'申請書（複数入力用）'!H1418</f>
        <v>0</v>
      </c>
      <c r="F1416" s="11" t="str">
        <f>'申請書（複数入力用）'!J1418</f>
        <v/>
      </c>
      <c r="G1416" s="6" t="str">
        <f>'申請書（複数入力用）'!K1418</f>
        <v>a052r000000jS9ZAAU</v>
      </c>
      <c r="H1416" s="12" t="e">
        <f>'申請書（複数入力用）'!N1418</f>
        <v>#N/A</v>
      </c>
      <c r="I1416" s="12" t="e">
        <f>'申請書（複数入力用）'!O1418</f>
        <v>#N/A</v>
      </c>
      <c r="J1416" s="12">
        <f>'申請書（複数入力用）'!P1418</f>
        <v>1</v>
      </c>
    </row>
    <row r="1417" spans="1:10" ht="51.6" customHeight="1" x14ac:dyDescent="0.45">
      <c r="A1417" s="6">
        <f>'申請書（複数入力用）'!A1419</f>
        <v>1413</v>
      </c>
      <c r="B1417" s="13">
        <f>'申請書（複数入力用）'!AH1419</f>
        <v>0</v>
      </c>
      <c r="C1417" s="6">
        <f>'申請書（複数入力用）'!B1419</f>
        <v>0</v>
      </c>
      <c r="D1417" s="6">
        <f>'申請書（複数入力用）'!D1419</f>
        <v>0</v>
      </c>
      <c r="E1417" s="14">
        <f>'申請書（複数入力用）'!H1419</f>
        <v>0</v>
      </c>
      <c r="F1417" s="11" t="str">
        <f>'申請書（複数入力用）'!J1419</f>
        <v/>
      </c>
      <c r="G1417" s="6" t="str">
        <f>'申請書（複数入力用）'!K1419</f>
        <v>a052r000000jS9ZAAU</v>
      </c>
      <c r="H1417" s="12" t="e">
        <f>'申請書（複数入力用）'!N1419</f>
        <v>#N/A</v>
      </c>
      <c r="I1417" s="12" t="e">
        <f>'申請書（複数入力用）'!O1419</f>
        <v>#N/A</v>
      </c>
      <c r="J1417" s="12">
        <f>'申請書（複数入力用）'!P1419</f>
        <v>1</v>
      </c>
    </row>
    <row r="1418" spans="1:10" ht="51.6" customHeight="1" x14ac:dyDescent="0.45">
      <c r="A1418" s="6">
        <f>'申請書（複数入力用）'!A1420</f>
        <v>1414</v>
      </c>
      <c r="B1418" s="13">
        <f>'申請書（複数入力用）'!AH1420</f>
        <v>0</v>
      </c>
      <c r="C1418" s="6">
        <f>'申請書（複数入力用）'!B1420</f>
        <v>0</v>
      </c>
      <c r="D1418" s="6">
        <f>'申請書（複数入力用）'!D1420</f>
        <v>0</v>
      </c>
      <c r="E1418" s="14">
        <f>'申請書（複数入力用）'!H1420</f>
        <v>0</v>
      </c>
      <c r="F1418" s="11" t="str">
        <f>'申請書（複数入力用）'!J1420</f>
        <v/>
      </c>
      <c r="G1418" s="6" t="str">
        <f>'申請書（複数入力用）'!K1420</f>
        <v>a052r000000jS9ZAAU</v>
      </c>
      <c r="H1418" s="12" t="e">
        <f>'申請書（複数入力用）'!N1420</f>
        <v>#N/A</v>
      </c>
      <c r="I1418" s="12" t="e">
        <f>'申請書（複数入力用）'!O1420</f>
        <v>#N/A</v>
      </c>
      <c r="J1418" s="12">
        <f>'申請書（複数入力用）'!P1420</f>
        <v>1</v>
      </c>
    </row>
    <row r="1419" spans="1:10" ht="51.6" customHeight="1" x14ac:dyDescent="0.45">
      <c r="A1419" s="6">
        <f>'申請書（複数入力用）'!A1421</f>
        <v>1415</v>
      </c>
      <c r="B1419" s="13">
        <f>'申請書（複数入力用）'!AH1421</f>
        <v>0</v>
      </c>
      <c r="C1419" s="6">
        <f>'申請書（複数入力用）'!B1421</f>
        <v>0</v>
      </c>
      <c r="D1419" s="6">
        <f>'申請書（複数入力用）'!D1421</f>
        <v>0</v>
      </c>
      <c r="E1419" s="14">
        <f>'申請書（複数入力用）'!H1421</f>
        <v>0</v>
      </c>
      <c r="F1419" s="11" t="str">
        <f>'申請書（複数入力用）'!J1421</f>
        <v/>
      </c>
      <c r="G1419" s="6" t="str">
        <f>'申請書（複数入力用）'!K1421</f>
        <v>a052r000000jS9ZAAU</v>
      </c>
      <c r="H1419" s="12" t="e">
        <f>'申請書（複数入力用）'!N1421</f>
        <v>#N/A</v>
      </c>
      <c r="I1419" s="12" t="e">
        <f>'申請書（複数入力用）'!O1421</f>
        <v>#N/A</v>
      </c>
      <c r="J1419" s="12">
        <f>'申請書（複数入力用）'!P1421</f>
        <v>1</v>
      </c>
    </row>
    <row r="1420" spans="1:10" ht="51.6" customHeight="1" x14ac:dyDescent="0.45">
      <c r="A1420" s="6">
        <f>'申請書（複数入力用）'!A1422</f>
        <v>1416</v>
      </c>
      <c r="B1420" s="13">
        <f>'申請書（複数入力用）'!AH1422</f>
        <v>0</v>
      </c>
      <c r="C1420" s="6">
        <f>'申請書（複数入力用）'!B1422</f>
        <v>0</v>
      </c>
      <c r="D1420" s="6">
        <f>'申請書（複数入力用）'!D1422</f>
        <v>0</v>
      </c>
      <c r="E1420" s="14">
        <f>'申請書（複数入力用）'!H1422</f>
        <v>0</v>
      </c>
      <c r="F1420" s="11" t="str">
        <f>'申請書（複数入力用）'!J1422</f>
        <v/>
      </c>
      <c r="G1420" s="6" t="str">
        <f>'申請書（複数入力用）'!K1422</f>
        <v>a052r000000jS9ZAAU</v>
      </c>
      <c r="H1420" s="12" t="e">
        <f>'申請書（複数入力用）'!N1422</f>
        <v>#N/A</v>
      </c>
      <c r="I1420" s="12" t="e">
        <f>'申請書（複数入力用）'!O1422</f>
        <v>#N/A</v>
      </c>
      <c r="J1420" s="12">
        <f>'申請書（複数入力用）'!P1422</f>
        <v>1</v>
      </c>
    </row>
    <row r="1421" spans="1:10" ht="51.6" customHeight="1" x14ac:dyDescent="0.45">
      <c r="A1421" s="6">
        <f>'申請書（複数入力用）'!A1423</f>
        <v>1417</v>
      </c>
      <c r="B1421" s="13">
        <f>'申請書（複数入力用）'!AH1423</f>
        <v>0</v>
      </c>
      <c r="C1421" s="6">
        <f>'申請書（複数入力用）'!B1423</f>
        <v>0</v>
      </c>
      <c r="D1421" s="6">
        <f>'申請書（複数入力用）'!D1423</f>
        <v>0</v>
      </c>
      <c r="E1421" s="14">
        <f>'申請書（複数入力用）'!H1423</f>
        <v>0</v>
      </c>
      <c r="F1421" s="11" t="str">
        <f>'申請書（複数入力用）'!J1423</f>
        <v/>
      </c>
      <c r="G1421" s="6" t="str">
        <f>'申請書（複数入力用）'!K1423</f>
        <v>a052r000000jS9ZAAU</v>
      </c>
      <c r="H1421" s="12" t="e">
        <f>'申請書（複数入力用）'!N1423</f>
        <v>#N/A</v>
      </c>
      <c r="I1421" s="12" t="e">
        <f>'申請書（複数入力用）'!O1423</f>
        <v>#N/A</v>
      </c>
      <c r="J1421" s="12">
        <f>'申請書（複数入力用）'!P1423</f>
        <v>1</v>
      </c>
    </row>
    <row r="1422" spans="1:10" ht="51.6" customHeight="1" x14ac:dyDescent="0.45">
      <c r="A1422" s="6">
        <f>'申請書（複数入力用）'!A1424</f>
        <v>1418</v>
      </c>
      <c r="B1422" s="13">
        <f>'申請書（複数入力用）'!AH1424</f>
        <v>0</v>
      </c>
      <c r="C1422" s="6">
        <f>'申請書（複数入力用）'!B1424</f>
        <v>0</v>
      </c>
      <c r="D1422" s="6">
        <f>'申請書（複数入力用）'!D1424</f>
        <v>0</v>
      </c>
      <c r="E1422" s="14">
        <f>'申請書（複数入力用）'!H1424</f>
        <v>0</v>
      </c>
      <c r="F1422" s="11" t="str">
        <f>'申請書（複数入力用）'!J1424</f>
        <v/>
      </c>
      <c r="G1422" s="6" t="str">
        <f>'申請書（複数入力用）'!K1424</f>
        <v>a052r000000jS9ZAAU</v>
      </c>
      <c r="H1422" s="12" t="e">
        <f>'申請書（複数入力用）'!N1424</f>
        <v>#N/A</v>
      </c>
      <c r="I1422" s="12" t="e">
        <f>'申請書（複数入力用）'!O1424</f>
        <v>#N/A</v>
      </c>
      <c r="J1422" s="12">
        <f>'申請書（複数入力用）'!P1424</f>
        <v>1</v>
      </c>
    </row>
    <row r="1423" spans="1:10" ht="51.6" customHeight="1" x14ac:dyDescent="0.45">
      <c r="A1423" s="6">
        <f>'申請書（複数入力用）'!A1425</f>
        <v>1419</v>
      </c>
      <c r="B1423" s="13">
        <f>'申請書（複数入力用）'!AH1425</f>
        <v>0</v>
      </c>
      <c r="C1423" s="6">
        <f>'申請書（複数入力用）'!B1425</f>
        <v>0</v>
      </c>
      <c r="D1423" s="6">
        <f>'申請書（複数入力用）'!D1425</f>
        <v>0</v>
      </c>
      <c r="E1423" s="14">
        <f>'申請書（複数入力用）'!H1425</f>
        <v>0</v>
      </c>
      <c r="F1423" s="11" t="str">
        <f>'申請書（複数入力用）'!J1425</f>
        <v/>
      </c>
      <c r="G1423" s="6" t="str">
        <f>'申請書（複数入力用）'!K1425</f>
        <v>a052r000000jS9ZAAU</v>
      </c>
      <c r="H1423" s="12" t="e">
        <f>'申請書（複数入力用）'!N1425</f>
        <v>#N/A</v>
      </c>
      <c r="I1423" s="12" t="e">
        <f>'申請書（複数入力用）'!O1425</f>
        <v>#N/A</v>
      </c>
      <c r="J1423" s="12">
        <f>'申請書（複数入力用）'!P1425</f>
        <v>1</v>
      </c>
    </row>
    <row r="1424" spans="1:10" ht="51.6" customHeight="1" x14ac:dyDescent="0.45">
      <c r="A1424" s="6">
        <f>'申請書（複数入力用）'!A1426</f>
        <v>1420</v>
      </c>
      <c r="B1424" s="13">
        <f>'申請書（複数入力用）'!AH1426</f>
        <v>0</v>
      </c>
      <c r="C1424" s="6">
        <f>'申請書（複数入力用）'!B1426</f>
        <v>0</v>
      </c>
      <c r="D1424" s="6">
        <f>'申請書（複数入力用）'!D1426</f>
        <v>0</v>
      </c>
      <c r="E1424" s="14">
        <f>'申請書（複数入力用）'!H1426</f>
        <v>0</v>
      </c>
      <c r="F1424" s="11" t="str">
        <f>'申請書（複数入力用）'!J1426</f>
        <v/>
      </c>
      <c r="G1424" s="6" t="str">
        <f>'申請書（複数入力用）'!K1426</f>
        <v>a052r000000jS9ZAAU</v>
      </c>
      <c r="H1424" s="12" t="e">
        <f>'申請書（複数入力用）'!N1426</f>
        <v>#N/A</v>
      </c>
      <c r="I1424" s="12" t="e">
        <f>'申請書（複数入力用）'!O1426</f>
        <v>#N/A</v>
      </c>
      <c r="J1424" s="12">
        <f>'申請書（複数入力用）'!P1426</f>
        <v>1</v>
      </c>
    </row>
    <row r="1425" spans="1:10" ht="51.6" customHeight="1" x14ac:dyDescent="0.45">
      <c r="A1425" s="6">
        <f>'申請書（複数入力用）'!A1427</f>
        <v>1421</v>
      </c>
      <c r="B1425" s="13">
        <f>'申請書（複数入力用）'!AH1427</f>
        <v>0</v>
      </c>
      <c r="C1425" s="6">
        <f>'申請書（複数入力用）'!B1427</f>
        <v>0</v>
      </c>
      <c r="D1425" s="6">
        <f>'申請書（複数入力用）'!D1427</f>
        <v>0</v>
      </c>
      <c r="E1425" s="14">
        <f>'申請書（複数入力用）'!H1427</f>
        <v>0</v>
      </c>
      <c r="F1425" s="11" t="str">
        <f>'申請書（複数入力用）'!J1427</f>
        <v/>
      </c>
      <c r="G1425" s="6" t="str">
        <f>'申請書（複数入力用）'!K1427</f>
        <v>a052r000000jS9ZAAU</v>
      </c>
      <c r="H1425" s="12" t="e">
        <f>'申請書（複数入力用）'!N1427</f>
        <v>#N/A</v>
      </c>
      <c r="I1425" s="12" t="e">
        <f>'申請書（複数入力用）'!O1427</f>
        <v>#N/A</v>
      </c>
      <c r="J1425" s="12">
        <f>'申請書（複数入力用）'!P1427</f>
        <v>1</v>
      </c>
    </row>
    <row r="1426" spans="1:10" ht="51.6" customHeight="1" x14ac:dyDescent="0.45">
      <c r="A1426" s="6">
        <f>'申請書（複数入力用）'!A1428</f>
        <v>1422</v>
      </c>
      <c r="B1426" s="13">
        <f>'申請書（複数入力用）'!AH1428</f>
        <v>0</v>
      </c>
      <c r="C1426" s="6">
        <f>'申請書（複数入力用）'!B1428</f>
        <v>0</v>
      </c>
      <c r="D1426" s="6">
        <f>'申請書（複数入力用）'!D1428</f>
        <v>0</v>
      </c>
      <c r="E1426" s="14">
        <f>'申請書（複数入力用）'!H1428</f>
        <v>0</v>
      </c>
      <c r="F1426" s="11" t="str">
        <f>'申請書（複数入力用）'!J1428</f>
        <v/>
      </c>
      <c r="G1426" s="6" t="str">
        <f>'申請書（複数入力用）'!K1428</f>
        <v>a052r000000jS9ZAAU</v>
      </c>
      <c r="H1426" s="12" t="e">
        <f>'申請書（複数入力用）'!N1428</f>
        <v>#N/A</v>
      </c>
      <c r="I1426" s="12" t="e">
        <f>'申請書（複数入力用）'!O1428</f>
        <v>#N/A</v>
      </c>
      <c r="J1426" s="12">
        <f>'申請書（複数入力用）'!P1428</f>
        <v>1</v>
      </c>
    </row>
    <row r="1427" spans="1:10" ht="51.6" customHeight="1" x14ac:dyDescent="0.45">
      <c r="A1427" s="6">
        <f>'申請書（複数入力用）'!A1429</f>
        <v>1423</v>
      </c>
      <c r="B1427" s="13">
        <f>'申請書（複数入力用）'!AH1429</f>
        <v>0</v>
      </c>
      <c r="C1427" s="6">
        <f>'申請書（複数入力用）'!B1429</f>
        <v>0</v>
      </c>
      <c r="D1427" s="6">
        <f>'申請書（複数入力用）'!D1429</f>
        <v>0</v>
      </c>
      <c r="E1427" s="14">
        <f>'申請書（複数入力用）'!H1429</f>
        <v>0</v>
      </c>
      <c r="F1427" s="11" t="str">
        <f>'申請書（複数入力用）'!J1429</f>
        <v/>
      </c>
      <c r="G1427" s="6" t="str">
        <f>'申請書（複数入力用）'!K1429</f>
        <v>a052r000000jS9ZAAU</v>
      </c>
      <c r="H1427" s="12" t="e">
        <f>'申請書（複数入力用）'!N1429</f>
        <v>#N/A</v>
      </c>
      <c r="I1427" s="12" t="e">
        <f>'申請書（複数入力用）'!O1429</f>
        <v>#N/A</v>
      </c>
      <c r="J1427" s="12">
        <f>'申請書（複数入力用）'!P1429</f>
        <v>1</v>
      </c>
    </row>
    <row r="1428" spans="1:10" ht="51.6" customHeight="1" x14ac:dyDescent="0.45">
      <c r="A1428" s="6">
        <f>'申請書（複数入力用）'!A1430</f>
        <v>1424</v>
      </c>
      <c r="B1428" s="13">
        <f>'申請書（複数入力用）'!AH1430</f>
        <v>0</v>
      </c>
      <c r="C1428" s="6">
        <f>'申請書（複数入力用）'!B1430</f>
        <v>0</v>
      </c>
      <c r="D1428" s="6">
        <f>'申請書（複数入力用）'!D1430</f>
        <v>0</v>
      </c>
      <c r="E1428" s="14">
        <f>'申請書（複数入力用）'!H1430</f>
        <v>0</v>
      </c>
      <c r="F1428" s="11" t="str">
        <f>'申請書（複数入力用）'!J1430</f>
        <v/>
      </c>
      <c r="G1428" s="6" t="str">
        <f>'申請書（複数入力用）'!K1430</f>
        <v>a052r000000jS9ZAAU</v>
      </c>
      <c r="H1428" s="12" t="e">
        <f>'申請書（複数入力用）'!N1430</f>
        <v>#N/A</v>
      </c>
      <c r="I1428" s="12" t="e">
        <f>'申請書（複数入力用）'!O1430</f>
        <v>#N/A</v>
      </c>
      <c r="J1428" s="12">
        <f>'申請書（複数入力用）'!P1430</f>
        <v>1</v>
      </c>
    </row>
    <row r="1429" spans="1:10" ht="51.6" customHeight="1" x14ac:dyDescent="0.45">
      <c r="A1429" s="6">
        <f>'申請書（複数入力用）'!A1431</f>
        <v>1425</v>
      </c>
      <c r="B1429" s="13">
        <f>'申請書（複数入力用）'!AH1431</f>
        <v>0</v>
      </c>
      <c r="C1429" s="6">
        <f>'申請書（複数入力用）'!B1431</f>
        <v>0</v>
      </c>
      <c r="D1429" s="6">
        <f>'申請書（複数入力用）'!D1431</f>
        <v>0</v>
      </c>
      <c r="E1429" s="14">
        <f>'申請書（複数入力用）'!H1431</f>
        <v>0</v>
      </c>
      <c r="F1429" s="11" t="str">
        <f>'申請書（複数入力用）'!J1431</f>
        <v/>
      </c>
      <c r="G1429" s="6" t="str">
        <f>'申請書（複数入力用）'!K1431</f>
        <v>a052r000000jS9ZAAU</v>
      </c>
      <c r="H1429" s="12" t="e">
        <f>'申請書（複数入力用）'!N1431</f>
        <v>#N/A</v>
      </c>
      <c r="I1429" s="12" t="e">
        <f>'申請書（複数入力用）'!O1431</f>
        <v>#N/A</v>
      </c>
      <c r="J1429" s="12">
        <f>'申請書（複数入力用）'!P1431</f>
        <v>1</v>
      </c>
    </row>
    <row r="1430" spans="1:10" ht="51.6" customHeight="1" x14ac:dyDescent="0.45">
      <c r="A1430" s="6">
        <f>'申請書（複数入力用）'!A1432</f>
        <v>1426</v>
      </c>
      <c r="B1430" s="13">
        <f>'申請書（複数入力用）'!AH1432</f>
        <v>0</v>
      </c>
      <c r="C1430" s="6">
        <f>'申請書（複数入力用）'!B1432</f>
        <v>0</v>
      </c>
      <c r="D1430" s="6">
        <f>'申請書（複数入力用）'!D1432</f>
        <v>0</v>
      </c>
      <c r="E1430" s="14">
        <f>'申請書（複数入力用）'!H1432</f>
        <v>0</v>
      </c>
      <c r="F1430" s="11" t="str">
        <f>'申請書（複数入力用）'!J1432</f>
        <v/>
      </c>
      <c r="G1430" s="6" t="str">
        <f>'申請書（複数入力用）'!K1432</f>
        <v>a052r000000jS9ZAAU</v>
      </c>
      <c r="H1430" s="12" t="e">
        <f>'申請書（複数入力用）'!N1432</f>
        <v>#N/A</v>
      </c>
      <c r="I1430" s="12" t="e">
        <f>'申請書（複数入力用）'!O1432</f>
        <v>#N/A</v>
      </c>
      <c r="J1430" s="12">
        <f>'申請書（複数入力用）'!P1432</f>
        <v>1</v>
      </c>
    </row>
    <row r="1431" spans="1:10" ht="51.6" customHeight="1" x14ac:dyDescent="0.45">
      <c r="A1431" s="6">
        <f>'申請書（複数入力用）'!A1433</f>
        <v>1427</v>
      </c>
      <c r="B1431" s="13">
        <f>'申請書（複数入力用）'!AH1433</f>
        <v>0</v>
      </c>
      <c r="C1431" s="6">
        <f>'申請書（複数入力用）'!B1433</f>
        <v>0</v>
      </c>
      <c r="D1431" s="6">
        <f>'申請書（複数入力用）'!D1433</f>
        <v>0</v>
      </c>
      <c r="E1431" s="14">
        <f>'申請書（複数入力用）'!H1433</f>
        <v>0</v>
      </c>
      <c r="F1431" s="11" t="str">
        <f>'申請書（複数入力用）'!J1433</f>
        <v/>
      </c>
      <c r="G1431" s="6" t="str">
        <f>'申請書（複数入力用）'!K1433</f>
        <v>a052r000000jS9ZAAU</v>
      </c>
      <c r="H1431" s="12" t="e">
        <f>'申請書（複数入力用）'!N1433</f>
        <v>#N/A</v>
      </c>
      <c r="I1431" s="12" t="e">
        <f>'申請書（複数入力用）'!O1433</f>
        <v>#N/A</v>
      </c>
      <c r="J1431" s="12">
        <f>'申請書（複数入力用）'!P1433</f>
        <v>1</v>
      </c>
    </row>
    <row r="1432" spans="1:10" ht="51.6" customHeight="1" x14ac:dyDescent="0.45">
      <c r="A1432" s="6">
        <f>'申請書（複数入力用）'!A1434</f>
        <v>1428</v>
      </c>
      <c r="B1432" s="13">
        <f>'申請書（複数入力用）'!AH1434</f>
        <v>0</v>
      </c>
      <c r="C1432" s="6">
        <f>'申請書（複数入力用）'!B1434</f>
        <v>0</v>
      </c>
      <c r="D1432" s="6">
        <f>'申請書（複数入力用）'!D1434</f>
        <v>0</v>
      </c>
      <c r="E1432" s="14">
        <f>'申請書（複数入力用）'!H1434</f>
        <v>0</v>
      </c>
      <c r="F1432" s="11" t="str">
        <f>'申請書（複数入力用）'!J1434</f>
        <v/>
      </c>
      <c r="G1432" s="6" t="str">
        <f>'申請書（複数入力用）'!K1434</f>
        <v>a052r000000jS9ZAAU</v>
      </c>
      <c r="H1432" s="12" t="e">
        <f>'申請書（複数入力用）'!N1434</f>
        <v>#N/A</v>
      </c>
      <c r="I1432" s="12" t="e">
        <f>'申請書（複数入力用）'!O1434</f>
        <v>#N/A</v>
      </c>
      <c r="J1432" s="12">
        <f>'申請書（複数入力用）'!P1434</f>
        <v>1</v>
      </c>
    </row>
    <row r="1433" spans="1:10" ht="51.6" customHeight="1" x14ac:dyDescent="0.45">
      <c r="A1433" s="6">
        <f>'申請書（複数入力用）'!A1435</f>
        <v>1429</v>
      </c>
      <c r="B1433" s="13">
        <f>'申請書（複数入力用）'!AH1435</f>
        <v>0</v>
      </c>
      <c r="C1433" s="6">
        <f>'申請書（複数入力用）'!B1435</f>
        <v>0</v>
      </c>
      <c r="D1433" s="6">
        <f>'申請書（複数入力用）'!D1435</f>
        <v>0</v>
      </c>
      <c r="E1433" s="14">
        <f>'申請書（複数入力用）'!H1435</f>
        <v>0</v>
      </c>
      <c r="F1433" s="11" t="str">
        <f>'申請書（複数入力用）'!J1435</f>
        <v/>
      </c>
      <c r="G1433" s="6" t="str">
        <f>'申請書（複数入力用）'!K1435</f>
        <v>a052r000000jS9ZAAU</v>
      </c>
      <c r="H1433" s="12" t="e">
        <f>'申請書（複数入力用）'!N1435</f>
        <v>#N/A</v>
      </c>
      <c r="I1433" s="12" t="e">
        <f>'申請書（複数入力用）'!O1435</f>
        <v>#N/A</v>
      </c>
      <c r="J1433" s="12">
        <f>'申請書（複数入力用）'!P1435</f>
        <v>1</v>
      </c>
    </row>
    <row r="1434" spans="1:10" ht="51.6" customHeight="1" x14ac:dyDescent="0.45">
      <c r="A1434" s="6">
        <f>'申請書（複数入力用）'!A1436</f>
        <v>1430</v>
      </c>
      <c r="B1434" s="13">
        <f>'申請書（複数入力用）'!AH1436</f>
        <v>0</v>
      </c>
      <c r="C1434" s="6">
        <f>'申請書（複数入力用）'!B1436</f>
        <v>0</v>
      </c>
      <c r="D1434" s="6">
        <f>'申請書（複数入力用）'!D1436</f>
        <v>0</v>
      </c>
      <c r="E1434" s="14">
        <f>'申請書（複数入力用）'!H1436</f>
        <v>0</v>
      </c>
      <c r="F1434" s="11" t="str">
        <f>'申請書（複数入力用）'!J1436</f>
        <v/>
      </c>
      <c r="G1434" s="6" t="str">
        <f>'申請書（複数入力用）'!K1436</f>
        <v>a052r000000jS9ZAAU</v>
      </c>
      <c r="H1434" s="12" t="e">
        <f>'申請書（複数入力用）'!N1436</f>
        <v>#N/A</v>
      </c>
      <c r="I1434" s="12" t="e">
        <f>'申請書（複数入力用）'!O1436</f>
        <v>#N/A</v>
      </c>
      <c r="J1434" s="12">
        <f>'申請書（複数入力用）'!P1436</f>
        <v>1</v>
      </c>
    </row>
    <row r="1435" spans="1:10" ht="51.6" customHeight="1" x14ac:dyDescent="0.45">
      <c r="A1435" s="6">
        <f>'申請書（複数入力用）'!A1437</f>
        <v>1431</v>
      </c>
      <c r="B1435" s="13">
        <f>'申請書（複数入力用）'!AH1437</f>
        <v>0</v>
      </c>
      <c r="C1435" s="6">
        <f>'申請書（複数入力用）'!B1437</f>
        <v>0</v>
      </c>
      <c r="D1435" s="6">
        <f>'申請書（複数入力用）'!D1437</f>
        <v>0</v>
      </c>
      <c r="E1435" s="14">
        <f>'申請書（複数入力用）'!H1437</f>
        <v>0</v>
      </c>
      <c r="F1435" s="11" t="str">
        <f>'申請書（複数入力用）'!J1437</f>
        <v/>
      </c>
      <c r="G1435" s="6" t="str">
        <f>'申請書（複数入力用）'!K1437</f>
        <v>a052r000000jS9ZAAU</v>
      </c>
      <c r="H1435" s="12" t="e">
        <f>'申請書（複数入力用）'!N1437</f>
        <v>#N/A</v>
      </c>
      <c r="I1435" s="12" t="e">
        <f>'申請書（複数入力用）'!O1437</f>
        <v>#N/A</v>
      </c>
      <c r="J1435" s="12">
        <f>'申請書（複数入力用）'!P1437</f>
        <v>1</v>
      </c>
    </row>
    <row r="1436" spans="1:10" ht="51.6" customHeight="1" x14ac:dyDescent="0.45">
      <c r="A1436" s="6">
        <f>'申請書（複数入力用）'!A1438</f>
        <v>1432</v>
      </c>
      <c r="B1436" s="13">
        <f>'申請書（複数入力用）'!AH1438</f>
        <v>0</v>
      </c>
      <c r="C1436" s="6">
        <f>'申請書（複数入力用）'!B1438</f>
        <v>0</v>
      </c>
      <c r="D1436" s="6">
        <f>'申請書（複数入力用）'!D1438</f>
        <v>0</v>
      </c>
      <c r="E1436" s="14">
        <f>'申請書（複数入力用）'!H1438</f>
        <v>0</v>
      </c>
      <c r="F1436" s="11" t="str">
        <f>'申請書（複数入力用）'!J1438</f>
        <v/>
      </c>
      <c r="G1436" s="6" t="str">
        <f>'申請書（複数入力用）'!K1438</f>
        <v>a052r000000jS9ZAAU</v>
      </c>
      <c r="H1436" s="12" t="e">
        <f>'申請書（複数入力用）'!N1438</f>
        <v>#N/A</v>
      </c>
      <c r="I1436" s="12" t="e">
        <f>'申請書（複数入力用）'!O1438</f>
        <v>#N/A</v>
      </c>
      <c r="J1436" s="12">
        <f>'申請書（複数入力用）'!P1438</f>
        <v>1</v>
      </c>
    </row>
    <row r="1437" spans="1:10" ht="51.6" customHeight="1" x14ac:dyDescent="0.45">
      <c r="A1437" s="6">
        <f>'申請書（複数入力用）'!A1439</f>
        <v>1433</v>
      </c>
      <c r="B1437" s="13">
        <f>'申請書（複数入力用）'!AH1439</f>
        <v>0</v>
      </c>
      <c r="C1437" s="6">
        <f>'申請書（複数入力用）'!B1439</f>
        <v>0</v>
      </c>
      <c r="D1437" s="6">
        <f>'申請書（複数入力用）'!D1439</f>
        <v>0</v>
      </c>
      <c r="E1437" s="14">
        <f>'申請書（複数入力用）'!H1439</f>
        <v>0</v>
      </c>
      <c r="F1437" s="11" t="str">
        <f>'申請書（複数入力用）'!J1439</f>
        <v/>
      </c>
      <c r="G1437" s="6" t="str">
        <f>'申請書（複数入力用）'!K1439</f>
        <v>a052r000000jS9ZAAU</v>
      </c>
      <c r="H1437" s="12" t="e">
        <f>'申請書（複数入力用）'!N1439</f>
        <v>#N/A</v>
      </c>
      <c r="I1437" s="12" t="e">
        <f>'申請書（複数入力用）'!O1439</f>
        <v>#N/A</v>
      </c>
      <c r="J1437" s="12">
        <f>'申請書（複数入力用）'!P1439</f>
        <v>1</v>
      </c>
    </row>
    <row r="1438" spans="1:10" ht="51.6" customHeight="1" x14ac:dyDescent="0.45">
      <c r="A1438" s="6">
        <f>'申請書（複数入力用）'!A1440</f>
        <v>1434</v>
      </c>
      <c r="B1438" s="13">
        <f>'申請書（複数入力用）'!AH1440</f>
        <v>0</v>
      </c>
      <c r="C1438" s="6">
        <f>'申請書（複数入力用）'!B1440</f>
        <v>0</v>
      </c>
      <c r="D1438" s="6">
        <f>'申請書（複数入力用）'!D1440</f>
        <v>0</v>
      </c>
      <c r="E1438" s="14">
        <f>'申請書（複数入力用）'!H1440</f>
        <v>0</v>
      </c>
      <c r="F1438" s="11" t="str">
        <f>'申請書（複数入力用）'!J1440</f>
        <v/>
      </c>
      <c r="G1438" s="6" t="str">
        <f>'申請書（複数入力用）'!K1440</f>
        <v>a052r000000jS9ZAAU</v>
      </c>
      <c r="H1438" s="12" t="e">
        <f>'申請書（複数入力用）'!N1440</f>
        <v>#N/A</v>
      </c>
      <c r="I1438" s="12" t="e">
        <f>'申請書（複数入力用）'!O1440</f>
        <v>#N/A</v>
      </c>
      <c r="J1438" s="12">
        <f>'申請書（複数入力用）'!P1440</f>
        <v>1</v>
      </c>
    </row>
    <row r="1439" spans="1:10" ht="51.6" customHeight="1" x14ac:dyDescent="0.45">
      <c r="A1439" s="6">
        <f>'申請書（複数入力用）'!A1441</f>
        <v>1435</v>
      </c>
      <c r="B1439" s="13">
        <f>'申請書（複数入力用）'!AH1441</f>
        <v>0</v>
      </c>
      <c r="C1439" s="6">
        <f>'申請書（複数入力用）'!B1441</f>
        <v>0</v>
      </c>
      <c r="D1439" s="6">
        <f>'申請書（複数入力用）'!D1441</f>
        <v>0</v>
      </c>
      <c r="E1439" s="14">
        <f>'申請書（複数入力用）'!H1441</f>
        <v>0</v>
      </c>
      <c r="F1439" s="11" t="str">
        <f>'申請書（複数入力用）'!J1441</f>
        <v/>
      </c>
      <c r="G1439" s="6" t="str">
        <f>'申請書（複数入力用）'!K1441</f>
        <v>a052r000000jS9ZAAU</v>
      </c>
      <c r="H1439" s="12" t="e">
        <f>'申請書（複数入力用）'!N1441</f>
        <v>#N/A</v>
      </c>
      <c r="I1439" s="12" t="e">
        <f>'申請書（複数入力用）'!O1441</f>
        <v>#N/A</v>
      </c>
      <c r="J1439" s="12">
        <f>'申請書（複数入力用）'!P1441</f>
        <v>1</v>
      </c>
    </row>
    <row r="1440" spans="1:10" ht="51.6" customHeight="1" x14ac:dyDescent="0.45">
      <c r="A1440" s="6">
        <f>'申請書（複数入力用）'!A1442</f>
        <v>1436</v>
      </c>
      <c r="B1440" s="13">
        <f>'申請書（複数入力用）'!AH1442</f>
        <v>0</v>
      </c>
      <c r="C1440" s="6">
        <f>'申請書（複数入力用）'!B1442</f>
        <v>0</v>
      </c>
      <c r="D1440" s="6">
        <f>'申請書（複数入力用）'!D1442</f>
        <v>0</v>
      </c>
      <c r="E1440" s="14">
        <f>'申請書（複数入力用）'!H1442</f>
        <v>0</v>
      </c>
      <c r="F1440" s="11" t="str">
        <f>'申請書（複数入力用）'!J1442</f>
        <v/>
      </c>
      <c r="G1440" s="6" t="str">
        <f>'申請書（複数入力用）'!K1442</f>
        <v>a052r000000jS9ZAAU</v>
      </c>
      <c r="H1440" s="12" t="e">
        <f>'申請書（複数入力用）'!N1442</f>
        <v>#N/A</v>
      </c>
      <c r="I1440" s="12" t="e">
        <f>'申請書（複数入力用）'!O1442</f>
        <v>#N/A</v>
      </c>
      <c r="J1440" s="12">
        <f>'申請書（複数入力用）'!P1442</f>
        <v>1</v>
      </c>
    </row>
    <row r="1441" spans="1:10" ht="51.6" customHeight="1" x14ac:dyDescent="0.45">
      <c r="A1441" s="6">
        <f>'申請書（複数入力用）'!A1443</f>
        <v>1437</v>
      </c>
      <c r="B1441" s="13">
        <f>'申請書（複数入力用）'!AH1443</f>
        <v>0</v>
      </c>
      <c r="C1441" s="6">
        <f>'申請書（複数入力用）'!B1443</f>
        <v>0</v>
      </c>
      <c r="D1441" s="6">
        <f>'申請書（複数入力用）'!D1443</f>
        <v>0</v>
      </c>
      <c r="E1441" s="14">
        <f>'申請書（複数入力用）'!H1443</f>
        <v>0</v>
      </c>
      <c r="F1441" s="11" t="str">
        <f>'申請書（複数入力用）'!J1443</f>
        <v/>
      </c>
      <c r="G1441" s="6" t="str">
        <f>'申請書（複数入力用）'!K1443</f>
        <v>a052r000000jS9ZAAU</v>
      </c>
      <c r="H1441" s="12" t="e">
        <f>'申請書（複数入力用）'!N1443</f>
        <v>#N/A</v>
      </c>
      <c r="I1441" s="12" t="e">
        <f>'申請書（複数入力用）'!O1443</f>
        <v>#N/A</v>
      </c>
      <c r="J1441" s="12">
        <f>'申請書（複数入力用）'!P1443</f>
        <v>1</v>
      </c>
    </row>
    <row r="1442" spans="1:10" ht="51.6" customHeight="1" x14ac:dyDescent="0.45">
      <c r="A1442" s="6">
        <f>'申請書（複数入力用）'!A1444</f>
        <v>1438</v>
      </c>
      <c r="B1442" s="13">
        <f>'申請書（複数入力用）'!AH1444</f>
        <v>0</v>
      </c>
      <c r="C1442" s="6">
        <f>'申請書（複数入力用）'!B1444</f>
        <v>0</v>
      </c>
      <c r="D1442" s="6">
        <f>'申請書（複数入力用）'!D1444</f>
        <v>0</v>
      </c>
      <c r="E1442" s="14">
        <f>'申請書（複数入力用）'!H1444</f>
        <v>0</v>
      </c>
      <c r="F1442" s="11" t="str">
        <f>'申請書（複数入力用）'!J1444</f>
        <v/>
      </c>
      <c r="G1442" s="6" t="str">
        <f>'申請書（複数入力用）'!K1444</f>
        <v>a052r000000jS9ZAAU</v>
      </c>
      <c r="H1442" s="12" t="e">
        <f>'申請書（複数入力用）'!N1444</f>
        <v>#N/A</v>
      </c>
      <c r="I1442" s="12" t="e">
        <f>'申請書（複数入力用）'!O1444</f>
        <v>#N/A</v>
      </c>
      <c r="J1442" s="12">
        <f>'申請書（複数入力用）'!P1444</f>
        <v>1</v>
      </c>
    </row>
    <row r="1443" spans="1:10" ht="51.6" customHeight="1" x14ac:dyDescent="0.45">
      <c r="A1443" s="6">
        <f>'申請書（複数入力用）'!A1445</f>
        <v>1439</v>
      </c>
      <c r="B1443" s="13">
        <f>'申請書（複数入力用）'!AH1445</f>
        <v>0</v>
      </c>
      <c r="C1443" s="6">
        <f>'申請書（複数入力用）'!B1445</f>
        <v>0</v>
      </c>
      <c r="D1443" s="6">
        <f>'申請書（複数入力用）'!D1445</f>
        <v>0</v>
      </c>
      <c r="E1443" s="14">
        <f>'申請書（複数入力用）'!H1445</f>
        <v>0</v>
      </c>
      <c r="F1443" s="11" t="str">
        <f>'申請書（複数入力用）'!J1445</f>
        <v/>
      </c>
      <c r="G1443" s="6" t="str">
        <f>'申請書（複数入力用）'!K1445</f>
        <v>a052r000000jS9ZAAU</v>
      </c>
      <c r="H1443" s="12" t="e">
        <f>'申請書（複数入力用）'!N1445</f>
        <v>#N/A</v>
      </c>
      <c r="I1443" s="12" t="e">
        <f>'申請書（複数入力用）'!O1445</f>
        <v>#N/A</v>
      </c>
      <c r="J1443" s="12">
        <f>'申請書（複数入力用）'!P1445</f>
        <v>1</v>
      </c>
    </row>
    <row r="1444" spans="1:10" ht="51.6" customHeight="1" x14ac:dyDescent="0.45">
      <c r="A1444" s="6">
        <f>'申請書（複数入力用）'!A1446</f>
        <v>1440</v>
      </c>
      <c r="B1444" s="13">
        <f>'申請書（複数入力用）'!AH1446</f>
        <v>0</v>
      </c>
      <c r="C1444" s="6">
        <f>'申請書（複数入力用）'!B1446</f>
        <v>0</v>
      </c>
      <c r="D1444" s="6">
        <f>'申請書（複数入力用）'!D1446</f>
        <v>0</v>
      </c>
      <c r="E1444" s="14">
        <f>'申請書（複数入力用）'!H1446</f>
        <v>0</v>
      </c>
      <c r="F1444" s="11" t="str">
        <f>'申請書（複数入力用）'!J1446</f>
        <v/>
      </c>
      <c r="G1444" s="6" t="str">
        <f>'申請書（複数入力用）'!K1446</f>
        <v>a052r000000jS9ZAAU</v>
      </c>
      <c r="H1444" s="12" t="e">
        <f>'申請書（複数入力用）'!N1446</f>
        <v>#N/A</v>
      </c>
      <c r="I1444" s="12" t="e">
        <f>'申請書（複数入力用）'!O1446</f>
        <v>#N/A</v>
      </c>
      <c r="J1444" s="12">
        <f>'申請書（複数入力用）'!P1446</f>
        <v>1</v>
      </c>
    </row>
    <row r="1445" spans="1:10" ht="51.6" customHeight="1" x14ac:dyDescent="0.45">
      <c r="A1445" s="6">
        <f>'申請書（複数入力用）'!A1447</f>
        <v>1441</v>
      </c>
      <c r="B1445" s="13">
        <f>'申請書（複数入力用）'!AH1447</f>
        <v>0</v>
      </c>
      <c r="C1445" s="6">
        <f>'申請書（複数入力用）'!B1447</f>
        <v>0</v>
      </c>
      <c r="D1445" s="6">
        <f>'申請書（複数入力用）'!D1447</f>
        <v>0</v>
      </c>
      <c r="E1445" s="14">
        <f>'申請書（複数入力用）'!H1447</f>
        <v>0</v>
      </c>
      <c r="F1445" s="11" t="str">
        <f>'申請書（複数入力用）'!J1447</f>
        <v/>
      </c>
      <c r="G1445" s="6" t="str">
        <f>'申請書（複数入力用）'!K1447</f>
        <v>a052r000000jS9ZAAU</v>
      </c>
      <c r="H1445" s="12" t="e">
        <f>'申請書（複数入力用）'!N1447</f>
        <v>#N/A</v>
      </c>
      <c r="I1445" s="12" t="e">
        <f>'申請書（複数入力用）'!O1447</f>
        <v>#N/A</v>
      </c>
      <c r="J1445" s="12">
        <f>'申請書（複数入力用）'!P1447</f>
        <v>1</v>
      </c>
    </row>
    <row r="1446" spans="1:10" ht="51.6" customHeight="1" x14ac:dyDescent="0.45">
      <c r="A1446" s="6">
        <f>'申請書（複数入力用）'!A1448</f>
        <v>1442</v>
      </c>
      <c r="B1446" s="13">
        <f>'申請書（複数入力用）'!AH1448</f>
        <v>0</v>
      </c>
      <c r="C1446" s="6">
        <f>'申請書（複数入力用）'!B1448</f>
        <v>0</v>
      </c>
      <c r="D1446" s="6">
        <f>'申請書（複数入力用）'!D1448</f>
        <v>0</v>
      </c>
      <c r="E1446" s="14">
        <f>'申請書（複数入力用）'!H1448</f>
        <v>0</v>
      </c>
      <c r="F1446" s="11" t="str">
        <f>'申請書（複数入力用）'!J1448</f>
        <v/>
      </c>
      <c r="G1446" s="6" t="str">
        <f>'申請書（複数入力用）'!K1448</f>
        <v>a052r000000jS9ZAAU</v>
      </c>
      <c r="H1446" s="12" t="e">
        <f>'申請書（複数入力用）'!N1448</f>
        <v>#N/A</v>
      </c>
      <c r="I1446" s="12" t="e">
        <f>'申請書（複数入力用）'!O1448</f>
        <v>#N/A</v>
      </c>
      <c r="J1446" s="12">
        <f>'申請書（複数入力用）'!P1448</f>
        <v>1</v>
      </c>
    </row>
    <row r="1447" spans="1:10" ht="51.6" customHeight="1" x14ac:dyDescent="0.45">
      <c r="A1447" s="6">
        <f>'申請書（複数入力用）'!A1449</f>
        <v>1443</v>
      </c>
      <c r="B1447" s="13">
        <f>'申請書（複数入力用）'!AH1449</f>
        <v>0</v>
      </c>
      <c r="C1447" s="6">
        <f>'申請書（複数入力用）'!B1449</f>
        <v>0</v>
      </c>
      <c r="D1447" s="6">
        <f>'申請書（複数入力用）'!D1449</f>
        <v>0</v>
      </c>
      <c r="E1447" s="14">
        <f>'申請書（複数入力用）'!H1449</f>
        <v>0</v>
      </c>
      <c r="F1447" s="11" t="str">
        <f>'申請書（複数入力用）'!J1449</f>
        <v/>
      </c>
      <c r="G1447" s="6" t="str">
        <f>'申請書（複数入力用）'!K1449</f>
        <v>a052r000000jS9ZAAU</v>
      </c>
      <c r="H1447" s="12" t="e">
        <f>'申請書（複数入力用）'!N1449</f>
        <v>#N/A</v>
      </c>
      <c r="I1447" s="12" t="e">
        <f>'申請書（複数入力用）'!O1449</f>
        <v>#N/A</v>
      </c>
      <c r="J1447" s="12">
        <f>'申請書（複数入力用）'!P1449</f>
        <v>1</v>
      </c>
    </row>
    <row r="1448" spans="1:10" ht="51.6" customHeight="1" x14ac:dyDescent="0.45">
      <c r="A1448" s="6">
        <f>'申請書（複数入力用）'!A1450</f>
        <v>1444</v>
      </c>
      <c r="B1448" s="13">
        <f>'申請書（複数入力用）'!AH1450</f>
        <v>0</v>
      </c>
      <c r="C1448" s="6">
        <f>'申請書（複数入力用）'!B1450</f>
        <v>0</v>
      </c>
      <c r="D1448" s="6">
        <f>'申請書（複数入力用）'!D1450</f>
        <v>0</v>
      </c>
      <c r="E1448" s="14">
        <f>'申請書（複数入力用）'!H1450</f>
        <v>0</v>
      </c>
      <c r="F1448" s="11" t="str">
        <f>'申請書（複数入力用）'!J1450</f>
        <v/>
      </c>
      <c r="G1448" s="6" t="str">
        <f>'申請書（複数入力用）'!K1450</f>
        <v>a052r000000jS9ZAAU</v>
      </c>
      <c r="H1448" s="12" t="e">
        <f>'申請書（複数入力用）'!N1450</f>
        <v>#N/A</v>
      </c>
      <c r="I1448" s="12" t="e">
        <f>'申請書（複数入力用）'!O1450</f>
        <v>#N/A</v>
      </c>
      <c r="J1448" s="12">
        <f>'申請書（複数入力用）'!P1450</f>
        <v>1</v>
      </c>
    </row>
    <row r="1449" spans="1:10" ht="51.6" customHeight="1" x14ac:dyDescent="0.45">
      <c r="A1449" s="6">
        <f>'申請書（複数入力用）'!A1451</f>
        <v>1445</v>
      </c>
      <c r="B1449" s="13">
        <f>'申請書（複数入力用）'!AH1451</f>
        <v>0</v>
      </c>
      <c r="C1449" s="6">
        <f>'申請書（複数入力用）'!B1451</f>
        <v>0</v>
      </c>
      <c r="D1449" s="6">
        <f>'申請書（複数入力用）'!D1451</f>
        <v>0</v>
      </c>
      <c r="E1449" s="14">
        <f>'申請書（複数入力用）'!H1451</f>
        <v>0</v>
      </c>
      <c r="F1449" s="11" t="str">
        <f>'申請書（複数入力用）'!J1451</f>
        <v/>
      </c>
      <c r="G1449" s="6" t="str">
        <f>'申請書（複数入力用）'!K1451</f>
        <v>a052r000000jS9ZAAU</v>
      </c>
      <c r="H1449" s="12" t="e">
        <f>'申請書（複数入力用）'!N1451</f>
        <v>#N/A</v>
      </c>
      <c r="I1449" s="12" t="e">
        <f>'申請書（複数入力用）'!O1451</f>
        <v>#N/A</v>
      </c>
      <c r="J1449" s="12">
        <f>'申請書（複数入力用）'!P1451</f>
        <v>1</v>
      </c>
    </row>
    <row r="1450" spans="1:10" ht="51.6" customHeight="1" x14ac:dyDescent="0.45">
      <c r="A1450" s="6">
        <f>'申請書（複数入力用）'!A1452</f>
        <v>1446</v>
      </c>
      <c r="B1450" s="13">
        <f>'申請書（複数入力用）'!AH1452</f>
        <v>0</v>
      </c>
      <c r="C1450" s="6">
        <f>'申請書（複数入力用）'!B1452</f>
        <v>0</v>
      </c>
      <c r="D1450" s="6">
        <f>'申請書（複数入力用）'!D1452</f>
        <v>0</v>
      </c>
      <c r="E1450" s="14">
        <f>'申請書（複数入力用）'!H1452</f>
        <v>0</v>
      </c>
      <c r="F1450" s="11" t="str">
        <f>'申請書（複数入力用）'!J1452</f>
        <v/>
      </c>
      <c r="G1450" s="6" t="str">
        <f>'申請書（複数入力用）'!K1452</f>
        <v>a052r000000jS9ZAAU</v>
      </c>
      <c r="H1450" s="12" t="e">
        <f>'申請書（複数入力用）'!N1452</f>
        <v>#N/A</v>
      </c>
      <c r="I1450" s="12" t="e">
        <f>'申請書（複数入力用）'!O1452</f>
        <v>#N/A</v>
      </c>
      <c r="J1450" s="12">
        <f>'申請書（複数入力用）'!P1452</f>
        <v>1</v>
      </c>
    </row>
    <row r="1451" spans="1:10" ht="51.6" customHeight="1" x14ac:dyDescent="0.45">
      <c r="A1451" s="6">
        <f>'申請書（複数入力用）'!A1453</f>
        <v>1447</v>
      </c>
      <c r="B1451" s="13">
        <f>'申請書（複数入力用）'!AH1453</f>
        <v>0</v>
      </c>
      <c r="C1451" s="6">
        <f>'申請書（複数入力用）'!B1453</f>
        <v>0</v>
      </c>
      <c r="D1451" s="6">
        <f>'申請書（複数入力用）'!D1453</f>
        <v>0</v>
      </c>
      <c r="E1451" s="14">
        <f>'申請書（複数入力用）'!H1453</f>
        <v>0</v>
      </c>
      <c r="F1451" s="11" t="str">
        <f>'申請書（複数入力用）'!J1453</f>
        <v/>
      </c>
      <c r="G1451" s="6" t="str">
        <f>'申請書（複数入力用）'!K1453</f>
        <v>a052r000000jS9ZAAU</v>
      </c>
      <c r="H1451" s="12" t="e">
        <f>'申請書（複数入力用）'!N1453</f>
        <v>#N/A</v>
      </c>
      <c r="I1451" s="12" t="e">
        <f>'申請書（複数入力用）'!O1453</f>
        <v>#N/A</v>
      </c>
      <c r="J1451" s="12">
        <f>'申請書（複数入力用）'!P1453</f>
        <v>1</v>
      </c>
    </row>
    <row r="1452" spans="1:10" ht="51.6" customHeight="1" x14ac:dyDescent="0.45">
      <c r="A1452" s="6">
        <f>'申請書（複数入力用）'!A1454</f>
        <v>1448</v>
      </c>
      <c r="B1452" s="13">
        <f>'申請書（複数入力用）'!AH1454</f>
        <v>0</v>
      </c>
      <c r="C1452" s="6">
        <f>'申請書（複数入力用）'!B1454</f>
        <v>0</v>
      </c>
      <c r="D1452" s="6">
        <f>'申請書（複数入力用）'!D1454</f>
        <v>0</v>
      </c>
      <c r="E1452" s="14">
        <f>'申請書（複数入力用）'!H1454</f>
        <v>0</v>
      </c>
      <c r="F1452" s="11" t="str">
        <f>'申請書（複数入力用）'!J1454</f>
        <v/>
      </c>
      <c r="G1452" s="6" t="str">
        <f>'申請書（複数入力用）'!K1454</f>
        <v>a052r000000jS9ZAAU</v>
      </c>
      <c r="H1452" s="12" t="e">
        <f>'申請書（複数入力用）'!N1454</f>
        <v>#N/A</v>
      </c>
      <c r="I1452" s="12" t="e">
        <f>'申請書（複数入力用）'!O1454</f>
        <v>#N/A</v>
      </c>
      <c r="J1452" s="12">
        <f>'申請書（複数入力用）'!P1454</f>
        <v>1</v>
      </c>
    </row>
    <row r="1453" spans="1:10" ht="51.6" customHeight="1" x14ac:dyDescent="0.45">
      <c r="A1453" s="6">
        <f>'申請書（複数入力用）'!A1455</f>
        <v>1449</v>
      </c>
      <c r="B1453" s="13">
        <f>'申請書（複数入力用）'!AH1455</f>
        <v>0</v>
      </c>
      <c r="C1453" s="6">
        <f>'申請書（複数入力用）'!B1455</f>
        <v>0</v>
      </c>
      <c r="D1453" s="6">
        <f>'申請書（複数入力用）'!D1455</f>
        <v>0</v>
      </c>
      <c r="E1453" s="14">
        <f>'申請書（複数入力用）'!H1455</f>
        <v>0</v>
      </c>
      <c r="F1453" s="11" t="str">
        <f>'申請書（複数入力用）'!J1455</f>
        <v/>
      </c>
      <c r="G1453" s="6" t="str">
        <f>'申請書（複数入力用）'!K1455</f>
        <v>a052r000000jS9ZAAU</v>
      </c>
      <c r="H1453" s="12" t="e">
        <f>'申請書（複数入力用）'!N1455</f>
        <v>#N/A</v>
      </c>
      <c r="I1453" s="12" t="e">
        <f>'申請書（複数入力用）'!O1455</f>
        <v>#N/A</v>
      </c>
      <c r="J1453" s="12">
        <f>'申請書（複数入力用）'!P1455</f>
        <v>1</v>
      </c>
    </row>
    <row r="1454" spans="1:10" ht="51.6" customHeight="1" x14ac:dyDescent="0.45">
      <c r="A1454" s="6">
        <f>'申請書（複数入力用）'!A1456</f>
        <v>1450</v>
      </c>
      <c r="B1454" s="13">
        <f>'申請書（複数入力用）'!AH1456</f>
        <v>0</v>
      </c>
      <c r="C1454" s="6">
        <f>'申請書（複数入力用）'!B1456</f>
        <v>0</v>
      </c>
      <c r="D1454" s="6">
        <f>'申請書（複数入力用）'!D1456</f>
        <v>0</v>
      </c>
      <c r="E1454" s="14">
        <f>'申請書（複数入力用）'!H1456</f>
        <v>0</v>
      </c>
      <c r="F1454" s="11" t="str">
        <f>'申請書（複数入力用）'!J1456</f>
        <v/>
      </c>
      <c r="G1454" s="6" t="str">
        <f>'申請書（複数入力用）'!K1456</f>
        <v>a052r000000jS9ZAAU</v>
      </c>
      <c r="H1454" s="12" t="e">
        <f>'申請書（複数入力用）'!N1456</f>
        <v>#N/A</v>
      </c>
      <c r="I1454" s="12" t="e">
        <f>'申請書（複数入力用）'!O1456</f>
        <v>#N/A</v>
      </c>
      <c r="J1454" s="12">
        <f>'申請書（複数入力用）'!P1456</f>
        <v>1</v>
      </c>
    </row>
    <row r="1455" spans="1:10" ht="51.6" customHeight="1" x14ac:dyDescent="0.45">
      <c r="A1455" s="6">
        <f>'申請書（複数入力用）'!A1457</f>
        <v>1451</v>
      </c>
      <c r="B1455" s="13">
        <f>'申請書（複数入力用）'!AH1457</f>
        <v>0</v>
      </c>
      <c r="C1455" s="6">
        <f>'申請書（複数入力用）'!B1457</f>
        <v>0</v>
      </c>
      <c r="D1455" s="6">
        <f>'申請書（複数入力用）'!D1457</f>
        <v>0</v>
      </c>
      <c r="E1455" s="14">
        <f>'申請書（複数入力用）'!H1457</f>
        <v>0</v>
      </c>
      <c r="F1455" s="11" t="str">
        <f>'申請書（複数入力用）'!J1457</f>
        <v/>
      </c>
      <c r="G1455" s="6" t="str">
        <f>'申請書（複数入力用）'!K1457</f>
        <v>a052r000000jS9ZAAU</v>
      </c>
      <c r="H1455" s="12" t="e">
        <f>'申請書（複数入力用）'!N1457</f>
        <v>#N/A</v>
      </c>
      <c r="I1455" s="12" t="e">
        <f>'申請書（複数入力用）'!O1457</f>
        <v>#N/A</v>
      </c>
      <c r="J1455" s="12">
        <f>'申請書（複数入力用）'!P1457</f>
        <v>1</v>
      </c>
    </row>
    <row r="1456" spans="1:10" ht="51.6" customHeight="1" x14ac:dyDescent="0.45">
      <c r="A1456" s="6">
        <f>'申請書（複数入力用）'!A1458</f>
        <v>1452</v>
      </c>
      <c r="B1456" s="13">
        <f>'申請書（複数入力用）'!AH1458</f>
        <v>0</v>
      </c>
      <c r="C1456" s="6">
        <f>'申請書（複数入力用）'!B1458</f>
        <v>0</v>
      </c>
      <c r="D1456" s="6">
        <f>'申請書（複数入力用）'!D1458</f>
        <v>0</v>
      </c>
      <c r="E1456" s="14">
        <f>'申請書（複数入力用）'!H1458</f>
        <v>0</v>
      </c>
      <c r="F1456" s="11" t="str">
        <f>'申請書（複数入力用）'!J1458</f>
        <v/>
      </c>
      <c r="G1456" s="6" t="str">
        <f>'申請書（複数入力用）'!K1458</f>
        <v>a052r000000jS9ZAAU</v>
      </c>
      <c r="H1456" s="12" t="e">
        <f>'申請書（複数入力用）'!N1458</f>
        <v>#N/A</v>
      </c>
      <c r="I1456" s="12" t="e">
        <f>'申請書（複数入力用）'!O1458</f>
        <v>#N/A</v>
      </c>
      <c r="J1456" s="12">
        <f>'申請書（複数入力用）'!P1458</f>
        <v>1</v>
      </c>
    </row>
    <row r="1457" spans="1:10" ht="51.6" customHeight="1" x14ac:dyDescent="0.45">
      <c r="A1457" s="6">
        <f>'申請書（複数入力用）'!A1459</f>
        <v>1453</v>
      </c>
      <c r="B1457" s="13">
        <f>'申請書（複数入力用）'!AH1459</f>
        <v>0</v>
      </c>
      <c r="C1457" s="6">
        <f>'申請書（複数入力用）'!B1459</f>
        <v>0</v>
      </c>
      <c r="D1457" s="6">
        <f>'申請書（複数入力用）'!D1459</f>
        <v>0</v>
      </c>
      <c r="E1457" s="14">
        <f>'申請書（複数入力用）'!H1459</f>
        <v>0</v>
      </c>
      <c r="F1457" s="11" t="str">
        <f>'申請書（複数入力用）'!J1459</f>
        <v/>
      </c>
      <c r="G1457" s="6" t="str">
        <f>'申請書（複数入力用）'!K1459</f>
        <v>a052r000000jS9ZAAU</v>
      </c>
      <c r="H1457" s="12" t="e">
        <f>'申請書（複数入力用）'!N1459</f>
        <v>#N/A</v>
      </c>
      <c r="I1457" s="12" t="e">
        <f>'申請書（複数入力用）'!O1459</f>
        <v>#N/A</v>
      </c>
      <c r="J1457" s="12">
        <f>'申請書（複数入力用）'!P1459</f>
        <v>1</v>
      </c>
    </row>
    <row r="1458" spans="1:10" ht="51.6" customHeight="1" x14ac:dyDescent="0.45">
      <c r="A1458" s="6">
        <f>'申請書（複数入力用）'!A1460</f>
        <v>1454</v>
      </c>
      <c r="B1458" s="13">
        <f>'申請書（複数入力用）'!AH1460</f>
        <v>0</v>
      </c>
      <c r="C1458" s="6">
        <f>'申請書（複数入力用）'!B1460</f>
        <v>0</v>
      </c>
      <c r="D1458" s="6">
        <f>'申請書（複数入力用）'!D1460</f>
        <v>0</v>
      </c>
      <c r="E1458" s="14">
        <f>'申請書（複数入力用）'!H1460</f>
        <v>0</v>
      </c>
      <c r="F1458" s="11" t="str">
        <f>'申請書（複数入力用）'!J1460</f>
        <v/>
      </c>
      <c r="G1458" s="6" t="str">
        <f>'申請書（複数入力用）'!K1460</f>
        <v>a052r000000jS9ZAAU</v>
      </c>
      <c r="H1458" s="12" t="e">
        <f>'申請書（複数入力用）'!N1460</f>
        <v>#N/A</v>
      </c>
      <c r="I1458" s="12" t="e">
        <f>'申請書（複数入力用）'!O1460</f>
        <v>#N/A</v>
      </c>
      <c r="J1458" s="12">
        <f>'申請書（複数入力用）'!P1460</f>
        <v>1</v>
      </c>
    </row>
    <row r="1459" spans="1:10" ht="51.6" customHeight="1" x14ac:dyDescent="0.45">
      <c r="A1459" s="6">
        <f>'申請書（複数入力用）'!A1461</f>
        <v>1455</v>
      </c>
      <c r="B1459" s="13">
        <f>'申請書（複数入力用）'!AH1461</f>
        <v>0</v>
      </c>
      <c r="C1459" s="6">
        <f>'申請書（複数入力用）'!B1461</f>
        <v>0</v>
      </c>
      <c r="D1459" s="6">
        <f>'申請書（複数入力用）'!D1461</f>
        <v>0</v>
      </c>
      <c r="E1459" s="14">
        <f>'申請書（複数入力用）'!H1461</f>
        <v>0</v>
      </c>
      <c r="F1459" s="11" t="str">
        <f>'申請書（複数入力用）'!J1461</f>
        <v/>
      </c>
      <c r="G1459" s="6" t="str">
        <f>'申請書（複数入力用）'!K1461</f>
        <v>a052r000000jS9ZAAU</v>
      </c>
      <c r="H1459" s="12" t="e">
        <f>'申請書（複数入力用）'!N1461</f>
        <v>#N/A</v>
      </c>
      <c r="I1459" s="12" t="e">
        <f>'申請書（複数入力用）'!O1461</f>
        <v>#N/A</v>
      </c>
      <c r="J1459" s="12">
        <f>'申請書（複数入力用）'!P1461</f>
        <v>1</v>
      </c>
    </row>
    <row r="1460" spans="1:10" ht="51.6" customHeight="1" x14ac:dyDescent="0.45">
      <c r="A1460" s="6">
        <f>'申請書（複数入力用）'!A1462</f>
        <v>1456</v>
      </c>
      <c r="B1460" s="13">
        <f>'申請書（複数入力用）'!AH1462</f>
        <v>0</v>
      </c>
      <c r="C1460" s="6">
        <f>'申請書（複数入力用）'!B1462</f>
        <v>0</v>
      </c>
      <c r="D1460" s="6">
        <f>'申請書（複数入力用）'!D1462</f>
        <v>0</v>
      </c>
      <c r="E1460" s="14">
        <f>'申請書（複数入力用）'!H1462</f>
        <v>0</v>
      </c>
      <c r="F1460" s="11" t="str">
        <f>'申請書（複数入力用）'!J1462</f>
        <v/>
      </c>
      <c r="G1460" s="6" t="str">
        <f>'申請書（複数入力用）'!K1462</f>
        <v>a052r000000jS9ZAAU</v>
      </c>
      <c r="H1460" s="12" t="e">
        <f>'申請書（複数入力用）'!N1462</f>
        <v>#N/A</v>
      </c>
      <c r="I1460" s="12" t="e">
        <f>'申請書（複数入力用）'!O1462</f>
        <v>#N/A</v>
      </c>
      <c r="J1460" s="12">
        <f>'申請書（複数入力用）'!P1462</f>
        <v>1</v>
      </c>
    </row>
    <row r="1461" spans="1:10" ht="51.6" customHeight="1" x14ac:dyDescent="0.45">
      <c r="A1461" s="6">
        <f>'申請書（複数入力用）'!A1463</f>
        <v>1457</v>
      </c>
      <c r="B1461" s="13">
        <f>'申請書（複数入力用）'!AH1463</f>
        <v>0</v>
      </c>
      <c r="C1461" s="6">
        <f>'申請書（複数入力用）'!B1463</f>
        <v>0</v>
      </c>
      <c r="D1461" s="6">
        <f>'申請書（複数入力用）'!D1463</f>
        <v>0</v>
      </c>
      <c r="E1461" s="14">
        <f>'申請書（複数入力用）'!H1463</f>
        <v>0</v>
      </c>
      <c r="F1461" s="11" t="str">
        <f>'申請書（複数入力用）'!J1463</f>
        <v/>
      </c>
      <c r="G1461" s="6" t="str">
        <f>'申請書（複数入力用）'!K1463</f>
        <v>a052r000000jS9ZAAU</v>
      </c>
      <c r="H1461" s="12" t="e">
        <f>'申請書（複数入力用）'!N1463</f>
        <v>#N/A</v>
      </c>
      <c r="I1461" s="12" t="e">
        <f>'申請書（複数入力用）'!O1463</f>
        <v>#N/A</v>
      </c>
      <c r="J1461" s="12">
        <f>'申請書（複数入力用）'!P1463</f>
        <v>1</v>
      </c>
    </row>
    <row r="1462" spans="1:10" ht="51.6" customHeight="1" x14ac:dyDescent="0.45">
      <c r="A1462" s="6">
        <f>'申請書（複数入力用）'!A1464</f>
        <v>1458</v>
      </c>
      <c r="B1462" s="13">
        <f>'申請書（複数入力用）'!AH1464</f>
        <v>0</v>
      </c>
      <c r="C1462" s="6">
        <f>'申請書（複数入力用）'!B1464</f>
        <v>0</v>
      </c>
      <c r="D1462" s="6">
        <f>'申請書（複数入力用）'!D1464</f>
        <v>0</v>
      </c>
      <c r="E1462" s="14">
        <f>'申請書（複数入力用）'!H1464</f>
        <v>0</v>
      </c>
      <c r="F1462" s="11" t="str">
        <f>'申請書（複数入力用）'!J1464</f>
        <v/>
      </c>
      <c r="G1462" s="6" t="str">
        <f>'申請書（複数入力用）'!K1464</f>
        <v>a052r000000jS9ZAAU</v>
      </c>
      <c r="H1462" s="12" t="e">
        <f>'申請書（複数入力用）'!N1464</f>
        <v>#N/A</v>
      </c>
      <c r="I1462" s="12" t="e">
        <f>'申請書（複数入力用）'!O1464</f>
        <v>#N/A</v>
      </c>
      <c r="J1462" s="12">
        <f>'申請書（複数入力用）'!P1464</f>
        <v>1</v>
      </c>
    </row>
    <row r="1463" spans="1:10" ht="51.6" customHeight="1" x14ac:dyDescent="0.45">
      <c r="A1463" s="6">
        <f>'申請書（複数入力用）'!A1465</f>
        <v>1459</v>
      </c>
      <c r="B1463" s="13">
        <f>'申請書（複数入力用）'!AH1465</f>
        <v>0</v>
      </c>
      <c r="C1463" s="6">
        <f>'申請書（複数入力用）'!B1465</f>
        <v>0</v>
      </c>
      <c r="D1463" s="6">
        <f>'申請書（複数入力用）'!D1465</f>
        <v>0</v>
      </c>
      <c r="E1463" s="14">
        <f>'申請書（複数入力用）'!H1465</f>
        <v>0</v>
      </c>
      <c r="F1463" s="11" t="str">
        <f>'申請書（複数入力用）'!J1465</f>
        <v/>
      </c>
      <c r="G1463" s="6" t="str">
        <f>'申請書（複数入力用）'!K1465</f>
        <v>a052r000000jS9ZAAU</v>
      </c>
      <c r="H1463" s="12" t="e">
        <f>'申請書（複数入力用）'!N1465</f>
        <v>#N/A</v>
      </c>
      <c r="I1463" s="12" t="e">
        <f>'申請書（複数入力用）'!O1465</f>
        <v>#N/A</v>
      </c>
      <c r="J1463" s="12">
        <f>'申請書（複数入力用）'!P1465</f>
        <v>1</v>
      </c>
    </row>
    <row r="1464" spans="1:10" ht="51.6" customHeight="1" x14ac:dyDescent="0.45">
      <c r="A1464" s="6">
        <f>'申請書（複数入力用）'!A1466</f>
        <v>1460</v>
      </c>
      <c r="B1464" s="13">
        <f>'申請書（複数入力用）'!AH1466</f>
        <v>0</v>
      </c>
      <c r="C1464" s="6">
        <f>'申請書（複数入力用）'!B1466</f>
        <v>0</v>
      </c>
      <c r="D1464" s="6">
        <f>'申請書（複数入力用）'!D1466</f>
        <v>0</v>
      </c>
      <c r="E1464" s="14">
        <f>'申請書（複数入力用）'!H1466</f>
        <v>0</v>
      </c>
      <c r="F1464" s="11" t="str">
        <f>'申請書（複数入力用）'!J1466</f>
        <v/>
      </c>
      <c r="G1464" s="6" t="str">
        <f>'申請書（複数入力用）'!K1466</f>
        <v>a052r000000jS9ZAAU</v>
      </c>
      <c r="H1464" s="12" t="e">
        <f>'申請書（複数入力用）'!N1466</f>
        <v>#N/A</v>
      </c>
      <c r="I1464" s="12" t="e">
        <f>'申請書（複数入力用）'!O1466</f>
        <v>#N/A</v>
      </c>
      <c r="J1464" s="12">
        <f>'申請書（複数入力用）'!P1466</f>
        <v>1</v>
      </c>
    </row>
    <row r="1465" spans="1:10" ht="51.6" customHeight="1" x14ac:dyDescent="0.45">
      <c r="A1465" s="6">
        <f>'申請書（複数入力用）'!A1467</f>
        <v>1461</v>
      </c>
      <c r="B1465" s="13">
        <f>'申請書（複数入力用）'!AH1467</f>
        <v>0</v>
      </c>
      <c r="C1465" s="6">
        <f>'申請書（複数入力用）'!B1467</f>
        <v>0</v>
      </c>
      <c r="D1465" s="6">
        <f>'申請書（複数入力用）'!D1467</f>
        <v>0</v>
      </c>
      <c r="E1465" s="14">
        <f>'申請書（複数入力用）'!H1467</f>
        <v>0</v>
      </c>
      <c r="F1465" s="11" t="str">
        <f>'申請書（複数入力用）'!J1467</f>
        <v/>
      </c>
      <c r="G1465" s="6" t="str">
        <f>'申請書（複数入力用）'!K1467</f>
        <v>a052r000000jS9ZAAU</v>
      </c>
      <c r="H1465" s="12" t="e">
        <f>'申請書（複数入力用）'!N1467</f>
        <v>#N/A</v>
      </c>
      <c r="I1465" s="12" t="e">
        <f>'申請書（複数入力用）'!O1467</f>
        <v>#N/A</v>
      </c>
      <c r="J1465" s="12">
        <f>'申請書（複数入力用）'!P1467</f>
        <v>1</v>
      </c>
    </row>
    <row r="1466" spans="1:10" ht="51.6" customHeight="1" x14ac:dyDescent="0.45">
      <c r="A1466" s="6">
        <f>'申請書（複数入力用）'!A1468</f>
        <v>1462</v>
      </c>
      <c r="B1466" s="13">
        <f>'申請書（複数入力用）'!AH1468</f>
        <v>0</v>
      </c>
      <c r="C1466" s="6">
        <f>'申請書（複数入力用）'!B1468</f>
        <v>0</v>
      </c>
      <c r="D1466" s="6">
        <f>'申請書（複数入力用）'!D1468</f>
        <v>0</v>
      </c>
      <c r="E1466" s="14">
        <f>'申請書（複数入力用）'!H1468</f>
        <v>0</v>
      </c>
      <c r="F1466" s="11" t="str">
        <f>'申請書（複数入力用）'!J1468</f>
        <v/>
      </c>
      <c r="G1466" s="6" t="str">
        <f>'申請書（複数入力用）'!K1468</f>
        <v>a052r000000jS9ZAAU</v>
      </c>
      <c r="H1466" s="12" t="e">
        <f>'申請書（複数入力用）'!N1468</f>
        <v>#N/A</v>
      </c>
      <c r="I1466" s="12" t="e">
        <f>'申請書（複数入力用）'!O1468</f>
        <v>#N/A</v>
      </c>
      <c r="J1466" s="12">
        <f>'申請書（複数入力用）'!P1468</f>
        <v>1</v>
      </c>
    </row>
    <row r="1467" spans="1:10" ht="51.6" customHeight="1" x14ac:dyDescent="0.45">
      <c r="A1467" s="6">
        <f>'申請書（複数入力用）'!A1469</f>
        <v>1463</v>
      </c>
      <c r="B1467" s="13">
        <f>'申請書（複数入力用）'!AH1469</f>
        <v>0</v>
      </c>
      <c r="C1467" s="6">
        <f>'申請書（複数入力用）'!B1469</f>
        <v>0</v>
      </c>
      <c r="D1467" s="6">
        <f>'申請書（複数入力用）'!D1469</f>
        <v>0</v>
      </c>
      <c r="E1467" s="14">
        <f>'申請書（複数入力用）'!H1469</f>
        <v>0</v>
      </c>
      <c r="F1467" s="11" t="str">
        <f>'申請書（複数入力用）'!J1469</f>
        <v/>
      </c>
      <c r="G1467" s="6" t="str">
        <f>'申請書（複数入力用）'!K1469</f>
        <v>a052r000000jS9ZAAU</v>
      </c>
      <c r="H1467" s="12" t="e">
        <f>'申請書（複数入力用）'!N1469</f>
        <v>#N/A</v>
      </c>
      <c r="I1467" s="12" t="e">
        <f>'申請書（複数入力用）'!O1469</f>
        <v>#N/A</v>
      </c>
      <c r="J1467" s="12">
        <f>'申請書（複数入力用）'!P1469</f>
        <v>1</v>
      </c>
    </row>
    <row r="1468" spans="1:10" ht="51.6" customHeight="1" x14ac:dyDescent="0.45">
      <c r="A1468" s="6">
        <f>'申請書（複数入力用）'!A1470</f>
        <v>1464</v>
      </c>
      <c r="B1468" s="13">
        <f>'申請書（複数入力用）'!AH1470</f>
        <v>0</v>
      </c>
      <c r="C1468" s="6">
        <f>'申請書（複数入力用）'!B1470</f>
        <v>0</v>
      </c>
      <c r="D1468" s="6">
        <f>'申請書（複数入力用）'!D1470</f>
        <v>0</v>
      </c>
      <c r="E1468" s="14">
        <f>'申請書（複数入力用）'!H1470</f>
        <v>0</v>
      </c>
      <c r="F1468" s="11" t="str">
        <f>'申請書（複数入力用）'!J1470</f>
        <v/>
      </c>
      <c r="G1468" s="6" t="str">
        <f>'申請書（複数入力用）'!K1470</f>
        <v>a052r000000jS9ZAAU</v>
      </c>
      <c r="H1468" s="12" t="e">
        <f>'申請書（複数入力用）'!N1470</f>
        <v>#N/A</v>
      </c>
      <c r="I1468" s="12" t="e">
        <f>'申請書（複数入力用）'!O1470</f>
        <v>#N/A</v>
      </c>
      <c r="J1468" s="12">
        <f>'申請書（複数入力用）'!P1470</f>
        <v>1</v>
      </c>
    </row>
    <row r="1469" spans="1:10" ht="51.6" customHeight="1" x14ac:dyDescent="0.45">
      <c r="A1469" s="6">
        <f>'申請書（複数入力用）'!A1471</f>
        <v>1465</v>
      </c>
      <c r="B1469" s="13">
        <f>'申請書（複数入力用）'!AH1471</f>
        <v>0</v>
      </c>
      <c r="C1469" s="6">
        <f>'申請書（複数入力用）'!B1471</f>
        <v>0</v>
      </c>
      <c r="D1469" s="6">
        <f>'申請書（複数入力用）'!D1471</f>
        <v>0</v>
      </c>
      <c r="E1469" s="14">
        <f>'申請書（複数入力用）'!H1471</f>
        <v>0</v>
      </c>
      <c r="F1469" s="11" t="str">
        <f>'申請書（複数入力用）'!J1471</f>
        <v/>
      </c>
      <c r="G1469" s="6" t="str">
        <f>'申請書（複数入力用）'!K1471</f>
        <v>a052r000000jS9ZAAU</v>
      </c>
      <c r="H1469" s="12" t="e">
        <f>'申請書（複数入力用）'!N1471</f>
        <v>#N/A</v>
      </c>
      <c r="I1469" s="12" t="e">
        <f>'申請書（複数入力用）'!O1471</f>
        <v>#N/A</v>
      </c>
      <c r="J1469" s="12">
        <f>'申請書（複数入力用）'!P1471</f>
        <v>1</v>
      </c>
    </row>
    <row r="1470" spans="1:10" ht="51.6" customHeight="1" x14ac:dyDescent="0.45">
      <c r="A1470" s="6">
        <f>'申請書（複数入力用）'!A1472</f>
        <v>1466</v>
      </c>
      <c r="B1470" s="13">
        <f>'申請書（複数入力用）'!AH1472</f>
        <v>0</v>
      </c>
      <c r="C1470" s="6">
        <f>'申請書（複数入力用）'!B1472</f>
        <v>0</v>
      </c>
      <c r="D1470" s="6">
        <f>'申請書（複数入力用）'!D1472</f>
        <v>0</v>
      </c>
      <c r="E1470" s="14">
        <f>'申請書（複数入力用）'!H1472</f>
        <v>0</v>
      </c>
      <c r="F1470" s="11" t="str">
        <f>'申請書（複数入力用）'!J1472</f>
        <v/>
      </c>
      <c r="G1470" s="6" t="str">
        <f>'申請書（複数入力用）'!K1472</f>
        <v>a052r000000jS9ZAAU</v>
      </c>
      <c r="H1470" s="12" t="e">
        <f>'申請書（複数入力用）'!N1472</f>
        <v>#N/A</v>
      </c>
      <c r="I1470" s="12" t="e">
        <f>'申請書（複数入力用）'!O1472</f>
        <v>#N/A</v>
      </c>
      <c r="J1470" s="12">
        <f>'申請書（複数入力用）'!P1472</f>
        <v>1</v>
      </c>
    </row>
    <row r="1471" spans="1:10" ht="51.6" customHeight="1" x14ac:dyDescent="0.45">
      <c r="A1471" s="6">
        <f>'申請書（複数入力用）'!A1473</f>
        <v>1467</v>
      </c>
      <c r="B1471" s="13">
        <f>'申請書（複数入力用）'!AH1473</f>
        <v>0</v>
      </c>
      <c r="C1471" s="6">
        <f>'申請書（複数入力用）'!B1473</f>
        <v>0</v>
      </c>
      <c r="D1471" s="6">
        <f>'申請書（複数入力用）'!D1473</f>
        <v>0</v>
      </c>
      <c r="E1471" s="14">
        <f>'申請書（複数入力用）'!H1473</f>
        <v>0</v>
      </c>
      <c r="F1471" s="11" t="str">
        <f>'申請書（複数入力用）'!J1473</f>
        <v/>
      </c>
      <c r="G1471" s="6" t="str">
        <f>'申請書（複数入力用）'!K1473</f>
        <v>a052r000000jS9ZAAU</v>
      </c>
      <c r="H1471" s="12" t="e">
        <f>'申請書（複数入力用）'!N1473</f>
        <v>#N/A</v>
      </c>
      <c r="I1471" s="12" t="e">
        <f>'申請書（複数入力用）'!O1473</f>
        <v>#N/A</v>
      </c>
      <c r="J1471" s="12">
        <f>'申請書（複数入力用）'!P1473</f>
        <v>1</v>
      </c>
    </row>
    <row r="1472" spans="1:10" ht="51.6" customHeight="1" x14ac:dyDescent="0.45">
      <c r="A1472" s="6">
        <f>'申請書（複数入力用）'!A1474</f>
        <v>1468</v>
      </c>
      <c r="B1472" s="13">
        <f>'申請書（複数入力用）'!AH1474</f>
        <v>0</v>
      </c>
      <c r="C1472" s="6">
        <f>'申請書（複数入力用）'!B1474</f>
        <v>0</v>
      </c>
      <c r="D1472" s="6">
        <f>'申請書（複数入力用）'!D1474</f>
        <v>0</v>
      </c>
      <c r="E1472" s="14">
        <f>'申請書（複数入力用）'!H1474</f>
        <v>0</v>
      </c>
      <c r="F1472" s="11" t="str">
        <f>'申請書（複数入力用）'!J1474</f>
        <v/>
      </c>
      <c r="G1472" s="6" t="str">
        <f>'申請書（複数入力用）'!K1474</f>
        <v>a052r000000jS9ZAAU</v>
      </c>
      <c r="H1472" s="12" t="e">
        <f>'申請書（複数入力用）'!N1474</f>
        <v>#N/A</v>
      </c>
      <c r="I1472" s="12" t="e">
        <f>'申請書（複数入力用）'!O1474</f>
        <v>#N/A</v>
      </c>
      <c r="J1472" s="12">
        <f>'申請書（複数入力用）'!P1474</f>
        <v>1</v>
      </c>
    </row>
    <row r="1473" spans="1:10" ht="51.6" customHeight="1" x14ac:dyDescent="0.45">
      <c r="A1473" s="6">
        <f>'申請書（複数入力用）'!A1475</f>
        <v>1469</v>
      </c>
      <c r="B1473" s="13">
        <f>'申請書（複数入力用）'!AH1475</f>
        <v>0</v>
      </c>
      <c r="C1473" s="6">
        <f>'申請書（複数入力用）'!B1475</f>
        <v>0</v>
      </c>
      <c r="D1473" s="6">
        <f>'申請書（複数入力用）'!D1475</f>
        <v>0</v>
      </c>
      <c r="E1473" s="14">
        <f>'申請書（複数入力用）'!H1475</f>
        <v>0</v>
      </c>
      <c r="F1473" s="11" t="str">
        <f>'申請書（複数入力用）'!J1475</f>
        <v/>
      </c>
      <c r="G1473" s="6" t="str">
        <f>'申請書（複数入力用）'!K1475</f>
        <v>a052r000000jS9ZAAU</v>
      </c>
      <c r="H1473" s="12" t="e">
        <f>'申請書（複数入力用）'!N1475</f>
        <v>#N/A</v>
      </c>
      <c r="I1473" s="12" t="e">
        <f>'申請書（複数入力用）'!O1475</f>
        <v>#N/A</v>
      </c>
      <c r="J1473" s="12">
        <f>'申請書（複数入力用）'!P1475</f>
        <v>1</v>
      </c>
    </row>
    <row r="1474" spans="1:10" ht="51.6" customHeight="1" x14ac:dyDescent="0.45">
      <c r="A1474" s="6">
        <f>'申請書（複数入力用）'!A1476</f>
        <v>1470</v>
      </c>
      <c r="B1474" s="13">
        <f>'申請書（複数入力用）'!AH1476</f>
        <v>0</v>
      </c>
      <c r="C1474" s="6">
        <f>'申請書（複数入力用）'!B1476</f>
        <v>0</v>
      </c>
      <c r="D1474" s="6">
        <f>'申請書（複数入力用）'!D1476</f>
        <v>0</v>
      </c>
      <c r="E1474" s="14">
        <f>'申請書（複数入力用）'!H1476</f>
        <v>0</v>
      </c>
      <c r="F1474" s="11" t="str">
        <f>'申請書（複数入力用）'!J1476</f>
        <v/>
      </c>
      <c r="G1474" s="6" t="str">
        <f>'申請書（複数入力用）'!K1476</f>
        <v>a052r000000jS9ZAAU</v>
      </c>
      <c r="H1474" s="12" t="e">
        <f>'申請書（複数入力用）'!N1476</f>
        <v>#N/A</v>
      </c>
      <c r="I1474" s="12" t="e">
        <f>'申請書（複数入力用）'!O1476</f>
        <v>#N/A</v>
      </c>
      <c r="J1474" s="12">
        <f>'申請書（複数入力用）'!P1476</f>
        <v>1</v>
      </c>
    </row>
    <row r="1475" spans="1:10" ht="51.6" customHeight="1" x14ac:dyDescent="0.45">
      <c r="A1475" s="6">
        <f>'申請書（複数入力用）'!A1477</f>
        <v>1471</v>
      </c>
      <c r="B1475" s="13">
        <f>'申請書（複数入力用）'!AH1477</f>
        <v>0</v>
      </c>
      <c r="C1475" s="6">
        <f>'申請書（複数入力用）'!B1477</f>
        <v>0</v>
      </c>
      <c r="D1475" s="6">
        <f>'申請書（複数入力用）'!D1477</f>
        <v>0</v>
      </c>
      <c r="E1475" s="14">
        <f>'申請書（複数入力用）'!H1477</f>
        <v>0</v>
      </c>
      <c r="F1475" s="11" t="str">
        <f>'申請書（複数入力用）'!J1477</f>
        <v/>
      </c>
      <c r="G1475" s="6" t="str">
        <f>'申請書（複数入力用）'!K1477</f>
        <v>a052r000000jS9ZAAU</v>
      </c>
      <c r="H1475" s="12" t="e">
        <f>'申請書（複数入力用）'!N1477</f>
        <v>#N/A</v>
      </c>
      <c r="I1475" s="12" t="e">
        <f>'申請書（複数入力用）'!O1477</f>
        <v>#N/A</v>
      </c>
      <c r="J1475" s="12">
        <f>'申請書（複数入力用）'!P1477</f>
        <v>1</v>
      </c>
    </row>
    <row r="1476" spans="1:10" ht="51.6" customHeight="1" x14ac:dyDescent="0.45">
      <c r="A1476" s="6">
        <f>'申請書（複数入力用）'!A1478</f>
        <v>1472</v>
      </c>
      <c r="B1476" s="13">
        <f>'申請書（複数入力用）'!AH1478</f>
        <v>0</v>
      </c>
      <c r="C1476" s="6">
        <f>'申請書（複数入力用）'!B1478</f>
        <v>0</v>
      </c>
      <c r="D1476" s="6">
        <f>'申請書（複数入力用）'!D1478</f>
        <v>0</v>
      </c>
      <c r="E1476" s="14">
        <f>'申請書（複数入力用）'!H1478</f>
        <v>0</v>
      </c>
      <c r="F1476" s="11" t="str">
        <f>'申請書（複数入力用）'!J1478</f>
        <v/>
      </c>
      <c r="G1476" s="6" t="str">
        <f>'申請書（複数入力用）'!K1478</f>
        <v>a052r000000jS9ZAAU</v>
      </c>
      <c r="H1476" s="12" t="e">
        <f>'申請書（複数入力用）'!N1478</f>
        <v>#N/A</v>
      </c>
      <c r="I1476" s="12" t="e">
        <f>'申請書（複数入力用）'!O1478</f>
        <v>#N/A</v>
      </c>
      <c r="J1476" s="12">
        <f>'申請書（複数入力用）'!P1478</f>
        <v>1</v>
      </c>
    </row>
    <row r="1477" spans="1:10" ht="51.6" customHeight="1" x14ac:dyDescent="0.45">
      <c r="A1477" s="6">
        <f>'申請書（複数入力用）'!A1479</f>
        <v>1473</v>
      </c>
      <c r="B1477" s="13">
        <f>'申請書（複数入力用）'!AH1479</f>
        <v>0</v>
      </c>
      <c r="C1477" s="6">
        <f>'申請書（複数入力用）'!B1479</f>
        <v>0</v>
      </c>
      <c r="D1477" s="6">
        <f>'申請書（複数入力用）'!D1479</f>
        <v>0</v>
      </c>
      <c r="E1477" s="14">
        <f>'申請書（複数入力用）'!H1479</f>
        <v>0</v>
      </c>
      <c r="F1477" s="11" t="str">
        <f>'申請書（複数入力用）'!J1479</f>
        <v/>
      </c>
      <c r="G1477" s="6" t="str">
        <f>'申請書（複数入力用）'!K1479</f>
        <v>a052r000000jS9ZAAU</v>
      </c>
      <c r="H1477" s="12" t="e">
        <f>'申請書（複数入力用）'!N1479</f>
        <v>#N/A</v>
      </c>
      <c r="I1477" s="12" t="e">
        <f>'申請書（複数入力用）'!O1479</f>
        <v>#N/A</v>
      </c>
      <c r="J1477" s="12">
        <f>'申請書（複数入力用）'!P1479</f>
        <v>1</v>
      </c>
    </row>
    <row r="1478" spans="1:10" ht="51.6" customHeight="1" x14ac:dyDescent="0.45">
      <c r="A1478" s="6">
        <f>'申請書（複数入力用）'!A1480</f>
        <v>1474</v>
      </c>
      <c r="B1478" s="13">
        <f>'申請書（複数入力用）'!AH1480</f>
        <v>0</v>
      </c>
      <c r="C1478" s="6">
        <f>'申請書（複数入力用）'!B1480</f>
        <v>0</v>
      </c>
      <c r="D1478" s="6">
        <f>'申請書（複数入力用）'!D1480</f>
        <v>0</v>
      </c>
      <c r="E1478" s="14">
        <f>'申請書（複数入力用）'!H1480</f>
        <v>0</v>
      </c>
      <c r="F1478" s="11" t="str">
        <f>'申請書（複数入力用）'!J1480</f>
        <v/>
      </c>
      <c r="G1478" s="6" t="str">
        <f>'申請書（複数入力用）'!K1480</f>
        <v>a052r000000jS9ZAAU</v>
      </c>
      <c r="H1478" s="12" t="e">
        <f>'申請書（複数入力用）'!N1480</f>
        <v>#N/A</v>
      </c>
      <c r="I1478" s="12" t="e">
        <f>'申請書（複数入力用）'!O1480</f>
        <v>#N/A</v>
      </c>
      <c r="J1478" s="12">
        <f>'申請書（複数入力用）'!P1480</f>
        <v>1</v>
      </c>
    </row>
    <row r="1479" spans="1:10" ht="51.6" customHeight="1" x14ac:dyDescent="0.45">
      <c r="A1479" s="6">
        <f>'申請書（複数入力用）'!A1481</f>
        <v>1475</v>
      </c>
      <c r="B1479" s="13">
        <f>'申請書（複数入力用）'!AH1481</f>
        <v>0</v>
      </c>
      <c r="C1479" s="6">
        <f>'申請書（複数入力用）'!B1481</f>
        <v>0</v>
      </c>
      <c r="D1479" s="6">
        <f>'申請書（複数入力用）'!D1481</f>
        <v>0</v>
      </c>
      <c r="E1479" s="14">
        <f>'申請書（複数入力用）'!H1481</f>
        <v>0</v>
      </c>
      <c r="F1479" s="11" t="str">
        <f>'申請書（複数入力用）'!J1481</f>
        <v/>
      </c>
      <c r="G1479" s="6" t="str">
        <f>'申請書（複数入力用）'!K1481</f>
        <v>a052r000000jS9ZAAU</v>
      </c>
      <c r="H1479" s="12" t="e">
        <f>'申請書（複数入力用）'!N1481</f>
        <v>#N/A</v>
      </c>
      <c r="I1479" s="12" t="e">
        <f>'申請書（複数入力用）'!O1481</f>
        <v>#N/A</v>
      </c>
      <c r="J1479" s="12">
        <f>'申請書（複数入力用）'!P1481</f>
        <v>1</v>
      </c>
    </row>
    <row r="1480" spans="1:10" ht="51.6" customHeight="1" x14ac:dyDescent="0.45">
      <c r="A1480" s="6">
        <f>'申請書（複数入力用）'!A1482</f>
        <v>1476</v>
      </c>
      <c r="B1480" s="13">
        <f>'申請書（複数入力用）'!AH1482</f>
        <v>0</v>
      </c>
      <c r="C1480" s="6">
        <f>'申請書（複数入力用）'!B1482</f>
        <v>0</v>
      </c>
      <c r="D1480" s="6">
        <f>'申請書（複数入力用）'!D1482</f>
        <v>0</v>
      </c>
      <c r="E1480" s="14">
        <f>'申請書（複数入力用）'!H1482</f>
        <v>0</v>
      </c>
      <c r="F1480" s="11" t="str">
        <f>'申請書（複数入力用）'!J1482</f>
        <v/>
      </c>
      <c r="G1480" s="6" t="str">
        <f>'申請書（複数入力用）'!K1482</f>
        <v>a052r000000jS9ZAAU</v>
      </c>
      <c r="H1480" s="12" t="e">
        <f>'申請書（複数入力用）'!N1482</f>
        <v>#N/A</v>
      </c>
      <c r="I1480" s="12" t="e">
        <f>'申請書（複数入力用）'!O1482</f>
        <v>#N/A</v>
      </c>
      <c r="J1480" s="12">
        <f>'申請書（複数入力用）'!P1482</f>
        <v>1</v>
      </c>
    </row>
    <row r="1481" spans="1:10" ht="51.6" customHeight="1" x14ac:dyDescent="0.45">
      <c r="A1481" s="6">
        <f>'申請書（複数入力用）'!A1483</f>
        <v>1477</v>
      </c>
      <c r="B1481" s="13">
        <f>'申請書（複数入力用）'!AH1483</f>
        <v>0</v>
      </c>
      <c r="C1481" s="6">
        <f>'申請書（複数入力用）'!B1483</f>
        <v>0</v>
      </c>
      <c r="D1481" s="6">
        <f>'申請書（複数入力用）'!D1483</f>
        <v>0</v>
      </c>
      <c r="E1481" s="14">
        <f>'申請書（複数入力用）'!H1483</f>
        <v>0</v>
      </c>
      <c r="F1481" s="11" t="str">
        <f>'申請書（複数入力用）'!J1483</f>
        <v/>
      </c>
      <c r="G1481" s="6" t="str">
        <f>'申請書（複数入力用）'!K1483</f>
        <v>a052r000000jS9ZAAU</v>
      </c>
      <c r="H1481" s="12" t="e">
        <f>'申請書（複数入力用）'!N1483</f>
        <v>#N/A</v>
      </c>
      <c r="I1481" s="12" t="e">
        <f>'申請書（複数入力用）'!O1483</f>
        <v>#N/A</v>
      </c>
      <c r="J1481" s="12">
        <f>'申請書（複数入力用）'!P1483</f>
        <v>1</v>
      </c>
    </row>
    <row r="1482" spans="1:10" ht="51.6" customHeight="1" x14ac:dyDescent="0.45">
      <c r="A1482" s="6">
        <f>'申請書（複数入力用）'!A1484</f>
        <v>1478</v>
      </c>
      <c r="B1482" s="13">
        <f>'申請書（複数入力用）'!AH1484</f>
        <v>0</v>
      </c>
      <c r="C1482" s="6">
        <f>'申請書（複数入力用）'!B1484</f>
        <v>0</v>
      </c>
      <c r="D1482" s="6">
        <f>'申請書（複数入力用）'!D1484</f>
        <v>0</v>
      </c>
      <c r="E1482" s="14">
        <f>'申請書（複数入力用）'!H1484</f>
        <v>0</v>
      </c>
      <c r="F1482" s="11" t="str">
        <f>'申請書（複数入力用）'!J1484</f>
        <v/>
      </c>
      <c r="G1482" s="6" t="str">
        <f>'申請書（複数入力用）'!K1484</f>
        <v>a052r000000jS9ZAAU</v>
      </c>
      <c r="H1482" s="12" t="e">
        <f>'申請書（複数入力用）'!N1484</f>
        <v>#N/A</v>
      </c>
      <c r="I1482" s="12" t="e">
        <f>'申請書（複数入力用）'!O1484</f>
        <v>#N/A</v>
      </c>
      <c r="J1482" s="12">
        <f>'申請書（複数入力用）'!P1484</f>
        <v>1</v>
      </c>
    </row>
    <row r="1483" spans="1:10" ht="51.6" customHeight="1" x14ac:dyDescent="0.45">
      <c r="A1483" s="6">
        <f>'申請書（複数入力用）'!A1485</f>
        <v>1479</v>
      </c>
      <c r="B1483" s="13">
        <f>'申請書（複数入力用）'!AH1485</f>
        <v>0</v>
      </c>
      <c r="C1483" s="6">
        <f>'申請書（複数入力用）'!B1485</f>
        <v>0</v>
      </c>
      <c r="D1483" s="6">
        <f>'申請書（複数入力用）'!D1485</f>
        <v>0</v>
      </c>
      <c r="E1483" s="14">
        <f>'申請書（複数入力用）'!H1485</f>
        <v>0</v>
      </c>
      <c r="F1483" s="11" t="str">
        <f>'申請書（複数入力用）'!J1485</f>
        <v/>
      </c>
      <c r="G1483" s="6" t="str">
        <f>'申請書（複数入力用）'!K1485</f>
        <v>a052r000000jS9ZAAU</v>
      </c>
      <c r="H1483" s="12" t="e">
        <f>'申請書（複数入力用）'!N1485</f>
        <v>#N/A</v>
      </c>
      <c r="I1483" s="12" t="e">
        <f>'申請書（複数入力用）'!O1485</f>
        <v>#N/A</v>
      </c>
      <c r="J1483" s="12">
        <f>'申請書（複数入力用）'!P1485</f>
        <v>1</v>
      </c>
    </row>
    <row r="1484" spans="1:10" ht="51.6" customHeight="1" x14ac:dyDescent="0.45">
      <c r="A1484" s="6">
        <f>'申請書（複数入力用）'!A1486</f>
        <v>1480</v>
      </c>
      <c r="B1484" s="13">
        <f>'申請書（複数入力用）'!AH1486</f>
        <v>0</v>
      </c>
      <c r="C1484" s="6">
        <f>'申請書（複数入力用）'!B1486</f>
        <v>0</v>
      </c>
      <c r="D1484" s="6">
        <f>'申請書（複数入力用）'!D1486</f>
        <v>0</v>
      </c>
      <c r="E1484" s="14">
        <f>'申請書（複数入力用）'!H1486</f>
        <v>0</v>
      </c>
      <c r="F1484" s="11" t="str">
        <f>'申請書（複数入力用）'!J1486</f>
        <v/>
      </c>
      <c r="G1484" s="6" t="str">
        <f>'申請書（複数入力用）'!K1486</f>
        <v>a052r000000jS9ZAAU</v>
      </c>
      <c r="H1484" s="12" t="e">
        <f>'申請書（複数入力用）'!N1486</f>
        <v>#N/A</v>
      </c>
      <c r="I1484" s="12" t="e">
        <f>'申請書（複数入力用）'!O1486</f>
        <v>#N/A</v>
      </c>
      <c r="J1484" s="12">
        <f>'申請書（複数入力用）'!P1486</f>
        <v>1</v>
      </c>
    </row>
    <row r="1485" spans="1:10" ht="51.6" customHeight="1" x14ac:dyDescent="0.45">
      <c r="A1485" s="6">
        <f>'申請書（複数入力用）'!A1487</f>
        <v>1481</v>
      </c>
      <c r="B1485" s="13">
        <f>'申請書（複数入力用）'!AH1487</f>
        <v>0</v>
      </c>
      <c r="C1485" s="6">
        <f>'申請書（複数入力用）'!B1487</f>
        <v>0</v>
      </c>
      <c r="D1485" s="6">
        <f>'申請書（複数入力用）'!D1487</f>
        <v>0</v>
      </c>
      <c r="E1485" s="14">
        <f>'申請書（複数入力用）'!H1487</f>
        <v>0</v>
      </c>
      <c r="F1485" s="11" t="str">
        <f>'申請書（複数入力用）'!J1487</f>
        <v/>
      </c>
      <c r="G1485" s="6" t="str">
        <f>'申請書（複数入力用）'!K1487</f>
        <v>a052r000000jS9ZAAU</v>
      </c>
      <c r="H1485" s="12" t="e">
        <f>'申請書（複数入力用）'!N1487</f>
        <v>#N/A</v>
      </c>
      <c r="I1485" s="12" t="e">
        <f>'申請書（複数入力用）'!O1487</f>
        <v>#N/A</v>
      </c>
      <c r="J1485" s="12">
        <f>'申請書（複数入力用）'!P1487</f>
        <v>1</v>
      </c>
    </row>
    <row r="1486" spans="1:10" ht="51.6" customHeight="1" x14ac:dyDescent="0.45">
      <c r="A1486" s="6">
        <f>'申請書（複数入力用）'!A1488</f>
        <v>1482</v>
      </c>
      <c r="B1486" s="13">
        <f>'申請書（複数入力用）'!AH1488</f>
        <v>0</v>
      </c>
      <c r="C1486" s="6">
        <f>'申請書（複数入力用）'!B1488</f>
        <v>0</v>
      </c>
      <c r="D1486" s="6">
        <f>'申請書（複数入力用）'!D1488</f>
        <v>0</v>
      </c>
      <c r="E1486" s="14">
        <f>'申請書（複数入力用）'!H1488</f>
        <v>0</v>
      </c>
      <c r="F1486" s="11" t="str">
        <f>'申請書（複数入力用）'!J1488</f>
        <v/>
      </c>
      <c r="G1486" s="6" t="str">
        <f>'申請書（複数入力用）'!K1488</f>
        <v>a052r000000jS9ZAAU</v>
      </c>
      <c r="H1486" s="12" t="e">
        <f>'申請書（複数入力用）'!N1488</f>
        <v>#N/A</v>
      </c>
      <c r="I1486" s="12" t="e">
        <f>'申請書（複数入力用）'!O1488</f>
        <v>#N/A</v>
      </c>
      <c r="J1486" s="12">
        <f>'申請書（複数入力用）'!P1488</f>
        <v>1</v>
      </c>
    </row>
    <row r="1487" spans="1:10" ht="51.6" customHeight="1" x14ac:dyDescent="0.45">
      <c r="A1487" s="6">
        <f>'申請書（複数入力用）'!A1489</f>
        <v>1483</v>
      </c>
      <c r="B1487" s="13">
        <f>'申請書（複数入力用）'!AH1489</f>
        <v>0</v>
      </c>
      <c r="C1487" s="6">
        <f>'申請書（複数入力用）'!B1489</f>
        <v>0</v>
      </c>
      <c r="D1487" s="6">
        <f>'申請書（複数入力用）'!D1489</f>
        <v>0</v>
      </c>
      <c r="E1487" s="14">
        <f>'申請書（複数入力用）'!H1489</f>
        <v>0</v>
      </c>
      <c r="F1487" s="11" t="str">
        <f>'申請書（複数入力用）'!J1489</f>
        <v/>
      </c>
      <c r="G1487" s="6" t="str">
        <f>'申請書（複数入力用）'!K1489</f>
        <v>a052r000000jS9ZAAU</v>
      </c>
      <c r="H1487" s="12" t="e">
        <f>'申請書（複数入力用）'!N1489</f>
        <v>#N/A</v>
      </c>
      <c r="I1487" s="12" t="e">
        <f>'申請書（複数入力用）'!O1489</f>
        <v>#N/A</v>
      </c>
      <c r="J1487" s="12">
        <f>'申請書（複数入力用）'!P1489</f>
        <v>1</v>
      </c>
    </row>
    <row r="1488" spans="1:10" ht="51.6" customHeight="1" x14ac:dyDescent="0.45">
      <c r="A1488" s="6">
        <f>'申請書（複数入力用）'!A1490</f>
        <v>1484</v>
      </c>
      <c r="B1488" s="13">
        <f>'申請書（複数入力用）'!AH1490</f>
        <v>0</v>
      </c>
      <c r="C1488" s="6">
        <f>'申請書（複数入力用）'!B1490</f>
        <v>0</v>
      </c>
      <c r="D1488" s="6">
        <f>'申請書（複数入力用）'!D1490</f>
        <v>0</v>
      </c>
      <c r="E1488" s="14">
        <f>'申請書（複数入力用）'!H1490</f>
        <v>0</v>
      </c>
      <c r="F1488" s="11" t="str">
        <f>'申請書（複数入力用）'!J1490</f>
        <v/>
      </c>
      <c r="G1488" s="6" t="str">
        <f>'申請書（複数入力用）'!K1490</f>
        <v>a052r000000jS9ZAAU</v>
      </c>
      <c r="H1488" s="12" t="e">
        <f>'申請書（複数入力用）'!N1490</f>
        <v>#N/A</v>
      </c>
      <c r="I1488" s="12" t="e">
        <f>'申請書（複数入力用）'!O1490</f>
        <v>#N/A</v>
      </c>
      <c r="J1488" s="12">
        <f>'申請書（複数入力用）'!P1490</f>
        <v>1</v>
      </c>
    </row>
    <row r="1489" spans="1:10" ht="51.6" customHeight="1" x14ac:dyDescent="0.45">
      <c r="A1489" s="6">
        <f>'申請書（複数入力用）'!A1491</f>
        <v>1485</v>
      </c>
      <c r="B1489" s="13">
        <f>'申請書（複数入力用）'!AH1491</f>
        <v>0</v>
      </c>
      <c r="C1489" s="6">
        <f>'申請書（複数入力用）'!B1491</f>
        <v>0</v>
      </c>
      <c r="D1489" s="6">
        <f>'申請書（複数入力用）'!D1491</f>
        <v>0</v>
      </c>
      <c r="E1489" s="14">
        <f>'申請書（複数入力用）'!H1491</f>
        <v>0</v>
      </c>
      <c r="F1489" s="11" t="str">
        <f>'申請書（複数入力用）'!J1491</f>
        <v/>
      </c>
      <c r="G1489" s="6" t="str">
        <f>'申請書（複数入力用）'!K1491</f>
        <v>a052r000000jS9ZAAU</v>
      </c>
      <c r="H1489" s="12" t="e">
        <f>'申請書（複数入力用）'!N1491</f>
        <v>#N/A</v>
      </c>
      <c r="I1489" s="12" t="e">
        <f>'申請書（複数入力用）'!O1491</f>
        <v>#N/A</v>
      </c>
      <c r="J1489" s="12">
        <f>'申請書（複数入力用）'!P1491</f>
        <v>1</v>
      </c>
    </row>
    <row r="1490" spans="1:10" ht="51.6" customHeight="1" x14ac:dyDescent="0.45">
      <c r="A1490" s="6">
        <f>'申請書（複数入力用）'!A1492</f>
        <v>1486</v>
      </c>
      <c r="B1490" s="13">
        <f>'申請書（複数入力用）'!AH1492</f>
        <v>0</v>
      </c>
      <c r="C1490" s="6">
        <f>'申請書（複数入力用）'!B1492</f>
        <v>0</v>
      </c>
      <c r="D1490" s="6">
        <f>'申請書（複数入力用）'!D1492</f>
        <v>0</v>
      </c>
      <c r="E1490" s="14">
        <f>'申請書（複数入力用）'!H1492</f>
        <v>0</v>
      </c>
      <c r="F1490" s="11" t="str">
        <f>'申請書（複数入力用）'!J1492</f>
        <v/>
      </c>
      <c r="G1490" s="6" t="str">
        <f>'申請書（複数入力用）'!K1492</f>
        <v>a052r000000jS9ZAAU</v>
      </c>
      <c r="H1490" s="12" t="e">
        <f>'申請書（複数入力用）'!N1492</f>
        <v>#N/A</v>
      </c>
      <c r="I1490" s="12" t="e">
        <f>'申請書（複数入力用）'!O1492</f>
        <v>#N/A</v>
      </c>
      <c r="J1490" s="12">
        <f>'申請書（複数入力用）'!P1492</f>
        <v>1</v>
      </c>
    </row>
    <row r="1491" spans="1:10" ht="51.6" customHeight="1" x14ac:dyDescent="0.45">
      <c r="A1491" s="6">
        <f>'申請書（複数入力用）'!A1493</f>
        <v>1487</v>
      </c>
      <c r="B1491" s="13">
        <f>'申請書（複数入力用）'!AH1493</f>
        <v>0</v>
      </c>
      <c r="C1491" s="6">
        <f>'申請書（複数入力用）'!B1493</f>
        <v>0</v>
      </c>
      <c r="D1491" s="6">
        <f>'申請書（複数入力用）'!D1493</f>
        <v>0</v>
      </c>
      <c r="E1491" s="14">
        <f>'申請書（複数入力用）'!H1493</f>
        <v>0</v>
      </c>
      <c r="F1491" s="11" t="str">
        <f>'申請書（複数入力用）'!J1493</f>
        <v/>
      </c>
      <c r="G1491" s="6" t="str">
        <f>'申請書（複数入力用）'!K1493</f>
        <v>a052r000000jS9ZAAU</v>
      </c>
      <c r="H1491" s="12" t="e">
        <f>'申請書（複数入力用）'!N1493</f>
        <v>#N/A</v>
      </c>
      <c r="I1491" s="12" t="e">
        <f>'申請書（複数入力用）'!O1493</f>
        <v>#N/A</v>
      </c>
      <c r="J1491" s="12">
        <f>'申請書（複数入力用）'!P1493</f>
        <v>1</v>
      </c>
    </row>
    <row r="1492" spans="1:10" ht="51.6" customHeight="1" x14ac:dyDescent="0.45">
      <c r="A1492" s="6">
        <f>'申請書（複数入力用）'!A1494</f>
        <v>1488</v>
      </c>
      <c r="B1492" s="13">
        <f>'申請書（複数入力用）'!AH1494</f>
        <v>0</v>
      </c>
      <c r="C1492" s="6">
        <f>'申請書（複数入力用）'!B1494</f>
        <v>0</v>
      </c>
      <c r="D1492" s="6">
        <f>'申請書（複数入力用）'!D1494</f>
        <v>0</v>
      </c>
      <c r="E1492" s="14">
        <f>'申請書（複数入力用）'!H1494</f>
        <v>0</v>
      </c>
      <c r="F1492" s="11" t="str">
        <f>'申請書（複数入力用）'!J1494</f>
        <v/>
      </c>
      <c r="G1492" s="6" t="str">
        <f>'申請書（複数入力用）'!K1494</f>
        <v>a052r000000jS9ZAAU</v>
      </c>
      <c r="H1492" s="12" t="e">
        <f>'申請書（複数入力用）'!N1494</f>
        <v>#N/A</v>
      </c>
      <c r="I1492" s="12" t="e">
        <f>'申請書（複数入力用）'!O1494</f>
        <v>#N/A</v>
      </c>
      <c r="J1492" s="12">
        <f>'申請書（複数入力用）'!P1494</f>
        <v>1</v>
      </c>
    </row>
    <row r="1493" spans="1:10" ht="51.6" customHeight="1" x14ac:dyDescent="0.45">
      <c r="A1493" s="6">
        <f>'申請書（複数入力用）'!A1495</f>
        <v>1489</v>
      </c>
      <c r="B1493" s="13">
        <f>'申請書（複数入力用）'!AH1495</f>
        <v>0</v>
      </c>
      <c r="C1493" s="6">
        <f>'申請書（複数入力用）'!B1495</f>
        <v>0</v>
      </c>
      <c r="D1493" s="6">
        <f>'申請書（複数入力用）'!D1495</f>
        <v>0</v>
      </c>
      <c r="E1493" s="14">
        <f>'申請書（複数入力用）'!H1495</f>
        <v>0</v>
      </c>
      <c r="F1493" s="11" t="str">
        <f>'申請書（複数入力用）'!J1495</f>
        <v/>
      </c>
      <c r="G1493" s="6" t="str">
        <f>'申請書（複数入力用）'!K1495</f>
        <v>a052r000000jS9ZAAU</v>
      </c>
      <c r="H1493" s="12" t="e">
        <f>'申請書（複数入力用）'!N1495</f>
        <v>#N/A</v>
      </c>
      <c r="I1493" s="12" t="e">
        <f>'申請書（複数入力用）'!O1495</f>
        <v>#N/A</v>
      </c>
      <c r="J1493" s="12">
        <f>'申請書（複数入力用）'!P1495</f>
        <v>1</v>
      </c>
    </row>
    <row r="1494" spans="1:10" ht="51.6" customHeight="1" x14ac:dyDescent="0.45">
      <c r="A1494" s="6">
        <f>'申請書（複数入力用）'!A1496</f>
        <v>1490</v>
      </c>
      <c r="B1494" s="13">
        <f>'申請書（複数入力用）'!AH1496</f>
        <v>0</v>
      </c>
      <c r="C1494" s="6">
        <f>'申請書（複数入力用）'!B1496</f>
        <v>0</v>
      </c>
      <c r="D1494" s="6">
        <f>'申請書（複数入力用）'!D1496</f>
        <v>0</v>
      </c>
      <c r="E1494" s="14">
        <f>'申請書（複数入力用）'!H1496</f>
        <v>0</v>
      </c>
      <c r="F1494" s="11" t="str">
        <f>'申請書（複数入力用）'!J1496</f>
        <v/>
      </c>
      <c r="G1494" s="6" t="str">
        <f>'申請書（複数入力用）'!K1496</f>
        <v>a052r000000jS9ZAAU</v>
      </c>
      <c r="H1494" s="12" t="e">
        <f>'申請書（複数入力用）'!N1496</f>
        <v>#N/A</v>
      </c>
      <c r="I1494" s="12" t="e">
        <f>'申請書（複数入力用）'!O1496</f>
        <v>#N/A</v>
      </c>
      <c r="J1494" s="12">
        <f>'申請書（複数入力用）'!P1496</f>
        <v>1</v>
      </c>
    </row>
    <row r="1495" spans="1:10" ht="51.6" customHeight="1" x14ac:dyDescent="0.45">
      <c r="A1495" s="6">
        <f>'申請書（複数入力用）'!A1497</f>
        <v>1491</v>
      </c>
      <c r="B1495" s="13">
        <f>'申請書（複数入力用）'!AH1497</f>
        <v>0</v>
      </c>
      <c r="C1495" s="6">
        <f>'申請書（複数入力用）'!B1497</f>
        <v>0</v>
      </c>
      <c r="D1495" s="6">
        <f>'申請書（複数入力用）'!D1497</f>
        <v>0</v>
      </c>
      <c r="E1495" s="14">
        <f>'申請書（複数入力用）'!H1497</f>
        <v>0</v>
      </c>
      <c r="F1495" s="11" t="str">
        <f>'申請書（複数入力用）'!J1497</f>
        <v/>
      </c>
      <c r="G1495" s="6" t="str">
        <f>'申請書（複数入力用）'!K1497</f>
        <v>a052r000000jS9ZAAU</v>
      </c>
      <c r="H1495" s="12" t="e">
        <f>'申請書（複数入力用）'!N1497</f>
        <v>#N/A</v>
      </c>
      <c r="I1495" s="12" t="e">
        <f>'申請書（複数入力用）'!O1497</f>
        <v>#N/A</v>
      </c>
      <c r="J1495" s="12">
        <f>'申請書（複数入力用）'!P1497</f>
        <v>1</v>
      </c>
    </row>
    <row r="1496" spans="1:10" ht="51.6" customHeight="1" x14ac:dyDescent="0.45">
      <c r="A1496" s="6">
        <f>'申請書（複数入力用）'!A1498</f>
        <v>1492</v>
      </c>
      <c r="B1496" s="13">
        <f>'申請書（複数入力用）'!AH1498</f>
        <v>0</v>
      </c>
      <c r="C1496" s="6">
        <f>'申請書（複数入力用）'!B1498</f>
        <v>0</v>
      </c>
      <c r="D1496" s="6">
        <f>'申請書（複数入力用）'!D1498</f>
        <v>0</v>
      </c>
      <c r="E1496" s="14">
        <f>'申請書（複数入力用）'!H1498</f>
        <v>0</v>
      </c>
      <c r="F1496" s="11" t="str">
        <f>'申請書（複数入力用）'!J1498</f>
        <v/>
      </c>
      <c r="G1496" s="6" t="str">
        <f>'申請書（複数入力用）'!K1498</f>
        <v>a052r000000jS9ZAAU</v>
      </c>
      <c r="H1496" s="12" t="e">
        <f>'申請書（複数入力用）'!N1498</f>
        <v>#N/A</v>
      </c>
      <c r="I1496" s="12" t="e">
        <f>'申請書（複数入力用）'!O1498</f>
        <v>#N/A</v>
      </c>
      <c r="J1496" s="12">
        <f>'申請書（複数入力用）'!P1498</f>
        <v>1</v>
      </c>
    </row>
    <row r="1497" spans="1:10" ht="51.6" customHeight="1" x14ac:dyDescent="0.45">
      <c r="A1497" s="6">
        <f>'申請書（複数入力用）'!A1499</f>
        <v>1493</v>
      </c>
      <c r="B1497" s="13">
        <f>'申請書（複数入力用）'!AH1499</f>
        <v>0</v>
      </c>
      <c r="C1497" s="6">
        <f>'申請書（複数入力用）'!B1499</f>
        <v>0</v>
      </c>
      <c r="D1497" s="6">
        <f>'申請書（複数入力用）'!D1499</f>
        <v>0</v>
      </c>
      <c r="E1497" s="14">
        <f>'申請書（複数入力用）'!H1499</f>
        <v>0</v>
      </c>
      <c r="F1497" s="11" t="str">
        <f>'申請書（複数入力用）'!J1499</f>
        <v/>
      </c>
      <c r="G1497" s="6" t="str">
        <f>'申請書（複数入力用）'!K1499</f>
        <v>a052r000000jS9ZAAU</v>
      </c>
      <c r="H1497" s="12" t="e">
        <f>'申請書（複数入力用）'!N1499</f>
        <v>#N/A</v>
      </c>
      <c r="I1497" s="12" t="e">
        <f>'申請書（複数入力用）'!O1499</f>
        <v>#N/A</v>
      </c>
      <c r="J1497" s="12">
        <f>'申請書（複数入力用）'!P1499</f>
        <v>1</v>
      </c>
    </row>
    <row r="1498" spans="1:10" ht="51.6" customHeight="1" x14ac:dyDescent="0.45">
      <c r="A1498" s="6">
        <f>'申請書（複数入力用）'!A1500</f>
        <v>1494</v>
      </c>
      <c r="B1498" s="13">
        <f>'申請書（複数入力用）'!AH1500</f>
        <v>0</v>
      </c>
      <c r="C1498" s="6">
        <f>'申請書（複数入力用）'!B1500</f>
        <v>0</v>
      </c>
      <c r="D1498" s="6">
        <f>'申請書（複数入力用）'!D1500</f>
        <v>0</v>
      </c>
      <c r="E1498" s="14">
        <f>'申請書（複数入力用）'!H1500</f>
        <v>0</v>
      </c>
      <c r="F1498" s="11" t="str">
        <f>'申請書（複数入力用）'!J1500</f>
        <v/>
      </c>
      <c r="G1498" s="6" t="str">
        <f>'申請書（複数入力用）'!K1500</f>
        <v>a052r000000jS9ZAAU</v>
      </c>
      <c r="H1498" s="12" t="e">
        <f>'申請書（複数入力用）'!N1500</f>
        <v>#N/A</v>
      </c>
      <c r="I1498" s="12" t="e">
        <f>'申請書（複数入力用）'!O1500</f>
        <v>#N/A</v>
      </c>
      <c r="J1498" s="12">
        <f>'申請書（複数入力用）'!P1500</f>
        <v>1</v>
      </c>
    </row>
    <row r="1499" spans="1:10" ht="51.6" customHeight="1" x14ac:dyDescent="0.45">
      <c r="A1499" s="6">
        <f>'申請書（複数入力用）'!A1501</f>
        <v>1495</v>
      </c>
      <c r="B1499" s="13">
        <f>'申請書（複数入力用）'!AH1501</f>
        <v>0</v>
      </c>
      <c r="C1499" s="6">
        <f>'申請書（複数入力用）'!B1501</f>
        <v>0</v>
      </c>
      <c r="D1499" s="6">
        <f>'申請書（複数入力用）'!D1501</f>
        <v>0</v>
      </c>
      <c r="E1499" s="14">
        <f>'申請書（複数入力用）'!H1501</f>
        <v>0</v>
      </c>
      <c r="F1499" s="11" t="str">
        <f>'申請書（複数入力用）'!J1501</f>
        <v/>
      </c>
      <c r="G1499" s="6" t="str">
        <f>'申請書（複数入力用）'!K1501</f>
        <v>a052r000000jS9ZAAU</v>
      </c>
      <c r="H1499" s="12" t="e">
        <f>'申請書（複数入力用）'!N1501</f>
        <v>#N/A</v>
      </c>
      <c r="I1499" s="12" t="e">
        <f>'申請書（複数入力用）'!O1501</f>
        <v>#N/A</v>
      </c>
      <c r="J1499" s="12">
        <f>'申請書（複数入力用）'!P1501</f>
        <v>1</v>
      </c>
    </row>
    <row r="1500" spans="1:10" ht="51.6" customHeight="1" x14ac:dyDescent="0.45">
      <c r="A1500" s="6">
        <f>'申請書（複数入力用）'!A1502</f>
        <v>1496</v>
      </c>
      <c r="B1500" s="13">
        <f>'申請書（複数入力用）'!AH1502</f>
        <v>0</v>
      </c>
      <c r="C1500" s="6">
        <f>'申請書（複数入力用）'!B1502</f>
        <v>0</v>
      </c>
      <c r="D1500" s="6">
        <f>'申請書（複数入力用）'!D1502</f>
        <v>0</v>
      </c>
      <c r="E1500" s="14">
        <f>'申請書（複数入力用）'!H1502</f>
        <v>0</v>
      </c>
      <c r="F1500" s="11" t="str">
        <f>'申請書（複数入力用）'!J1502</f>
        <v/>
      </c>
      <c r="G1500" s="6" t="str">
        <f>'申請書（複数入力用）'!K1502</f>
        <v>a052r000000jS9ZAAU</v>
      </c>
      <c r="H1500" s="12" t="e">
        <f>'申請書（複数入力用）'!N1502</f>
        <v>#N/A</v>
      </c>
      <c r="I1500" s="12" t="e">
        <f>'申請書（複数入力用）'!O1502</f>
        <v>#N/A</v>
      </c>
      <c r="J1500" s="12">
        <f>'申請書（複数入力用）'!P1502</f>
        <v>1</v>
      </c>
    </row>
    <row r="1501" spans="1:10" ht="51.6" customHeight="1" x14ac:dyDescent="0.45">
      <c r="A1501" s="6">
        <f>'申請書（複数入力用）'!A1503</f>
        <v>1497</v>
      </c>
      <c r="B1501" s="13">
        <f>'申請書（複数入力用）'!AH1503</f>
        <v>0</v>
      </c>
      <c r="C1501" s="6">
        <f>'申請書（複数入力用）'!B1503</f>
        <v>0</v>
      </c>
      <c r="D1501" s="6">
        <f>'申請書（複数入力用）'!D1503</f>
        <v>0</v>
      </c>
      <c r="E1501" s="14">
        <f>'申請書（複数入力用）'!H1503</f>
        <v>0</v>
      </c>
      <c r="F1501" s="11" t="str">
        <f>'申請書（複数入力用）'!J1503</f>
        <v/>
      </c>
      <c r="G1501" s="6" t="str">
        <f>'申請書（複数入力用）'!K1503</f>
        <v>a052r000000jS9ZAAU</v>
      </c>
      <c r="H1501" s="12" t="e">
        <f>'申請書（複数入力用）'!N1503</f>
        <v>#N/A</v>
      </c>
      <c r="I1501" s="12" t="e">
        <f>'申請書（複数入力用）'!O1503</f>
        <v>#N/A</v>
      </c>
      <c r="J1501" s="12">
        <f>'申請書（複数入力用）'!P1503</f>
        <v>1</v>
      </c>
    </row>
    <row r="1502" spans="1:10" ht="51.6" customHeight="1" x14ac:dyDescent="0.45">
      <c r="A1502" s="6">
        <f>'申請書（複数入力用）'!A1504</f>
        <v>1498</v>
      </c>
      <c r="B1502" s="13">
        <f>'申請書（複数入力用）'!AH1504</f>
        <v>0</v>
      </c>
      <c r="C1502" s="6">
        <f>'申請書（複数入力用）'!B1504</f>
        <v>0</v>
      </c>
      <c r="D1502" s="6">
        <f>'申請書（複数入力用）'!D1504</f>
        <v>0</v>
      </c>
      <c r="E1502" s="14">
        <f>'申請書（複数入力用）'!H1504</f>
        <v>0</v>
      </c>
      <c r="F1502" s="11" t="str">
        <f>'申請書（複数入力用）'!J1504</f>
        <v/>
      </c>
      <c r="G1502" s="6" t="str">
        <f>'申請書（複数入力用）'!K1504</f>
        <v>a052r000000jS9ZAAU</v>
      </c>
      <c r="H1502" s="12" t="e">
        <f>'申請書（複数入力用）'!N1504</f>
        <v>#N/A</v>
      </c>
      <c r="I1502" s="12" t="e">
        <f>'申請書（複数入力用）'!O1504</f>
        <v>#N/A</v>
      </c>
      <c r="J1502" s="12">
        <f>'申請書（複数入力用）'!P1504</f>
        <v>1</v>
      </c>
    </row>
    <row r="1503" spans="1:10" ht="51.6" customHeight="1" x14ac:dyDescent="0.45">
      <c r="A1503" s="6">
        <f>'申請書（複数入力用）'!A1505</f>
        <v>1499</v>
      </c>
      <c r="B1503" s="13">
        <f>'申請書（複数入力用）'!AH1505</f>
        <v>0</v>
      </c>
      <c r="C1503" s="6">
        <f>'申請書（複数入力用）'!B1505</f>
        <v>0</v>
      </c>
      <c r="D1503" s="6">
        <f>'申請書（複数入力用）'!D1505</f>
        <v>0</v>
      </c>
      <c r="E1503" s="14">
        <f>'申請書（複数入力用）'!H1505</f>
        <v>0</v>
      </c>
      <c r="F1503" s="11" t="str">
        <f>'申請書（複数入力用）'!J1505</f>
        <v/>
      </c>
      <c r="G1503" s="6" t="str">
        <f>'申請書（複数入力用）'!K1505</f>
        <v>a052r000000jS9ZAAU</v>
      </c>
      <c r="H1503" s="12" t="e">
        <f>'申請書（複数入力用）'!N1505</f>
        <v>#N/A</v>
      </c>
      <c r="I1503" s="12" t="e">
        <f>'申請書（複数入力用）'!O1505</f>
        <v>#N/A</v>
      </c>
      <c r="J1503" s="12">
        <f>'申請書（複数入力用）'!P1505</f>
        <v>1</v>
      </c>
    </row>
    <row r="1504" spans="1:10" ht="51.6" customHeight="1" x14ac:dyDescent="0.45">
      <c r="A1504" s="6">
        <f>'申請書（複数入力用）'!A1506</f>
        <v>1500</v>
      </c>
      <c r="B1504" s="13">
        <f>'申請書（複数入力用）'!AH1506</f>
        <v>0</v>
      </c>
      <c r="C1504" s="6">
        <f>'申請書（複数入力用）'!B1506</f>
        <v>0</v>
      </c>
      <c r="D1504" s="6">
        <f>'申請書（複数入力用）'!D1506</f>
        <v>0</v>
      </c>
      <c r="E1504" s="14">
        <f>'申請書（複数入力用）'!H1506</f>
        <v>0</v>
      </c>
      <c r="F1504" s="11" t="str">
        <f>'申請書（複数入力用）'!J1506</f>
        <v/>
      </c>
      <c r="G1504" s="6" t="str">
        <f>'申請書（複数入力用）'!K1506</f>
        <v>a052r000000jS9ZAAU</v>
      </c>
      <c r="H1504" s="12" t="e">
        <f>'申請書（複数入力用）'!N1506</f>
        <v>#N/A</v>
      </c>
      <c r="I1504" s="12" t="e">
        <f>'申請書（複数入力用）'!O1506</f>
        <v>#N/A</v>
      </c>
      <c r="J1504" s="12">
        <f>'申請書（複数入力用）'!P1506</f>
        <v>1</v>
      </c>
    </row>
    <row r="1505" spans="1:10" ht="51.6" customHeight="1" x14ac:dyDescent="0.45">
      <c r="A1505" s="6">
        <f>'申請書（複数入力用）'!A1507</f>
        <v>1501</v>
      </c>
      <c r="B1505" s="13">
        <f>'申請書（複数入力用）'!AH1507</f>
        <v>0</v>
      </c>
      <c r="C1505" s="6">
        <f>'申請書（複数入力用）'!B1507</f>
        <v>0</v>
      </c>
      <c r="D1505" s="6">
        <f>'申請書（複数入力用）'!D1507</f>
        <v>0</v>
      </c>
      <c r="E1505" s="14">
        <f>'申請書（複数入力用）'!H1507</f>
        <v>0</v>
      </c>
      <c r="F1505" s="11" t="str">
        <f>'申請書（複数入力用）'!J1507</f>
        <v/>
      </c>
      <c r="G1505" s="6" t="str">
        <f>'申請書（複数入力用）'!K1507</f>
        <v>a052r000000jS9ZAAU</v>
      </c>
      <c r="H1505" s="12" t="e">
        <f>'申請書（複数入力用）'!N1507</f>
        <v>#N/A</v>
      </c>
      <c r="I1505" s="12" t="e">
        <f>'申請書（複数入力用）'!O1507</f>
        <v>#N/A</v>
      </c>
      <c r="J1505" s="12">
        <f>'申請書（複数入力用）'!P1507</f>
        <v>1</v>
      </c>
    </row>
    <row r="1506" spans="1:10" ht="51.6" customHeight="1" x14ac:dyDescent="0.45">
      <c r="A1506" s="6">
        <f>'申請書（複数入力用）'!A1508</f>
        <v>1502</v>
      </c>
      <c r="B1506" s="13">
        <f>'申請書（複数入力用）'!AH1508</f>
        <v>0</v>
      </c>
      <c r="C1506" s="6">
        <f>'申請書（複数入力用）'!B1508</f>
        <v>0</v>
      </c>
      <c r="D1506" s="6">
        <f>'申請書（複数入力用）'!D1508</f>
        <v>0</v>
      </c>
      <c r="E1506" s="14">
        <f>'申請書（複数入力用）'!H1508</f>
        <v>0</v>
      </c>
      <c r="F1506" s="11" t="str">
        <f>'申請書（複数入力用）'!J1508</f>
        <v/>
      </c>
      <c r="G1506" s="6" t="str">
        <f>'申請書（複数入力用）'!K1508</f>
        <v>a052r000000jS9ZAAU</v>
      </c>
      <c r="H1506" s="12" t="e">
        <f>'申請書（複数入力用）'!N1508</f>
        <v>#N/A</v>
      </c>
      <c r="I1506" s="12" t="e">
        <f>'申請書（複数入力用）'!O1508</f>
        <v>#N/A</v>
      </c>
      <c r="J1506" s="12">
        <f>'申請書（複数入力用）'!P1508</f>
        <v>1</v>
      </c>
    </row>
    <row r="1507" spans="1:10" ht="51.6" customHeight="1" x14ac:dyDescent="0.45">
      <c r="A1507" s="6">
        <f>'申請書（複数入力用）'!A1509</f>
        <v>1503</v>
      </c>
      <c r="B1507" s="13">
        <f>'申請書（複数入力用）'!AH1509</f>
        <v>0</v>
      </c>
      <c r="C1507" s="6">
        <f>'申請書（複数入力用）'!B1509</f>
        <v>0</v>
      </c>
      <c r="D1507" s="6">
        <f>'申請書（複数入力用）'!D1509</f>
        <v>0</v>
      </c>
      <c r="E1507" s="14">
        <f>'申請書（複数入力用）'!H1509</f>
        <v>0</v>
      </c>
      <c r="F1507" s="11" t="str">
        <f>'申請書（複数入力用）'!J1509</f>
        <v/>
      </c>
      <c r="G1507" s="6" t="str">
        <f>'申請書（複数入力用）'!K1509</f>
        <v>a052r000000jS9ZAAU</v>
      </c>
      <c r="H1507" s="12" t="e">
        <f>'申請書（複数入力用）'!N1509</f>
        <v>#N/A</v>
      </c>
      <c r="I1507" s="12" t="e">
        <f>'申請書（複数入力用）'!O1509</f>
        <v>#N/A</v>
      </c>
      <c r="J1507" s="12">
        <f>'申請書（複数入力用）'!P1509</f>
        <v>1</v>
      </c>
    </row>
    <row r="1508" spans="1:10" ht="51.6" customHeight="1" x14ac:dyDescent="0.45">
      <c r="A1508" s="6">
        <f>'申請書（複数入力用）'!A1510</f>
        <v>1504</v>
      </c>
      <c r="B1508" s="13">
        <f>'申請書（複数入力用）'!AH1510</f>
        <v>0</v>
      </c>
      <c r="C1508" s="6">
        <f>'申請書（複数入力用）'!B1510</f>
        <v>0</v>
      </c>
      <c r="D1508" s="6">
        <f>'申請書（複数入力用）'!D1510</f>
        <v>0</v>
      </c>
      <c r="E1508" s="14">
        <f>'申請書（複数入力用）'!H1510</f>
        <v>0</v>
      </c>
      <c r="F1508" s="11" t="str">
        <f>'申請書（複数入力用）'!J1510</f>
        <v/>
      </c>
      <c r="G1508" s="6" t="str">
        <f>'申請書（複数入力用）'!K1510</f>
        <v>a052r000000jS9ZAAU</v>
      </c>
      <c r="H1508" s="12" t="e">
        <f>'申請書（複数入力用）'!N1510</f>
        <v>#N/A</v>
      </c>
      <c r="I1508" s="12" t="e">
        <f>'申請書（複数入力用）'!O1510</f>
        <v>#N/A</v>
      </c>
      <c r="J1508" s="12">
        <f>'申請書（複数入力用）'!P1510</f>
        <v>1</v>
      </c>
    </row>
    <row r="1509" spans="1:10" ht="51.6" customHeight="1" x14ac:dyDescent="0.45">
      <c r="A1509" s="6">
        <f>'申請書（複数入力用）'!A1511</f>
        <v>1505</v>
      </c>
      <c r="B1509" s="13">
        <f>'申請書（複数入力用）'!AH1511</f>
        <v>0</v>
      </c>
      <c r="C1509" s="6">
        <f>'申請書（複数入力用）'!B1511</f>
        <v>0</v>
      </c>
      <c r="D1509" s="6">
        <f>'申請書（複数入力用）'!D1511</f>
        <v>0</v>
      </c>
      <c r="E1509" s="14">
        <f>'申請書（複数入力用）'!H1511</f>
        <v>0</v>
      </c>
      <c r="F1509" s="11" t="str">
        <f>'申請書（複数入力用）'!J1511</f>
        <v/>
      </c>
      <c r="G1509" s="6" t="str">
        <f>'申請書（複数入力用）'!K1511</f>
        <v>a052r000000jS9ZAAU</v>
      </c>
      <c r="H1509" s="12" t="e">
        <f>'申請書（複数入力用）'!N1511</f>
        <v>#N/A</v>
      </c>
      <c r="I1509" s="12" t="e">
        <f>'申請書（複数入力用）'!O1511</f>
        <v>#N/A</v>
      </c>
      <c r="J1509" s="12">
        <f>'申請書（複数入力用）'!P1511</f>
        <v>1</v>
      </c>
    </row>
    <row r="1510" spans="1:10" ht="51.6" customHeight="1" x14ac:dyDescent="0.45">
      <c r="A1510" s="6">
        <f>'申請書（複数入力用）'!A1512</f>
        <v>1506</v>
      </c>
      <c r="B1510" s="13">
        <f>'申請書（複数入力用）'!AH1512</f>
        <v>0</v>
      </c>
      <c r="C1510" s="6">
        <f>'申請書（複数入力用）'!B1512</f>
        <v>0</v>
      </c>
      <c r="D1510" s="6">
        <f>'申請書（複数入力用）'!D1512</f>
        <v>0</v>
      </c>
      <c r="E1510" s="14">
        <f>'申請書（複数入力用）'!H1512</f>
        <v>0</v>
      </c>
      <c r="F1510" s="11" t="str">
        <f>'申請書（複数入力用）'!J1512</f>
        <v/>
      </c>
      <c r="G1510" s="6" t="str">
        <f>'申請書（複数入力用）'!K1512</f>
        <v>a052r000000jS9ZAAU</v>
      </c>
      <c r="H1510" s="12" t="e">
        <f>'申請書（複数入力用）'!N1512</f>
        <v>#N/A</v>
      </c>
      <c r="I1510" s="12" t="e">
        <f>'申請書（複数入力用）'!O1512</f>
        <v>#N/A</v>
      </c>
      <c r="J1510" s="12">
        <f>'申請書（複数入力用）'!P1512</f>
        <v>1</v>
      </c>
    </row>
    <row r="1511" spans="1:10" ht="51.6" customHeight="1" x14ac:dyDescent="0.45">
      <c r="A1511" s="6">
        <f>'申請書（複数入力用）'!A1513</f>
        <v>1507</v>
      </c>
      <c r="B1511" s="13">
        <f>'申請書（複数入力用）'!AH1513</f>
        <v>0</v>
      </c>
      <c r="C1511" s="6">
        <f>'申請書（複数入力用）'!B1513</f>
        <v>0</v>
      </c>
      <c r="D1511" s="6">
        <f>'申請書（複数入力用）'!D1513</f>
        <v>0</v>
      </c>
      <c r="E1511" s="14">
        <f>'申請書（複数入力用）'!H1513</f>
        <v>0</v>
      </c>
      <c r="F1511" s="11" t="str">
        <f>'申請書（複数入力用）'!J1513</f>
        <v/>
      </c>
      <c r="G1511" s="6" t="str">
        <f>'申請書（複数入力用）'!K1513</f>
        <v>a052r000000jS9ZAAU</v>
      </c>
      <c r="H1511" s="12" t="e">
        <f>'申請書（複数入力用）'!N1513</f>
        <v>#N/A</v>
      </c>
      <c r="I1511" s="12" t="e">
        <f>'申請書（複数入力用）'!O1513</f>
        <v>#N/A</v>
      </c>
      <c r="J1511" s="12">
        <f>'申請書（複数入力用）'!P1513</f>
        <v>1</v>
      </c>
    </row>
    <row r="1512" spans="1:10" ht="51.6" customHeight="1" x14ac:dyDescent="0.45">
      <c r="A1512" s="6">
        <f>'申請書（複数入力用）'!A1514</f>
        <v>1508</v>
      </c>
      <c r="B1512" s="13">
        <f>'申請書（複数入力用）'!AH1514</f>
        <v>0</v>
      </c>
      <c r="C1512" s="6">
        <f>'申請書（複数入力用）'!B1514</f>
        <v>0</v>
      </c>
      <c r="D1512" s="6">
        <f>'申請書（複数入力用）'!D1514</f>
        <v>0</v>
      </c>
      <c r="E1512" s="14">
        <f>'申請書（複数入力用）'!H1514</f>
        <v>0</v>
      </c>
      <c r="F1512" s="11" t="str">
        <f>'申請書（複数入力用）'!J1514</f>
        <v/>
      </c>
      <c r="G1512" s="6" t="str">
        <f>'申請書（複数入力用）'!K1514</f>
        <v>a052r000000jS9ZAAU</v>
      </c>
      <c r="H1512" s="12" t="e">
        <f>'申請書（複数入力用）'!N1514</f>
        <v>#N/A</v>
      </c>
      <c r="I1512" s="12" t="e">
        <f>'申請書（複数入力用）'!O1514</f>
        <v>#N/A</v>
      </c>
      <c r="J1512" s="12">
        <f>'申請書（複数入力用）'!P1514</f>
        <v>1</v>
      </c>
    </row>
    <row r="1513" spans="1:10" ht="51.6" customHeight="1" x14ac:dyDescent="0.45">
      <c r="A1513" s="6">
        <f>'申請書（複数入力用）'!A1515</f>
        <v>1509</v>
      </c>
      <c r="B1513" s="13">
        <f>'申請書（複数入力用）'!AH1515</f>
        <v>0</v>
      </c>
      <c r="C1513" s="6">
        <f>'申請書（複数入力用）'!B1515</f>
        <v>0</v>
      </c>
      <c r="D1513" s="6">
        <f>'申請書（複数入力用）'!D1515</f>
        <v>0</v>
      </c>
      <c r="E1513" s="14">
        <f>'申請書（複数入力用）'!H1515</f>
        <v>0</v>
      </c>
      <c r="F1513" s="11" t="str">
        <f>'申請書（複数入力用）'!J1515</f>
        <v/>
      </c>
      <c r="G1513" s="6" t="str">
        <f>'申請書（複数入力用）'!K1515</f>
        <v>a052r000000jS9ZAAU</v>
      </c>
      <c r="H1513" s="12" t="e">
        <f>'申請書（複数入力用）'!N1515</f>
        <v>#N/A</v>
      </c>
      <c r="I1513" s="12" t="e">
        <f>'申請書（複数入力用）'!O1515</f>
        <v>#N/A</v>
      </c>
      <c r="J1513" s="12">
        <f>'申請書（複数入力用）'!P1515</f>
        <v>1</v>
      </c>
    </row>
    <row r="1514" spans="1:10" ht="51.6" customHeight="1" x14ac:dyDescent="0.45">
      <c r="A1514" s="6">
        <f>'申請書（複数入力用）'!A1516</f>
        <v>1510</v>
      </c>
      <c r="B1514" s="13">
        <f>'申請書（複数入力用）'!AH1516</f>
        <v>0</v>
      </c>
      <c r="C1514" s="6">
        <f>'申請書（複数入力用）'!B1516</f>
        <v>0</v>
      </c>
      <c r="D1514" s="6">
        <f>'申請書（複数入力用）'!D1516</f>
        <v>0</v>
      </c>
      <c r="E1514" s="14">
        <f>'申請書（複数入力用）'!H1516</f>
        <v>0</v>
      </c>
      <c r="F1514" s="11" t="str">
        <f>'申請書（複数入力用）'!J1516</f>
        <v/>
      </c>
      <c r="G1514" s="6" t="str">
        <f>'申請書（複数入力用）'!K1516</f>
        <v>a052r000000jS9ZAAU</v>
      </c>
      <c r="H1514" s="12" t="e">
        <f>'申請書（複数入力用）'!N1516</f>
        <v>#N/A</v>
      </c>
      <c r="I1514" s="12" t="e">
        <f>'申請書（複数入力用）'!O1516</f>
        <v>#N/A</v>
      </c>
      <c r="J1514" s="12">
        <f>'申請書（複数入力用）'!P1516</f>
        <v>1</v>
      </c>
    </row>
    <row r="1515" spans="1:10" ht="51.6" customHeight="1" x14ac:dyDescent="0.45">
      <c r="A1515" s="6">
        <f>'申請書（複数入力用）'!A1517</f>
        <v>1511</v>
      </c>
      <c r="B1515" s="13">
        <f>'申請書（複数入力用）'!AH1517</f>
        <v>0</v>
      </c>
      <c r="C1515" s="6">
        <f>'申請書（複数入力用）'!B1517</f>
        <v>0</v>
      </c>
      <c r="D1515" s="6">
        <f>'申請書（複数入力用）'!D1517</f>
        <v>0</v>
      </c>
      <c r="E1515" s="14">
        <f>'申請書（複数入力用）'!H1517</f>
        <v>0</v>
      </c>
      <c r="F1515" s="11" t="str">
        <f>'申請書（複数入力用）'!J1517</f>
        <v/>
      </c>
      <c r="G1515" s="6" t="str">
        <f>'申請書（複数入力用）'!K1517</f>
        <v>a052r000000jS9ZAAU</v>
      </c>
      <c r="H1515" s="12" t="e">
        <f>'申請書（複数入力用）'!N1517</f>
        <v>#N/A</v>
      </c>
      <c r="I1515" s="12" t="e">
        <f>'申請書（複数入力用）'!O1517</f>
        <v>#N/A</v>
      </c>
      <c r="J1515" s="12">
        <f>'申請書（複数入力用）'!P1517</f>
        <v>1</v>
      </c>
    </row>
    <row r="1516" spans="1:10" ht="51.6" customHeight="1" x14ac:dyDescent="0.45">
      <c r="A1516" s="6">
        <f>'申請書（複数入力用）'!A1518</f>
        <v>1512</v>
      </c>
      <c r="B1516" s="13">
        <f>'申請書（複数入力用）'!AH1518</f>
        <v>0</v>
      </c>
      <c r="C1516" s="6">
        <f>'申請書（複数入力用）'!B1518</f>
        <v>0</v>
      </c>
      <c r="D1516" s="6">
        <f>'申請書（複数入力用）'!D1518</f>
        <v>0</v>
      </c>
      <c r="E1516" s="14">
        <f>'申請書（複数入力用）'!H1518</f>
        <v>0</v>
      </c>
      <c r="F1516" s="11" t="str">
        <f>'申請書（複数入力用）'!J1518</f>
        <v/>
      </c>
      <c r="G1516" s="6" t="str">
        <f>'申請書（複数入力用）'!K1518</f>
        <v>a052r000000jS9ZAAU</v>
      </c>
      <c r="H1516" s="12" t="e">
        <f>'申請書（複数入力用）'!N1518</f>
        <v>#N/A</v>
      </c>
      <c r="I1516" s="12" t="e">
        <f>'申請書（複数入力用）'!O1518</f>
        <v>#N/A</v>
      </c>
      <c r="J1516" s="12">
        <f>'申請書（複数入力用）'!P1518</f>
        <v>1</v>
      </c>
    </row>
    <row r="1517" spans="1:10" ht="51.6" customHeight="1" x14ac:dyDescent="0.45">
      <c r="A1517" s="6">
        <f>'申請書（複数入力用）'!A1519</f>
        <v>1513</v>
      </c>
      <c r="B1517" s="13">
        <f>'申請書（複数入力用）'!AH1519</f>
        <v>0</v>
      </c>
      <c r="C1517" s="6">
        <f>'申請書（複数入力用）'!B1519</f>
        <v>0</v>
      </c>
      <c r="D1517" s="6">
        <f>'申請書（複数入力用）'!D1519</f>
        <v>0</v>
      </c>
      <c r="E1517" s="14">
        <f>'申請書（複数入力用）'!H1519</f>
        <v>0</v>
      </c>
      <c r="F1517" s="11" t="str">
        <f>'申請書（複数入力用）'!J1519</f>
        <v/>
      </c>
      <c r="G1517" s="6" t="str">
        <f>'申請書（複数入力用）'!K1519</f>
        <v>a052r000000jS9ZAAU</v>
      </c>
      <c r="H1517" s="12" t="e">
        <f>'申請書（複数入力用）'!N1519</f>
        <v>#N/A</v>
      </c>
      <c r="I1517" s="12" t="e">
        <f>'申請書（複数入力用）'!O1519</f>
        <v>#N/A</v>
      </c>
      <c r="J1517" s="12">
        <f>'申請書（複数入力用）'!P1519</f>
        <v>1</v>
      </c>
    </row>
    <row r="1518" spans="1:10" ht="51.6" customHeight="1" x14ac:dyDescent="0.45">
      <c r="A1518" s="6">
        <f>'申請書（複数入力用）'!A1520</f>
        <v>1514</v>
      </c>
      <c r="B1518" s="13">
        <f>'申請書（複数入力用）'!AH1520</f>
        <v>0</v>
      </c>
      <c r="C1518" s="6">
        <f>'申請書（複数入力用）'!B1520</f>
        <v>0</v>
      </c>
      <c r="D1518" s="6">
        <f>'申請書（複数入力用）'!D1520</f>
        <v>0</v>
      </c>
      <c r="E1518" s="14">
        <f>'申請書（複数入力用）'!H1520</f>
        <v>0</v>
      </c>
      <c r="F1518" s="11" t="str">
        <f>'申請書（複数入力用）'!J1520</f>
        <v/>
      </c>
      <c r="G1518" s="6" t="str">
        <f>'申請書（複数入力用）'!K1520</f>
        <v>a052r000000jS9ZAAU</v>
      </c>
      <c r="H1518" s="12" t="e">
        <f>'申請書（複数入力用）'!N1520</f>
        <v>#N/A</v>
      </c>
      <c r="I1518" s="12" t="e">
        <f>'申請書（複数入力用）'!O1520</f>
        <v>#N/A</v>
      </c>
      <c r="J1518" s="12">
        <f>'申請書（複数入力用）'!P1520</f>
        <v>1</v>
      </c>
    </row>
    <row r="1519" spans="1:10" ht="51.6" customHeight="1" x14ac:dyDescent="0.45">
      <c r="A1519" s="6">
        <f>'申請書（複数入力用）'!A1521</f>
        <v>1515</v>
      </c>
      <c r="B1519" s="13">
        <f>'申請書（複数入力用）'!AH1521</f>
        <v>0</v>
      </c>
      <c r="C1519" s="6">
        <f>'申請書（複数入力用）'!B1521</f>
        <v>0</v>
      </c>
      <c r="D1519" s="6">
        <f>'申請書（複数入力用）'!D1521</f>
        <v>0</v>
      </c>
      <c r="E1519" s="14">
        <f>'申請書（複数入力用）'!H1521</f>
        <v>0</v>
      </c>
      <c r="F1519" s="11" t="str">
        <f>'申請書（複数入力用）'!J1521</f>
        <v/>
      </c>
      <c r="G1519" s="6" t="str">
        <f>'申請書（複数入力用）'!K1521</f>
        <v>a052r000000jS9ZAAU</v>
      </c>
      <c r="H1519" s="12" t="e">
        <f>'申請書（複数入力用）'!N1521</f>
        <v>#N/A</v>
      </c>
      <c r="I1519" s="12" t="e">
        <f>'申請書（複数入力用）'!O1521</f>
        <v>#N/A</v>
      </c>
      <c r="J1519" s="12">
        <f>'申請書（複数入力用）'!P1521</f>
        <v>1</v>
      </c>
    </row>
    <row r="1520" spans="1:10" ht="51.6" customHeight="1" x14ac:dyDescent="0.45">
      <c r="A1520" s="6">
        <f>'申請書（複数入力用）'!A1522</f>
        <v>1516</v>
      </c>
      <c r="B1520" s="13">
        <f>'申請書（複数入力用）'!AH1522</f>
        <v>0</v>
      </c>
      <c r="C1520" s="6">
        <f>'申請書（複数入力用）'!B1522</f>
        <v>0</v>
      </c>
      <c r="D1520" s="6">
        <f>'申請書（複数入力用）'!D1522</f>
        <v>0</v>
      </c>
      <c r="E1520" s="14">
        <f>'申請書（複数入力用）'!H1522</f>
        <v>0</v>
      </c>
      <c r="F1520" s="11" t="str">
        <f>'申請書（複数入力用）'!J1522</f>
        <v/>
      </c>
      <c r="G1520" s="6" t="str">
        <f>'申請書（複数入力用）'!K1522</f>
        <v>a052r000000jS9ZAAU</v>
      </c>
      <c r="H1520" s="12" t="e">
        <f>'申請書（複数入力用）'!N1522</f>
        <v>#N/A</v>
      </c>
      <c r="I1520" s="12" t="e">
        <f>'申請書（複数入力用）'!O1522</f>
        <v>#N/A</v>
      </c>
      <c r="J1520" s="12">
        <f>'申請書（複数入力用）'!P1522</f>
        <v>1</v>
      </c>
    </row>
    <row r="1521" spans="1:10" ht="51.6" customHeight="1" x14ac:dyDescent="0.45">
      <c r="A1521" s="6">
        <f>'申請書（複数入力用）'!A1523</f>
        <v>1517</v>
      </c>
      <c r="B1521" s="13">
        <f>'申請書（複数入力用）'!AH1523</f>
        <v>0</v>
      </c>
      <c r="C1521" s="6">
        <f>'申請書（複数入力用）'!B1523</f>
        <v>0</v>
      </c>
      <c r="D1521" s="6">
        <f>'申請書（複数入力用）'!D1523</f>
        <v>0</v>
      </c>
      <c r="E1521" s="14">
        <f>'申請書（複数入力用）'!H1523</f>
        <v>0</v>
      </c>
      <c r="F1521" s="11" t="str">
        <f>'申請書（複数入力用）'!J1523</f>
        <v/>
      </c>
      <c r="G1521" s="6" t="str">
        <f>'申請書（複数入力用）'!K1523</f>
        <v>a052r000000jS9ZAAU</v>
      </c>
      <c r="H1521" s="12" t="e">
        <f>'申請書（複数入力用）'!N1523</f>
        <v>#N/A</v>
      </c>
      <c r="I1521" s="12" t="e">
        <f>'申請書（複数入力用）'!O1523</f>
        <v>#N/A</v>
      </c>
      <c r="J1521" s="12">
        <f>'申請書（複数入力用）'!P1523</f>
        <v>1</v>
      </c>
    </row>
    <row r="1522" spans="1:10" ht="51.6" customHeight="1" x14ac:dyDescent="0.45">
      <c r="A1522" s="6">
        <f>'申請書（複数入力用）'!A1524</f>
        <v>1518</v>
      </c>
      <c r="B1522" s="13">
        <f>'申請書（複数入力用）'!AH1524</f>
        <v>0</v>
      </c>
      <c r="C1522" s="6">
        <f>'申請書（複数入力用）'!B1524</f>
        <v>0</v>
      </c>
      <c r="D1522" s="6">
        <f>'申請書（複数入力用）'!D1524</f>
        <v>0</v>
      </c>
      <c r="E1522" s="14">
        <f>'申請書（複数入力用）'!H1524</f>
        <v>0</v>
      </c>
      <c r="F1522" s="11" t="str">
        <f>'申請書（複数入力用）'!J1524</f>
        <v/>
      </c>
      <c r="G1522" s="6" t="str">
        <f>'申請書（複数入力用）'!K1524</f>
        <v>a052r000000jS9ZAAU</v>
      </c>
      <c r="H1522" s="12" t="e">
        <f>'申請書（複数入力用）'!N1524</f>
        <v>#N/A</v>
      </c>
      <c r="I1522" s="12" t="e">
        <f>'申請書（複数入力用）'!O1524</f>
        <v>#N/A</v>
      </c>
      <c r="J1522" s="12">
        <f>'申請書（複数入力用）'!P1524</f>
        <v>1</v>
      </c>
    </row>
    <row r="1523" spans="1:10" ht="51.6" customHeight="1" x14ac:dyDescent="0.45">
      <c r="A1523" s="6">
        <f>'申請書（複数入力用）'!A1525</f>
        <v>1519</v>
      </c>
      <c r="B1523" s="13">
        <f>'申請書（複数入力用）'!AH1525</f>
        <v>0</v>
      </c>
      <c r="C1523" s="6">
        <f>'申請書（複数入力用）'!B1525</f>
        <v>0</v>
      </c>
      <c r="D1523" s="6">
        <f>'申請書（複数入力用）'!D1525</f>
        <v>0</v>
      </c>
      <c r="E1523" s="14">
        <f>'申請書（複数入力用）'!H1525</f>
        <v>0</v>
      </c>
      <c r="F1523" s="11" t="str">
        <f>'申請書（複数入力用）'!J1525</f>
        <v/>
      </c>
      <c r="G1523" s="6" t="str">
        <f>'申請書（複数入力用）'!K1525</f>
        <v>a052r000000jS9ZAAU</v>
      </c>
      <c r="H1523" s="12" t="e">
        <f>'申請書（複数入力用）'!N1525</f>
        <v>#N/A</v>
      </c>
      <c r="I1523" s="12" t="e">
        <f>'申請書（複数入力用）'!O1525</f>
        <v>#N/A</v>
      </c>
      <c r="J1523" s="12">
        <f>'申請書（複数入力用）'!P1525</f>
        <v>1</v>
      </c>
    </row>
    <row r="1524" spans="1:10" ht="51.6" customHeight="1" x14ac:dyDescent="0.45">
      <c r="A1524" s="6">
        <f>'申請書（複数入力用）'!A1526</f>
        <v>1520</v>
      </c>
      <c r="B1524" s="13">
        <f>'申請書（複数入力用）'!AH1526</f>
        <v>0</v>
      </c>
      <c r="C1524" s="6">
        <f>'申請書（複数入力用）'!B1526</f>
        <v>0</v>
      </c>
      <c r="D1524" s="6">
        <f>'申請書（複数入力用）'!D1526</f>
        <v>0</v>
      </c>
      <c r="E1524" s="14">
        <f>'申請書（複数入力用）'!H1526</f>
        <v>0</v>
      </c>
      <c r="F1524" s="11" t="str">
        <f>'申請書（複数入力用）'!J1526</f>
        <v/>
      </c>
      <c r="G1524" s="6" t="str">
        <f>'申請書（複数入力用）'!K1526</f>
        <v>a052r000000jS9ZAAU</v>
      </c>
      <c r="H1524" s="12" t="e">
        <f>'申請書（複数入力用）'!N1526</f>
        <v>#N/A</v>
      </c>
      <c r="I1524" s="12" t="e">
        <f>'申請書（複数入力用）'!O1526</f>
        <v>#N/A</v>
      </c>
      <c r="J1524" s="12">
        <f>'申請書（複数入力用）'!P1526</f>
        <v>1</v>
      </c>
    </row>
    <row r="1525" spans="1:10" ht="51.6" customHeight="1" x14ac:dyDescent="0.45">
      <c r="A1525" s="6">
        <f>'申請書（複数入力用）'!A1527</f>
        <v>1521</v>
      </c>
      <c r="B1525" s="13">
        <f>'申請書（複数入力用）'!AH1527</f>
        <v>0</v>
      </c>
      <c r="C1525" s="6">
        <f>'申請書（複数入力用）'!B1527</f>
        <v>0</v>
      </c>
      <c r="D1525" s="6">
        <f>'申請書（複数入力用）'!D1527</f>
        <v>0</v>
      </c>
      <c r="E1525" s="14">
        <f>'申請書（複数入力用）'!H1527</f>
        <v>0</v>
      </c>
      <c r="F1525" s="11" t="str">
        <f>'申請書（複数入力用）'!J1527</f>
        <v/>
      </c>
      <c r="G1525" s="6" t="str">
        <f>'申請書（複数入力用）'!K1527</f>
        <v>a052r000000jS9ZAAU</v>
      </c>
      <c r="H1525" s="12" t="e">
        <f>'申請書（複数入力用）'!N1527</f>
        <v>#N/A</v>
      </c>
      <c r="I1525" s="12" t="e">
        <f>'申請書（複数入力用）'!O1527</f>
        <v>#N/A</v>
      </c>
      <c r="J1525" s="12">
        <f>'申請書（複数入力用）'!P1527</f>
        <v>1</v>
      </c>
    </row>
    <row r="1526" spans="1:10" ht="51.6" customHeight="1" x14ac:dyDescent="0.45">
      <c r="A1526" s="6">
        <f>'申請書（複数入力用）'!A1528</f>
        <v>1522</v>
      </c>
      <c r="B1526" s="13">
        <f>'申請書（複数入力用）'!AH1528</f>
        <v>0</v>
      </c>
      <c r="C1526" s="6">
        <f>'申請書（複数入力用）'!B1528</f>
        <v>0</v>
      </c>
      <c r="D1526" s="6">
        <f>'申請書（複数入力用）'!D1528</f>
        <v>0</v>
      </c>
      <c r="E1526" s="14">
        <f>'申請書（複数入力用）'!H1528</f>
        <v>0</v>
      </c>
      <c r="F1526" s="11" t="str">
        <f>'申請書（複数入力用）'!J1528</f>
        <v/>
      </c>
      <c r="G1526" s="6" t="str">
        <f>'申請書（複数入力用）'!K1528</f>
        <v>a052r000000jS9ZAAU</v>
      </c>
      <c r="H1526" s="12" t="e">
        <f>'申請書（複数入力用）'!N1528</f>
        <v>#N/A</v>
      </c>
      <c r="I1526" s="12" t="e">
        <f>'申請書（複数入力用）'!O1528</f>
        <v>#N/A</v>
      </c>
      <c r="J1526" s="12">
        <f>'申請書（複数入力用）'!P1528</f>
        <v>1</v>
      </c>
    </row>
    <row r="1527" spans="1:10" ht="51.6" customHeight="1" x14ac:dyDescent="0.45">
      <c r="A1527" s="6">
        <f>'申請書（複数入力用）'!A1529</f>
        <v>1523</v>
      </c>
      <c r="B1527" s="13">
        <f>'申請書（複数入力用）'!AH1529</f>
        <v>0</v>
      </c>
      <c r="C1527" s="6">
        <f>'申請書（複数入力用）'!B1529</f>
        <v>0</v>
      </c>
      <c r="D1527" s="6">
        <f>'申請書（複数入力用）'!D1529</f>
        <v>0</v>
      </c>
      <c r="E1527" s="14">
        <f>'申請書（複数入力用）'!H1529</f>
        <v>0</v>
      </c>
      <c r="F1527" s="11" t="str">
        <f>'申請書（複数入力用）'!J1529</f>
        <v/>
      </c>
      <c r="G1527" s="6" t="str">
        <f>'申請書（複数入力用）'!K1529</f>
        <v>a052r000000jS9ZAAU</v>
      </c>
      <c r="H1527" s="12" t="e">
        <f>'申請書（複数入力用）'!N1529</f>
        <v>#N/A</v>
      </c>
      <c r="I1527" s="12" t="e">
        <f>'申請書（複数入力用）'!O1529</f>
        <v>#N/A</v>
      </c>
      <c r="J1527" s="12">
        <f>'申請書（複数入力用）'!P1529</f>
        <v>1</v>
      </c>
    </row>
    <row r="1528" spans="1:10" ht="51.6" customHeight="1" x14ac:dyDescent="0.45">
      <c r="A1528" s="6">
        <f>'申請書（複数入力用）'!A1530</f>
        <v>1524</v>
      </c>
      <c r="B1528" s="13">
        <f>'申請書（複数入力用）'!AH1530</f>
        <v>0</v>
      </c>
      <c r="C1528" s="6">
        <f>'申請書（複数入力用）'!B1530</f>
        <v>0</v>
      </c>
      <c r="D1528" s="6">
        <f>'申請書（複数入力用）'!D1530</f>
        <v>0</v>
      </c>
      <c r="E1528" s="14">
        <f>'申請書（複数入力用）'!H1530</f>
        <v>0</v>
      </c>
      <c r="F1528" s="11" t="str">
        <f>'申請書（複数入力用）'!J1530</f>
        <v/>
      </c>
      <c r="G1528" s="6" t="str">
        <f>'申請書（複数入力用）'!K1530</f>
        <v>a052r000000jS9ZAAU</v>
      </c>
      <c r="H1528" s="12" t="e">
        <f>'申請書（複数入力用）'!N1530</f>
        <v>#N/A</v>
      </c>
      <c r="I1528" s="12" t="e">
        <f>'申請書（複数入力用）'!O1530</f>
        <v>#N/A</v>
      </c>
      <c r="J1528" s="12">
        <f>'申請書（複数入力用）'!P1530</f>
        <v>1</v>
      </c>
    </row>
    <row r="1529" spans="1:10" ht="51.6" customHeight="1" x14ac:dyDescent="0.45">
      <c r="A1529" s="6">
        <f>'申請書（複数入力用）'!A1531</f>
        <v>1525</v>
      </c>
      <c r="B1529" s="13">
        <f>'申請書（複数入力用）'!AH1531</f>
        <v>0</v>
      </c>
      <c r="C1529" s="6">
        <f>'申請書（複数入力用）'!B1531</f>
        <v>0</v>
      </c>
      <c r="D1529" s="6">
        <f>'申請書（複数入力用）'!D1531</f>
        <v>0</v>
      </c>
      <c r="E1529" s="14">
        <f>'申請書（複数入力用）'!H1531</f>
        <v>0</v>
      </c>
      <c r="F1529" s="11" t="str">
        <f>'申請書（複数入力用）'!J1531</f>
        <v/>
      </c>
      <c r="G1529" s="6" t="str">
        <f>'申請書（複数入力用）'!K1531</f>
        <v>a052r000000jS9ZAAU</v>
      </c>
      <c r="H1529" s="12" t="e">
        <f>'申請書（複数入力用）'!N1531</f>
        <v>#N/A</v>
      </c>
      <c r="I1529" s="12" t="e">
        <f>'申請書（複数入力用）'!O1531</f>
        <v>#N/A</v>
      </c>
      <c r="J1529" s="12">
        <f>'申請書（複数入力用）'!P1531</f>
        <v>1</v>
      </c>
    </row>
    <row r="1530" spans="1:10" ht="51.6" customHeight="1" x14ac:dyDescent="0.45">
      <c r="A1530" s="6">
        <f>'申請書（複数入力用）'!A1532</f>
        <v>1526</v>
      </c>
      <c r="B1530" s="13">
        <f>'申請書（複数入力用）'!AH1532</f>
        <v>0</v>
      </c>
      <c r="C1530" s="6">
        <f>'申請書（複数入力用）'!B1532</f>
        <v>0</v>
      </c>
      <c r="D1530" s="6">
        <f>'申請書（複数入力用）'!D1532</f>
        <v>0</v>
      </c>
      <c r="E1530" s="14">
        <f>'申請書（複数入力用）'!H1532</f>
        <v>0</v>
      </c>
      <c r="F1530" s="11" t="str">
        <f>'申請書（複数入力用）'!J1532</f>
        <v/>
      </c>
      <c r="G1530" s="6" t="str">
        <f>'申請書（複数入力用）'!K1532</f>
        <v>a052r000000jS9ZAAU</v>
      </c>
      <c r="H1530" s="12" t="e">
        <f>'申請書（複数入力用）'!N1532</f>
        <v>#N/A</v>
      </c>
      <c r="I1530" s="12" t="e">
        <f>'申請書（複数入力用）'!O1532</f>
        <v>#N/A</v>
      </c>
      <c r="J1530" s="12">
        <f>'申請書（複数入力用）'!P1532</f>
        <v>1</v>
      </c>
    </row>
    <row r="1531" spans="1:10" ht="51.6" customHeight="1" x14ac:dyDescent="0.45">
      <c r="A1531" s="6">
        <f>'申請書（複数入力用）'!A1533</f>
        <v>1527</v>
      </c>
      <c r="B1531" s="13">
        <f>'申請書（複数入力用）'!AH1533</f>
        <v>0</v>
      </c>
      <c r="C1531" s="6">
        <f>'申請書（複数入力用）'!B1533</f>
        <v>0</v>
      </c>
      <c r="D1531" s="6">
        <f>'申請書（複数入力用）'!D1533</f>
        <v>0</v>
      </c>
      <c r="E1531" s="14">
        <f>'申請書（複数入力用）'!H1533</f>
        <v>0</v>
      </c>
      <c r="F1531" s="11" t="str">
        <f>'申請書（複数入力用）'!J1533</f>
        <v/>
      </c>
      <c r="G1531" s="6" t="str">
        <f>'申請書（複数入力用）'!K1533</f>
        <v>a052r000000jS9ZAAU</v>
      </c>
      <c r="H1531" s="12" t="e">
        <f>'申請書（複数入力用）'!N1533</f>
        <v>#N/A</v>
      </c>
      <c r="I1531" s="12" t="e">
        <f>'申請書（複数入力用）'!O1533</f>
        <v>#N/A</v>
      </c>
      <c r="J1531" s="12">
        <f>'申請書（複数入力用）'!P1533</f>
        <v>1</v>
      </c>
    </row>
    <row r="1532" spans="1:10" ht="51.6" customHeight="1" x14ac:dyDescent="0.45">
      <c r="A1532" s="6">
        <f>'申請書（複数入力用）'!A1534</f>
        <v>1528</v>
      </c>
      <c r="B1532" s="13">
        <f>'申請書（複数入力用）'!AH1534</f>
        <v>0</v>
      </c>
      <c r="C1532" s="6">
        <f>'申請書（複数入力用）'!B1534</f>
        <v>0</v>
      </c>
      <c r="D1532" s="6">
        <f>'申請書（複数入力用）'!D1534</f>
        <v>0</v>
      </c>
      <c r="E1532" s="14">
        <f>'申請書（複数入力用）'!H1534</f>
        <v>0</v>
      </c>
      <c r="F1532" s="11" t="str">
        <f>'申請書（複数入力用）'!J1534</f>
        <v/>
      </c>
      <c r="G1532" s="6" t="str">
        <f>'申請書（複数入力用）'!K1534</f>
        <v>a052r000000jS9ZAAU</v>
      </c>
      <c r="H1532" s="12" t="e">
        <f>'申請書（複数入力用）'!N1534</f>
        <v>#N/A</v>
      </c>
      <c r="I1532" s="12" t="e">
        <f>'申請書（複数入力用）'!O1534</f>
        <v>#N/A</v>
      </c>
      <c r="J1532" s="12">
        <f>'申請書（複数入力用）'!P1534</f>
        <v>1</v>
      </c>
    </row>
    <row r="1533" spans="1:10" ht="51.6" customHeight="1" x14ac:dyDescent="0.45">
      <c r="A1533" s="6">
        <f>'申請書（複数入力用）'!A1535</f>
        <v>1529</v>
      </c>
      <c r="B1533" s="13">
        <f>'申請書（複数入力用）'!AH1535</f>
        <v>0</v>
      </c>
      <c r="C1533" s="6">
        <f>'申請書（複数入力用）'!B1535</f>
        <v>0</v>
      </c>
      <c r="D1533" s="6">
        <f>'申請書（複数入力用）'!D1535</f>
        <v>0</v>
      </c>
      <c r="E1533" s="14">
        <f>'申請書（複数入力用）'!H1535</f>
        <v>0</v>
      </c>
      <c r="F1533" s="11" t="str">
        <f>'申請書（複数入力用）'!J1535</f>
        <v/>
      </c>
      <c r="G1533" s="6" t="str">
        <f>'申請書（複数入力用）'!K1535</f>
        <v>a052r000000jS9ZAAU</v>
      </c>
      <c r="H1533" s="12" t="e">
        <f>'申請書（複数入力用）'!N1535</f>
        <v>#N/A</v>
      </c>
      <c r="I1533" s="12" t="e">
        <f>'申請書（複数入力用）'!O1535</f>
        <v>#N/A</v>
      </c>
      <c r="J1533" s="12">
        <f>'申請書（複数入力用）'!P1535</f>
        <v>1</v>
      </c>
    </row>
    <row r="1534" spans="1:10" ht="51.6" customHeight="1" x14ac:dyDescent="0.45">
      <c r="A1534" s="6">
        <f>'申請書（複数入力用）'!A1536</f>
        <v>1530</v>
      </c>
      <c r="B1534" s="13">
        <f>'申請書（複数入力用）'!AH1536</f>
        <v>0</v>
      </c>
      <c r="C1534" s="6">
        <f>'申請書（複数入力用）'!B1536</f>
        <v>0</v>
      </c>
      <c r="D1534" s="6">
        <f>'申請書（複数入力用）'!D1536</f>
        <v>0</v>
      </c>
      <c r="E1534" s="14">
        <f>'申請書（複数入力用）'!H1536</f>
        <v>0</v>
      </c>
      <c r="F1534" s="11" t="str">
        <f>'申請書（複数入力用）'!J1536</f>
        <v/>
      </c>
      <c r="G1534" s="6" t="str">
        <f>'申請書（複数入力用）'!K1536</f>
        <v>a052r000000jS9ZAAU</v>
      </c>
      <c r="H1534" s="12" t="e">
        <f>'申請書（複数入力用）'!N1536</f>
        <v>#N/A</v>
      </c>
      <c r="I1534" s="12" t="e">
        <f>'申請書（複数入力用）'!O1536</f>
        <v>#N/A</v>
      </c>
      <c r="J1534" s="12">
        <f>'申請書（複数入力用）'!P1536</f>
        <v>1</v>
      </c>
    </row>
    <row r="1535" spans="1:10" ht="51.6" customHeight="1" x14ac:dyDescent="0.45">
      <c r="A1535" s="6">
        <f>'申請書（複数入力用）'!A1537</f>
        <v>1531</v>
      </c>
      <c r="B1535" s="13">
        <f>'申請書（複数入力用）'!AH1537</f>
        <v>0</v>
      </c>
      <c r="C1535" s="6">
        <f>'申請書（複数入力用）'!B1537</f>
        <v>0</v>
      </c>
      <c r="D1535" s="6">
        <f>'申請書（複数入力用）'!D1537</f>
        <v>0</v>
      </c>
      <c r="E1535" s="14">
        <f>'申請書（複数入力用）'!H1537</f>
        <v>0</v>
      </c>
      <c r="F1535" s="11" t="str">
        <f>'申請書（複数入力用）'!J1537</f>
        <v/>
      </c>
      <c r="G1535" s="6" t="str">
        <f>'申請書（複数入力用）'!K1537</f>
        <v>a052r000000jS9ZAAU</v>
      </c>
      <c r="H1535" s="12" t="e">
        <f>'申請書（複数入力用）'!N1537</f>
        <v>#N/A</v>
      </c>
      <c r="I1535" s="12" t="e">
        <f>'申請書（複数入力用）'!O1537</f>
        <v>#N/A</v>
      </c>
      <c r="J1535" s="12">
        <f>'申請書（複数入力用）'!P1537</f>
        <v>1</v>
      </c>
    </row>
    <row r="1536" spans="1:10" ht="51.6" customHeight="1" x14ac:dyDescent="0.45">
      <c r="A1536" s="6">
        <f>'申請書（複数入力用）'!A1538</f>
        <v>1532</v>
      </c>
      <c r="B1536" s="13">
        <f>'申請書（複数入力用）'!AH1538</f>
        <v>0</v>
      </c>
      <c r="C1536" s="6">
        <f>'申請書（複数入力用）'!B1538</f>
        <v>0</v>
      </c>
      <c r="D1536" s="6">
        <f>'申請書（複数入力用）'!D1538</f>
        <v>0</v>
      </c>
      <c r="E1536" s="14">
        <f>'申請書（複数入力用）'!H1538</f>
        <v>0</v>
      </c>
      <c r="F1536" s="11" t="str">
        <f>'申請書（複数入力用）'!J1538</f>
        <v/>
      </c>
      <c r="G1536" s="6" t="str">
        <f>'申請書（複数入力用）'!K1538</f>
        <v>a052r000000jS9ZAAU</v>
      </c>
      <c r="H1536" s="12" t="e">
        <f>'申請書（複数入力用）'!N1538</f>
        <v>#N/A</v>
      </c>
      <c r="I1536" s="12" t="e">
        <f>'申請書（複数入力用）'!O1538</f>
        <v>#N/A</v>
      </c>
      <c r="J1536" s="12">
        <f>'申請書（複数入力用）'!P1538</f>
        <v>1</v>
      </c>
    </row>
    <row r="1537" spans="1:10" ht="51.6" customHeight="1" x14ac:dyDescent="0.45">
      <c r="A1537" s="6">
        <f>'申請書（複数入力用）'!A1539</f>
        <v>1533</v>
      </c>
      <c r="B1537" s="13">
        <f>'申請書（複数入力用）'!AH1539</f>
        <v>0</v>
      </c>
      <c r="C1537" s="6">
        <f>'申請書（複数入力用）'!B1539</f>
        <v>0</v>
      </c>
      <c r="D1537" s="6">
        <f>'申請書（複数入力用）'!D1539</f>
        <v>0</v>
      </c>
      <c r="E1537" s="14">
        <f>'申請書（複数入力用）'!H1539</f>
        <v>0</v>
      </c>
      <c r="F1537" s="11" t="str">
        <f>'申請書（複数入力用）'!J1539</f>
        <v/>
      </c>
      <c r="G1537" s="6" t="str">
        <f>'申請書（複数入力用）'!K1539</f>
        <v>a052r000000jS9ZAAU</v>
      </c>
      <c r="H1537" s="12" t="e">
        <f>'申請書（複数入力用）'!N1539</f>
        <v>#N/A</v>
      </c>
      <c r="I1537" s="12" t="e">
        <f>'申請書（複数入力用）'!O1539</f>
        <v>#N/A</v>
      </c>
      <c r="J1537" s="12">
        <f>'申請書（複数入力用）'!P1539</f>
        <v>1</v>
      </c>
    </row>
    <row r="1538" spans="1:10" ht="51.6" customHeight="1" x14ac:dyDescent="0.45">
      <c r="A1538" s="6">
        <f>'申請書（複数入力用）'!A1540</f>
        <v>1534</v>
      </c>
      <c r="B1538" s="13">
        <f>'申請書（複数入力用）'!AH1540</f>
        <v>0</v>
      </c>
      <c r="C1538" s="6">
        <f>'申請書（複数入力用）'!B1540</f>
        <v>0</v>
      </c>
      <c r="D1538" s="6">
        <f>'申請書（複数入力用）'!D1540</f>
        <v>0</v>
      </c>
      <c r="E1538" s="14">
        <f>'申請書（複数入力用）'!H1540</f>
        <v>0</v>
      </c>
      <c r="F1538" s="11" t="str">
        <f>'申請書（複数入力用）'!J1540</f>
        <v/>
      </c>
      <c r="G1538" s="6" t="str">
        <f>'申請書（複数入力用）'!K1540</f>
        <v>a052r000000jS9ZAAU</v>
      </c>
      <c r="H1538" s="12" t="e">
        <f>'申請書（複数入力用）'!N1540</f>
        <v>#N/A</v>
      </c>
      <c r="I1538" s="12" t="e">
        <f>'申請書（複数入力用）'!O1540</f>
        <v>#N/A</v>
      </c>
      <c r="J1538" s="12">
        <f>'申請書（複数入力用）'!P1540</f>
        <v>1</v>
      </c>
    </row>
    <row r="1539" spans="1:10" ht="51.6" customHeight="1" x14ac:dyDescent="0.45">
      <c r="A1539" s="6">
        <f>'申請書（複数入力用）'!A1541</f>
        <v>1535</v>
      </c>
      <c r="B1539" s="13">
        <f>'申請書（複数入力用）'!AH1541</f>
        <v>0</v>
      </c>
      <c r="C1539" s="6">
        <f>'申請書（複数入力用）'!B1541</f>
        <v>0</v>
      </c>
      <c r="D1539" s="6">
        <f>'申請書（複数入力用）'!D1541</f>
        <v>0</v>
      </c>
      <c r="E1539" s="14">
        <f>'申請書（複数入力用）'!H1541</f>
        <v>0</v>
      </c>
      <c r="F1539" s="11" t="str">
        <f>'申請書（複数入力用）'!J1541</f>
        <v/>
      </c>
      <c r="G1539" s="6" t="str">
        <f>'申請書（複数入力用）'!K1541</f>
        <v>a052r000000jS9ZAAU</v>
      </c>
      <c r="H1539" s="12" t="e">
        <f>'申請書（複数入力用）'!N1541</f>
        <v>#N/A</v>
      </c>
      <c r="I1539" s="12" t="e">
        <f>'申請書（複数入力用）'!O1541</f>
        <v>#N/A</v>
      </c>
      <c r="J1539" s="12">
        <f>'申請書（複数入力用）'!P1541</f>
        <v>1</v>
      </c>
    </row>
    <row r="1540" spans="1:10" ht="51.6" customHeight="1" x14ac:dyDescent="0.45">
      <c r="A1540" s="6">
        <f>'申請書（複数入力用）'!A1542</f>
        <v>1536</v>
      </c>
      <c r="B1540" s="13">
        <f>'申請書（複数入力用）'!AH1542</f>
        <v>0</v>
      </c>
      <c r="C1540" s="6">
        <f>'申請書（複数入力用）'!B1542</f>
        <v>0</v>
      </c>
      <c r="D1540" s="6">
        <f>'申請書（複数入力用）'!D1542</f>
        <v>0</v>
      </c>
      <c r="E1540" s="14">
        <f>'申請書（複数入力用）'!H1542</f>
        <v>0</v>
      </c>
      <c r="F1540" s="11" t="str">
        <f>'申請書（複数入力用）'!J1542</f>
        <v/>
      </c>
      <c r="G1540" s="6" t="str">
        <f>'申請書（複数入力用）'!K1542</f>
        <v>a052r000000jS9ZAAU</v>
      </c>
      <c r="H1540" s="12" t="e">
        <f>'申請書（複数入力用）'!N1542</f>
        <v>#N/A</v>
      </c>
      <c r="I1540" s="12" t="e">
        <f>'申請書（複数入力用）'!O1542</f>
        <v>#N/A</v>
      </c>
      <c r="J1540" s="12">
        <f>'申請書（複数入力用）'!P1542</f>
        <v>1</v>
      </c>
    </row>
    <row r="1541" spans="1:10" ht="51.6" customHeight="1" x14ac:dyDescent="0.45">
      <c r="A1541" s="6">
        <f>'申請書（複数入力用）'!A1543</f>
        <v>1537</v>
      </c>
      <c r="B1541" s="13">
        <f>'申請書（複数入力用）'!AH1543</f>
        <v>0</v>
      </c>
      <c r="C1541" s="6">
        <f>'申請書（複数入力用）'!B1543</f>
        <v>0</v>
      </c>
      <c r="D1541" s="6">
        <f>'申請書（複数入力用）'!D1543</f>
        <v>0</v>
      </c>
      <c r="E1541" s="14">
        <f>'申請書（複数入力用）'!H1543</f>
        <v>0</v>
      </c>
      <c r="F1541" s="11" t="str">
        <f>'申請書（複数入力用）'!J1543</f>
        <v/>
      </c>
      <c r="G1541" s="6" t="str">
        <f>'申請書（複数入力用）'!K1543</f>
        <v>a052r000000jS9ZAAU</v>
      </c>
      <c r="H1541" s="12" t="e">
        <f>'申請書（複数入力用）'!N1543</f>
        <v>#N/A</v>
      </c>
      <c r="I1541" s="12" t="e">
        <f>'申請書（複数入力用）'!O1543</f>
        <v>#N/A</v>
      </c>
      <c r="J1541" s="12">
        <f>'申請書（複数入力用）'!P1543</f>
        <v>1</v>
      </c>
    </row>
    <row r="1542" spans="1:10" ht="51.6" customHeight="1" x14ac:dyDescent="0.45">
      <c r="A1542" s="6">
        <f>'申請書（複数入力用）'!A1544</f>
        <v>1538</v>
      </c>
      <c r="B1542" s="13">
        <f>'申請書（複数入力用）'!AH1544</f>
        <v>0</v>
      </c>
      <c r="C1542" s="6">
        <f>'申請書（複数入力用）'!B1544</f>
        <v>0</v>
      </c>
      <c r="D1542" s="6">
        <f>'申請書（複数入力用）'!D1544</f>
        <v>0</v>
      </c>
      <c r="E1542" s="14">
        <f>'申請書（複数入力用）'!H1544</f>
        <v>0</v>
      </c>
      <c r="F1542" s="11" t="str">
        <f>'申請書（複数入力用）'!J1544</f>
        <v/>
      </c>
      <c r="G1542" s="6" t="str">
        <f>'申請書（複数入力用）'!K1544</f>
        <v>a052r000000jS9ZAAU</v>
      </c>
      <c r="H1542" s="12" t="e">
        <f>'申請書（複数入力用）'!N1544</f>
        <v>#N/A</v>
      </c>
      <c r="I1542" s="12" t="e">
        <f>'申請書（複数入力用）'!O1544</f>
        <v>#N/A</v>
      </c>
      <c r="J1542" s="12">
        <f>'申請書（複数入力用）'!P1544</f>
        <v>1</v>
      </c>
    </row>
    <row r="1543" spans="1:10" ht="51.6" customHeight="1" x14ac:dyDescent="0.45">
      <c r="A1543" s="6">
        <f>'申請書（複数入力用）'!A1545</f>
        <v>1539</v>
      </c>
      <c r="B1543" s="13">
        <f>'申請書（複数入力用）'!AH1545</f>
        <v>0</v>
      </c>
      <c r="C1543" s="6">
        <f>'申請書（複数入力用）'!B1545</f>
        <v>0</v>
      </c>
      <c r="D1543" s="6">
        <f>'申請書（複数入力用）'!D1545</f>
        <v>0</v>
      </c>
      <c r="E1543" s="14">
        <f>'申請書（複数入力用）'!H1545</f>
        <v>0</v>
      </c>
      <c r="F1543" s="11" t="str">
        <f>'申請書（複数入力用）'!J1545</f>
        <v/>
      </c>
      <c r="G1543" s="6" t="str">
        <f>'申請書（複数入力用）'!K1545</f>
        <v>a052r000000jS9ZAAU</v>
      </c>
      <c r="H1543" s="12" t="e">
        <f>'申請書（複数入力用）'!N1545</f>
        <v>#N/A</v>
      </c>
      <c r="I1543" s="12" t="e">
        <f>'申請書（複数入力用）'!O1545</f>
        <v>#N/A</v>
      </c>
      <c r="J1543" s="12">
        <f>'申請書（複数入力用）'!P1545</f>
        <v>1</v>
      </c>
    </row>
    <row r="1544" spans="1:10" ht="51.6" customHeight="1" x14ac:dyDescent="0.45">
      <c r="A1544" s="6">
        <f>'申請書（複数入力用）'!A1546</f>
        <v>1540</v>
      </c>
      <c r="B1544" s="13">
        <f>'申請書（複数入力用）'!AH1546</f>
        <v>0</v>
      </c>
      <c r="C1544" s="6">
        <f>'申請書（複数入力用）'!B1546</f>
        <v>0</v>
      </c>
      <c r="D1544" s="6">
        <f>'申請書（複数入力用）'!D1546</f>
        <v>0</v>
      </c>
      <c r="E1544" s="14">
        <f>'申請書（複数入力用）'!H1546</f>
        <v>0</v>
      </c>
      <c r="F1544" s="11" t="str">
        <f>'申請書（複数入力用）'!J1546</f>
        <v/>
      </c>
      <c r="G1544" s="6" t="str">
        <f>'申請書（複数入力用）'!K1546</f>
        <v>a052r000000jS9ZAAU</v>
      </c>
      <c r="H1544" s="12" t="e">
        <f>'申請書（複数入力用）'!N1546</f>
        <v>#N/A</v>
      </c>
      <c r="I1544" s="12" t="e">
        <f>'申請書（複数入力用）'!O1546</f>
        <v>#N/A</v>
      </c>
      <c r="J1544" s="12">
        <f>'申請書（複数入力用）'!P1546</f>
        <v>1</v>
      </c>
    </row>
    <row r="1545" spans="1:10" ht="51.6" customHeight="1" x14ac:dyDescent="0.45">
      <c r="A1545" s="6">
        <f>'申請書（複数入力用）'!A1547</f>
        <v>1541</v>
      </c>
      <c r="B1545" s="13">
        <f>'申請書（複数入力用）'!AH1547</f>
        <v>0</v>
      </c>
      <c r="C1545" s="6">
        <f>'申請書（複数入力用）'!B1547</f>
        <v>0</v>
      </c>
      <c r="D1545" s="6">
        <f>'申請書（複数入力用）'!D1547</f>
        <v>0</v>
      </c>
      <c r="E1545" s="14">
        <f>'申請書（複数入力用）'!H1547</f>
        <v>0</v>
      </c>
      <c r="F1545" s="11" t="str">
        <f>'申請書（複数入力用）'!J1547</f>
        <v/>
      </c>
      <c r="G1545" s="6" t="str">
        <f>'申請書（複数入力用）'!K1547</f>
        <v>a052r000000jS9ZAAU</v>
      </c>
      <c r="H1545" s="12" t="e">
        <f>'申請書（複数入力用）'!N1547</f>
        <v>#N/A</v>
      </c>
      <c r="I1545" s="12" t="e">
        <f>'申請書（複数入力用）'!O1547</f>
        <v>#N/A</v>
      </c>
      <c r="J1545" s="12">
        <f>'申請書（複数入力用）'!P1547</f>
        <v>1</v>
      </c>
    </row>
    <row r="1546" spans="1:10" ht="51.6" customHeight="1" x14ac:dyDescent="0.45">
      <c r="A1546" s="6">
        <f>'申請書（複数入力用）'!A1548</f>
        <v>1542</v>
      </c>
      <c r="B1546" s="13">
        <f>'申請書（複数入力用）'!AH1548</f>
        <v>0</v>
      </c>
      <c r="C1546" s="6">
        <f>'申請書（複数入力用）'!B1548</f>
        <v>0</v>
      </c>
      <c r="D1546" s="6">
        <f>'申請書（複数入力用）'!D1548</f>
        <v>0</v>
      </c>
      <c r="E1546" s="14">
        <f>'申請書（複数入力用）'!H1548</f>
        <v>0</v>
      </c>
      <c r="F1546" s="11" t="str">
        <f>'申請書（複数入力用）'!J1548</f>
        <v/>
      </c>
      <c r="G1546" s="6" t="str">
        <f>'申請書（複数入力用）'!K1548</f>
        <v>a052r000000jS9ZAAU</v>
      </c>
      <c r="H1546" s="12" t="e">
        <f>'申請書（複数入力用）'!N1548</f>
        <v>#N/A</v>
      </c>
      <c r="I1546" s="12" t="e">
        <f>'申請書（複数入力用）'!O1548</f>
        <v>#N/A</v>
      </c>
      <c r="J1546" s="12">
        <f>'申請書（複数入力用）'!P1548</f>
        <v>1</v>
      </c>
    </row>
    <row r="1547" spans="1:10" ht="51.6" customHeight="1" x14ac:dyDescent="0.45">
      <c r="A1547" s="6">
        <f>'申請書（複数入力用）'!A1549</f>
        <v>1543</v>
      </c>
      <c r="B1547" s="13">
        <f>'申請書（複数入力用）'!AH1549</f>
        <v>0</v>
      </c>
      <c r="C1547" s="6">
        <f>'申請書（複数入力用）'!B1549</f>
        <v>0</v>
      </c>
      <c r="D1547" s="6">
        <f>'申請書（複数入力用）'!D1549</f>
        <v>0</v>
      </c>
      <c r="E1547" s="14">
        <f>'申請書（複数入力用）'!H1549</f>
        <v>0</v>
      </c>
      <c r="F1547" s="11" t="str">
        <f>'申請書（複数入力用）'!J1549</f>
        <v/>
      </c>
      <c r="G1547" s="6" t="str">
        <f>'申請書（複数入力用）'!K1549</f>
        <v>a052r000000jS9ZAAU</v>
      </c>
      <c r="H1547" s="12" t="e">
        <f>'申請書（複数入力用）'!N1549</f>
        <v>#N/A</v>
      </c>
      <c r="I1547" s="12" t="e">
        <f>'申請書（複数入力用）'!O1549</f>
        <v>#N/A</v>
      </c>
      <c r="J1547" s="12">
        <f>'申請書（複数入力用）'!P1549</f>
        <v>1</v>
      </c>
    </row>
    <row r="1548" spans="1:10" ht="51.6" customHeight="1" x14ac:dyDescent="0.45">
      <c r="A1548" s="6">
        <f>'申請書（複数入力用）'!A1550</f>
        <v>1544</v>
      </c>
      <c r="B1548" s="13">
        <f>'申請書（複数入力用）'!AH1550</f>
        <v>0</v>
      </c>
      <c r="C1548" s="6">
        <f>'申請書（複数入力用）'!B1550</f>
        <v>0</v>
      </c>
      <c r="D1548" s="6">
        <f>'申請書（複数入力用）'!D1550</f>
        <v>0</v>
      </c>
      <c r="E1548" s="14">
        <f>'申請書（複数入力用）'!H1550</f>
        <v>0</v>
      </c>
      <c r="F1548" s="11" t="str">
        <f>'申請書（複数入力用）'!J1550</f>
        <v/>
      </c>
      <c r="G1548" s="6" t="str">
        <f>'申請書（複数入力用）'!K1550</f>
        <v>a052r000000jS9ZAAU</v>
      </c>
      <c r="H1548" s="12" t="e">
        <f>'申請書（複数入力用）'!N1550</f>
        <v>#N/A</v>
      </c>
      <c r="I1548" s="12" t="e">
        <f>'申請書（複数入力用）'!O1550</f>
        <v>#N/A</v>
      </c>
      <c r="J1548" s="12">
        <f>'申請書（複数入力用）'!P1550</f>
        <v>1</v>
      </c>
    </row>
    <row r="1549" spans="1:10" ht="51.6" customHeight="1" x14ac:dyDescent="0.45">
      <c r="A1549" s="6">
        <f>'申請書（複数入力用）'!A1551</f>
        <v>1545</v>
      </c>
      <c r="B1549" s="13">
        <f>'申請書（複数入力用）'!AH1551</f>
        <v>0</v>
      </c>
      <c r="C1549" s="6">
        <f>'申請書（複数入力用）'!B1551</f>
        <v>0</v>
      </c>
      <c r="D1549" s="6">
        <f>'申請書（複数入力用）'!D1551</f>
        <v>0</v>
      </c>
      <c r="E1549" s="14">
        <f>'申請書（複数入力用）'!H1551</f>
        <v>0</v>
      </c>
      <c r="F1549" s="11" t="str">
        <f>'申請書（複数入力用）'!J1551</f>
        <v/>
      </c>
      <c r="G1549" s="6" t="str">
        <f>'申請書（複数入力用）'!K1551</f>
        <v>a052r000000jS9ZAAU</v>
      </c>
      <c r="H1549" s="12" t="e">
        <f>'申請書（複数入力用）'!N1551</f>
        <v>#N/A</v>
      </c>
      <c r="I1549" s="12" t="e">
        <f>'申請書（複数入力用）'!O1551</f>
        <v>#N/A</v>
      </c>
      <c r="J1549" s="12">
        <f>'申請書（複数入力用）'!P1551</f>
        <v>1</v>
      </c>
    </row>
    <row r="1550" spans="1:10" ht="51.6" customHeight="1" x14ac:dyDescent="0.45">
      <c r="A1550" s="6">
        <f>'申請書（複数入力用）'!A1552</f>
        <v>1546</v>
      </c>
      <c r="B1550" s="13">
        <f>'申請書（複数入力用）'!AH1552</f>
        <v>0</v>
      </c>
      <c r="C1550" s="6">
        <f>'申請書（複数入力用）'!B1552</f>
        <v>0</v>
      </c>
      <c r="D1550" s="6">
        <f>'申請書（複数入力用）'!D1552</f>
        <v>0</v>
      </c>
      <c r="E1550" s="14">
        <f>'申請書（複数入力用）'!H1552</f>
        <v>0</v>
      </c>
      <c r="F1550" s="11" t="str">
        <f>'申請書（複数入力用）'!J1552</f>
        <v/>
      </c>
      <c r="G1550" s="6" t="str">
        <f>'申請書（複数入力用）'!K1552</f>
        <v>a052r000000jS9ZAAU</v>
      </c>
      <c r="H1550" s="12" t="e">
        <f>'申請書（複数入力用）'!N1552</f>
        <v>#N/A</v>
      </c>
      <c r="I1550" s="12" t="e">
        <f>'申請書（複数入力用）'!O1552</f>
        <v>#N/A</v>
      </c>
      <c r="J1550" s="12">
        <f>'申請書（複数入力用）'!P1552</f>
        <v>1</v>
      </c>
    </row>
    <row r="1551" spans="1:10" ht="51.6" customHeight="1" x14ac:dyDescent="0.45">
      <c r="A1551" s="6">
        <f>'申請書（複数入力用）'!A1553</f>
        <v>1547</v>
      </c>
      <c r="B1551" s="13">
        <f>'申請書（複数入力用）'!AH1553</f>
        <v>0</v>
      </c>
      <c r="C1551" s="6">
        <f>'申請書（複数入力用）'!B1553</f>
        <v>0</v>
      </c>
      <c r="D1551" s="6">
        <f>'申請書（複数入力用）'!D1553</f>
        <v>0</v>
      </c>
      <c r="E1551" s="14">
        <f>'申請書（複数入力用）'!H1553</f>
        <v>0</v>
      </c>
      <c r="F1551" s="11" t="str">
        <f>'申請書（複数入力用）'!J1553</f>
        <v/>
      </c>
      <c r="G1551" s="6" t="str">
        <f>'申請書（複数入力用）'!K1553</f>
        <v>a052r000000jS9ZAAU</v>
      </c>
      <c r="H1551" s="12" t="e">
        <f>'申請書（複数入力用）'!N1553</f>
        <v>#N/A</v>
      </c>
      <c r="I1551" s="12" t="e">
        <f>'申請書（複数入力用）'!O1553</f>
        <v>#N/A</v>
      </c>
      <c r="J1551" s="12">
        <f>'申請書（複数入力用）'!P1553</f>
        <v>1</v>
      </c>
    </row>
    <row r="1552" spans="1:10" ht="51.6" customHeight="1" x14ac:dyDescent="0.45">
      <c r="A1552" s="6">
        <f>'申請書（複数入力用）'!A1554</f>
        <v>1548</v>
      </c>
      <c r="B1552" s="13">
        <f>'申請書（複数入力用）'!AH1554</f>
        <v>0</v>
      </c>
      <c r="C1552" s="6">
        <f>'申請書（複数入力用）'!B1554</f>
        <v>0</v>
      </c>
      <c r="D1552" s="6">
        <f>'申請書（複数入力用）'!D1554</f>
        <v>0</v>
      </c>
      <c r="E1552" s="14">
        <f>'申請書（複数入力用）'!H1554</f>
        <v>0</v>
      </c>
      <c r="F1552" s="11" t="str">
        <f>'申請書（複数入力用）'!J1554</f>
        <v/>
      </c>
      <c r="G1552" s="6" t="str">
        <f>'申請書（複数入力用）'!K1554</f>
        <v>a052r000000jS9ZAAU</v>
      </c>
      <c r="H1552" s="12" t="e">
        <f>'申請書（複数入力用）'!N1554</f>
        <v>#N/A</v>
      </c>
      <c r="I1552" s="12" t="e">
        <f>'申請書（複数入力用）'!O1554</f>
        <v>#N/A</v>
      </c>
      <c r="J1552" s="12">
        <f>'申請書（複数入力用）'!P1554</f>
        <v>1</v>
      </c>
    </row>
    <row r="1553" spans="1:10" ht="51.6" customHeight="1" x14ac:dyDescent="0.45">
      <c r="A1553" s="6">
        <f>'申請書（複数入力用）'!A1555</f>
        <v>1549</v>
      </c>
      <c r="B1553" s="13">
        <f>'申請書（複数入力用）'!AH1555</f>
        <v>0</v>
      </c>
      <c r="C1553" s="6">
        <f>'申請書（複数入力用）'!B1555</f>
        <v>0</v>
      </c>
      <c r="D1553" s="6">
        <f>'申請書（複数入力用）'!D1555</f>
        <v>0</v>
      </c>
      <c r="E1553" s="14">
        <f>'申請書（複数入力用）'!H1555</f>
        <v>0</v>
      </c>
      <c r="F1553" s="11" t="str">
        <f>'申請書（複数入力用）'!J1555</f>
        <v/>
      </c>
      <c r="G1553" s="6" t="str">
        <f>'申請書（複数入力用）'!K1555</f>
        <v>a052r000000jS9ZAAU</v>
      </c>
      <c r="H1553" s="12" t="e">
        <f>'申請書（複数入力用）'!N1555</f>
        <v>#N/A</v>
      </c>
      <c r="I1553" s="12" t="e">
        <f>'申請書（複数入力用）'!O1555</f>
        <v>#N/A</v>
      </c>
      <c r="J1553" s="12">
        <f>'申請書（複数入力用）'!P1555</f>
        <v>1</v>
      </c>
    </row>
    <row r="1554" spans="1:10" ht="51.6" customHeight="1" x14ac:dyDescent="0.45">
      <c r="A1554" s="6">
        <f>'申請書（複数入力用）'!A1556</f>
        <v>1550</v>
      </c>
      <c r="B1554" s="13">
        <f>'申請書（複数入力用）'!AH1556</f>
        <v>0</v>
      </c>
      <c r="C1554" s="6">
        <f>'申請書（複数入力用）'!B1556</f>
        <v>0</v>
      </c>
      <c r="D1554" s="6">
        <f>'申請書（複数入力用）'!D1556</f>
        <v>0</v>
      </c>
      <c r="E1554" s="14">
        <f>'申請書（複数入力用）'!H1556</f>
        <v>0</v>
      </c>
      <c r="F1554" s="11" t="str">
        <f>'申請書（複数入力用）'!J1556</f>
        <v/>
      </c>
      <c r="G1554" s="6" t="str">
        <f>'申請書（複数入力用）'!K1556</f>
        <v>a052r000000jS9ZAAU</v>
      </c>
      <c r="H1554" s="12" t="e">
        <f>'申請書（複数入力用）'!N1556</f>
        <v>#N/A</v>
      </c>
      <c r="I1554" s="12" t="e">
        <f>'申請書（複数入力用）'!O1556</f>
        <v>#N/A</v>
      </c>
      <c r="J1554" s="12">
        <f>'申請書（複数入力用）'!P1556</f>
        <v>1</v>
      </c>
    </row>
    <row r="1555" spans="1:10" ht="51.6" customHeight="1" x14ac:dyDescent="0.45">
      <c r="A1555" s="6">
        <f>'申請書（複数入力用）'!A1557</f>
        <v>1551</v>
      </c>
      <c r="B1555" s="13">
        <f>'申請書（複数入力用）'!AH1557</f>
        <v>0</v>
      </c>
      <c r="C1555" s="6">
        <f>'申請書（複数入力用）'!B1557</f>
        <v>0</v>
      </c>
      <c r="D1555" s="6">
        <f>'申請書（複数入力用）'!D1557</f>
        <v>0</v>
      </c>
      <c r="E1555" s="14">
        <f>'申請書（複数入力用）'!H1557</f>
        <v>0</v>
      </c>
      <c r="F1555" s="11" t="str">
        <f>'申請書（複数入力用）'!J1557</f>
        <v/>
      </c>
      <c r="G1555" s="6" t="str">
        <f>'申請書（複数入力用）'!K1557</f>
        <v>a052r000000jS9ZAAU</v>
      </c>
      <c r="H1555" s="12" t="e">
        <f>'申請書（複数入力用）'!N1557</f>
        <v>#N/A</v>
      </c>
      <c r="I1555" s="12" t="e">
        <f>'申請書（複数入力用）'!O1557</f>
        <v>#N/A</v>
      </c>
      <c r="J1555" s="12">
        <f>'申請書（複数入力用）'!P1557</f>
        <v>1</v>
      </c>
    </row>
    <row r="1556" spans="1:10" ht="51.6" customHeight="1" x14ac:dyDescent="0.45">
      <c r="A1556" s="6">
        <f>'申請書（複数入力用）'!A1558</f>
        <v>1552</v>
      </c>
      <c r="B1556" s="13">
        <f>'申請書（複数入力用）'!AH1558</f>
        <v>0</v>
      </c>
      <c r="C1556" s="6">
        <f>'申請書（複数入力用）'!B1558</f>
        <v>0</v>
      </c>
      <c r="D1556" s="6">
        <f>'申請書（複数入力用）'!D1558</f>
        <v>0</v>
      </c>
      <c r="E1556" s="14">
        <f>'申請書（複数入力用）'!H1558</f>
        <v>0</v>
      </c>
      <c r="F1556" s="11" t="str">
        <f>'申請書（複数入力用）'!J1558</f>
        <v/>
      </c>
      <c r="G1556" s="6" t="str">
        <f>'申請書（複数入力用）'!K1558</f>
        <v>a052r000000jS9ZAAU</v>
      </c>
      <c r="H1556" s="12" t="e">
        <f>'申請書（複数入力用）'!N1558</f>
        <v>#N/A</v>
      </c>
      <c r="I1556" s="12" t="e">
        <f>'申請書（複数入力用）'!O1558</f>
        <v>#N/A</v>
      </c>
      <c r="J1556" s="12">
        <f>'申請書（複数入力用）'!P1558</f>
        <v>1</v>
      </c>
    </row>
    <row r="1557" spans="1:10" ht="51.6" customHeight="1" x14ac:dyDescent="0.45">
      <c r="A1557" s="6">
        <f>'申請書（複数入力用）'!A1559</f>
        <v>1553</v>
      </c>
      <c r="B1557" s="13">
        <f>'申請書（複数入力用）'!AH1559</f>
        <v>0</v>
      </c>
      <c r="C1557" s="6">
        <f>'申請書（複数入力用）'!B1559</f>
        <v>0</v>
      </c>
      <c r="D1557" s="6">
        <f>'申請書（複数入力用）'!D1559</f>
        <v>0</v>
      </c>
      <c r="E1557" s="14">
        <f>'申請書（複数入力用）'!H1559</f>
        <v>0</v>
      </c>
      <c r="F1557" s="11" t="str">
        <f>'申請書（複数入力用）'!J1559</f>
        <v/>
      </c>
      <c r="G1557" s="6" t="str">
        <f>'申請書（複数入力用）'!K1559</f>
        <v>a052r000000jS9ZAAU</v>
      </c>
      <c r="H1557" s="12" t="e">
        <f>'申請書（複数入力用）'!N1559</f>
        <v>#N/A</v>
      </c>
      <c r="I1557" s="12" t="e">
        <f>'申請書（複数入力用）'!O1559</f>
        <v>#N/A</v>
      </c>
      <c r="J1557" s="12">
        <f>'申請書（複数入力用）'!P1559</f>
        <v>1</v>
      </c>
    </row>
    <row r="1558" spans="1:10" ht="51.6" customHeight="1" x14ac:dyDescent="0.45">
      <c r="A1558" s="6">
        <f>'申請書（複数入力用）'!A1560</f>
        <v>1554</v>
      </c>
      <c r="B1558" s="13">
        <f>'申請書（複数入力用）'!AH1560</f>
        <v>0</v>
      </c>
      <c r="C1558" s="6">
        <f>'申請書（複数入力用）'!B1560</f>
        <v>0</v>
      </c>
      <c r="D1558" s="6">
        <f>'申請書（複数入力用）'!D1560</f>
        <v>0</v>
      </c>
      <c r="E1558" s="14">
        <f>'申請書（複数入力用）'!H1560</f>
        <v>0</v>
      </c>
      <c r="F1558" s="11" t="str">
        <f>'申請書（複数入力用）'!J1560</f>
        <v/>
      </c>
      <c r="G1558" s="6" t="str">
        <f>'申請書（複数入力用）'!K1560</f>
        <v>a052r000000jS9ZAAU</v>
      </c>
      <c r="H1558" s="12" t="e">
        <f>'申請書（複数入力用）'!N1560</f>
        <v>#N/A</v>
      </c>
      <c r="I1558" s="12" t="e">
        <f>'申請書（複数入力用）'!O1560</f>
        <v>#N/A</v>
      </c>
      <c r="J1558" s="12">
        <f>'申請書（複数入力用）'!P1560</f>
        <v>1</v>
      </c>
    </row>
    <row r="1559" spans="1:10" ht="51.6" customHeight="1" x14ac:dyDescent="0.45">
      <c r="A1559" s="6">
        <f>'申請書（複数入力用）'!A1561</f>
        <v>1555</v>
      </c>
      <c r="B1559" s="13">
        <f>'申請書（複数入力用）'!AH1561</f>
        <v>0</v>
      </c>
      <c r="C1559" s="6">
        <f>'申請書（複数入力用）'!B1561</f>
        <v>0</v>
      </c>
      <c r="D1559" s="6">
        <f>'申請書（複数入力用）'!D1561</f>
        <v>0</v>
      </c>
      <c r="E1559" s="14">
        <f>'申請書（複数入力用）'!H1561</f>
        <v>0</v>
      </c>
      <c r="F1559" s="11" t="str">
        <f>'申請書（複数入力用）'!J1561</f>
        <v/>
      </c>
      <c r="G1559" s="6" t="str">
        <f>'申請書（複数入力用）'!K1561</f>
        <v>a052r000000jS9ZAAU</v>
      </c>
      <c r="H1559" s="12" t="e">
        <f>'申請書（複数入力用）'!N1561</f>
        <v>#N/A</v>
      </c>
      <c r="I1559" s="12" t="e">
        <f>'申請書（複数入力用）'!O1561</f>
        <v>#N/A</v>
      </c>
      <c r="J1559" s="12">
        <f>'申請書（複数入力用）'!P1561</f>
        <v>1</v>
      </c>
    </row>
    <row r="1560" spans="1:10" ht="51.6" customHeight="1" x14ac:dyDescent="0.45">
      <c r="A1560" s="6">
        <f>'申請書（複数入力用）'!A1562</f>
        <v>1556</v>
      </c>
      <c r="B1560" s="13">
        <f>'申請書（複数入力用）'!AH1562</f>
        <v>0</v>
      </c>
      <c r="C1560" s="6">
        <f>'申請書（複数入力用）'!B1562</f>
        <v>0</v>
      </c>
      <c r="D1560" s="6">
        <f>'申請書（複数入力用）'!D1562</f>
        <v>0</v>
      </c>
      <c r="E1560" s="14">
        <f>'申請書（複数入力用）'!H1562</f>
        <v>0</v>
      </c>
      <c r="F1560" s="11" t="str">
        <f>'申請書（複数入力用）'!J1562</f>
        <v/>
      </c>
      <c r="G1560" s="6" t="str">
        <f>'申請書（複数入力用）'!K1562</f>
        <v>a052r000000jS9ZAAU</v>
      </c>
      <c r="H1560" s="12" t="e">
        <f>'申請書（複数入力用）'!N1562</f>
        <v>#N/A</v>
      </c>
      <c r="I1560" s="12" t="e">
        <f>'申請書（複数入力用）'!O1562</f>
        <v>#N/A</v>
      </c>
      <c r="J1560" s="12">
        <f>'申請書（複数入力用）'!P1562</f>
        <v>1</v>
      </c>
    </row>
    <row r="1561" spans="1:10" ht="51.6" customHeight="1" x14ac:dyDescent="0.45">
      <c r="A1561" s="6">
        <f>'申請書（複数入力用）'!A1563</f>
        <v>1557</v>
      </c>
      <c r="B1561" s="13">
        <f>'申請書（複数入力用）'!AH1563</f>
        <v>0</v>
      </c>
      <c r="C1561" s="6">
        <f>'申請書（複数入力用）'!B1563</f>
        <v>0</v>
      </c>
      <c r="D1561" s="6">
        <f>'申請書（複数入力用）'!D1563</f>
        <v>0</v>
      </c>
      <c r="E1561" s="14">
        <f>'申請書（複数入力用）'!H1563</f>
        <v>0</v>
      </c>
      <c r="F1561" s="11" t="str">
        <f>'申請書（複数入力用）'!J1563</f>
        <v/>
      </c>
      <c r="G1561" s="6" t="str">
        <f>'申請書（複数入力用）'!K1563</f>
        <v>a052r000000jS9ZAAU</v>
      </c>
      <c r="H1561" s="12" t="e">
        <f>'申請書（複数入力用）'!N1563</f>
        <v>#N/A</v>
      </c>
      <c r="I1561" s="12" t="e">
        <f>'申請書（複数入力用）'!O1563</f>
        <v>#N/A</v>
      </c>
      <c r="J1561" s="12">
        <f>'申請書（複数入力用）'!P1563</f>
        <v>1</v>
      </c>
    </row>
    <row r="1562" spans="1:10" ht="51.6" customHeight="1" x14ac:dyDescent="0.45">
      <c r="A1562" s="6">
        <f>'申請書（複数入力用）'!A1564</f>
        <v>1558</v>
      </c>
      <c r="B1562" s="13">
        <f>'申請書（複数入力用）'!AH1564</f>
        <v>0</v>
      </c>
      <c r="C1562" s="6">
        <f>'申請書（複数入力用）'!B1564</f>
        <v>0</v>
      </c>
      <c r="D1562" s="6">
        <f>'申請書（複数入力用）'!D1564</f>
        <v>0</v>
      </c>
      <c r="E1562" s="14">
        <f>'申請書（複数入力用）'!H1564</f>
        <v>0</v>
      </c>
      <c r="F1562" s="11" t="str">
        <f>'申請書（複数入力用）'!J1564</f>
        <v/>
      </c>
      <c r="G1562" s="6" t="str">
        <f>'申請書（複数入力用）'!K1564</f>
        <v>a052r000000jS9ZAAU</v>
      </c>
      <c r="H1562" s="12" t="e">
        <f>'申請書（複数入力用）'!N1564</f>
        <v>#N/A</v>
      </c>
      <c r="I1562" s="12" t="e">
        <f>'申請書（複数入力用）'!O1564</f>
        <v>#N/A</v>
      </c>
      <c r="J1562" s="12">
        <f>'申請書（複数入力用）'!P1564</f>
        <v>1</v>
      </c>
    </row>
    <row r="1563" spans="1:10" ht="51.6" customHeight="1" x14ac:dyDescent="0.45">
      <c r="A1563" s="6">
        <f>'申請書（複数入力用）'!A1565</f>
        <v>1559</v>
      </c>
      <c r="B1563" s="13">
        <f>'申請書（複数入力用）'!AH1565</f>
        <v>0</v>
      </c>
      <c r="C1563" s="6">
        <f>'申請書（複数入力用）'!B1565</f>
        <v>0</v>
      </c>
      <c r="D1563" s="6">
        <f>'申請書（複数入力用）'!D1565</f>
        <v>0</v>
      </c>
      <c r="E1563" s="14">
        <f>'申請書（複数入力用）'!H1565</f>
        <v>0</v>
      </c>
      <c r="F1563" s="11" t="str">
        <f>'申請書（複数入力用）'!J1565</f>
        <v/>
      </c>
      <c r="G1563" s="6" t="str">
        <f>'申請書（複数入力用）'!K1565</f>
        <v>a052r000000jS9ZAAU</v>
      </c>
      <c r="H1563" s="12" t="e">
        <f>'申請書（複数入力用）'!N1565</f>
        <v>#N/A</v>
      </c>
      <c r="I1563" s="12" t="e">
        <f>'申請書（複数入力用）'!O1565</f>
        <v>#N/A</v>
      </c>
      <c r="J1563" s="12">
        <f>'申請書（複数入力用）'!P1565</f>
        <v>1</v>
      </c>
    </row>
    <row r="1564" spans="1:10" ht="51.6" customHeight="1" x14ac:dyDescent="0.45">
      <c r="A1564" s="6">
        <f>'申請書（複数入力用）'!A1566</f>
        <v>1560</v>
      </c>
      <c r="B1564" s="13">
        <f>'申請書（複数入力用）'!AH1566</f>
        <v>0</v>
      </c>
      <c r="C1564" s="6">
        <f>'申請書（複数入力用）'!B1566</f>
        <v>0</v>
      </c>
      <c r="D1564" s="6">
        <f>'申請書（複数入力用）'!D1566</f>
        <v>0</v>
      </c>
      <c r="E1564" s="14">
        <f>'申請書（複数入力用）'!H1566</f>
        <v>0</v>
      </c>
      <c r="F1564" s="11" t="str">
        <f>'申請書（複数入力用）'!J1566</f>
        <v/>
      </c>
      <c r="G1564" s="6" t="str">
        <f>'申請書（複数入力用）'!K1566</f>
        <v>a052r000000jS9ZAAU</v>
      </c>
      <c r="H1564" s="12" t="e">
        <f>'申請書（複数入力用）'!N1566</f>
        <v>#N/A</v>
      </c>
      <c r="I1564" s="12" t="e">
        <f>'申請書（複数入力用）'!O1566</f>
        <v>#N/A</v>
      </c>
      <c r="J1564" s="12">
        <f>'申請書（複数入力用）'!P1566</f>
        <v>1</v>
      </c>
    </row>
    <row r="1565" spans="1:10" ht="51.6" customHeight="1" x14ac:dyDescent="0.45">
      <c r="A1565" s="6">
        <f>'申請書（複数入力用）'!A1567</f>
        <v>1561</v>
      </c>
      <c r="B1565" s="13">
        <f>'申請書（複数入力用）'!AH1567</f>
        <v>0</v>
      </c>
      <c r="C1565" s="6">
        <f>'申請書（複数入力用）'!B1567</f>
        <v>0</v>
      </c>
      <c r="D1565" s="6">
        <f>'申請書（複数入力用）'!D1567</f>
        <v>0</v>
      </c>
      <c r="E1565" s="14">
        <f>'申請書（複数入力用）'!H1567</f>
        <v>0</v>
      </c>
      <c r="F1565" s="11" t="str">
        <f>'申請書（複数入力用）'!J1567</f>
        <v/>
      </c>
      <c r="G1565" s="6" t="str">
        <f>'申請書（複数入力用）'!K1567</f>
        <v>a052r000000jS9ZAAU</v>
      </c>
      <c r="H1565" s="12" t="e">
        <f>'申請書（複数入力用）'!N1567</f>
        <v>#N/A</v>
      </c>
      <c r="I1565" s="12" t="e">
        <f>'申請書（複数入力用）'!O1567</f>
        <v>#N/A</v>
      </c>
      <c r="J1565" s="12">
        <f>'申請書（複数入力用）'!P1567</f>
        <v>1</v>
      </c>
    </row>
    <row r="1566" spans="1:10" ht="51.6" customHeight="1" x14ac:dyDescent="0.45">
      <c r="A1566" s="6">
        <f>'申請書（複数入力用）'!A1568</f>
        <v>1562</v>
      </c>
      <c r="B1566" s="13">
        <f>'申請書（複数入力用）'!AH1568</f>
        <v>0</v>
      </c>
      <c r="C1566" s="6">
        <f>'申請書（複数入力用）'!B1568</f>
        <v>0</v>
      </c>
      <c r="D1566" s="6">
        <f>'申請書（複数入力用）'!D1568</f>
        <v>0</v>
      </c>
      <c r="E1566" s="14">
        <f>'申請書（複数入力用）'!H1568</f>
        <v>0</v>
      </c>
      <c r="F1566" s="11" t="str">
        <f>'申請書（複数入力用）'!J1568</f>
        <v/>
      </c>
      <c r="G1566" s="6" t="str">
        <f>'申請書（複数入力用）'!K1568</f>
        <v>a052r000000jS9ZAAU</v>
      </c>
      <c r="H1566" s="12" t="e">
        <f>'申請書（複数入力用）'!N1568</f>
        <v>#N/A</v>
      </c>
      <c r="I1566" s="12" t="e">
        <f>'申請書（複数入力用）'!O1568</f>
        <v>#N/A</v>
      </c>
      <c r="J1566" s="12">
        <f>'申請書（複数入力用）'!P1568</f>
        <v>1</v>
      </c>
    </row>
    <row r="1567" spans="1:10" ht="51.6" customHeight="1" x14ac:dyDescent="0.45">
      <c r="A1567" s="6">
        <f>'申請書（複数入力用）'!A1569</f>
        <v>1563</v>
      </c>
      <c r="B1567" s="13">
        <f>'申請書（複数入力用）'!AH1569</f>
        <v>0</v>
      </c>
      <c r="C1567" s="6">
        <f>'申請書（複数入力用）'!B1569</f>
        <v>0</v>
      </c>
      <c r="D1567" s="6">
        <f>'申請書（複数入力用）'!D1569</f>
        <v>0</v>
      </c>
      <c r="E1567" s="14">
        <f>'申請書（複数入力用）'!H1569</f>
        <v>0</v>
      </c>
      <c r="F1567" s="11" t="str">
        <f>'申請書（複数入力用）'!J1569</f>
        <v/>
      </c>
      <c r="G1567" s="6" t="str">
        <f>'申請書（複数入力用）'!K1569</f>
        <v>a052r000000jS9ZAAU</v>
      </c>
      <c r="H1567" s="12" t="e">
        <f>'申請書（複数入力用）'!N1569</f>
        <v>#N/A</v>
      </c>
      <c r="I1567" s="12" t="e">
        <f>'申請書（複数入力用）'!O1569</f>
        <v>#N/A</v>
      </c>
      <c r="J1567" s="12">
        <f>'申請書（複数入力用）'!P1569</f>
        <v>1</v>
      </c>
    </row>
    <row r="1568" spans="1:10" ht="51.6" customHeight="1" x14ac:dyDescent="0.45">
      <c r="A1568" s="6">
        <f>'申請書（複数入力用）'!A1570</f>
        <v>1564</v>
      </c>
      <c r="B1568" s="13">
        <f>'申請書（複数入力用）'!AH1570</f>
        <v>0</v>
      </c>
      <c r="C1568" s="6">
        <f>'申請書（複数入力用）'!B1570</f>
        <v>0</v>
      </c>
      <c r="D1568" s="6">
        <f>'申請書（複数入力用）'!D1570</f>
        <v>0</v>
      </c>
      <c r="E1568" s="14">
        <f>'申請書（複数入力用）'!H1570</f>
        <v>0</v>
      </c>
      <c r="F1568" s="11" t="str">
        <f>'申請書（複数入力用）'!J1570</f>
        <v/>
      </c>
      <c r="G1568" s="6" t="str">
        <f>'申請書（複数入力用）'!K1570</f>
        <v>a052r000000jS9ZAAU</v>
      </c>
      <c r="H1568" s="12" t="e">
        <f>'申請書（複数入力用）'!N1570</f>
        <v>#N/A</v>
      </c>
      <c r="I1568" s="12" t="e">
        <f>'申請書（複数入力用）'!O1570</f>
        <v>#N/A</v>
      </c>
      <c r="J1568" s="12">
        <f>'申請書（複数入力用）'!P1570</f>
        <v>1</v>
      </c>
    </row>
    <row r="1569" spans="1:10" ht="51.6" customHeight="1" x14ac:dyDescent="0.45">
      <c r="A1569" s="6">
        <f>'申請書（複数入力用）'!A1571</f>
        <v>1565</v>
      </c>
      <c r="B1569" s="13">
        <f>'申請書（複数入力用）'!AH1571</f>
        <v>0</v>
      </c>
      <c r="C1569" s="6">
        <f>'申請書（複数入力用）'!B1571</f>
        <v>0</v>
      </c>
      <c r="D1569" s="6">
        <f>'申請書（複数入力用）'!D1571</f>
        <v>0</v>
      </c>
      <c r="E1569" s="14">
        <f>'申請書（複数入力用）'!H1571</f>
        <v>0</v>
      </c>
      <c r="F1569" s="11" t="str">
        <f>'申請書（複数入力用）'!J1571</f>
        <v/>
      </c>
      <c r="G1569" s="6" t="str">
        <f>'申請書（複数入力用）'!K1571</f>
        <v>a052r000000jS9ZAAU</v>
      </c>
      <c r="H1569" s="12" t="e">
        <f>'申請書（複数入力用）'!N1571</f>
        <v>#N/A</v>
      </c>
      <c r="I1569" s="12" t="e">
        <f>'申請書（複数入力用）'!O1571</f>
        <v>#N/A</v>
      </c>
      <c r="J1569" s="12">
        <f>'申請書（複数入力用）'!P1571</f>
        <v>1</v>
      </c>
    </row>
    <row r="1570" spans="1:10" ht="51.6" customHeight="1" x14ac:dyDescent="0.45">
      <c r="A1570" s="6">
        <f>'申請書（複数入力用）'!A1572</f>
        <v>1566</v>
      </c>
      <c r="B1570" s="13">
        <f>'申請書（複数入力用）'!AH1572</f>
        <v>0</v>
      </c>
      <c r="C1570" s="6">
        <f>'申請書（複数入力用）'!B1572</f>
        <v>0</v>
      </c>
      <c r="D1570" s="6">
        <f>'申請書（複数入力用）'!D1572</f>
        <v>0</v>
      </c>
      <c r="E1570" s="14">
        <f>'申請書（複数入力用）'!H1572</f>
        <v>0</v>
      </c>
      <c r="F1570" s="11" t="str">
        <f>'申請書（複数入力用）'!J1572</f>
        <v/>
      </c>
      <c r="G1570" s="6" t="str">
        <f>'申請書（複数入力用）'!K1572</f>
        <v>a052r000000jS9ZAAU</v>
      </c>
      <c r="H1570" s="12" t="e">
        <f>'申請書（複数入力用）'!N1572</f>
        <v>#N/A</v>
      </c>
      <c r="I1570" s="12" t="e">
        <f>'申請書（複数入力用）'!O1572</f>
        <v>#N/A</v>
      </c>
      <c r="J1570" s="12">
        <f>'申請書（複数入力用）'!P1572</f>
        <v>1</v>
      </c>
    </row>
    <row r="1571" spans="1:10" ht="51.6" customHeight="1" x14ac:dyDescent="0.45">
      <c r="A1571" s="6">
        <f>'申請書（複数入力用）'!A1573</f>
        <v>1567</v>
      </c>
      <c r="B1571" s="13">
        <f>'申請書（複数入力用）'!AH1573</f>
        <v>0</v>
      </c>
      <c r="C1571" s="6">
        <f>'申請書（複数入力用）'!B1573</f>
        <v>0</v>
      </c>
      <c r="D1571" s="6">
        <f>'申請書（複数入力用）'!D1573</f>
        <v>0</v>
      </c>
      <c r="E1571" s="14">
        <f>'申請書（複数入力用）'!H1573</f>
        <v>0</v>
      </c>
      <c r="F1571" s="11" t="str">
        <f>'申請書（複数入力用）'!J1573</f>
        <v/>
      </c>
      <c r="G1571" s="6" t="str">
        <f>'申請書（複数入力用）'!K1573</f>
        <v>a052r000000jS9ZAAU</v>
      </c>
      <c r="H1571" s="12" t="e">
        <f>'申請書（複数入力用）'!N1573</f>
        <v>#N/A</v>
      </c>
      <c r="I1571" s="12" t="e">
        <f>'申請書（複数入力用）'!O1573</f>
        <v>#N/A</v>
      </c>
      <c r="J1571" s="12">
        <f>'申請書（複数入力用）'!P1573</f>
        <v>1</v>
      </c>
    </row>
    <row r="1572" spans="1:10" ht="51.6" customHeight="1" x14ac:dyDescent="0.45">
      <c r="A1572" s="6">
        <f>'申請書（複数入力用）'!A1574</f>
        <v>1568</v>
      </c>
      <c r="B1572" s="13">
        <f>'申請書（複数入力用）'!AH1574</f>
        <v>0</v>
      </c>
      <c r="C1572" s="6">
        <f>'申請書（複数入力用）'!B1574</f>
        <v>0</v>
      </c>
      <c r="D1572" s="6">
        <f>'申請書（複数入力用）'!D1574</f>
        <v>0</v>
      </c>
      <c r="E1572" s="14">
        <f>'申請書（複数入力用）'!H1574</f>
        <v>0</v>
      </c>
      <c r="F1572" s="11" t="str">
        <f>'申請書（複数入力用）'!J1574</f>
        <v/>
      </c>
      <c r="G1572" s="6" t="str">
        <f>'申請書（複数入力用）'!K1574</f>
        <v>a052r000000jS9ZAAU</v>
      </c>
      <c r="H1572" s="12" t="e">
        <f>'申請書（複数入力用）'!N1574</f>
        <v>#N/A</v>
      </c>
      <c r="I1572" s="12" t="e">
        <f>'申請書（複数入力用）'!O1574</f>
        <v>#N/A</v>
      </c>
      <c r="J1572" s="12">
        <f>'申請書（複数入力用）'!P1574</f>
        <v>1</v>
      </c>
    </row>
    <row r="1573" spans="1:10" ht="51.6" customHeight="1" x14ac:dyDescent="0.45">
      <c r="A1573" s="6">
        <f>'申請書（複数入力用）'!A1575</f>
        <v>1569</v>
      </c>
      <c r="B1573" s="13">
        <f>'申請書（複数入力用）'!AH1575</f>
        <v>0</v>
      </c>
      <c r="C1573" s="6">
        <f>'申請書（複数入力用）'!B1575</f>
        <v>0</v>
      </c>
      <c r="D1573" s="6">
        <f>'申請書（複数入力用）'!D1575</f>
        <v>0</v>
      </c>
      <c r="E1573" s="14">
        <f>'申請書（複数入力用）'!H1575</f>
        <v>0</v>
      </c>
      <c r="F1573" s="11" t="str">
        <f>'申請書（複数入力用）'!J1575</f>
        <v/>
      </c>
      <c r="G1573" s="6" t="str">
        <f>'申請書（複数入力用）'!K1575</f>
        <v>a052r000000jS9ZAAU</v>
      </c>
      <c r="H1573" s="12" t="e">
        <f>'申請書（複数入力用）'!N1575</f>
        <v>#N/A</v>
      </c>
      <c r="I1573" s="12" t="e">
        <f>'申請書（複数入力用）'!O1575</f>
        <v>#N/A</v>
      </c>
      <c r="J1573" s="12">
        <f>'申請書（複数入力用）'!P1575</f>
        <v>1</v>
      </c>
    </row>
    <row r="1574" spans="1:10" ht="51.6" customHeight="1" x14ac:dyDescent="0.45">
      <c r="A1574" s="6">
        <f>'申請書（複数入力用）'!A1576</f>
        <v>1570</v>
      </c>
      <c r="B1574" s="13">
        <f>'申請書（複数入力用）'!AH1576</f>
        <v>0</v>
      </c>
      <c r="C1574" s="6">
        <f>'申請書（複数入力用）'!B1576</f>
        <v>0</v>
      </c>
      <c r="D1574" s="6">
        <f>'申請書（複数入力用）'!D1576</f>
        <v>0</v>
      </c>
      <c r="E1574" s="14">
        <f>'申請書（複数入力用）'!H1576</f>
        <v>0</v>
      </c>
      <c r="F1574" s="11" t="str">
        <f>'申請書（複数入力用）'!J1576</f>
        <v/>
      </c>
      <c r="G1574" s="6" t="str">
        <f>'申請書（複数入力用）'!K1576</f>
        <v>a052r000000jS9ZAAU</v>
      </c>
      <c r="H1574" s="12" t="e">
        <f>'申請書（複数入力用）'!N1576</f>
        <v>#N/A</v>
      </c>
      <c r="I1574" s="12" t="e">
        <f>'申請書（複数入力用）'!O1576</f>
        <v>#N/A</v>
      </c>
      <c r="J1574" s="12">
        <f>'申請書（複数入力用）'!P1576</f>
        <v>1</v>
      </c>
    </row>
    <row r="1575" spans="1:10" ht="51.6" customHeight="1" x14ac:dyDescent="0.45">
      <c r="A1575" s="6">
        <f>'申請書（複数入力用）'!A1577</f>
        <v>1571</v>
      </c>
      <c r="B1575" s="13">
        <f>'申請書（複数入力用）'!AH1577</f>
        <v>0</v>
      </c>
      <c r="C1575" s="6">
        <f>'申請書（複数入力用）'!B1577</f>
        <v>0</v>
      </c>
      <c r="D1575" s="6">
        <f>'申請書（複数入力用）'!D1577</f>
        <v>0</v>
      </c>
      <c r="E1575" s="14">
        <f>'申請書（複数入力用）'!H1577</f>
        <v>0</v>
      </c>
      <c r="F1575" s="11" t="str">
        <f>'申請書（複数入力用）'!J1577</f>
        <v/>
      </c>
      <c r="G1575" s="6" t="str">
        <f>'申請書（複数入力用）'!K1577</f>
        <v>a052r000000jS9ZAAU</v>
      </c>
      <c r="H1575" s="12" t="e">
        <f>'申請書（複数入力用）'!N1577</f>
        <v>#N/A</v>
      </c>
      <c r="I1575" s="12" t="e">
        <f>'申請書（複数入力用）'!O1577</f>
        <v>#N/A</v>
      </c>
      <c r="J1575" s="12">
        <f>'申請書（複数入力用）'!P1577</f>
        <v>1</v>
      </c>
    </row>
    <row r="1576" spans="1:10" ht="51.6" customHeight="1" x14ac:dyDescent="0.45">
      <c r="A1576" s="6">
        <f>'申請書（複数入力用）'!A1578</f>
        <v>1572</v>
      </c>
      <c r="B1576" s="13">
        <f>'申請書（複数入力用）'!AH1578</f>
        <v>0</v>
      </c>
      <c r="C1576" s="6">
        <f>'申請書（複数入力用）'!B1578</f>
        <v>0</v>
      </c>
      <c r="D1576" s="6">
        <f>'申請書（複数入力用）'!D1578</f>
        <v>0</v>
      </c>
      <c r="E1576" s="14">
        <f>'申請書（複数入力用）'!H1578</f>
        <v>0</v>
      </c>
      <c r="F1576" s="11" t="str">
        <f>'申請書（複数入力用）'!J1578</f>
        <v/>
      </c>
      <c r="G1576" s="6" t="str">
        <f>'申請書（複数入力用）'!K1578</f>
        <v>a052r000000jS9ZAAU</v>
      </c>
      <c r="H1576" s="12" t="e">
        <f>'申請書（複数入力用）'!N1578</f>
        <v>#N/A</v>
      </c>
      <c r="I1576" s="12" t="e">
        <f>'申請書（複数入力用）'!O1578</f>
        <v>#N/A</v>
      </c>
      <c r="J1576" s="12">
        <f>'申請書（複数入力用）'!P1578</f>
        <v>1</v>
      </c>
    </row>
    <row r="1577" spans="1:10" ht="51.6" customHeight="1" x14ac:dyDescent="0.45">
      <c r="A1577" s="6">
        <f>'申請書（複数入力用）'!A1579</f>
        <v>1573</v>
      </c>
      <c r="B1577" s="13">
        <f>'申請書（複数入力用）'!AH1579</f>
        <v>0</v>
      </c>
      <c r="C1577" s="6">
        <f>'申請書（複数入力用）'!B1579</f>
        <v>0</v>
      </c>
      <c r="D1577" s="6">
        <f>'申請書（複数入力用）'!D1579</f>
        <v>0</v>
      </c>
      <c r="E1577" s="14">
        <f>'申請書（複数入力用）'!H1579</f>
        <v>0</v>
      </c>
      <c r="F1577" s="11" t="str">
        <f>'申請書（複数入力用）'!J1579</f>
        <v/>
      </c>
      <c r="G1577" s="6" t="str">
        <f>'申請書（複数入力用）'!K1579</f>
        <v>a052r000000jS9ZAAU</v>
      </c>
      <c r="H1577" s="12" t="e">
        <f>'申請書（複数入力用）'!N1579</f>
        <v>#N/A</v>
      </c>
      <c r="I1577" s="12" t="e">
        <f>'申請書（複数入力用）'!O1579</f>
        <v>#N/A</v>
      </c>
      <c r="J1577" s="12">
        <f>'申請書（複数入力用）'!P1579</f>
        <v>1</v>
      </c>
    </row>
    <row r="1578" spans="1:10" ht="51.6" customHeight="1" x14ac:dyDescent="0.45">
      <c r="A1578" s="6">
        <f>'申請書（複数入力用）'!A1580</f>
        <v>1574</v>
      </c>
      <c r="B1578" s="13">
        <f>'申請書（複数入力用）'!AH1580</f>
        <v>0</v>
      </c>
      <c r="C1578" s="6">
        <f>'申請書（複数入力用）'!B1580</f>
        <v>0</v>
      </c>
      <c r="D1578" s="6">
        <f>'申請書（複数入力用）'!D1580</f>
        <v>0</v>
      </c>
      <c r="E1578" s="14">
        <f>'申請書（複数入力用）'!H1580</f>
        <v>0</v>
      </c>
      <c r="F1578" s="11" t="str">
        <f>'申請書（複数入力用）'!J1580</f>
        <v/>
      </c>
      <c r="G1578" s="6" t="str">
        <f>'申請書（複数入力用）'!K1580</f>
        <v>a052r000000jS9ZAAU</v>
      </c>
      <c r="H1578" s="12" t="e">
        <f>'申請書（複数入力用）'!N1580</f>
        <v>#N/A</v>
      </c>
      <c r="I1578" s="12" t="e">
        <f>'申請書（複数入力用）'!O1580</f>
        <v>#N/A</v>
      </c>
      <c r="J1578" s="12">
        <f>'申請書（複数入力用）'!P1580</f>
        <v>1</v>
      </c>
    </row>
    <row r="1579" spans="1:10" ht="51.6" customHeight="1" x14ac:dyDescent="0.45">
      <c r="A1579" s="6">
        <f>'申請書（複数入力用）'!A1581</f>
        <v>1575</v>
      </c>
      <c r="B1579" s="13">
        <f>'申請書（複数入力用）'!AH1581</f>
        <v>0</v>
      </c>
      <c r="C1579" s="6">
        <f>'申請書（複数入力用）'!B1581</f>
        <v>0</v>
      </c>
      <c r="D1579" s="6">
        <f>'申請書（複数入力用）'!D1581</f>
        <v>0</v>
      </c>
      <c r="E1579" s="14">
        <f>'申請書（複数入力用）'!H1581</f>
        <v>0</v>
      </c>
      <c r="F1579" s="11" t="str">
        <f>'申請書（複数入力用）'!J1581</f>
        <v/>
      </c>
      <c r="G1579" s="6" t="str">
        <f>'申請書（複数入力用）'!K1581</f>
        <v>a052r000000jS9ZAAU</v>
      </c>
      <c r="H1579" s="12" t="e">
        <f>'申請書（複数入力用）'!N1581</f>
        <v>#N/A</v>
      </c>
      <c r="I1579" s="12" t="e">
        <f>'申請書（複数入力用）'!O1581</f>
        <v>#N/A</v>
      </c>
      <c r="J1579" s="12">
        <f>'申請書（複数入力用）'!P1581</f>
        <v>1</v>
      </c>
    </row>
    <row r="1580" spans="1:10" ht="51.6" customHeight="1" x14ac:dyDescent="0.45">
      <c r="A1580" s="6">
        <f>'申請書（複数入力用）'!A1582</f>
        <v>1576</v>
      </c>
      <c r="B1580" s="13">
        <f>'申請書（複数入力用）'!AH1582</f>
        <v>0</v>
      </c>
      <c r="C1580" s="6">
        <f>'申請書（複数入力用）'!B1582</f>
        <v>0</v>
      </c>
      <c r="D1580" s="6">
        <f>'申請書（複数入力用）'!D1582</f>
        <v>0</v>
      </c>
      <c r="E1580" s="14">
        <f>'申請書（複数入力用）'!H1582</f>
        <v>0</v>
      </c>
      <c r="F1580" s="11" t="str">
        <f>'申請書（複数入力用）'!J1582</f>
        <v/>
      </c>
      <c r="G1580" s="6" t="str">
        <f>'申請書（複数入力用）'!K1582</f>
        <v>a052r000000jS9ZAAU</v>
      </c>
      <c r="H1580" s="12" t="e">
        <f>'申請書（複数入力用）'!N1582</f>
        <v>#N/A</v>
      </c>
      <c r="I1580" s="12" t="e">
        <f>'申請書（複数入力用）'!O1582</f>
        <v>#N/A</v>
      </c>
      <c r="J1580" s="12">
        <f>'申請書（複数入力用）'!P1582</f>
        <v>1</v>
      </c>
    </row>
    <row r="1581" spans="1:10" ht="51.6" customHeight="1" x14ac:dyDescent="0.45">
      <c r="A1581" s="6">
        <f>'申請書（複数入力用）'!A1583</f>
        <v>1577</v>
      </c>
      <c r="B1581" s="13">
        <f>'申請書（複数入力用）'!AH1583</f>
        <v>0</v>
      </c>
      <c r="C1581" s="6">
        <f>'申請書（複数入力用）'!B1583</f>
        <v>0</v>
      </c>
      <c r="D1581" s="6">
        <f>'申請書（複数入力用）'!D1583</f>
        <v>0</v>
      </c>
      <c r="E1581" s="14">
        <f>'申請書（複数入力用）'!H1583</f>
        <v>0</v>
      </c>
      <c r="F1581" s="11" t="str">
        <f>'申請書（複数入力用）'!J1583</f>
        <v/>
      </c>
      <c r="G1581" s="6" t="str">
        <f>'申請書（複数入力用）'!K1583</f>
        <v>a052r000000jS9ZAAU</v>
      </c>
      <c r="H1581" s="12" t="e">
        <f>'申請書（複数入力用）'!N1583</f>
        <v>#N/A</v>
      </c>
      <c r="I1581" s="12" t="e">
        <f>'申請書（複数入力用）'!O1583</f>
        <v>#N/A</v>
      </c>
      <c r="J1581" s="12">
        <f>'申請書（複数入力用）'!P1583</f>
        <v>1</v>
      </c>
    </row>
    <row r="1582" spans="1:10" ht="51.6" customHeight="1" x14ac:dyDescent="0.45">
      <c r="A1582" s="6">
        <f>'申請書（複数入力用）'!A1584</f>
        <v>1578</v>
      </c>
      <c r="B1582" s="13">
        <f>'申請書（複数入力用）'!AH1584</f>
        <v>0</v>
      </c>
      <c r="C1582" s="6">
        <f>'申請書（複数入力用）'!B1584</f>
        <v>0</v>
      </c>
      <c r="D1582" s="6">
        <f>'申請書（複数入力用）'!D1584</f>
        <v>0</v>
      </c>
      <c r="E1582" s="14">
        <f>'申請書（複数入力用）'!H1584</f>
        <v>0</v>
      </c>
      <c r="F1582" s="11" t="str">
        <f>'申請書（複数入力用）'!J1584</f>
        <v/>
      </c>
      <c r="G1582" s="6" t="str">
        <f>'申請書（複数入力用）'!K1584</f>
        <v>a052r000000jS9ZAAU</v>
      </c>
      <c r="H1582" s="12" t="e">
        <f>'申請書（複数入力用）'!N1584</f>
        <v>#N/A</v>
      </c>
      <c r="I1582" s="12" t="e">
        <f>'申請書（複数入力用）'!O1584</f>
        <v>#N/A</v>
      </c>
      <c r="J1582" s="12">
        <f>'申請書（複数入力用）'!P1584</f>
        <v>1</v>
      </c>
    </row>
    <row r="1583" spans="1:10" ht="51.6" customHeight="1" x14ac:dyDescent="0.45">
      <c r="A1583" s="6">
        <f>'申請書（複数入力用）'!A1585</f>
        <v>1579</v>
      </c>
      <c r="B1583" s="13">
        <f>'申請書（複数入力用）'!AH1585</f>
        <v>0</v>
      </c>
      <c r="C1583" s="6">
        <f>'申請書（複数入力用）'!B1585</f>
        <v>0</v>
      </c>
      <c r="D1583" s="6">
        <f>'申請書（複数入力用）'!D1585</f>
        <v>0</v>
      </c>
      <c r="E1583" s="14">
        <f>'申請書（複数入力用）'!H1585</f>
        <v>0</v>
      </c>
      <c r="F1583" s="11" t="str">
        <f>'申請書（複数入力用）'!J1585</f>
        <v/>
      </c>
      <c r="G1583" s="6" t="str">
        <f>'申請書（複数入力用）'!K1585</f>
        <v>a052r000000jS9ZAAU</v>
      </c>
      <c r="H1583" s="12" t="e">
        <f>'申請書（複数入力用）'!N1585</f>
        <v>#N/A</v>
      </c>
      <c r="I1583" s="12" t="e">
        <f>'申請書（複数入力用）'!O1585</f>
        <v>#N/A</v>
      </c>
      <c r="J1583" s="12">
        <f>'申請書（複数入力用）'!P1585</f>
        <v>1</v>
      </c>
    </row>
    <row r="1584" spans="1:10" ht="51.6" customHeight="1" x14ac:dyDescent="0.45">
      <c r="A1584" s="6">
        <f>'申請書（複数入力用）'!A1586</f>
        <v>1580</v>
      </c>
      <c r="B1584" s="13">
        <f>'申請書（複数入力用）'!AH1586</f>
        <v>0</v>
      </c>
      <c r="C1584" s="6">
        <f>'申請書（複数入力用）'!B1586</f>
        <v>0</v>
      </c>
      <c r="D1584" s="6">
        <f>'申請書（複数入力用）'!D1586</f>
        <v>0</v>
      </c>
      <c r="E1584" s="14">
        <f>'申請書（複数入力用）'!H1586</f>
        <v>0</v>
      </c>
      <c r="F1584" s="11" t="str">
        <f>'申請書（複数入力用）'!J1586</f>
        <v/>
      </c>
      <c r="G1584" s="6" t="str">
        <f>'申請書（複数入力用）'!K1586</f>
        <v>a052r000000jS9ZAAU</v>
      </c>
      <c r="H1584" s="12" t="e">
        <f>'申請書（複数入力用）'!N1586</f>
        <v>#N/A</v>
      </c>
      <c r="I1584" s="12" t="e">
        <f>'申請書（複数入力用）'!O1586</f>
        <v>#N/A</v>
      </c>
      <c r="J1584" s="12">
        <f>'申請書（複数入力用）'!P1586</f>
        <v>1</v>
      </c>
    </row>
    <row r="1585" spans="1:10" ht="51.6" customHeight="1" x14ac:dyDescent="0.45">
      <c r="A1585" s="6">
        <f>'申請書（複数入力用）'!A1587</f>
        <v>1581</v>
      </c>
      <c r="B1585" s="13">
        <f>'申請書（複数入力用）'!AH1587</f>
        <v>0</v>
      </c>
      <c r="C1585" s="6">
        <f>'申請書（複数入力用）'!B1587</f>
        <v>0</v>
      </c>
      <c r="D1585" s="6">
        <f>'申請書（複数入力用）'!D1587</f>
        <v>0</v>
      </c>
      <c r="E1585" s="14">
        <f>'申請書（複数入力用）'!H1587</f>
        <v>0</v>
      </c>
      <c r="F1585" s="11" t="str">
        <f>'申請書（複数入力用）'!J1587</f>
        <v/>
      </c>
      <c r="G1585" s="6" t="str">
        <f>'申請書（複数入力用）'!K1587</f>
        <v>a052r000000jS9ZAAU</v>
      </c>
      <c r="H1585" s="12" t="e">
        <f>'申請書（複数入力用）'!N1587</f>
        <v>#N/A</v>
      </c>
      <c r="I1585" s="12" t="e">
        <f>'申請書（複数入力用）'!O1587</f>
        <v>#N/A</v>
      </c>
      <c r="J1585" s="12">
        <f>'申請書（複数入力用）'!P1587</f>
        <v>1</v>
      </c>
    </row>
    <row r="1586" spans="1:10" ht="51.6" customHeight="1" x14ac:dyDescent="0.45">
      <c r="A1586" s="6">
        <f>'申請書（複数入力用）'!A1588</f>
        <v>1582</v>
      </c>
      <c r="B1586" s="13">
        <f>'申請書（複数入力用）'!AH1588</f>
        <v>0</v>
      </c>
      <c r="C1586" s="6">
        <f>'申請書（複数入力用）'!B1588</f>
        <v>0</v>
      </c>
      <c r="D1586" s="6">
        <f>'申請書（複数入力用）'!D1588</f>
        <v>0</v>
      </c>
      <c r="E1586" s="14">
        <f>'申請書（複数入力用）'!H1588</f>
        <v>0</v>
      </c>
      <c r="F1586" s="11" t="str">
        <f>'申請書（複数入力用）'!J1588</f>
        <v/>
      </c>
      <c r="G1586" s="6" t="str">
        <f>'申請書（複数入力用）'!K1588</f>
        <v>a052r000000jS9ZAAU</v>
      </c>
      <c r="H1586" s="12" t="e">
        <f>'申請書（複数入力用）'!N1588</f>
        <v>#N/A</v>
      </c>
      <c r="I1586" s="12" t="e">
        <f>'申請書（複数入力用）'!O1588</f>
        <v>#N/A</v>
      </c>
      <c r="J1586" s="12">
        <f>'申請書（複数入力用）'!P1588</f>
        <v>1</v>
      </c>
    </row>
    <row r="1587" spans="1:10" ht="51.6" customHeight="1" x14ac:dyDescent="0.45">
      <c r="A1587" s="6">
        <f>'申請書（複数入力用）'!A1589</f>
        <v>1583</v>
      </c>
      <c r="B1587" s="13">
        <f>'申請書（複数入力用）'!AH1589</f>
        <v>0</v>
      </c>
      <c r="C1587" s="6">
        <f>'申請書（複数入力用）'!B1589</f>
        <v>0</v>
      </c>
      <c r="D1587" s="6">
        <f>'申請書（複数入力用）'!D1589</f>
        <v>0</v>
      </c>
      <c r="E1587" s="14">
        <f>'申請書（複数入力用）'!H1589</f>
        <v>0</v>
      </c>
      <c r="F1587" s="11" t="str">
        <f>'申請書（複数入力用）'!J1589</f>
        <v/>
      </c>
      <c r="G1587" s="6" t="str">
        <f>'申請書（複数入力用）'!K1589</f>
        <v>a052r000000jS9ZAAU</v>
      </c>
      <c r="H1587" s="12" t="e">
        <f>'申請書（複数入力用）'!N1589</f>
        <v>#N/A</v>
      </c>
      <c r="I1587" s="12" t="e">
        <f>'申請書（複数入力用）'!O1589</f>
        <v>#N/A</v>
      </c>
      <c r="J1587" s="12">
        <f>'申請書（複数入力用）'!P1589</f>
        <v>1</v>
      </c>
    </row>
    <row r="1588" spans="1:10" ht="51.6" customHeight="1" x14ac:dyDescent="0.45">
      <c r="A1588" s="6">
        <f>'申請書（複数入力用）'!A1590</f>
        <v>1584</v>
      </c>
      <c r="B1588" s="13">
        <f>'申請書（複数入力用）'!AH1590</f>
        <v>0</v>
      </c>
      <c r="C1588" s="6">
        <f>'申請書（複数入力用）'!B1590</f>
        <v>0</v>
      </c>
      <c r="D1588" s="6">
        <f>'申請書（複数入力用）'!D1590</f>
        <v>0</v>
      </c>
      <c r="E1588" s="14">
        <f>'申請書（複数入力用）'!H1590</f>
        <v>0</v>
      </c>
      <c r="F1588" s="11" t="str">
        <f>'申請書（複数入力用）'!J1590</f>
        <v/>
      </c>
      <c r="G1588" s="6" t="str">
        <f>'申請書（複数入力用）'!K1590</f>
        <v>a052r000000jS9ZAAU</v>
      </c>
      <c r="H1588" s="12" t="e">
        <f>'申請書（複数入力用）'!N1590</f>
        <v>#N/A</v>
      </c>
      <c r="I1588" s="12" t="e">
        <f>'申請書（複数入力用）'!O1590</f>
        <v>#N/A</v>
      </c>
      <c r="J1588" s="12">
        <f>'申請書（複数入力用）'!P1590</f>
        <v>1</v>
      </c>
    </row>
    <row r="1589" spans="1:10" ht="51.6" customHeight="1" x14ac:dyDescent="0.45">
      <c r="A1589" s="6">
        <f>'申請書（複数入力用）'!A1591</f>
        <v>1585</v>
      </c>
      <c r="B1589" s="13">
        <f>'申請書（複数入力用）'!AH1591</f>
        <v>0</v>
      </c>
      <c r="C1589" s="6">
        <f>'申請書（複数入力用）'!B1591</f>
        <v>0</v>
      </c>
      <c r="D1589" s="6">
        <f>'申請書（複数入力用）'!D1591</f>
        <v>0</v>
      </c>
      <c r="E1589" s="14">
        <f>'申請書（複数入力用）'!H1591</f>
        <v>0</v>
      </c>
      <c r="F1589" s="11" t="str">
        <f>'申請書（複数入力用）'!J1591</f>
        <v/>
      </c>
      <c r="G1589" s="6" t="str">
        <f>'申請書（複数入力用）'!K1591</f>
        <v>a052r000000jS9ZAAU</v>
      </c>
      <c r="H1589" s="12" t="e">
        <f>'申請書（複数入力用）'!N1591</f>
        <v>#N/A</v>
      </c>
      <c r="I1589" s="12" t="e">
        <f>'申請書（複数入力用）'!O1591</f>
        <v>#N/A</v>
      </c>
      <c r="J1589" s="12">
        <f>'申請書（複数入力用）'!P1591</f>
        <v>1</v>
      </c>
    </row>
    <row r="1590" spans="1:10" ht="51.6" customHeight="1" x14ac:dyDescent="0.45">
      <c r="A1590" s="6">
        <f>'申請書（複数入力用）'!A1592</f>
        <v>1586</v>
      </c>
      <c r="B1590" s="13">
        <f>'申請書（複数入力用）'!AH1592</f>
        <v>0</v>
      </c>
      <c r="C1590" s="6">
        <f>'申請書（複数入力用）'!B1592</f>
        <v>0</v>
      </c>
      <c r="D1590" s="6">
        <f>'申請書（複数入力用）'!D1592</f>
        <v>0</v>
      </c>
      <c r="E1590" s="14">
        <f>'申請書（複数入力用）'!H1592</f>
        <v>0</v>
      </c>
      <c r="F1590" s="11" t="str">
        <f>'申請書（複数入力用）'!J1592</f>
        <v/>
      </c>
      <c r="G1590" s="6" t="str">
        <f>'申請書（複数入力用）'!K1592</f>
        <v>a052r000000jS9ZAAU</v>
      </c>
      <c r="H1590" s="12" t="e">
        <f>'申請書（複数入力用）'!N1592</f>
        <v>#N/A</v>
      </c>
      <c r="I1590" s="12" t="e">
        <f>'申請書（複数入力用）'!O1592</f>
        <v>#N/A</v>
      </c>
      <c r="J1590" s="12">
        <f>'申請書（複数入力用）'!P1592</f>
        <v>1</v>
      </c>
    </row>
    <row r="1591" spans="1:10" ht="51.6" customHeight="1" x14ac:dyDescent="0.45">
      <c r="A1591" s="6">
        <f>'申請書（複数入力用）'!A1593</f>
        <v>1587</v>
      </c>
      <c r="B1591" s="13">
        <f>'申請書（複数入力用）'!AH1593</f>
        <v>0</v>
      </c>
      <c r="C1591" s="6">
        <f>'申請書（複数入力用）'!B1593</f>
        <v>0</v>
      </c>
      <c r="D1591" s="6">
        <f>'申請書（複数入力用）'!D1593</f>
        <v>0</v>
      </c>
      <c r="E1591" s="14">
        <f>'申請書（複数入力用）'!H1593</f>
        <v>0</v>
      </c>
      <c r="F1591" s="11" t="str">
        <f>'申請書（複数入力用）'!J1593</f>
        <v/>
      </c>
      <c r="G1591" s="6" t="str">
        <f>'申請書（複数入力用）'!K1593</f>
        <v>a052r000000jS9ZAAU</v>
      </c>
      <c r="H1591" s="12" t="e">
        <f>'申請書（複数入力用）'!N1593</f>
        <v>#N/A</v>
      </c>
      <c r="I1591" s="12" t="e">
        <f>'申請書（複数入力用）'!O1593</f>
        <v>#N/A</v>
      </c>
      <c r="J1591" s="12">
        <f>'申請書（複数入力用）'!P1593</f>
        <v>1</v>
      </c>
    </row>
    <row r="1592" spans="1:10" ht="51.6" customHeight="1" x14ac:dyDescent="0.45">
      <c r="A1592" s="6">
        <f>'申請書（複数入力用）'!A1594</f>
        <v>1588</v>
      </c>
      <c r="B1592" s="13">
        <f>'申請書（複数入力用）'!AH1594</f>
        <v>0</v>
      </c>
      <c r="C1592" s="6">
        <f>'申請書（複数入力用）'!B1594</f>
        <v>0</v>
      </c>
      <c r="D1592" s="6">
        <f>'申請書（複数入力用）'!D1594</f>
        <v>0</v>
      </c>
      <c r="E1592" s="14">
        <f>'申請書（複数入力用）'!H1594</f>
        <v>0</v>
      </c>
      <c r="F1592" s="11" t="str">
        <f>'申請書（複数入力用）'!J1594</f>
        <v/>
      </c>
      <c r="G1592" s="6" t="str">
        <f>'申請書（複数入力用）'!K1594</f>
        <v>a052r000000jS9ZAAU</v>
      </c>
      <c r="H1592" s="12" t="e">
        <f>'申請書（複数入力用）'!N1594</f>
        <v>#N/A</v>
      </c>
      <c r="I1592" s="12" t="e">
        <f>'申請書（複数入力用）'!O1594</f>
        <v>#N/A</v>
      </c>
      <c r="J1592" s="12">
        <f>'申請書（複数入力用）'!P1594</f>
        <v>1</v>
      </c>
    </row>
    <row r="1593" spans="1:10" ht="51.6" customHeight="1" x14ac:dyDescent="0.45">
      <c r="A1593" s="6">
        <f>'申請書（複数入力用）'!A1595</f>
        <v>1589</v>
      </c>
      <c r="B1593" s="13">
        <f>'申請書（複数入力用）'!AH1595</f>
        <v>0</v>
      </c>
      <c r="C1593" s="6">
        <f>'申請書（複数入力用）'!B1595</f>
        <v>0</v>
      </c>
      <c r="D1593" s="6">
        <f>'申請書（複数入力用）'!D1595</f>
        <v>0</v>
      </c>
      <c r="E1593" s="14">
        <f>'申請書（複数入力用）'!H1595</f>
        <v>0</v>
      </c>
      <c r="F1593" s="11" t="str">
        <f>'申請書（複数入力用）'!J1595</f>
        <v/>
      </c>
      <c r="G1593" s="6" t="str">
        <f>'申請書（複数入力用）'!K1595</f>
        <v>a052r000000jS9ZAAU</v>
      </c>
      <c r="H1593" s="12" t="e">
        <f>'申請書（複数入力用）'!N1595</f>
        <v>#N/A</v>
      </c>
      <c r="I1593" s="12" t="e">
        <f>'申請書（複数入力用）'!O1595</f>
        <v>#N/A</v>
      </c>
      <c r="J1593" s="12">
        <f>'申請書（複数入力用）'!P1595</f>
        <v>1</v>
      </c>
    </row>
    <row r="1594" spans="1:10" ht="51.6" customHeight="1" x14ac:dyDescent="0.45">
      <c r="A1594" s="6">
        <f>'申請書（複数入力用）'!A1596</f>
        <v>1590</v>
      </c>
      <c r="B1594" s="13">
        <f>'申請書（複数入力用）'!AH1596</f>
        <v>0</v>
      </c>
      <c r="C1594" s="6">
        <f>'申請書（複数入力用）'!B1596</f>
        <v>0</v>
      </c>
      <c r="D1594" s="6">
        <f>'申請書（複数入力用）'!D1596</f>
        <v>0</v>
      </c>
      <c r="E1594" s="14">
        <f>'申請書（複数入力用）'!H1596</f>
        <v>0</v>
      </c>
      <c r="F1594" s="11" t="str">
        <f>'申請書（複数入力用）'!J1596</f>
        <v/>
      </c>
      <c r="G1594" s="6" t="str">
        <f>'申請書（複数入力用）'!K1596</f>
        <v>a052r000000jS9ZAAU</v>
      </c>
      <c r="H1594" s="12" t="e">
        <f>'申請書（複数入力用）'!N1596</f>
        <v>#N/A</v>
      </c>
      <c r="I1594" s="12" t="e">
        <f>'申請書（複数入力用）'!O1596</f>
        <v>#N/A</v>
      </c>
      <c r="J1594" s="12">
        <f>'申請書（複数入力用）'!P1596</f>
        <v>1</v>
      </c>
    </row>
    <row r="1595" spans="1:10" ht="51.6" customHeight="1" x14ac:dyDescent="0.45">
      <c r="A1595" s="6">
        <f>'申請書（複数入力用）'!A1597</f>
        <v>1591</v>
      </c>
      <c r="B1595" s="13">
        <f>'申請書（複数入力用）'!AH1597</f>
        <v>0</v>
      </c>
      <c r="C1595" s="6">
        <f>'申請書（複数入力用）'!B1597</f>
        <v>0</v>
      </c>
      <c r="D1595" s="6">
        <f>'申請書（複数入力用）'!D1597</f>
        <v>0</v>
      </c>
      <c r="E1595" s="14">
        <f>'申請書（複数入力用）'!H1597</f>
        <v>0</v>
      </c>
      <c r="F1595" s="11" t="str">
        <f>'申請書（複数入力用）'!J1597</f>
        <v/>
      </c>
      <c r="G1595" s="6" t="str">
        <f>'申請書（複数入力用）'!K1597</f>
        <v>a052r000000jS9ZAAU</v>
      </c>
      <c r="H1595" s="12" t="e">
        <f>'申請書（複数入力用）'!N1597</f>
        <v>#N/A</v>
      </c>
      <c r="I1595" s="12" t="e">
        <f>'申請書（複数入力用）'!O1597</f>
        <v>#N/A</v>
      </c>
      <c r="J1595" s="12">
        <f>'申請書（複数入力用）'!P1597</f>
        <v>1</v>
      </c>
    </row>
    <row r="1596" spans="1:10" ht="51.6" customHeight="1" x14ac:dyDescent="0.45">
      <c r="A1596" s="6">
        <f>'申請書（複数入力用）'!A1598</f>
        <v>1592</v>
      </c>
      <c r="B1596" s="13">
        <f>'申請書（複数入力用）'!AH1598</f>
        <v>0</v>
      </c>
      <c r="C1596" s="6">
        <f>'申請書（複数入力用）'!B1598</f>
        <v>0</v>
      </c>
      <c r="D1596" s="6">
        <f>'申請書（複数入力用）'!D1598</f>
        <v>0</v>
      </c>
      <c r="E1596" s="14">
        <f>'申請書（複数入力用）'!H1598</f>
        <v>0</v>
      </c>
      <c r="F1596" s="11" t="str">
        <f>'申請書（複数入力用）'!J1598</f>
        <v/>
      </c>
      <c r="G1596" s="6" t="str">
        <f>'申請書（複数入力用）'!K1598</f>
        <v>a052r000000jS9ZAAU</v>
      </c>
      <c r="H1596" s="12" t="e">
        <f>'申請書（複数入力用）'!N1598</f>
        <v>#N/A</v>
      </c>
      <c r="I1596" s="12" t="e">
        <f>'申請書（複数入力用）'!O1598</f>
        <v>#N/A</v>
      </c>
      <c r="J1596" s="12">
        <f>'申請書（複数入力用）'!P1598</f>
        <v>1</v>
      </c>
    </row>
    <row r="1597" spans="1:10" ht="51.6" customHeight="1" x14ac:dyDescent="0.45">
      <c r="A1597" s="6">
        <f>'申請書（複数入力用）'!A1599</f>
        <v>1593</v>
      </c>
      <c r="B1597" s="13">
        <f>'申請書（複数入力用）'!AH1599</f>
        <v>0</v>
      </c>
      <c r="C1597" s="6">
        <f>'申請書（複数入力用）'!B1599</f>
        <v>0</v>
      </c>
      <c r="D1597" s="6">
        <f>'申請書（複数入力用）'!D1599</f>
        <v>0</v>
      </c>
      <c r="E1597" s="14">
        <f>'申請書（複数入力用）'!H1599</f>
        <v>0</v>
      </c>
      <c r="F1597" s="11" t="str">
        <f>'申請書（複数入力用）'!J1599</f>
        <v/>
      </c>
      <c r="G1597" s="6" t="str">
        <f>'申請書（複数入力用）'!K1599</f>
        <v>a052r000000jS9ZAAU</v>
      </c>
      <c r="H1597" s="12" t="e">
        <f>'申請書（複数入力用）'!N1599</f>
        <v>#N/A</v>
      </c>
      <c r="I1597" s="12" t="e">
        <f>'申請書（複数入力用）'!O1599</f>
        <v>#N/A</v>
      </c>
      <c r="J1597" s="12">
        <f>'申請書（複数入力用）'!P1599</f>
        <v>1</v>
      </c>
    </row>
    <row r="1598" spans="1:10" ht="51.6" customHeight="1" x14ac:dyDescent="0.45">
      <c r="A1598" s="6">
        <f>'申請書（複数入力用）'!A1600</f>
        <v>1594</v>
      </c>
      <c r="B1598" s="13">
        <f>'申請書（複数入力用）'!AH1600</f>
        <v>0</v>
      </c>
      <c r="C1598" s="6">
        <f>'申請書（複数入力用）'!B1600</f>
        <v>0</v>
      </c>
      <c r="D1598" s="6">
        <f>'申請書（複数入力用）'!D1600</f>
        <v>0</v>
      </c>
      <c r="E1598" s="14">
        <f>'申請書（複数入力用）'!H1600</f>
        <v>0</v>
      </c>
      <c r="F1598" s="11" t="str">
        <f>'申請書（複数入力用）'!J1600</f>
        <v/>
      </c>
      <c r="G1598" s="6" t="str">
        <f>'申請書（複数入力用）'!K1600</f>
        <v>a052r000000jS9ZAAU</v>
      </c>
      <c r="H1598" s="12" t="e">
        <f>'申請書（複数入力用）'!N1600</f>
        <v>#N/A</v>
      </c>
      <c r="I1598" s="12" t="e">
        <f>'申請書（複数入力用）'!O1600</f>
        <v>#N/A</v>
      </c>
      <c r="J1598" s="12">
        <f>'申請書（複数入力用）'!P1600</f>
        <v>1</v>
      </c>
    </row>
    <row r="1599" spans="1:10" ht="51.6" customHeight="1" x14ac:dyDescent="0.45">
      <c r="A1599" s="6">
        <f>'申請書（複数入力用）'!A1601</f>
        <v>1595</v>
      </c>
      <c r="B1599" s="13">
        <f>'申請書（複数入力用）'!AH1601</f>
        <v>0</v>
      </c>
      <c r="C1599" s="6">
        <f>'申請書（複数入力用）'!B1601</f>
        <v>0</v>
      </c>
      <c r="D1599" s="6">
        <f>'申請書（複数入力用）'!D1601</f>
        <v>0</v>
      </c>
      <c r="E1599" s="14">
        <f>'申請書（複数入力用）'!H1601</f>
        <v>0</v>
      </c>
      <c r="F1599" s="11" t="str">
        <f>'申請書（複数入力用）'!J1601</f>
        <v/>
      </c>
      <c r="G1599" s="6" t="str">
        <f>'申請書（複数入力用）'!K1601</f>
        <v>a052r000000jS9ZAAU</v>
      </c>
      <c r="H1599" s="12" t="e">
        <f>'申請書（複数入力用）'!N1601</f>
        <v>#N/A</v>
      </c>
      <c r="I1599" s="12" t="e">
        <f>'申請書（複数入力用）'!O1601</f>
        <v>#N/A</v>
      </c>
      <c r="J1599" s="12">
        <f>'申請書（複数入力用）'!P1601</f>
        <v>1</v>
      </c>
    </row>
    <row r="1600" spans="1:10" ht="51.6" customHeight="1" x14ac:dyDescent="0.45">
      <c r="A1600" s="6">
        <f>'申請書（複数入力用）'!A1602</f>
        <v>1596</v>
      </c>
      <c r="B1600" s="13">
        <f>'申請書（複数入力用）'!AH1602</f>
        <v>0</v>
      </c>
      <c r="C1600" s="6">
        <f>'申請書（複数入力用）'!B1602</f>
        <v>0</v>
      </c>
      <c r="D1600" s="6">
        <f>'申請書（複数入力用）'!D1602</f>
        <v>0</v>
      </c>
      <c r="E1600" s="14">
        <f>'申請書（複数入力用）'!H1602</f>
        <v>0</v>
      </c>
      <c r="F1600" s="11" t="str">
        <f>'申請書（複数入力用）'!J1602</f>
        <v/>
      </c>
      <c r="G1600" s="6" t="str">
        <f>'申請書（複数入力用）'!K1602</f>
        <v>a052r000000jS9ZAAU</v>
      </c>
      <c r="H1600" s="12" t="e">
        <f>'申請書（複数入力用）'!N1602</f>
        <v>#N/A</v>
      </c>
      <c r="I1600" s="12" t="e">
        <f>'申請書（複数入力用）'!O1602</f>
        <v>#N/A</v>
      </c>
      <c r="J1600" s="12">
        <f>'申請書（複数入力用）'!P1602</f>
        <v>1</v>
      </c>
    </row>
    <row r="1601" spans="1:10" ht="51.6" customHeight="1" x14ac:dyDescent="0.45">
      <c r="A1601" s="6">
        <f>'申請書（複数入力用）'!A1603</f>
        <v>1597</v>
      </c>
      <c r="B1601" s="13">
        <f>'申請書（複数入力用）'!AH1603</f>
        <v>0</v>
      </c>
      <c r="C1601" s="6">
        <f>'申請書（複数入力用）'!B1603</f>
        <v>0</v>
      </c>
      <c r="D1601" s="6">
        <f>'申請書（複数入力用）'!D1603</f>
        <v>0</v>
      </c>
      <c r="E1601" s="14">
        <f>'申請書（複数入力用）'!H1603</f>
        <v>0</v>
      </c>
      <c r="F1601" s="11" t="str">
        <f>'申請書（複数入力用）'!J1603</f>
        <v/>
      </c>
      <c r="G1601" s="6" t="str">
        <f>'申請書（複数入力用）'!K1603</f>
        <v>a052r000000jS9ZAAU</v>
      </c>
      <c r="H1601" s="12" t="e">
        <f>'申請書（複数入力用）'!N1603</f>
        <v>#N/A</v>
      </c>
      <c r="I1601" s="12" t="e">
        <f>'申請書（複数入力用）'!O1603</f>
        <v>#N/A</v>
      </c>
      <c r="J1601" s="12">
        <f>'申請書（複数入力用）'!P1603</f>
        <v>1</v>
      </c>
    </row>
    <row r="1602" spans="1:10" ht="51.6" customHeight="1" x14ac:dyDescent="0.45">
      <c r="A1602" s="6">
        <f>'申請書（複数入力用）'!A1604</f>
        <v>1598</v>
      </c>
      <c r="B1602" s="13">
        <f>'申請書（複数入力用）'!AH1604</f>
        <v>0</v>
      </c>
      <c r="C1602" s="6">
        <f>'申請書（複数入力用）'!B1604</f>
        <v>0</v>
      </c>
      <c r="D1602" s="6">
        <f>'申請書（複数入力用）'!D1604</f>
        <v>0</v>
      </c>
      <c r="E1602" s="14">
        <f>'申請書（複数入力用）'!H1604</f>
        <v>0</v>
      </c>
      <c r="F1602" s="11" t="str">
        <f>'申請書（複数入力用）'!J1604</f>
        <v/>
      </c>
      <c r="G1602" s="6" t="str">
        <f>'申請書（複数入力用）'!K1604</f>
        <v>a052r000000jS9ZAAU</v>
      </c>
      <c r="H1602" s="12" t="e">
        <f>'申請書（複数入力用）'!N1604</f>
        <v>#N/A</v>
      </c>
      <c r="I1602" s="12" t="e">
        <f>'申請書（複数入力用）'!O1604</f>
        <v>#N/A</v>
      </c>
      <c r="J1602" s="12">
        <f>'申請書（複数入力用）'!P1604</f>
        <v>1</v>
      </c>
    </row>
    <row r="1603" spans="1:10" ht="51.6" customHeight="1" x14ac:dyDescent="0.45">
      <c r="A1603" s="6">
        <f>'申請書（複数入力用）'!A1605</f>
        <v>1599</v>
      </c>
      <c r="B1603" s="13">
        <f>'申請書（複数入力用）'!AH1605</f>
        <v>0</v>
      </c>
      <c r="C1603" s="6">
        <f>'申請書（複数入力用）'!B1605</f>
        <v>0</v>
      </c>
      <c r="D1603" s="6">
        <f>'申請書（複数入力用）'!D1605</f>
        <v>0</v>
      </c>
      <c r="E1603" s="14">
        <f>'申請書（複数入力用）'!H1605</f>
        <v>0</v>
      </c>
      <c r="F1603" s="11" t="str">
        <f>'申請書（複数入力用）'!J1605</f>
        <v/>
      </c>
      <c r="G1603" s="6" t="str">
        <f>'申請書（複数入力用）'!K1605</f>
        <v>a052r000000jS9ZAAU</v>
      </c>
      <c r="H1603" s="12" t="e">
        <f>'申請書（複数入力用）'!N1605</f>
        <v>#N/A</v>
      </c>
      <c r="I1603" s="12" t="e">
        <f>'申請書（複数入力用）'!O1605</f>
        <v>#N/A</v>
      </c>
      <c r="J1603" s="12">
        <f>'申請書（複数入力用）'!P1605</f>
        <v>1</v>
      </c>
    </row>
    <row r="1604" spans="1:10" ht="51.6" customHeight="1" x14ac:dyDescent="0.45">
      <c r="A1604" s="6">
        <f>'申請書（複数入力用）'!A1606</f>
        <v>1600</v>
      </c>
      <c r="B1604" s="13">
        <f>'申請書（複数入力用）'!AH1606</f>
        <v>0</v>
      </c>
      <c r="C1604" s="6">
        <f>'申請書（複数入力用）'!B1606</f>
        <v>0</v>
      </c>
      <c r="D1604" s="6">
        <f>'申請書（複数入力用）'!D1606</f>
        <v>0</v>
      </c>
      <c r="E1604" s="14">
        <f>'申請書（複数入力用）'!H1606</f>
        <v>0</v>
      </c>
      <c r="F1604" s="11" t="str">
        <f>'申請書（複数入力用）'!J1606</f>
        <v/>
      </c>
      <c r="G1604" s="6" t="str">
        <f>'申請書（複数入力用）'!K1606</f>
        <v>a052r000000jS9ZAAU</v>
      </c>
      <c r="H1604" s="12" t="e">
        <f>'申請書（複数入力用）'!N1606</f>
        <v>#N/A</v>
      </c>
      <c r="I1604" s="12" t="e">
        <f>'申請書（複数入力用）'!O1606</f>
        <v>#N/A</v>
      </c>
      <c r="J1604" s="12">
        <f>'申請書（複数入力用）'!P1606</f>
        <v>1</v>
      </c>
    </row>
    <row r="1605" spans="1:10" ht="51.6" customHeight="1" x14ac:dyDescent="0.45">
      <c r="A1605" s="6">
        <f>'申請書（複数入力用）'!A1607</f>
        <v>1601</v>
      </c>
      <c r="B1605" s="13">
        <f>'申請書（複数入力用）'!AH1607</f>
        <v>0</v>
      </c>
      <c r="C1605" s="6">
        <f>'申請書（複数入力用）'!B1607</f>
        <v>0</v>
      </c>
      <c r="D1605" s="6">
        <f>'申請書（複数入力用）'!D1607</f>
        <v>0</v>
      </c>
      <c r="E1605" s="14">
        <f>'申請書（複数入力用）'!H1607</f>
        <v>0</v>
      </c>
      <c r="F1605" s="11" t="str">
        <f>'申請書（複数入力用）'!J1607</f>
        <v/>
      </c>
      <c r="G1605" s="6" t="str">
        <f>'申請書（複数入力用）'!K1607</f>
        <v>a052r000000jS9ZAAU</v>
      </c>
      <c r="H1605" s="12" t="e">
        <f>'申請書（複数入力用）'!N1607</f>
        <v>#N/A</v>
      </c>
      <c r="I1605" s="12" t="e">
        <f>'申請書（複数入力用）'!O1607</f>
        <v>#N/A</v>
      </c>
      <c r="J1605" s="12">
        <f>'申請書（複数入力用）'!P1607</f>
        <v>1</v>
      </c>
    </row>
    <row r="1606" spans="1:10" ht="51.6" customHeight="1" x14ac:dyDescent="0.45">
      <c r="A1606" s="6">
        <f>'申請書（複数入力用）'!A1608</f>
        <v>1602</v>
      </c>
      <c r="B1606" s="13">
        <f>'申請書（複数入力用）'!AH1608</f>
        <v>0</v>
      </c>
      <c r="C1606" s="6">
        <f>'申請書（複数入力用）'!B1608</f>
        <v>0</v>
      </c>
      <c r="D1606" s="6">
        <f>'申請書（複数入力用）'!D1608</f>
        <v>0</v>
      </c>
      <c r="E1606" s="14">
        <f>'申請書（複数入力用）'!H1608</f>
        <v>0</v>
      </c>
      <c r="F1606" s="11" t="str">
        <f>'申請書（複数入力用）'!J1608</f>
        <v/>
      </c>
      <c r="G1606" s="6" t="str">
        <f>'申請書（複数入力用）'!K1608</f>
        <v>a052r000000jS9ZAAU</v>
      </c>
      <c r="H1606" s="12" t="e">
        <f>'申請書（複数入力用）'!N1608</f>
        <v>#N/A</v>
      </c>
      <c r="I1606" s="12" t="e">
        <f>'申請書（複数入力用）'!O1608</f>
        <v>#N/A</v>
      </c>
      <c r="J1606" s="12">
        <f>'申請書（複数入力用）'!P1608</f>
        <v>1</v>
      </c>
    </row>
    <row r="1607" spans="1:10" ht="51.6" customHeight="1" x14ac:dyDescent="0.45">
      <c r="A1607" s="6">
        <f>'申請書（複数入力用）'!A1609</f>
        <v>1603</v>
      </c>
      <c r="B1607" s="13">
        <f>'申請書（複数入力用）'!AH1609</f>
        <v>0</v>
      </c>
      <c r="C1607" s="6">
        <f>'申請書（複数入力用）'!B1609</f>
        <v>0</v>
      </c>
      <c r="D1607" s="6">
        <f>'申請書（複数入力用）'!D1609</f>
        <v>0</v>
      </c>
      <c r="E1607" s="14">
        <f>'申請書（複数入力用）'!H1609</f>
        <v>0</v>
      </c>
      <c r="F1607" s="11" t="str">
        <f>'申請書（複数入力用）'!J1609</f>
        <v/>
      </c>
      <c r="G1607" s="6" t="str">
        <f>'申請書（複数入力用）'!K1609</f>
        <v>a052r000000jS9ZAAU</v>
      </c>
      <c r="H1607" s="12" t="e">
        <f>'申請書（複数入力用）'!N1609</f>
        <v>#N/A</v>
      </c>
      <c r="I1607" s="12" t="e">
        <f>'申請書（複数入力用）'!O1609</f>
        <v>#N/A</v>
      </c>
      <c r="J1607" s="12">
        <f>'申請書（複数入力用）'!P1609</f>
        <v>1</v>
      </c>
    </row>
    <row r="1608" spans="1:10" ht="51.6" customHeight="1" x14ac:dyDescent="0.45">
      <c r="A1608" s="6">
        <f>'申請書（複数入力用）'!A1610</f>
        <v>1604</v>
      </c>
      <c r="B1608" s="13">
        <f>'申請書（複数入力用）'!AH1610</f>
        <v>0</v>
      </c>
      <c r="C1608" s="6">
        <f>'申請書（複数入力用）'!B1610</f>
        <v>0</v>
      </c>
      <c r="D1608" s="6">
        <f>'申請書（複数入力用）'!D1610</f>
        <v>0</v>
      </c>
      <c r="E1608" s="14">
        <f>'申請書（複数入力用）'!H1610</f>
        <v>0</v>
      </c>
      <c r="F1608" s="11" t="str">
        <f>'申請書（複数入力用）'!J1610</f>
        <v/>
      </c>
      <c r="G1608" s="6" t="str">
        <f>'申請書（複数入力用）'!K1610</f>
        <v>a052r000000jS9ZAAU</v>
      </c>
      <c r="H1608" s="12" t="e">
        <f>'申請書（複数入力用）'!N1610</f>
        <v>#N/A</v>
      </c>
      <c r="I1608" s="12" t="e">
        <f>'申請書（複数入力用）'!O1610</f>
        <v>#N/A</v>
      </c>
      <c r="J1608" s="12">
        <f>'申請書（複数入力用）'!P1610</f>
        <v>1</v>
      </c>
    </row>
    <row r="1609" spans="1:10" ht="51.6" customHeight="1" x14ac:dyDescent="0.45">
      <c r="A1609" s="6">
        <f>'申請書（複数入力用）'!A1611</f>
        <v>1605</v>
      </c>
      <c r="B1609" s="13">
        <f>'申請書（複数入力用）'!AH1611</f>
        <v>0</v>
      </c>
      <c r="C1609" s="6">
        <f>'申請書（複数入力用）'!B1611</f>
        <v>0</v>
      </c>
      <c r="D1609" s="6">
        <f>'申請書（複数入力用）'!D1611</f>
        <v>0</v>
      </c>
      <c r="E1609" s="14">
        <f>'申請書（複数入力用）'!H1611</f>
        <v>0</v>
      </c>
      <c r="F1609" s="11" t="str">
        <f>'申請書（複数入力用）'!J1611</f>
        <v/>
      </c>
      <c r="G1609" s="6" t="str">
        <f>'申請書（複数入力用）'!K1611</f>
        <v>a052r000000jS9ZAAU</v>
      </c>
      <c r="H1609" s="12" t="e">
        <f>'申請書（複数入力用）'!N1611</f>
        <v>#N/A</v>
      </c>
      <c r="I1609" s="12" t="e">
        <f>'申請書（複数入力用）'!O1611</f>
        <v>#N/A</v>
      </c>
      <c r="J1609" s="12">
        <f>'申請書（複数入力用）'!P1611</f>
        <v>1</v>
      </c>
    </row>
    <row r="1610" spans="1:10" ht="51.6" customHeight="1" x14ac:dyDescent="0.45">
      <c r="A1610" s="6">
        <f>'申請書（複数入力用）'!A1612</f>
        <v>1606</v>
      </c>
      <c r="B1610" s="13">
        <f>'申請書（複数入力用）'!AH1612</f>
        <v>0</v>
      </c>
      <c r="C1610" s="6">
        <f>'申請書（複数入力用）'!B1612</f>
        <v>0</v>
      </c>
      <c r="D1610" s="6">
        <f>'申請書（複数入力用）'!D1612</f>
        <v>0</v>
      </c>
      <c r="E1610" s="14">
        <f>'申請書（複数入力用）'!H1612</f>
        <v>0</v>
      </c>
      <c r="F1610" s="11" t="str">
        <f>'申請書（複数入力用）'!J1612</f>
        <v/>
      </c>
      <c r="G1610" s="6" t="str">
        <f>'申請書（複数入力用）'!K1612</f>
        <v>a052r000000jS9ZAAU</v>
      </c>
      <c r="H1610" s="12" t="e">
        <f>'申請書（複数入力用）'!N1612</f>
        <v>#N/A</v>
      </c>
      <c r="I1610" s="12" t="e">
        <f>'申請書（複数入力用）'!O1612</f>
        <v>#N/A</v>
      </c>
      <c r="J1610" s="12">
        <f>'申請書（複数入力用）'!P1612</f>
        <v>1</v>
      </c>
    </row>
    <row r="1611" spans="1:10" ht="51.6" customHeight="1" x14ac:dyDescent="0.45">
      <c r="A1611" s="6">
        <f>'申請書（複数入力用）'!A1613</f>
        <v>1607</v>
      </c>
      <c r="B1611" s="13">
        <f>'申請書（複数入力用）'!AH1613</f>
        <v>0</v>
      </c>
      <c r="C1611" s="6">
        <f>'申請書（複数入力用）'!B1613</f>
        <v>0</v>
      </c>
      <c r="D1611" s="6">
        <f>'申請書（複数入力用）'!D1613</f>
        <v>0</v>
      </c>
      <c r="E1611" s="14">
        <f>'申請書（複数入力用）'!H1613</f>
        <v>0</v>
      </c>
      <c r="F1611" s="11" t="str">
        <f>'申請書（複数入力用）'!J1613</f>
        <v/>
      </c>
      <c r="G1611" s="6" t="str">
        <f>'申請書（複数入力用）'!K1613</f>
        <v>a052r000000jS9ZAAU</v>
      </c>
      <c r="H1611" s="12" t="e">
        <f>'申請書（複数入力用）'!N1613</f>
        <v>#N/A</v>
      </c>
      <c r="I1611" s="12" t="e">
        <f>'申請書（複数入力用）'!O1613</f>
        <v>#N/A</v>
      </c>
      <c r="J1611" s="12">
        <f>'申請書（複数入力用）'!P1613</f>
        <v>1</v>
      </c>
    </row>
    <row r="1612" spans="1:10" ht="51.6" customHeight="1" x14ac:dyDescent="0.45">
      <c r="A1612" s="6">
        <f>'申請書（複数入力用）'!A1614</f>
        <v>1608</v>
      </c>
      <c r="B1612" s="13">
        <f>'申請書（複数入力用）'!AH1614</f>
        <v>0</v>
      </c>
      <c r="C1612" s="6">
        <f>'申請書（複数入力用）'!B1614</f>
        <v>0</v>
      </c>
      <c r="D1612" s="6">
        <f>'申請書（複数入力用）'!D1614</f>
        <v>0</v>
      </c>
      <c r="E1612" s="14">
        <f>'申請書（複数入力用）'!H1614</f>
        <v>0</v>
      </c>
      <c r="F1612" s="11" t="str">
        <f>'申請書（複数入力用）'!J1614</f>
        <v/>
      </c>
      <c r="G1612" s="6" t="str">
        <f>'申請書（複数入力用）'!K1614</f>
        <v>a052r000000jS9ZAAU</v>
      </c>
      <c r="H1612" s="12" t="e">
        <f>'申請書（複数入力用）'!N1614</f>
        <v>#N/A</v>
      </c>
      <c r="I1612" s="12" t="e">
        <f>'申請書（複数入力用）'!O1614</f>
        <v>#N/A</v>
      </c>
      <c r="J1612" s="12">
        <f>'申請書（複数入力用）'!P1614</f>
        <v>1</v>
      </c>
    </row>
    <row r="1613" spans="1:10" ht="51.6" customHeight="1" x14ac:dyDescent="0.45">
      <c r="A1613" s="6">
        <f>'申請書（複数入力用）'!A1615</f>
        <v>1609</v>
      </c>
      <c r="B1613" s="13">
        <f>'申請書（複数入力用）'!AH1615</f>
        <v>0</v>
      </c>
      <c r="C1613" s="6">
        <f>'申請書（複数入力用）'!B1615</f>
        <v>0</v>
      </c>
      <c r="D1613" s="6">
        <f>'申請書（複数入力用）'!D1615</f>
        <v>0</v>
      </c>
      <c r="E1613" s="14">
        <f>'申請書（複数入力用）'!H1615</f>
        <v>0</v>
      </c>
      <c r="F1613" s="11" t="str">
        <f>'申請書（複数入力用）'!J1615</f>
        <v/>
      </c>
      <c r="G1613" s="6" t="str">
        <f>'申請書（複数入力用）'!K1615</f>
        <v>a052r000000jS9ZAAU</v>
      </c>
      <c r="H1613" s="12" t="e">
        <f>'申請書（複数入力用）'!N1615</f>
        <v>#N/A</v>
      </c>
      <c r="I1613" s="12" t="e">
        <f>'申請書（複数入力用）'!O1615</f>
        <v>#N/A</v>
      </c>
      <c r="J1613" s="12">
        <f>'申請書（複数入力用）'!P1615</f>
        <v>1</v>
      </c>
    </row>
    <row r="1614" spans="1:10" ht="51.6" customHeight="1" x14ac:dyDescent="0.45">
      <c r="A1614" s="6">
        <f>'申請書（複数入力用）'!A1616</f>
        <v>1610</v>
      </c>
      <c r="B1614" s="13">
        <f>'申請書（複数入力用）'!AH1616</f>
        <v>0</v>
      </c>
      <c r="C1614" s="6">
        <f>'申請書（複数入力用）'!B1616</f>
        <v>0</v>
      </c>
      <c r="D1614" s="6">
        <f>'申請書（複数入力用）'!D1616</f>
        <v>0</v>
      </c>
      <c r="E1614" s="14">
        <f>'申請書（複数入力用）'!H1616</f>
        <v>0</v>
      </c>
      <c r="F1614" s="11" t="str">
        <f>'申請書（複数入力用）'!J1616</f>
        <v/>
      </c>
      <c r="G1614" s="6" t="str">
        <f>'申請書（複数入力用）'!K1616</f>
        <v>a052r000000jS9ZAAU</v>
      </c>
      <c r="H1614" s="12" t="e">
        <f>'申請書（複数入力用）'!N1616</f>
        <v>#N/A</v>
      </c>
      <c r="I1614" s="12" t="e">
        <f>'申請書（複数入力用）'!O1616</f>
        <v>#N/A</v>
      </c>
      <c r="J1614" s="12">
        <f>'申請書（複数入力用）'!P1616</f>
        <v>1</v>
      </c>
    </row>
    <row r="1615" spans="1:10" ht="51.6" customHeight="1" x14ac:dyDescent="0.45">
      <c r="A1615" s="6">
        <f>'申請書（複数入力用）'!A1617</f>
        <v>1611</v>
      </c>
      <c r="B1615" s="13">
        <f>'申請書（複数入力用）'!AH1617</f>
        <v>0</v>
      </c>
      <c r="C1615" s="6">
        <f>'申請書（複数入力用）'!B1617</f>
        <v>0</v>
      </c>
      <c r="D1615" s="6">
        <f>'申請書（複数入力用）'!D1617</f>
        <v>0</v>
      </c>
      <c r="E1615" s="14">
        <f>'申請書（複数入力用）'!H1617</f>
        <v>0</v>
      </c>
      <c r="F1615" s="11" t="str">
        <f>'申請書（複数入力用）'!J1617</f>
        <v/>
      </c>
      <c r="G1615" s="6" t="str">
        <f>'申請書（複数入力用）'!K1617</f>
        <v>a052r000000jS9ZAAU</v>
      </c>
      <c r="H1615" s="12" t="e">
        <f>'申請書（複数入力用）'!N1617</f>
        <v>#N/A</v>
      </c>
      <c r="I1615" s="12" t="e">
        <f>'申請書（複数入力用）'!O1617</f>
        <v>#N/A</v>
      </c>
      <c r="J1615" s="12">
        <f>'申請書（複数入力用）'!P1617</f>
        <v>1</v>
      </c>
    </row>
    <row r="1616" spans="1:10" ht="51.6" customHeight="1" x14ac:dyDescent="0.45">
      <c r="A1616" s="6">
        <f>'申請書（複数入力用）'!A1618</f>
        <v>1612</v>
      </c>
      <c r="B1616" s="13">
        <f>'申請書（複数入力用）'!AH1618</f>
        <v>0</v>
      </c>
      <c r="C1616" s="6">
        <f>'申請書（複数入力用）'!B1618</f>
        <v>0</v>
      </c>
      <c r="D1616" s="6">
        <f>'申請書（複数入力用）'!D1618</f>
        <v>0</v>
      </c>
      <c r="E1616" s="14">
        <f>'申請書（複数入力用）'!H1618</f>
        <v>0</v>
      </c>
      <c r="F1616" s="11" t="str">
        <f>'申請書（複数入力用）'!J1618</f>
        <v/>
      </c>
      <c r="G1616" s="6" t="str">
        <f>'申請書（複数入力用）'!K1618</f>
        <v>a052r000000jS9ZAAU</v>
      </c>
      <c r="H1616" s="12" t="e">
        <f>'申請書（複数入力用）'!N1618</f>
        <v>#N/A</v>
      </c>
      <c r="I1616" s="12" t="e">
        <f>'申請書（複数入力用）'!O1618</f>
        <v>#N/A</v>
      </c>
      <c r="J1616" s="12">
        <f>'申請書（複数入力用）'!P1618</f>
        <v>1</v>
      </c>
    </row>
    <row r="1617" spans="1:10" ht="51.6" customHeight="1" x14ac:dyDescent="0.45">
      <c r="A1617" s="6">
        <f>'申請書（複数入力用）'!A1619</f>
        <v>1613</v>
      </c>
      <c r="B1617" s="13">
        <f>'申請書（複数入力用）'!AH1619</f>
        <v>0</v>
      </c>
      <c r="C1617" s="6">
        <f>'申請書（複数入力用）'!B1619</f>
        <v>0</v>
      </c>
      <c r="D1617" s="6">
        <f>'申請書（複数入力用）'!D1619</f>
        <v>0</v>
      </c>
      <c r="E1617" s="14">
        <f>'申請書（複数入力用）'!H1619</f>
        <v>0</v>
      </c>
      <c r="F1617" s="11" t="str">
        <f>'申請書（複数入力用）'!J1619</f>
        <v/>
      </c>
      <c r="G1617" s="6" t="str">
        <f>'申請書（複数入力用）'!K1619</f>
        <v>a052r000000jS9ZAAU</v>
      </c>
      <c r="H1617" s="12" t="e">
        <f>'申請書（複数入力用）'!N1619</f>
        <v>#N/A</v>
      </c>
      <c r="I1617" s="12" t="e">
        <f>'申請書（複数入力用）'!O1619</f>
        <v>#N/A</v>
      </c>
      <c r="J1617" s="12">
        <f>'申請書（複数入力用）'!P1619</f>
        <v>1</v>
      </c>
    </row>
    <row r="1618" spans="1:10" ht="51.6" customHeight="1" x14ac:dyDescent="0.45">
      <c r="A1618" s="6">
        <f>'申請書（複数入力用）'!A1620</f>
        <v>1614</v>
      </c>
      <c r="B1618" s="13">
        <f>'申請書（複数入力用）'!AH1620</f>
        <v>0</v>
      </c>
      <c r="C1618" s="6">
        <f>'申請書（複数入力用）'!B1620</f>
        <v>0</v>
      </c>
      <c r="D1618" s="6">
        <f>'申請書（複数入力用）'!D1620</f>
        <v>0</v>
      </c>
      <c r="E1618" s="14">
        <f>'申請書（複数入力用）'!H1620</f>
        <v>0</v>
      </c>
      <c r="F1618" s="11" t="str">
        <f>'申請書（複数入力用）'!J1620</f>
        <v/>
      </c>
      <c r="G1618" s="6" t="str">
        <f>'申請書（複数入力用）'!K1620</f>
        <v>a052r000000jS9ZAAU</v>
      </c>
      <c r="H1618" s="12" t="e">
        <f>'申請書（複数入力用）'!N1620</f>
        <v>#N/A</v>
      </c>
      <c r="I1618" s="12" t="e">
        <f>'申請書（複数入力用）'!O1620</f>
        <v>#N/A</v>
      </c>
      <c r="J1618" s="12">
        <f>'申請書（複数入力用）'!P1620</f>
        <v>1</v>
      </c>
    </row>
    <row r="1619" spans="1:10" ht="51.6" customHeight="1" x14ac:dyDescent="0.45">
      <c r="A1619" s="6">
        <f>'申請書（複数入力用）'!A1621</f>
        <v>1615</v>
      </c>
      <c r="B1619" s="13">
        <f>'申請書（複数入力用）'!AH1621</f>
        <v>0</v>
      </c>
      <c r="C1619" s="6">
        <f>'申請書（複数入力用）'!B1621</f>
        <v>0</v>
      </c>
      <c r="D1619" s="6">
        <f>'申請書（複数入力用）'!D1621</f>
        <v>0</v>
      </c>
      <c r="E1619" s="14">
        <f>'申請書（複数入力用）'!H1621</f>
        <v>0</v>
      </c>
      <c r="F1619" s="11" t="str">
        <f>'申請書（複数入力用）'!J1621</f>
        <v/>
      </c>
      <c r="G1619" s="6" t="str">
        <f>'申請書（複数入力用）'!K1621</f>
        <v>a052r000000jS9ZAAU</v>
      </c>
      <c r="H1619" s="12" t="e">
        <f>'申請書（複数入力用）'!N1621</f>
        <v>#N/A</v>
      </c>
      <c r="I1619" s="12" t="e">
        <f>'申請書（複数入力用）'!O1621</f>
        <v>#N/A</v>
      </c>
      <c r="J1619" s="12">
        <f>'申請書（複数入力用）'!P1621</f>
        <v>1</v>
      </c>
    </row>
    <row r="1620" spans="1:10" ht="51.6" customHeight="1" x14ac:dyDescent="0.45">
      <c r="A1620" s="6">
        <f>'申請書（複数入力用）'!A1622</f>
        <v>1616</v>
      </c>
      <c r="B1620" s="13">
        <f>'申請書（複数入力用）'!AH1622</f>
        <v>0</v>
      </c>
      <c r="C1620" s="6">
        <f>'申請書（複数入力用）'!B1622</f>
        <v>0</v>
      </c>
      <c r="D1620" s="6">
        <f>'申請書（複数入力用）'!D1622</f>
        <v>0</v>
      </c>
      <c r="E1620" s="14">
        <f>'申請書（複数入力用）'!H1622</f>
        <v>0</v>
      </c>
      <c r="F1620" s="11" t="str">
        <f>'申請書（複数入力用）'!J1622</f>
        <v/>
      </c>
      <c r="G1620" s="6" t="str">
        <f>'申請書（複数入力用）'!K1622</f>
        <v>a052r000000jS9ZAAU</v>
      </c>
      <c r="H1620" s="12" t="e">
        <f>'申請書（複数入力用）'!N1622</f>
        <v>#N/A</v>
      </c>
      <c r="I1620" s="12" t="e">
        <f>'申請書（複数入力用）'!O1622</f>
        <v>#N/A</v>
      </c>
      <c r="J1620" s="12">
        <f>'申請書（複数入力用）'!P1622</f>
        <v>1</v>
      </c>
    </row>
    <row r="1621" spans="1:10" ht="51.6" customHeight="1" x14ac:dyDescent="0.45">
      <c r="A1621" s="6">
        <f>'申請書（複数入力用）'!A1623</f>
        <v>1617</v>
      </c>
      <c r="B1621" s="13">
        <f>'申請書（複数入力用）'!AH1623</f>
        <v>0</v>
      </c>
      <c r="C1621" s="6">
        <f>'申請書（複数入力用）'!B1623</f>
        <v>0</v>
      </c>
      <c r="D1621" s="6">
        <f>'申請書（複数入力用）'!D1623</f>
        <v>0</v>
      </c>
      <c r="E1621" s="14">
        <f>'申請書（複数入力用）'!H1623</f>
        <v>0</v>
      </c>
      <c r="F1621" s="11" t="str">
        <f>'申請書（複数入力用）'!J1623</f>
        <v/>
      </c>
      <c r="G1621" s="6" t="str">
        <f>'申請書（複数入力用）'!K1623</f>
        <v>a052r000000jS9ZAAU</v>
      </c>
      <c r="H1621" s="12" t="e">
        <f>'申請書（複数入力用）'!N1623</f>
        <v>#N/A</v>
      </c>
      <c r="I1621" s="12" t="e">
        <f>'申請書（複数入力用）'!O1623</f>
        <v>#N/A</v>
      </c>
      <c r="J1621" s="12">
        <f>'申請書（複数入力用）'!P1623</f>
        <v>1</v>
      </c>
    </row>
    <row r="1622" spans="1:10" ht="51.6" customHeight="1" x14ac:dyDescent="0.45">
      <c r="A1622" s="6">
        <f>'申請書（複数入力用）'!A1624</f>
        <v>1618</v>
      </c>
      <c r="B1622" s="13">
        <f>'申請書（複数入力用）'!AH1624</f>
        <v>0</v>
      </c>
      <c r="C1622" s="6">
        <f>'申請書（複数入力用）'!B1624</f>
        <v>0</v>
      </c>
      <c r="D1622" s="6">
        <f>'申請書（複数入力用）'!D1624</f>
        <v>0</v>
      </c>
      <c r="E1622" s="14">
        <f>'申請書（複数入力用）'!H1624</f>
        <v>0</v>
      </c>
      <c r="F1622" s="11" t="str">
        <f>'申請書（複数入力用）'!J1624</f>
        <v/>
      </c>
      <c r="G1622" s="6" t="str">
        <f>'申請書（複数入力用）'!K1624</f>
        <v>a052r000000jS9ZAAU</v>
      </c>
      <c r="H1622" s="12" t="e">
        <f>'申請書（複数入力用）'!N1624</f>
        <v>#N/A</v>
      </c>
      <c r="I1622" s="12" t="e">
        <f>'申請書（複数入力用）'!O1624</f>
        <v>#N/A</v>
      </c>
      <c r="J1622" s="12">
        <f>'申請書（複数入力用）'!P1624</f>
        <v>1</v>
      </c>
    </row>
    <row r="1623" spans="1:10" ht="51.6" customHeight="1" x14ac:dyDescent="0.45">
      <c r="A1623" s="6">
        <f>'申請書（複数入力用）'!A1625</f>
        <v>1619</v>
      </c>
      <c r="B1623" s="13">
        <f>'申請書（複数入力用）'!AH1625</f>
        <v>0</v>
      </c>
      <c r="C1623" s="6">
        <f>'申請書（複数入力用）'!B1625</f>
        <v>0</v>
      </c>
      <c r="D1623" s="6">
        <f>'申請書（複数入力用）'!D1625</f>
        <v>0</v>
      </c>
      <c r="E1623" s="14">
        <f>'申請書（複数入力用）'!H1625</f>
        <v>0</v>
      </c>
      <c r="F1623" s="11" t="str">
        <f>'申請書（複数入力用）'!J1625</f>
        <v/>
      </c>
      <c r="G1623" s="6" t="str">
        <f>'申請書（複数入力用）'!K1625</f>
        <v>a052r000000jS9ZAAU</v>
      </c>
      <c r="H1623" s="12" t="e">
        <f>'申請書（複数入力用）'!N1625</f>
        <v>#N/A</v>
      </c>
      <c r="I1623" s="12" t="e">
        <f>'申請書（複数入力用）'!O1625</f>
        <v>#N/A</v>
      </c>
      <c r="J1623" s="12">
        <f>'申請書（複数入力用）'!P1625</f>
        <v>1</v>
      </c>
    </row>
    <row r="1624" spans="1:10" ht="51.6" customHeight="1" x14ac:dyDescent="0.45">
      <c r="A1624" s="6">
        <f>'申請書（複数入力用）'!A1626</f>
        <v>1620</v>
      </c>
      <c r="B1624" s="13">
        <f>'申請書（複数入力用）'!AH1626</f>
        <v>0</v>
      </c>
      <c r="C1624" s="6">
        <f>'申請書（複数入力用）'!B1626</f>
        <v>0</v>
      </c>
      <c r="D1624" s="6">
        <f>'申請書（複数入力用）'!D1626</f>
        <v>0</v>
      </c>
      <c r="E1624" s="14">
        <f>'申請書（複数入力用）'!H1626</f>
        <v>0</v>
      </c>
      <c r="F1624" s="11" t="str">
        <f>'申請書（複数入力用）'!J1626</f>
        <v/>
      </c>
      <c r="G1624" s="6" t="str">
        <f>'申請書（複数入力用）'!K1626</f>
        <v>a052r000000jS9ZAAU</v>
      </c>
      <c r="H1624" s="12" t="e">
        <f>'申請書（複数入力用）'!N1626</f>
        <v>#N/A</v>
      </c>
      <c r="I1624" s="12" t="e">
        <f>'申請書（複数入力用）'!O1626</f>
        <v>#N/A</v>
      </c>
      <c r="J1624" s="12">
        <f>'申請書（複数入力用）'!P1626</f>
        <v>1</v>
      </c>
    </row>
    <row r="1625" spans="1:10" ht="51.6" customHeight="1" x14ac:dyDescent="0.45">
      <c r="A1625" s="6">
        <f>'申請書（複数入力用）'!A1627</f>
        <v>1621</v>
      </c>
      <c r="B1625" s="13">
        <f>'申請書（複数入力用）'!AH1627</f>
        <v>0</v>
      </c>
      <c r="C1625" s="6">
        <f>'申請書（複数入力用）'!B1627</f>
        <v>0</v>
      </c>
      <c r="D1625" s="6">
        <f>'申請書（複数入力用）'!D1627</f>
        <v>0</v>
      </c>
      <c r="E1625" s="14">
        <f>'申請書（複数入力用）'!H1627</f>
        <v>0</v>
      </c>
      <c r="F1625" s="11" t="str">
        <f>'申請書（複数入力用）'!J1627</f>
        <v/>
      </c>
      <c r="G1625" s="6" t="str">
        <f>'申請書（複数入力用）'!K1627</f>
        <v>a052r000000jS9ZAAU</v>
      </c>
      <c r="H1625" s="12" t="e">
        <f>'申請書（複数入力用）'!N1627</f>
        <v>#N/A</v>
      </c>
      <c r="I1625" s="12" t="e">
        <f>'申請書（複数入力用）'!O1627</f>
        <v>#N/A</v>
      </c>
      <c r="J1625" s="12">
        <f>'申請書（複数入力用）'!P1627</f>
        <v>1</v>
      </c>
    </row>
    <row r="1626" spans="1:10" ht="51.6" customHeight="1" x14ac:dyDescent="0.45">
      <c r="A1626" s="6">
        <f>'申請書（複数入力用）'!A1628</f>
        <v>1622</v>
      </c>
      <c r="B1626" s="13">
        <f>'申請書（複数入力用）'!AH1628</f>
        <v>0</v>
      </c>
      <c r="C1626" s="6">
        <f>'申請書（複数入力用）'!B1628</f>
        <v>0</v>
      </c>
      <c r="D1626" s="6">
        <f>'申請書（複数入力用）'!D1628</f>
        <v>0</v>
      </c>
      <c r="E1626" s="14">
        <f>'申請書（複数入力用）'!H1628</f>
        <v>0</v>
      </c>
      <c r="F1626" s="11" t="str">
        <f>'申請書（複数入力用）'!J1628</f>
        <v/>
      </c>
      <c r="G1626" s="6" t="str">
        <f>'申請書（複数入力用）'!K1628</f>
        <v>a052r000000jS9ZAAU</v>
      </c>
      <c r="H1626" s="12" t="e">
        <f>'申請書（複数入力用）'!N1628</f>
        <v>#N/A</v>
      </c>
      <c r="I1626" s="12" t="e">
        <f>'申請書（複数入力用）'!O1628</f>
        <v>#N/A</v>
      </c>
      <c r="J1626" s="12">
        <f>'申請書（複数入力用）'!P1628</f>
        <v>1</v>
      </c>
    </row>
    <row r="1627" spans="1:10" ht="51.6" customHeight="1" x14ac:dyDescent="0.45">
      <c r="A1627" s="6">
        <f>'申請書（複数入力用）'!A1629</f>
        <v>1623</v>
      </c>
      <c r="B1627" s="13">
        <f>'申請書（複数入力用）'!AH1629</f>
        <v>0</v>
      </c>
      <c r="C1627" s="6">
        <f>'申請書（複数入力用）'!B1629</f>
        <v>0</v>
      </c>
      <c r="D1627" s="6">
        <f>'申請書（複数入力用）'!D1629</f>
        <v>0</v>
      </c>
      <c r="E1627" s="14">
        <f>'申請書（複数入力用）'!H1629</f>
        <v>0</v>
      </c>
      <c r="F1627" s="11" t="str">
        <f>'申請書（複数入力用）'!J1629</f>
        <v/>
      </c>
      <c r="G1627" s="6" t="str">
        <f>'申請書（複数入力用）'!K1629</f>
        <v>a052r000000jS9ZAAU</v>
      </c>
      <c r="H1627" s="12" t="e">
        <f>'申請書（複数入力用）'!N1629</f>
        <v>#N/A</v>
      </c>
      <c r="I1627" s="12" t="e">
        <f>'申請書（複数入力用）'!O1629</f>
        <v>#N/A</v>
      </c>
      <c r="J1627" s="12">
        <f>'申請書（複数入力用）'!P1629</f>
        <v>1</v>
      </c>
    </row>
    <row r="1628" spans="1:10" ht="51.6" customHeight="1" x14ac:dyDescent="0.45">
      <c r="A1628" s="6">
        <f>'申請書（複数入力用）'!A1630</f>
        <v>1624</v>
      </c>
      <c r="B1628" s="13">
        <f>'申請書（複数入力用）'!AH1630</f>
        <v>0</v>
      </c>
      <c r="C1628" s="6">
        <f>'申請書（複数入力用）'!B1630</f>
        <v>0</v>
      </c>
      <c r="D1628" s="6">
        <f>'申請書（複数入力用）'!D1630</f>
        <v>0</v>
      </c>
      <c r="E1628" s="14">
        <f>'申請書（複数入力用）'!H1630</f>
        <v>0</v>
      </c>
      <c r="F1628" s="11" t="str">
        <f>'申請書（複数入力用）'!J1630</f>
        <v/>
      </c>
      <c r="G1628" s="6" t="str">
        <f>'申請書（複数入力用）'!K1630</f>
        <v>a052r000000jS9ZAAU</v>
      </c>
      <c r="H1628" s="12" t="e">
        <f>'申請書（複数入力用）'!N1630</f>
        <v>#N/A</v>
      </c>
      <c r="I1628" s="12" t="e">
        <f>'申請書（複数入力用）'!O1630</f>
        <v>#N/A</v>
      </c>
      <c r="J1628" s="12">
        <f>'申請書（複数入力用）'!P1630</f>
        <v>1</v>
      </c>
    </row>
    <row r="1629" spans="1:10" ht="51.6" customHeight="1" x14ac:dyDescent="0.45">
      <c r="A1629" s="6">
        <f>'申請書（複数入力用）'!A1631</f>
        <v>1625</v>
      </c>
      <c r="B1629" s="13">
        <f>'申請書（複数入力用）'!AH1631</f>
        <v>0</v>
      </c>
      <c r="C1629" s="6">
        <f>'申請書（複数入力用）'!B1631</f>
        <v>0</v>
      </c>
      <c r="D1629" s="6">
        <f>'申請書（複数入力用）'!D1631</f>
        <v>0</v>
      </c>
      <c r="E1629" s="14">
        <f>'申請書（複数入力用）'!H1631</f>
        <v>0</v>
      </c>
      <c r="F1629" s="11" t="str">
        <f>'申請書（複数入力用）'!J1631</f>
        <v/>
      </c>
      <c r="G1629" s="6" t="str">
        <f>'申請書（複数入力用）'!K1631</f>
        <v>a052r000000jS9ZAAU</v>
      </c>
      <c r="H1629" s="12" t="e">
        <f>'申請書（複数入力用）'!N1631</f>
        <v>#N/A</v>
      </c>
      <c r="I1629" s="12" t="e">
        <f>'申請書（複数入力用）'!O1631</f>
        <v>#N/A</v>
      </c>
      <c r="J1629" s="12">
        <f>'申請書（複数入力用）'!P1631</f>
        <v>1</v>
      </c>
    </row>
    <row r="1630" spans="1:10" ht="51.6" customHeight="1" x14ac:dyDescent="0.45">
      <c r="A1630" s="6">
        <f>'申請書（複数入力用）'!A1632</f>
        <v>1626</v>
      </c>
      <c r="B1630" s="13">
        <f>'申請書（複数入力用）'!AH1632</f>
        <v>0</v>
      </c>
      <c r="C1630" s="6">
        <f>'申請書（複数入力用）'!B1632</f>
        <v>0</v>
      </c>
      <c r="D1630" s="6">
        <f>'申請書（複数入力用）'!D1632</f>
        <v>0</v>
      </c>
      <c r="E1630" s="14">
        <f>'申請書（複数入力用）'!H1632</f>
        <v>0</v>
      </c>
      <c r="F1630" s="11" t="str">
        <f>'申請書（複数入力用）'!J1632</f>
        <v/>
      </c>
      <c r="G1630" s="6" t="str">
        <f>'申請書（複数入力用）'!K1632</f>
        <v>a052r000000jS9ZAAU</v>
      </c>
      <c r="H1630" s="12" t="e">
        <f>'申請書（複数入力用）'!N1632</f>
        <v>#N/A</v>
      </c>
      <c r="I1630" s="12" t="e">
        <f>'申請書（複数入力用）'!O1632</f>
        <v>#N/A</v>
      </c>
      <c r="J1630" s="12">
        <f>'申請書（複数入力用）'!P1632</f>
        <v>1</v>
      </c>
    </row>
    <row r="1631" spans="1:10" ht="51.6" customHeight="1" x14ac:dyDescent="0.45">
      <c r="A1631" s="6">
        <f>'申請書（複数入力用）'!A1633</f>
        <v>1627</v>
      </c>
      <c r="B1631" s="13">
        <f>'申請書（複数入力用）'!AH1633</f>
        <v>0</v>
      </c>
      <c r="C1631" s="6">
        <f>'申請書（複数入力用）'!B1633</f>
        <v>0</v>
      </c>
      <c r="D1631" s="6">
        <f>'申請書（複数入力用）'!D1633</f>
        <v>0</v>
      </c>
      <c r="E1631" s="14">
        <f>'申請書（複数入力用）'!H1633</f>
        <v>0</v>
      </c>
      <c r="F1631" s="11" t="str">
        <f>'申請書（複数入力用）'!J1633</f>
        <v/>
      </c>
      <c r="G1631" s="6" t="str">
        <f>'申請書（複数入力用）'!K1633</f>
        <v>a052r000000jS9ZAAU</v>
      </c>
      <c r="H1631" s="12" t="e">
        <f>'申請書（複数入力用）'!N1633</f>
        <v>#N/A</v>
      </c>
      <c r="I1631" s="12" t="e">
        <f>'申請書（複数入力用）'!O1633</f>
        <v>#N/A</v>
      </c>
      <c r="J1631" s="12">
        <f>'申請書（複数入力用）'!P1633</f>
        <v>1</v>
      </c>
    </row>
    <row r="1632" spans="1:10" ht="51.6" customHeight="1" x14ac:dyDescent="0.45">
      <c r="A1632" s="6">
        <f>'申請書（複数入力用）'!A1634</f>
        <v>1628</v>
      </c>
      <c r="B1632" s="13">
        <f>'申請書（複数入力用）'!AH1634</f>
        <v>0</v>
      </c>
      <c r="C1632" s="6">
        <f>'申請書（複数入力用）'!B1634</f>
        <v>0</v>
      </c>
      <c r="D1632" s="6">
        <f>'申請書（複数入力用）'!D1634</f>
        <v>0</v>
      </c>
      <c r="E1632" s="14">
        <f>'申請書（複数入力用）'!H1634</f>
        <v>0</v>
      </c>
      <c r="F1632" s="11" t="str">
        <f>'申請書（複数入力用）'!J1634</f>
        <v/>
      </c>
      <c r="G1632" s="6" t="str">
        <f>'申請書（複数入力用）'!K1634</f>
        <v>a052r000000jS9ZAAU</v>
      </c>
      <c r="H1632" s="12" t="e">
        <f>'申請書（複数入力用）'!N1634</f>
        <v>#N/A</v>
      </c>
      <c r="I1632" s="12" t="e">
        <f>'申請書（複数入力用）'!O1634</f>
        <v>#N/A</v>
      </c>
      <c r="J1632" s="12">
        <f>'申請書（複数入力用）'!P1634</f>
        <v>1</v>
      </c>
    </row>
    <row r="1633" spans="1:10" ht="51.6" customHeight="1" x14ac:dyDescent="0.45">
      <c r="A1633" s="6">
        <f>'申請書（複数入力用）'!A1635</f>
        <v>1629</v>
      </c>
      <c r="B1633" s="13">
        <f>'申請書（複数入力用）'!AH1635</f>
        <v>0</v>
      </c>
      <c r="C1633" s="6">
        <f>'申請書（複数入力用）'!B1635</f>
        <v>0</v>
      </c>
      <c r="D1633" s="6">
        <f>'申請書（複数入力用）'!D1635</f>
        <v>0</v>
      </c>
      <c r="E1633" s="14">
        <f>'申請書（複数入力用）'!H1635</f>
        <v>0</v>
      </c>
      <c r="F1633" s="11" t="str">
        <f>'申請書（複数入力用）'!J1635</f>
        <v/>
      </c>
      <c r="G1633" s="6" t="str">
        <f>'申請書（複数入力用）'!K1635</f>
        <v>a052r000000jS9ZAAU</v>
      </c>
      <c r="H1633" s="12" t="e">
        <f>'申請書（複数入力用）'!N1635</f>
        <v>#N/A</v>
      </c>
      <c r="I1633" s="12" t="e">
        <f>'申請書（複数入力用）'!O1635</f>
        <v>#N/A</v>
      </c>
      <c r="J1633" s="12">
        <f>'申請書（複数入力用）'!P1635</f>
        <v>1</v>
      </c>
    </row>
    <row r="1634" spans="1:10" ht="51.6" customHeight="1" x14ac:dyDescent="0.45">
      <c r="A1634" s="6">
        <f>'申請書（複数入力用）'!A1636</f>
        <v>1630</v>
      </c>
      <c r="B1634" s="13">
        <f>'申請書（複数入力用）'!AH1636</f>
        <v>0</v>
      </c>
      <c r="C1634" s="6">
        <f>'申請書（複数入力用）'!B1636</f>
        <v>0</v>
      </c>
      <c r="D1634" s="6">
        <f>'申請書（複数入力用）'!D1636</f>
        <v>0</v>
      </c>
      <c r="E1634" s="14">
        <f>'申請書（複数入力用）'!H1636</f>
        <v>0</v>
      </c>
      <c r="F1634" s="11" t="str">
        <f>'申請書（複数入力用）'!J1636</f>
        <v/>
      </c>
      <c r="G1634" s="6" t="str">
        <f>'申請書（複数入力用）'!K1636</f>
        <v>a052r000000jS9ZAAU</v>
      </c>
      <c r="H1634" s="12" t="e">
        <f>'申請書（複数入力用）'!N1636</f>
        <v>#N/A</v>
      </c>
      <c r="I1634" s="12" t="e">
        <f>'申請書（複数入力用）'!O1636</f>
        <v>#N/A</v>
      </c>
      <c r="J1634" s="12">
        <f>'申請書（複数入力用）'!P1636</f>
        <v>1</v>
      </c>
    </row>
    <row r="1635" spans="1:10" ht="51.6" customHeight="1" x14ac:dyDescent="0.45">
      <c r="A1635" s="6">
        <f>'申請書（複数入力用）'!A1637</f>
        <v>1631</v>
      </c>
      <c r="B1635" s="13">
        <f>'申請書（複数入力用）'!AH1637</f>
        <v>0</v>
      </c>
      <c r="C1635" s="6">
        <f>'申請書（複数入力用）'!B1637</f>
        <v>0</v>
      </c>
      <c r="D1635" s="6">
        <f>'申請書（複数入力用）'!D1637</f>
        <v>0</v>
      </c>
      <c r="E1635" s="14">
        <f>'申請書（複数入力用）'!H1637</f>
        <v>0</v>
      </c>
      <c r="F1635" s="11" t="str">
        <f>'申請書（複数入力用）'!J1637</f>
        <v/>
      </c>
      <c r="G1635" s="6" t="str">
        <f>'申請書（複数入力用）'!K1637</f>
        <v>a052r000000jS9ZAAU</v>
      </c>
      <c r="H1635" s="12" t="e">
        <f>'申請書（複数入力用）'!N1637</f>
        <v>#N/A</v>
      </c>
      <c r="I1635" s="12" t="e">
        <f>'申請書（複数入力用）'!O1637</f>
        <v>#N/A</v>
      </c>
      <c r="J1635" s="12">
        <f>'申請書（複数入力用）'!P1637</f>
        <v>1</v>
      </c>
    </row>
    <row r="1636" spans="1:10" ht="51.6" customHeight="1" x14ac:dyDescent="0.45">
      <c r="A1636" s="6">
        <f>'申請書（複数入力用）'!A1638</f>
        <v>1632</v>
      </c>
      <c r="B1636" s="13">
        <f>'申請書（複数入力用）'!AH1638</f>
        <v>0</v>
      </c>
      <c r="C1636" s="6">
        <f>'申請書（複数入力用）'!B1638</f>
        <v>0</v>
      </c>
      <c r="D1636" s="6">
        <f>'申請書（複数入力用）'!D1638</f>
        <v>0</v>
      </c>
      <c r="E1636" s="14">
        <f>'申請書（複数入力用）'!H1638</f>
        <v>0</v>
      </c>
      <c r="F1636" s="11" t="str">
        <f>'申請書（複数入力用）'!J1638</f>
        <v/>
      </c>
      <c r="G1636" s="6" t="str">
        <f>'申請書（複数入力用）'!K1638</f>
        <v>a052r000000jS9ZAAU</v>
      </c>
      <c r="H1636" s="12" t="e">
        <f>'申請書（複数入力用）'!N1638</f>
        <v>#N/A</v>
      </c>
      <c r="I1636" s="12" t="e">
        <f>'申請書（複数入力用）'!O1638</f>
        <v>#N/A</v>
      </c>
      <c r="J1636" s="12">
        <f>'申請書（複数入力用）'!P1638</f>
        <v>1</v>
      </c>
    </row>
    <row r="1637" spans="1:10" ht="51.6" customHeight="1" x14ac:dyDescent="0.45">
      <c r="A1637" s="6">
        <f>'申請書（複数入力用）'!A1639</f>
        <v>1633</v>
      </c>
      <c r="B1637" s="13">
        <f>'申請書（複数入力用）'!AH1639</f>
        <v>0</v>
      </c>
      <c r="C1637" s="6">
        <f>'申請書（複数入力用）'!B1639</f>
        <v>0</v>
      </c>
      <c r="D1637" s="6">
        <f>'申請書（複数入力用）'!D1639</f>
        <v>0</v>
      </c>
      <c r="E1637" s="14">
        <f>'申請書（複数入力用）'!H1639</f>
        <v>0</v>
      </c>
      <c r="F1637" s="11" t="str">
        <f>'申請書（複数入力用）'!J1639</f>
        <v/>
      </c>
      <c r="G1637" s="6" t="str">
        <f>'申請書（複数入力用）'!K1639</f>
        <v>a052r000000jS9ZAAU</v>
      </c>
      <c r="H1637" s="12" t="e">
        <f>'申請書（複数入力用）'!N1639</f>
        <v>#N/A</v>
      </c>
      <c r="I1637" s="12" t="e">
        <f>'申請書（複数入力用）'!O1639</f>
        <v>#N/A</v>
      </c>
      <c r="J1637" s="12">
        <f>'申請書（複数入力用）'!P1639</f>
        <v>1</v>
      </c>
    </row>
    <row r="1638" spans="1:10" ht="51.6" customHeight="1" x14ac:dyDescent="0.45">
      <c r="A1638" s="6">
        <f>'申請書（複数入力用）'!A1640</f>
        <v>1634</v>
      </c>
      <c r="B1638" s="13">
        <f>'申請書（複数入力用）'!AH1640</f>
        <v>0</v>
      </c>
      <c r="C1638" s="6">
        <f>'申請書（複数入力用）'!B1640</f>
        <v>0</v>
      </c>
      <c r="D1638" s="6">
        <f>'申請書（複数入力用）'!D1640</f>
        <v>0</v>
      </c>
      <c r="E1638" s="14">
        <f>'申請書（複数入力用）'!H1640</f>
        <v>0</v>
      </c>
      <c r="F1638" s="11" t="str">
        <f>'申請書（複数入力用）'!J1640</f>
        <v/>
      </c>
      <c r="G1638" s="6" t="str">
        <f>'申請書（複数入力用）'!K1640</f>
        <v>a052r000000jS9ZAAU</v>
      </c>
      <c r="H1638" s="12" t="e">
        <f>'申請書（複数入力用）'!N1640</f>
        <v>#N/A</v>
      </c>
      <c r="I1638" s="12" t="e">
        <f>'申請書（複数入力用）'!O1640</f>
        <v>#N/A</v>
      </c>
      <c r="J1638" s="12">
        <f>'申請書（複数入力用）'!P1640</f>
        <v>1</v>
      </c>
    </row>
    <row r="1639" spans="1:10" ht="51.6" customHeight="1" x14ac:dyDescent="0.45">
      <c r="A1639" s="6">
        <f>'申請書（複数入力用）'!A1641</f>
        <v>1635</v>
      </c>
      <c r="B1639" s="13">
        <f>'申請書（複数入力用）'!AH1641</f>
        <v>0</v>
      </c>
      <c r="C1639" s="6">
        <f>'申請書（複数入力用）'!B1641</f>
        <v>0</v>
      </c>
      <c r="D1639" s="6">
        <f>'申請書（複数入力用）'!D1641</f>
        <v>0</v>
      </c>
      <c r="E1639" s="14">
        <f>'申請書（複数入力用）'!H1641</f>
        <v>0</v>
      </c>
      <c r="F1639" s="11" t="str">
        <f>'申請書（複数入力用）'!J1641</f>
        <v/>
      </c>
      <c r="G1639" s="6" t="str">
        <f>'申請書（複数入力用）'!K1641</f>
        <v>a052r000000jS9ZAAU</v>
      </c>
      <c r="H1639" s="12" t="e">
        <f>'申請書（複数入力用）'!N1641</f>
        <v>#N/A</v>
      </c>
      <c r="I1639" s="12" t="e">
        <f>'申請書（複数入力用）'!O1641</f>
        <v>#N/A</v>
      </c>
      <c r="J1639" s="12">
        <f>'申請書（複数入力用）'!P1641</f>
        <v>1</v>
      </c>
    </row>
    <row r="1640" spans="1:10" ht="51.6" customHeight="1" x14ac:dyDescent="0.45">
      <c r="A1640" s="6">
        <f>'申請書（複数入力用）'!A1642</f>
        <v>1636</v>
      </c>
      <c r="B1640" s="13">
        <f>'申請書（複数入力用）'!AH1642</f>
        <v>0</v>
      </c>
      <c r="C1640" s="6">
        <f>'申請書（複数入力用）'!B1642</f>
        <v>0</v>
      </c>
      <c r="D1640" s="6">
        <f>'申請書（複数入力用）'!D1642</f>
        <v>0</v>
      </c>
      <c r="E1640" s="14">
        <f>'申請書（複数入力用）'!H1642</f>
        <v>0</v>
      </c>
      <c r="F1640" s="11" t="str">
        <f>'申請書（複数入力用）'!J1642</f>
        <v/>
      </c>
      <c r="G1640" s="6" t="str">
        <f>'申請書（複数入力用）'!K1642</f>
        <v>a052r000000jS9ZAAU</v>
      </c>
      <c r="H1640" s="12" t="e">
        <f>'申請書（複数入力用）'!N1642</f>
        <v>#N/A</v>
      </c>
      <c r="I1640" s="12" t="e">
        <f>'申請書（複数入力用）'!O1642</f>
        <v>#N/A</v>
      </c>
      <c r="J1640" s="12">
        <f>'申請書（複数入力用）'!P1642</f>
        <v>1</v>
      </c>
    </row>
    <row r="1641" spans="1:10" ht="51.6" customHeight="1" x14ac:dyDescent="0.45">
      <c r="A1641" s="6">
        <f>'申請書（複数入力用）'!A1643</f>
        <v>1637</v>
      </c>
      <c r="B1641" s="13">
        <f>'申請書（複数入力用）'!AH1643</f>
        <v>0</v>
      </c>
      <c r="C1641" s="6">
        <f>'申請書（複数入力用）'!B1643</f>
        <v>0</v>
      </c>
      <c r="D1641" s="6">
        <f>'申請書（複数入力用）'!D1643</f>
        <v>0</v>
      </c>
      <c r="E1641" s="14">
        <f>'申請書（複数入力用）'!H1643</f>
        <v>0</v>
      </c>
      <c r="F1641" s="11" t="str">
        <f>'申請書（複数入力用）'!J1643</f>
        <v/>
      </c>
      <c r="G1641" s="6" t="str">
        <f>'申請書（複数入力用）'!K1643</f>
        <v>a052r000000jS9ZAAU</v>
      </c>
      <c r="H1641" s="12" t="e">
        <f>'申請書（複数入力用）'!N1643</f>
        <v>#N/A</v>
      </c>
      <c r="I1641" s="12" t="e">
        <f>'申請書（複数入力用）'!O1643</f>
        <v>#N/A</v>
      </c>
      <c r="J1641" s="12">
        <f>'申請書（複数入力用）'!P1643</f>
        <v>1</v>
      </c>
    </row>
    <row r="1642" spans="1:10" ht="51.6" customHeight="1" x14ac:dyDescent="0.45">
      <c r="A1642" s="6">
        <f>'申請書（複数入力用）'!A1644</f>
        <v>1638</v>
      </c>
      <c r="B1642" s="13">
        <f>'申請書（複数入力用）'!AH1644</f>
        <v>0</v>
      </c>
      <c r="C1642" s="6">
        <f>'申請書（複数入力用）'!B1644</f>
        <v>0</v>
      </c>
      <c r="D1642" s="6">
        <f>'申請書（複数入力用）'!D1644</f>
        <v>0</v>
      </c>
      <c r="E1642" s="14">
        <f>'申請書（複数入力用）'!H1644</f>
        <v>0</v>
      </c>
      <c r="F1642" s="11" t="str">
        <f>'申請書（複数入力用）'!J1644</f>
        <v/>
      </c>
      <c r="G1642" s="6" t="str">
        <f>'申請書（複数入力用）'!K1644</f>
        <v>a052r000000jS9ZAAU</v>
      </c>
      <c r="H1642" s="12" t="e">
        <f>'申請書（複数入力用）'!N1644</f>
        <v>#N/A</v>
      </c>
      <c r="I1642" s="12" t="e">
        <f>'申請書（複数入力用）'!O1644</f>
        <v>#N/A</v>
      </c>
      <c r="J1642" s="12">
        <f>'申請書（複数入力用）'!P1644</f>
        <v>1</v>
      </c>
    </row>
    <row r="1643" spans="1:10" ht="51.6" customHeight="1" x14ac:dyDescent="0.45">
      <c r="A1643" s="6">
        <f>'申請書（複数入力用）'!A1645</f>
        <v>1639</v>
      </c>
      <c r="B1643" s="13">
        <f>'申請書（複数入力用）'!AH1645</f>
        <v>0</v>
      </c>
      <c r="C1643" s="6">
        <f>'申請書（複数入力用）'!B1645</f>
        <v>0</v>
      </c>
      <c r="D1643" s="6">
        <f>'申請書（複数入力用）'!D1645</f>
        <v>0</v>
      </c>
      <c r="E1643" s="14">
        <f>'申請書（複数入力用）'!H1645</f>
        <v>0</v>
      </c>
      <c r="F1643" s="11" t="str">
        <f>'申請書（複数入力用）'!J1645</f>
        <v/>
      </c>
      <c r="G1643" s="6" t="str">
        <f>'申請書（複数入力用）'!K1645</f>
        <v>a052r000000jS9ZAAU</v>
      </c>
      <c r="H1643" s="12" t="e">
        <f>'申請書（複数入力用）'!N1645</f>
        <v>#N/A</v>
      </c>
      <c r="I1643" s="12" t="e">
        <f>'申請書（複数入力用）'!O1645</f>
        <v>#N/A</v>
      </c>
      <c r="J1643" s="12">
        <f>'申請書（複数入力用）'!P1645</f>
        <v>1</v>
      </c>
    </row>
    <row r="1644" spans="1:10" ht="51.6" customHeight="1" x14ac:dyDescent="0.45">
      <c r="A1644" s="6">
        <f>'申請書（複数入力用）'!A1646</f>
        <v>1640</v>
      </c>
      <c r="B1644" s="13">
        <f>'申請書（複数入力用）'!AH1646</f>
        <v>0</v>
      </c>
      <c r="C1644" s="6">
        <f>'申請書（複数入力用）'!B1646</f>
        <v>0</v>
      </c>
      <c r="D1644" s="6">
        <f>'申請書（複数入力用）'!D1646</f>
        <v>0</v>
      </c>
      <c r="E1644" s="14">
        <f>'申請書（複数入力用）'!H1646</f>
        <v>0</v>
      </c>
      <c r="F1644" s="11" t="str">
        <f>'申請書（複数入力用）'!J1646</f>
        <v/>
      </c>
      <c r="G1644" s="6" t="str">
        <f>'申請書（複数入力用）'!K1646</f>
        <v>a052r000000jS9ZAAU</v>
      </c>
      <c r="H1644" s="12" t="e">
        <f>'申請書（複数入力用）'!N1646</f>
        <v>#N/A</v>
      </c>
      <c r="I1644" s="12" t="e">
        <f>'申請書（複数入力用）'!O1646</f>
        <v>#N/A</v>
      </c>
      <c r="J1644" s="12">
        <f>'申請書（複数入力用）'!P1646</f>
        <v>1</v>
      </c>
    </row>
    <row r="1645" spans="1:10" ht="51.6" customHeight="1" x14ac:dyDescent="0.45">
      <c r="A1645" s="6">
        <f>'申請書（複数入力用）'!A1647</f>
        <v>1641</v>
      </c>
      <c r="B1645" s="13">
        <f>'申請書（複数入力用）'!AH1647</f>
        <v>0</v>
      </c>
      <c r="C1645" s="6">
        <f>'申請書（複数入力用）'!B1647</f>
        <v>0</v>
      </c>
      <c r="D1645" s="6">
        <f>'申請書（複数入力用）'!D1647</f>
        <v>0</v>
      </c>
      <c r="E1645" s="14">
        <f>'申請書（複数入力用）'!H1647</f>
        <v>0</v>
      </c>
      <c r="F1645" s="11" t="str">
        <f>'申請書（複数入力用）'!J1647</f>
        <v/>
      </c>
      <c r="G1645" s="6" t="str">
        <f>'申請書（複数入力用）'!K1647</f>
        <v>a052r000000jS9ZAAU</v>
      </c>
      <c r="H1645" s="12" t="e">
        <f>'申請書（複数入力用）'!N1647</f>
        <v>#N/A</v>
      </c>
      <c r="I1645" s="12" t="e">
        <f>'申請書（複数入力用）'!O1647</f>
        <v>#N/A</v>
      </c>
      <c r="J1645" s="12">
        <f>'申請書（複数入力用）'!P1647</f>
        <v>1</v>
      </c>
    </row>
    <row r="1646" spans="1:10" ht="51.6" customHeight="1" x14ac:dyDescent="0.45">
      <c r="A1646" s="6">
        <f>'申請書（複数入力用）'!A1648</f>
        <v>1642</v>
      </c>
      <c r="B1646" s="13">
        <f>'申請書（複数入力用）'!AH1648</f>
        <v>0</v>
      </c>
      <c r="C1646" s="6">
        <f>'申請書（複数入力用）'!B1648</f>
        <v>0</v>
      </c>
      <c r="D1646" s="6">
        <f>'申請書（複数入力用）'!D1648</f>
        <v>0</v>
      </c>
      <c r="E1646" s="14">
        <f>'申請書（複数入力用）'!H1648</f>
        <v>0</v>
      </c>
      <c r="F1646" s="11" t="str">
        <f>'申請書（複数入力用）'!J1648</f>
        <v/>
      </c>
      <c r="G1646" s="6" t="str">
        <f>'申請書（複数入力用）'!K1648</f>
        <v>a052r000000jS9ZAAU</v>
      </c>
      <c r="H1646" s="12" t="e">
        <f>'申請書（複数入力用）'!N1648</f>
        <v>#N/A</v>
      </c>
      <c r="I1646" s="12" t="e">
        <f>'申請書（複数入力用）'!O1648</f>
        <v>#N/A</v>
      </c>
      <c r="J1646" s="12">
        <f>'申請書（複数入力用）'!P1648</f>
        <v>1</v>
      </c>
    </row>
    <row r="1647" spans="1:10" ht="51.6" customHeight="1" x14ac:dyDescent="0.45">
      <c r="A1647" s="6">
        <f>'申請書（複数入力用）'!A1649</f>
        <v>1643</v>
      </c>
      <c r="B1647" s="13">
        <f>'申請書（複数入力用）'!AH1649</f>
        <v>0</v>
      </c>
      <c r="C1647" s="6">
        <f>'申請書（複数入力用）'!B1649</f>
        <v>0</v>
      </c>
      <c r="D1647" s="6">
        <f>'申請書（複数入力用）'!D1649</f>
        <v>0</v>
      </c>
      <c r="E1647" s="14">
        <f>'申請書（複数入力用）'!H1649</f>
        <v>0</v>
      </c>
      <c r="F1647" s="11" t="str">
        <f>'申請書（複数入力用）'!J1649</f>
        <v/>
      </c>
      <c r="G1647" s="6" t="str">
        <f>'申請書（複数入力用）'!K1649</f>
        <v>a052r000000jS9ZAAU</v>
      </c>
      <c r="H1647" s="12" t="e">
        <f>'申請書（複数入力用）'!N1649</f>
        <v>#N/A</v>
      </c>
      <c r="I1647" s="12" t="e">
        <f>'申請書（複数入力用）'!O1649</f>
        <v>#N/A</v>
      </c>
      <c r="J1647" s="12">
        <f>'申請書（複数入力用）'!P1649</f>
        <v>1</v>
      </c>
    </row>
    <row r="1648" spans="1:10" ht="51.6" customHeight="1" x14ac:dyDescent="0.45">
      <c r="A1648" s="6">
        <f>'申請書（複数入力用）'!A1650</f>
        <v>1644</v>
      </c>
      <c r="B1648" s="13">
        <f>'申請書（複数入力用）'!AH1650</f>
        <v>0</v>
      </c>
      <c r="C1648" s="6">
        <f>'申請書（複数入力用）'!B1650</f>
        <v>0</v>
      </c>
      <c r="D1648" s="6">
        <f>'申請書（複数入力用）'!D1650</f>
        <v>0</v>
      </c>
      <c r="E1648" s="14">
        <f>'申請書（複数入力用）'!H1650</f>
        <v>0</v>
      </c>
      <c r="F1648" s="11" t="str">
        <f>'申請書（複数入力用）'!J1650</f>
        <v/>
      </c>
      <c r="G1648" s="6" t="str">
        <f>'申請書（複数入力用）'!K1650</f>
        <v>a052r000000jS9ZAAU</v>
      </c>
      <c r="H1648" s="12" t="e">
        <f>'申請書（複数入力用）'!N1650</f>
        <v>#N/A</v>
      </c>
      <c r="I1648" s="12" t="e">
        <f>'申請書（複数入力用）'!O1650</f>
        <v>#N/A</v>
      </c>
      <c r="J1648" s="12">
        <f>'申請書（複数入力用）'!P1650</f>
        <v>1</v>
      </c>
    </row>
    <row r="1649" spans="1:10" ht="51.6" customHeight="1" x14ac:dyDescent="0.45">
      <c r="A1649" s="6">
        <f>'申請書（複数入力用）'!A1651</f>
        <v>1645</v>
      </c>
      <c r="B1649" s="13">
        <f>'申請書（複数入力用）'!AH1651</f>
        <v>0</v>
      </c>
      <c r="C1649" s="6">
        <f>'申請書（複数入力用）'!B1651</f>
        <v>0</v>
      </c>
      <c r="D1649" s="6">
        <f>'申請書（複数入力用）'!D1651</f>
        <v>0</v>
      </c>
      <c r="E1649" s="14">
        <f>'申請書（複数入力用）'!H1651</f>
        <v>0</v>
      </c>
      <c r="F1649" s="11" t="str">
        <f>'申請書（複数入力用）'!J1651</f>
        <v/>
      </c>
      <c r="G1649" s="6" t="str">
        <f>'申請書（複数入力用）'!K1651</f>
        <v>a052r000000jS9ZAAU</v>
      </c>
      <c r="H1649" s="12" t="e">
        <f>'申請書（複数入力用）'!N1651</f>
        <v>#N/A</v>
      </c>
      <c r="I1649" s="12" t="e">
        <f>'申請書（複数入力用）'!O1651</f>
        <v>#N/A</v>
      </c>
      <c r="J1649" s="12">
        <f>'申請書（複数入力用）'!P1651</f>
        <v>1</v>
      </c>
    </row>
    <row r="1650" spans="1:10" ht="51.6" customHeight="1" x14ac:dyDescent="0.45">
      <c r="A1650" s="6">
        <f>'申請書（複数入力用）'!A1652</f>
        <v>1646</v>
      </c>
      <c r="B1650" s="13">
        <f>'申請書（複数入力用）'!AH1652</f>
        <v>0</v>
      </c>
      <c r="C1650" s="6">
        <f>'申請書（複数入力用）'!B1652</f>
        <v>0</v>
      </c>
      <c r="D1650" s="6">
        <f>'申請書（複数入力用）'!D1652</f>
        <v>0</v>
      </c>
      <c r="E1650" s="14">
        <f>'申請書（複数入力用）'!H1652</f>
        <v>0</v>
      </c>
      <c r="F1650" s="11" t="str">
        <f>'申請書（複数入力用）'!J1652</f>
        <v/>
      </c>
      <c r="G1650" s="6" t="str">
        <f>'申請書（複数入力用）'!K1652</f>
        <v>a052r000000jS9ZAAU</v>
      </c>
      <c r="H1650" s="12" t="e">
        <f>'申請書（複数入力用）'!N1652</f>
        <v>#N/A</v>
      </c>
      <c r="I1650" s="12" t="e">
        <f>'申請書（複数入力用）'!O1652</f>
        <v>#N/A</v>
      </c>
      <c r="J1650" s="12">
        <f>'申請書（複数入力用）'!P1652</f>
        <v>1</v>
      </c>
    </row>
    <row r="1651" spans="1:10" ht="51.6" customHeight="1" x14ac:dyDescent="0.45">
      <c r="A1651" s="6">
        <f>'申請書（複数入力用）'!A1653</f>
        <v>1647</v>
      </c>
      <c r="B1651" s="13">
        <f>'申請書（複数入力用）'!AH1653</f>
        <v>0</v>
      </c>
      <c r="C1651" s="6">
        <f>'申請書（複数入力用）'!B1653</f>
        <v>0</v>
      </c>
      <c r="D1651" s="6">
        <f>'申請書（複数入力用）'!D1653</f>
        <v>0</v>
      </c>
      <c r="E1651" s="14">
        <f>'申請書（複数入力用）'!H1653</f>
        <v>0</v>
      </c>
      <c r="F1651" s="11" t="str">
        <f>'申請書（複数入力用）'!J1653</f>
        <v/>
      </c>
      <c r="G1651" s="6" t="str">
        <f>'申請書（複数入力用）'!K1653</f>
        <v>a052r000000jS9ZAAU</v>
      </c>
      <c r="H1651" s="12" t="e">
        <f>'申請書（複数入力用）'!N1653</f>
        <v>#N/A</v>
      </c>
      <c r="I1651" s="12" t="e">
        <f>'申請書（複数入力用）'!O1653</f>
        <v>#N/A</v>
      </c>
      <c r="J1651" s="12">
        <f>'申請書（複数入力用）'!P1653</f>
        <v>1</v>
      </c>
    </row>
    <row r="1652" spans="1:10" ht="51.6" customHeight="1" x14ac:dyDescent="0.45">
      <c r="A1652" s="6">
        <f>'申請書（複数入力用）'!A1654</f>
        <v>1648</v>
      </c>
      <c r="B1652" s="13">
        <f>'申請書（複数入力用）'!AH1654</f>
        <v>0</v>
      </c>
      <c r="C1652" s="6">
        <f>'申請書（複数入力用）'!B1654</f>
        <v>0</v>
      </c>
      <c r="D1652" s="6">
        <f>'申請書（複数入力用）'!D1654</f>
        <v>0</v>
      </c>
      <c r="E1652" s="14">
        <f>'申請書（複数入力用）'!H1654</f>
        <v>0</v>
      </c>
      <c r="F1652" s="11" t="str">
        <f>'申請書（複数入力用）'!J1654</f>
        <v/>
      </c>
      <c r="G1652" s="6" t="str">
        <f>'申請書（複数入力用）'!K1654</f>
        <v>a052r000000jS9ZAAU</v>
      </c>
      <c r="H1652" s="12" t="e">
        <f>'申請書（複数入力用）'!N1654</f>
        <v>#N/A</v>
      </c>
      <c r="I1652" s="12" t="e">
        <f>'申請書（複数入力用）'!O1654</f>
        <v>#N/A</v>
      </c>
      <c r="J1652" s="12">
        <f>'申請書（複数入力用）'!P1654</f>
        <v>1</v>
      </c>
    </row>
    <row r="1653" spans="1:10" ht="51.6" customHeight="1" x14ac:dyDescent="0.45">
      <c r="A1653" s="6">
        <f>'申請書（複数入力用）'!A1655</f>
        <v>1649</v>
      </c>
      <c r="B1653" s="13">
        <f>'申請書（複数入力用）'!AH1655</f>
        <v>0</v>
      </c>
      <c r="C1653" s="6">
        <f>'申請書（複数入力用）'!B1655</f>
        <v>0</v>
      </c>
      <c r="D1653" s="6">
        <f>'申請書（複数入力用）'!D1655</f>
        <v>0</v>
      </c>
      <c r="E1653" s="14">
        <f>'申請書（複数入力用）'!H1655</f>
        <v>0</v>
      </c>
      <c r="F1653" s="11" t="str">
        <f>'申請書（複数入力用）'!J1655</f>
        <v/>
      </c>
      <c r="G1653" s="6" t="str">
        <f>'申請書（複数入力用）'!K1655</f>
        <v>a052r000000jS9ZAAU</v>
      </c>
      <c r="H1653" s="12" t="e">
        <f>'申請書（複数入力用）'!N1655</f>
        <v>#N/A</v>
      </c>
      <c r="I1653" s="12" t="e">
        <f>'申請書（複数入力用）'!O1655</f>
        <v>#N/A</v>
      </c>
      <c r="J1653" s="12">
        <f>'申請書（複数入力用）'!P1655</f>
        <v>1</v>
      </c>
    </row>
    <row r="1654" spans="1:10" ht="51.6" customHeight="1" x14ac:dyDescent="0.45">
      <c r="A1654" s="6">
        <f>'申請書（複数入力用）'!A1656</f>
        <v>1650</v>
      </c>
      <c r="B1654" s="13">
        <f>'申請書（複数入力用）'!AH1656</f>
        <v>0</v>
      </c>
      <c r="C1654" s="6">
        <f>'申請書（複数入力用）'!B1656</f>
        <v>0</v>
      </c>
      <c r="D1654" s="6">
        <f>'申請書（複数入力用）'!D1656</f>
        <v>0</v>
      </c>
      <c r="E1654" s="14">
        <f>'申請書（複数入力用）'!H1656</f>
        <v>0</v>
      </c>
      <c r="F1654" s="11" t="str">
        <f>'申請書（複数入力用）'!J1656</f>
        <v/>
      </c>
      <c r="G1654" s="6" t="str">
        <f>'申請書（複数入力用）'!K1656</f>
        <v>a052r000000jS9ZAAU</v>
      </c>
      <c r="H1654" s="12" t="e">
        <f>'申請書（複数入力用）'!N1656</f>
        <v>#N/A</v>
      </c>
      <c r="I1654" s="12" t="e">
        <f>'申請書（複数入力用）'!O1656</f>
        <v>#N/A</v>
      </c>
      <c r="J1654" s="12">
        <f>'申請書（複数入力用）'!P1656</f>
        <v>1</v>
      </c>
    </row>
    <row r="1655" spans="1:10" ht="51.6" customHeight="1" x14ac:dyDescent="0.45">
      <c r="A1655" s="6">
        <f>'申請書（複数入力用）'!A1657</f>
        <v>1651</v>
      </c>
      <c r="B1655" s="13">
        <f>'申請書（複数入力用）'!AH1657</f>
        <v>0</v>
      </c>
      <c r="C1655" s="6">
        <f>'申請書（複数入力用）'!B1657</f>
        <v>0</v>
      </c>
      <c r="D1655" s="6">
        <f>'申請書（複数入力用）'!D1657</f>
        <v>0</v>
      </c>
      <c r="E1655" s="14">
        <f>'申請書（複数入力用）'!H1657</f>
        <v>0</v>
      </c>
      <c r="F1655" s="11" t="str">
        <f>'申請書（複数入力用）'!J1657</f>
        <v/>
      </c>
      <c r="G1655" s="6" t="str">
        <f>'申請書（複数入力用）'!K1657</f>
        <v>a052r000000jS9ZAAU</v>
      </c>
      <c r="H1655" s="12" t="e">
        <f>'申請書（複数入力用）'!N1657</f>
        <v>#N/A</v>
      </c>
      <c r="I1655" s="12" t="e">
        <f>'申請書（複数入力用）'!O1657</f>
        <v>#N/A</v>
      </c>
      <c r="J1655" s="12">
        <f>'申請書（複数入力用）'!P1657</f>
        <v>1</v>
      </c>
    </row>
    <row r="1656" spans="1:10" ht="51.6" customHeight="1" x14ac:dyDescent="0.45">
      <c r="A1656" s="6">
        <f>'申請書（複数入力用）'!A1658</f>
        <v>1652</v>
      </c>
      <c r="B1656" s="13">
        <f>'申請書（複数入力用）'!AH1658</f>
        <v>0</v>
      </c>
      <c r="C1656" s="6">
        <f>'申請書（複数入力用）'!B1658</f>
        <v>0</v>
      </c>
      <c r="D1656" s="6">
        <f>'申請書（複数入力用）'!D1658</f>
        <v>0</v>
      </c>
      <c r="E1656" s="14">
        <f>'申請書（複数入力用）'!H1658</f>
        <v>0</v>
      </c>
      <c r="F1656" s="11" t="str">
        <f>'申請書（複数入力用）'!J1658</f>
        <v/>
      </c>
      <c r="G1656" s="6" t="str">
        <f>'申請書（複数入力用）'!K1658</f>
        <v>a052r000000jS9ZAAU</v>
      </c>
      <c r="H1656" s="12" t="e">
        <f>'申請書（複数入力用）'!N1658</f>
        <v>#N/A</v>
      </c>
      <c r="I1656" s="12" t="e">
        <f>'申請書（複数入力用）'!O1658</f>
        <v>#N/A</v>
      </c>
      <c r="J1656" s="12">
        <f>'申請書（複数入力用）'!P1658</f>
        <v>1</v>
      </c>
    </row>
    <row r="1657" spans="1:10" ht="51.6" customHeight="1" x14ac:dyDescent="0.45">
      <c r="A1657" s="6">
        <f>'申請書（複数入力用）'!A1659</f>
        <v>1653</v>
      </c>
      <c r="B1657" s="13">
        <f>'申請書（複数入力用）'!AH1659</f>
        <v>0</v>
      </c>
      <c r="C1657" s="6">
        <f>'申請書（複数入力用）'!B1659</f>
        <v>0</v>
      </c>
      <c r="D1657" s="6">
        <f>'申請書（複数入力用）'!D1659</f>
        <v>0</v>
      </c>
      <c r="E1657" s="14">
        <f>'申請書（複数入力用）'!H1659</f>
        <v>0</v>
      </c>
      <c r="F1657" s="11" t="str">
        <f>'申請書（複数入力用）'!J1659</f>
        <v/>
      </c>
      <c r="G1657" s="6" t="str">
        <f>'申請書（複数入力用）'!K1659</f>
        <v>a052r000000jS9ZAAU</v>
      </c>
      <c r="H1657" s="12" t="e">
        <f>'申請書（複数入力用）'!N1659</f>
        <v>#N/A</v>
      </c>
      <c r="I1657" s="12" t="e">
        <f>'申請書（複数入力用）'!O1659</f>
        <v>#N/A</v>
      </c>
      <c r="J1657" s="12">
        <f>'申請書（複数入力用）'!P1659</f>
        <v>1</v>
      </c>
    </row>
    <row r="1658" spans="1:10" ht="51.6" customHeight="1" x14ac:dyDescent="0.45">
      <c r="A1658" s="6">
        <f>'申請書（複数入力用）'!A1660</f>
        <v>1654</v>
      </c>
      <c r="B1658" s="13">
        <f>'申請書（複数入力用）'!AH1660</f>
        <v>0</v>
      </c>
      <c r="C1658" s="6">
        <f>'申請書（複数入力用）'!B1660</f>
        <v>0</v>
      </c>
      <c r="D1658" s="6">
        <f>'申請書（複数入力用）'!D1660</f>
        <v>0</v>
      </c>
      <c r="E1658" s="14">
        <f>'申請書（複数入力用）'!H1660</f>
        <v>0</v>
      </c>
      <c r="F1658" s="11" t="str">
        <f>'申請書（複数入力用）'!J1660</f>
        <v/>
      </c>
      <c r="G1658" s="6" t="str">
        <f>'申請書（複数入力用）'!K1660</f>
        <v>a052r000000jS9ZAAU</v>
      </c>
      <c r="H1658" s="12" t="e">
        <f>'申請書（複数入力用）'!N1660</f>
        <v>#N/A</v>
      </c>
      <c r="I1658" s="12" t="e">
        <f>'申請書（複数入力用）'!O1660</f>
        <v>#N/A</v>
      </c>
      <c r="J1658" s="12">
        <f>'申請書（複数入力用）'!P1660</f>
        <v>1</v>
      </c>
    </row>
    <row r="1659" spans="1:10" ht="51.6" customHeight="1" x14ac:dyDescent="0.45">
      <c r="A1659" s="6">
        <f>'申請書（複数入力用）'!A1661</f>
        <v>1655</v>
      </c>
      <c r="B1659" s="13">
        <f>'申請書（複数入力用）'!AH1661</f>
        <v>0</v>
      </c>
      <c r="C1659" s="6">
        <f>'申請書（複数入力用）'!B1661</f>
        <v>0</v>
      </c>
      <c r="D1659" s="6">
        <f>'申請書（複数入力用）'!D1661</f>
        <v>0</v>
      </c>
      <c r="E1659" s="14">
        <f>'申請書（複数入力用）'!H1661</f>
        <v>0</v>
      </c>
      <c r="F1659" s="11" t="str">
        <f>'申請書（複数入力用）'!J1661</f>
        <v/>
      </c>
      <c r="G1659" s="6" t="str">
        <f>'申請書（複数入力用）'!K1661</f>
        <v>a052r000000jS9ZAAU</v>
      </c>
      <c r="H1659" s="12" t="e">
        <f>'申請書（複数入力用）'!N1661</f>
        <v>#N/A</v>
      </c>
      <c r="I1659" s="12" t="e">
        <f>'申請書（複数入力用）'!O1661</f>
        <v>#N/A</v>
      </c>
      <c r="J1659" s="12">
        <f>'申請書（複数入力用）'!P1661</f>
        <v>1</v>
      </c>
    </row>
    <row r="1660" spans="1:10" ht="51.6" customHeight="1" x14ac:dyDescent="0.45">
      <c r="A1660" s="6">
        <f>'申請書（複数入力用）'!A1662</f>
        <v>1656</v>
      </c>
      <c r="B1660" s="13">
        <f>'申請書（複数入力用）'!AH1662</f>
        <v>0</v>
      </c>
      <c r="C1660" s="6">
        <f>'申請書（複数入力用）'!B1662</f>
        <v>0</v>
      </c>
      <c r="D1660" s="6">
        <f>'申請書（複数入力用）'!D1662</f>
        <v>0</v>
      </c>
      <c r="E1660" s="14">
        <f>'申請書（複数入力用）'!H1662</f>
        <v>0</v>
      </c>
      <c r="F1660" s="11" t="str">
        <f>'申請書（複数入力用）'!J1662</f>
        <v/>
      </c>
      <c r="G1660" s="6" t="str">
        <f>'申請書（複数入力用）'!K1662</f>
        <v>a052r000000jS9ZAAU</v>
      </c>
      <c r="H1660" s="12" t="e">
        <f>'申請書（複数入力用）'!N1662</f>
        <v>#N/A</v>
      </c>
      <c r="I1660" s="12" t="e">
        <f>'申請書（複数入力用）'!O1662</f>
        <v>#N/A</v>
      </c>
      <c r="J1660" s="12">
        <f>'申請書（複数入力用）'!P1662</f>
        <v>1</v>
      </c>
    </row>
    <row r="1661" spans="1:10" ht="51.6" customHeight="1" x14ac:dyDescent="0.45">
      <c r="A1661" s="6">
        <f>'申請書（複数入力用）'!A1663</f>
        <v>1657</v>
      </c>
      <c r="B1661" s="13">
        <f>'申請書（複数入力用）'!AH1663</f>
        <v>0</v>
      </c>
      <c r="C1661" s="6">
        <f>'申請書（複数入力用）'!B1663</f>
        <v>0</v>
      </c>
      <c r="D1661" s="6">
        <f>'申請書（複数入力用）'!D1663</f>
        <v>0</v>
      </c>
      <c r="E1661" s="14">
        <f>'申請書（複数入力用）'!H1663</f>
        <v>0</v>
      </c>
      <c r="F1661" s="11" t="str">
        <f>'申請書（複数入力用）'!J1663</f>
        <v/>
      </c>
      <c r="G1661" s="6" t="str">
        <f>'申請書（複数入力用）'!K1663</f>
        <v>a052r000000jS9ZAAU</v>
      </c>
      <c r="H1661" s="12" t="e">
        <f>'申請書（複数入力用）'!N1663</f>
        <v>#N/A</v>
      </c>
      <c r="I1661" s="12" t="e">
        <f>'申請書（複数入力用）'!O1663</f>
        <v>#N/A</v>
      </c>
      <c r="J1661" s="12">
        <f>'申請書（複数入力用）'!P1663</f>
        <v>1</v>
      </c>
    </row>
    <row r="1662" spans="1:10" ht="51.6" customHeight="1" x14ac:dyDescent="0.45">
      <c r="A1662" s="6">
        <f>'申請書（複数入力用）'!A1664</f>
        <v>1658</v>
      </c>
      <c r="B1662" s="13">
        <f>'申請書（複数入力用）'!AH1664</f>
        <v>0</v>
      </c>
      <c r="C1662" s="6">
        <f>'申請書（複数入力用）'!B1664</f>
        <v>0</v>
      </c>
      <c r="D1662" s="6">
        <f>'申請書（複数入力用）'!D1664</f>
        <v>0</v>
      </c>
      <c r="E1662" s="14">
        <f>'申請書（複数入力用）'!H1664</f>
        <v>0</v>
      </c>
      <c r="F1662" s="11" t="str">
        <f>'申請書（複数入力用）'!J1664</f>
        <v/>
      </c>
      <c r="G1662" s="6" t="str">
        <f>'申請書（複数入力用）'!K1664</f>
        <v>a052r000000jS9ZAAU</v>
      </c>
      <c r="H1662" s="12" t="e">
        <f>'申請書（複数入力用）'!N1664</f>
        <v>#N/A</v>
      </c>
      <c r="I1662" s="12" t="e">
        <f>'申請書（複数入力用）'!O1664</f>
        <v>#N/A</v>
      </c>
      <c r="J1662" s="12">
        <f>'申請書（複数入力用）'!P1664</f>
        <v>1</v>
      </c>
    </row>
    <row r="1663" spans="1:10" ht="51.6" customHeight="1" x14ac:dyDescent="0.45">
      <c r="A1663" s="6">
        <f>'申請書（複数入力用）'!A1665</f>
        <v>1659</v>
      </c>
      <c r="B1663" s="13">
        <f>'申請書（複数入力用）'!AH1665</f>
        <v>0</v>
      </c>
      <c r="C1663" s="6">
        <f>'申請書（複数入力用）'!B1665</f>
        <v>0</v>
      </c>
      <c r="D1663" s="6">
        <f>'申請書（複数入力用）'!D1665</f>
        <v>0</v>
      </c>
      <c r="E1663" s="14">
        <f>'申請書（複数入力用）'!H1665</f>
        <v>0</v>
      </c>
      <c r="F1663" s="11" t="str">
        <f>'申請書（複数入力用）'!J1665</f>
        <v/>
      </c>
      <c r="G1663" s="6" t="str">
        <f>'申請書（複数入力用）'!K1665</f>
        <v>a052r000000jS9ZAAU</v>
      </c>
      <c r="H1663" s="12" t="e">
        <f>'申請書（複数入力用）'!N1665</f>
        <v>#N/A</v>
      </c>
      <c r="I1663" s="12" t="e">
        <f>'申請書（複数入力用）'!O1665</f>
        <v>#N/A</v>
      </c>
      <c r="J1663" s="12">
        <f>'申請書（複数入力用）'!P1665</f>
        <v>1</v>
      </c>
    </row>
    <row r="1664" spans="1:10" ht="51.6" customHeight="1" x14ac:dyDescent="0.45">
      <c r="A1664" s="6">
        <f>'申請書（複数入力用）'!A1666</f>
        <v>1660</v>
      </c>
      <c r="B1664" s="13">
        <f>'申請書（複数入力用）'!AH1666</f>
        <v>0</v>
      </c>
      <c r="C1664" s="6">
        <f>'申請書（複数入力用）'!B1666</f>
        <v>0</v>
      </c>
      <c r="D1664" s="6">
        <f>'申請書（複数入力用）'!D1666</f>
        <v>0</v>
      </c>
      <c r="E1664" s="14">
        <f>'申請書（複数入力用）'!H1666</f>
        <v>0</v>
      </c>
      <c r="F1664" s="11" t="str">
        <f>'申請書（複数入力用）'!J1666</f>
        <v/>
      </c>
      <c r="G1664" s="6" t="str">
        <f>'申請書（複数入力用）'!K1666</f>
        <v>a052r000000jS9ZAAU</v>
      </c>
      <c r="H1664" s="12" t="e">
        <f>'申請書（複数入力用）'!N1666</f>
        <v>#N/A</v>
      </c>
      <c r="I1664" s="12" t="e">
        <f>'申請書（複数入力用）'!O1666</f>
        <v>#N/A</v>
      </c>
      <c r="J1664" s="12">
        <f>'申請書（複数入力用）'!P1666</f>
        <v>1</v>
      </c>
    </row>
    <row r="1665" spans="1:10" ht="51.6" customHeight="1" x14ac:dyDescent="0.45">
      <c r="A1665" s="6">
        <f>'申請書（複数入力用）'!A1667</f>
        <v>1661</v>
      </c>
      <c r="B1665" s="13">
        <f>'申請書（複数入力用）'!AH1667</f>
        <v>0</v>
      </c>
      <c r="C1665" s="6">
        <f>'申請書（複数入力用）'!B1667</f>
        <v>0</v>
      </c>
      <c r="D1665" s="6">
        <f>'申請書（複数入力用）'!D1667</f>
        <v>0</v>
      </c>
      <c r="E1665" s="14">
        <f>'申請書（複数入力用）'!H1667</f>
        <v>0</v>
      </c>
      <c r="F1665" s="11" t="str">
        <f>'申請書（複数入力用）'!J1667</f>
        <v/>
      </c>
      <c r="G1665" s="6" t="str">
        <f>'申請書（複数入力用）'!K1667</f>
        <v>a052r000000jS9ZAAU</v>
      </c>
      <c r="H1665" s="12" t="e">
        <f>'申請書（複数入力用）'!N1667</f>
        <v>#N/A</v>
      </c>
      <c r="I1665" s="12" t="e">
        <f>'申請書（複数入力用）'!O1667</f>
        <v>#N/A</v>
      </c>
      <c r="J1665" s="12">
        <f>'申請書（複数入力用）'!P1667</f>
        <v>1</v>
      </c>
    </row>
    <row r="1666" spans="1:10" ht="51.6" customHeight="1" x14ac:dyDescent="0.45">
      <c r="A1666" s="6">
        <f>'申請書（複数入力用）'!A1668</f>
        <v>1662</v>
      </c>
      <c r="B1666" s="13">
        <f>'申請書（複数入力用）'!AH1668</f>
        <v>0</v>
      </c>
      <c r="C1666" s="6">
        <f>'申請書（複数入力用）'!B1668</f>
        <v>0</v>
      </c>
      <c r="D1666" s="6">
        <f>'申請書（複数入力用）'!D1668</f>
        <v>0</v>
      </c>
      <c r="E1666" s="14">
        <f>'申請書（複数入力用）'!H1668</f>
        <v>0</v>
      </c>
      <c r="F1666" s="11" t="str">
        <f>'申請書（複数入力用）'!J1668</f>
        <v/>
      </c>
      <c r="G1666" s="6" t="str">
        <f>'申請書（複数入力用）'!K1668</f>
        <v>a052r000000jS9ZAAU</v>
      </c>
      <c r="H1666" s="12" t="e">
        <f>'申請書（複数入力用）'!N1668</f>
        <v>#N/A</v>
      </c>
      <c r="I1666" s="12" t="e">
        <f>'申請書（複数入力用）'!O1668</f>
        <v>#N/A</v>
      </c>
      <c r="J1666" s="12">
        <f>'申請書（複数入力用）'!P1668</f>
        <v>1</v>
      </c>
    </row>
    <row r="1667" spans="1:10" ht="51.6" customHeight="1" x14ac:dyDescent="0.45">
      <c r="A1667" s="6">
        <f>'申請書（複数入力用）'!A1669</f>
        <v>1663</v>
      </c>
      <c r="B1667" s="13">
        <f>'申請書（複数入力用）'!AH1669</f>
        <v>0</v>
      </c>
      <c r="C1667" s="6">
        <f>'申請書（複数入力用）'!B1669</f>
        <v>0</v>
      </c>
      <c r="D1667" s="6">
        <f>'申請書（複数入力用）'!D1669</f>
        <v>0</v>
      </c>
      <c r="E1667" s="14">
        <f>'申請書（複数入力用）'!H1669</f>
        <v>0</v>
      </c>
      <c r="F1667" s="11" t="str">
        <f>'申請書（複数入力用）'!J1669</f>
        <v/>
      </c>
      <c r="G1667" s="6" t="str">
        <f>'申請書（複数入力用）'!K1669</f>
        <v>a052r000000jS9ZAAU</v>
      </c>
      <c r="H1667" s="12" t="e">
        <f>'申請書（複数入力用）'!N1669</f>
        <v>#N/A</v>
      </c>
      <c r="I1667" s="12" t="e">
        <f>'申請書（複数入力用）'!O1669</f>
        <v>#N/A</v>
      </c>
      <c r="J1667" s="12">
        <f>'申請書（複数入力用）'!P1669</f>
        <v>1</v>
      </c>
    </row>
    <row r="1668" spans="1:10" ht="51.6" customHeight="1" x14ac:dyDescent="0.45">
      <c r="A1668" s="6">
        <f>'申請書（複数入力用）'!A1670</f>
        <v>1664</v>
      </c>
      <c r="B1668" s="13">
        <f>'申請書（複数入力用）'!AH1670</f>
        <v>0</v>
      </c>
      <c r="C1668" s="6">
        <f>'申請書（複数入力用）'!B1670</f>
        <v>0</v>
      </c>
      <c r="D1668" s="6">
        <f>'申請書（複数入力用）'!D1670</f>
        <v>0</v>
      </c>
      <c r="E1668" s="14">
        <f>'申請書（複数入力用）'!H1670</f>
        <v>0</v>
      </c>
      <c r="F1668" s="11" t="str">
        <f>'申請書（複数入力用）'!J1670</f>
        <v/>
      </c>
      <c r="G1668" s="6" t="str">
        <f>'申請書（複数入力用）'!K1670</f>
        <v>a052r000000jS9ZAAU</v>
      </c>
      <c r="H1668" s="12" t="e">
        <f>'申請書（複数入力用）'!N1670</f>
        <v>#N/A</v>
      </c>
      <c r="I1668" s="12" t="e">
        <f>'申請書（複数入力用）'!O1670</f>
        <v>#N/A</v>
      </c>
      <c r="J1668" s="12">
        <f>'申請書（複数入力用）'!P1670</f>
        <v>1</v>
      </c>
    </row>
    <row r="1669" spans="1:10" ht="51.6" customHeight="1" x14ac:dyDescent="0.45">
      <c r="A1669" s="6">
        <f>'申請書（複数入力用）'!A1671</f>
        <v>1665</v>
      </c>
      <c r="B1669" s="13">
        <f>'申請書（複数入力用）'!AH1671</f>
        <v>0</v>
      </c>
      <c r="C1669" s="6">
        <f>'申請書（複数入力用）'!B1671</f>
        <v>0</v>
      </c>
      <c r="D1669" s="6">
        <f>'申請書（複数入力用）'!D1671</f>
        <v>0</v>
      </c>
      <c r="E1669" s="14">
        <f>'申請書（複数入力用）'!H1671</f>
        <v>0</v>
      </c>
      <c r="F1669" s="11" t="str">
        <f>'申請書（複数入力用）'!J1671</f>
        <v/>
      </c>
      <c r="G1669" s="6" t="str">
        <f>'申請書（複数入力用）'!K1671</f>
        <v>a052r000000jS9ZAAU</v>
      </c>
      <c r="H1669" s="12" t="e">
        <f>'申請書（複数入力用）'!N1671</f>
        <v>#N/A</v>
      </c>
      <c r="I1669" s="12" t="e">
        <f>'申請書（複数入力用）'!O1671</f>
        <v>#N/A</v>
      </c>
      <c r="J1669" s="12">
        <f>'申請書（複数入力用）'!P1671</f>
        <v>1</v>
      </c>
    </row>
    <row r="1670" spans="1:10" ht="51.6" customHeight="1" x14ac:dyDescent="0.45">
      <c r="A1670" s="6">
        <f>'申請書（複数入力用）'!A1672</f>
        <v>1666</v>
      </c>
      <c r="B1670" s="13">
        <f>'申請書（複数入力用）'!AH1672</f>
        <v>0</v>
      </c>
      <c r="C1670" s="6">
        <f>'申請書（複数入力用）'!B1672</f>
        <v>0</v>
      </c>
      <c r="D1670" s="6">
        <f>'申請書（複数入力用）'!D1672</f>
        <v>0</v>
      </c>
      <c r="E1670" s="14">
        <f>'申請書（複数入力用）'!H1672</f>
        <v>0</v>
      </c>
      <c r="F1670" s="11" t="str">
        <f>'申請書（複数入力用）'!J1672</f>
        <v/>
      </c>
      <c r="G1670" s="6" t="str">
        <f>'申請書（複数入力用）'!K1672</f>
        <v>a052r000000jS9ZAAU</v>
      </c>
      <c r="H1670" s="12" t="e">
        <f>'申請書（複数入力用）'!N1672</f>
        <v>#N/A</v>
      </c>
      <c r="I1670" s="12" t="e">
        <f>'申請書（複数入力用）'!O1672</f>
        <v>#N/A</v>
      </c>
      <c r="J1670" s="12">
        <f>'申請書（複数入力用）'!P1672</f>
        <v>1</v>
      </c>
    </row>
    <row r="1671" spans="1:10" ht="51.6" customHeight="1" x14ac:dyDescent="0.45">
      <c r="A1671" s="6">
        <f>'申請書（複数入力用）'!A1673</f>
        <v>1667</v>
      </c>
      <c r="B1671" s="13">
        <f>'申請書（複数入力用）'!AH1673</f>
        <v>0</v>
      </c>
      <c r="C1671" s="6">
        <f>'申請書（複数入力用）'!B1673</f>
        <v>0</v>
      </c>
      <c r="D1671" s="6">
        <f>'申請書（複数入力用）'!D1673</f>
        <v>0</v>
      </c>
      <c r="E1671" s="14">
        <f>'申請書（複数入力用）'!H1673</f>
        <v>0</v>
      </c>
      <c r="F1671" s="11" t="str">
        <f>'申請書（複数入力用）'!J1673</f>
        <v/>
      </c>
      <c r="G1671" s="6" t="str">
        <f>'申請書（複数入力用）'!K1673</f>
        <v>a052r000000jS9ZAAU</v>
      </c>
      <c r="H1671" s="12" t="e">
        <f>'申請書（複数入力用）'!N1673</f>
        <v>#N/A</v>
      </c>
      <c r="I1671" s="12" t="e">
        <f>'申請書（複数入力用）'!O1673</f>
        <v>#N/A</v>
      </c>
      <c r="J1671" s="12">
        <f>'申請書（複数入力用）'!P1673</f>
        <v>1</v>
      </c>
    </row>
    <row r="1672" spans="1:10" ht="51.6" customHeight="1" x14ac:dyDescent="0.45">
      <c r="A1672" s="6">
        <f>'申請書（複数入力用）'!A1674</f>
        <v>1668</v>
      </c>
      <c r="B1672" s="13">
        <f>'申請書（複数入力用）'!AH1674</f>
        <v>0</v>
      </c>
      <c r="C1672" s="6">
        <f>'申請書（複数入力用）'!B1674</f>
        <v>0</v>
      </c>
      <c r="D1672" s="6">
        <f>'申請書（複数入力用）'!D1674</f>
        <v>0</v>
      </c>
      <c r="E1672" s="14">
        <f>'申請書（複数入力用）'!H1674</f>
        <v>0</v>
      </c>
      <c r="F1672" s="11" t="str">
        <f>'申請書（複数入力用）'!J1674</f>
        <v/>
      </c>
      <c r="G1672" s="6" t="str">
        <f>'申請書（複数入力用）'!K1674</f>
        <v>a052r000000jS9ZAAU</v>
      </c>
      <c r="H1672" s="12" t="e">
        <f>'申請書（複数入力用）'!N1674</f>
        <v>#N/A</v>
      </c>
      <c r="I1672" s="12" t="e">
        <f>'申請書（複数入力用）'!O1674</f>
        <v>#N/A</v>
      </c>
      <c r="J1672" s="12">
        <f>'申請書（複数入力用）'!P1674</f>
        <v>1</v>
      </c>
    </row>
    <row r="1673" spans="1:10" ht="51.6" customHeight="1" x14ac:dyDescent="0.45">
      <c r="A1673" s="6">
        <f>'申請書（複数入力用）'!A1675</f>
        <v>1669</v>
      </c>
      <c r="B1673" s="13">
        <f>'申請書（複数入力用）'!AH1675</f>
        <v>0</v>
      </c>
      <c r="C1673" s="6">
        <f>'申請書（複数入力用）'!B1675</f>
        <v>0</v>
      </c>
      <c r="D1673" s="6">
        <f>'申請書（複数入力用）'!D1675</f>
        <v>0</v>
      </c>
      <c r="E1673" s="14">
        <f>'申請書（複数入力用）'!H1675</f>
        <v>0</v>
      </c>
      <c r="F1673" s="11" t="str">
        <f>'申請書（複数入力用）'!J1675</f>
        <v/>
      </c>
      <c r="G1673" s="6" t="str">
        <f>'申請書（複数入力用）'!K1675</f>
        <v>a052r000000jS9ZAAU</v>
      </c>
      <c r="H1673" s="12" t="e">
        <f>'申請書（複数入力用）'!N1675</f>
        <v>#N/A</v>
      </c>
      <c r="I1673" s="12" t="e">
        <f>'申請書（複数入力用）'!O1675</f>
        <v>#N/A</v>
      </c>
      <c r="J1673" s="12">
        <f>'申請書（複数入力用）'!P1675</f>
        <v>1</v>
      </c>
    </row>
    <row r="1674" spans="1:10" ht="51.6" customHeight="1" x14ac:dyDescent="0.45">
      <c r="A1674" s="6">
        <f>'申請書（複数入力用）'!A1676</f>
        <v>1670</v>
      </c>
      <c r="B1674" s="13">
        <f>'申請書（複数入力用）'!AH1676</f>
        <v>0</v>
      </c>
      <c r="C1674" s="6">
        <f>'申請書（複数入力用）'!B1676</f>
        <v>0</v>
      </c>
      <c r="D1674" s="6">
        <f>'申請書（複数入力用）'!D1676</f>
        <v>0</v>
      </c>
      <c r="E1674" s="14">
        <f>'申請書（複数入力用）'!H1676</f>
        <v>0</v>
      </c>
      <c r="F1674" s="11" t="str">
        <f>'申請書（複数入力用）'!J1676</f>
        <v/>
      </c>
      <c r="G1674" s="6" t="str">
        <f>'申請書（複数入力用）'!K1676</f>
        <v>a052r000000jS9ZAAU</v>
      </c>
      <c r="H1674" s="12" t="e">
        <f>'申請書（複数入力用）'!N1676</f>
        <v>#N/A</v>
      </c>
      <c r="I1674" s="12" t="e">
        <f>'申請書（複数入力用）'!O1676</f>
        <v>#N/A</v>
      </c>
      <c r="J1674" s="12">
        <f>'申請書（複数入力用）'!P1676</f>
        <v>1</v>
      </c>
    </row>
    <row r="1675" spans="1:10" ht="51.6" customHeight="1" x14ac:dyDescent="0.45">
      <c r="A1675" s="6">
        <f>'申請書（複数入力用）'!A1677</f>
        <v>1671</v>
      </c>
      <c r="B1675" s="13">
        <f>'申請書（複数入力用）'!AH1677</f>
        <v>0</v>
      </c>
      <c r="C1675" s="6">
        <f>'申請書（複数入力用）'!B1677</f>
        <v>0</v>
      </c>
      <c r="D1675" s="6">
        <f>'申請書（複数入力用）'!D1677</f>
        <v>0</v>
      </c>
      <c r="E1675" s="14">
        <f>'申請書（複数入力用）'!H1677</f>
        <v>0</v>
      </c>
      <c r="F1675" s="11" t="str">
        <f>'申請書（複数入力用）'!J1677</f>
        <v/>
      </c>
      <c r="G1675" s="6" t="str">
        <f>'申請書（複数入力用）'!K1677</f>
        <v>a052r000000jS9ZAAU</v>
      </c>
      <c r="H1675" s="12" t="e">
        <f>'申請書（複数入力用）'!N1677</f>
        <v>#N/A</v>
      </c>
      <c r="I1675" s="12" t="e">
        <f>'申請書（複数入力用）'!O1677</f>
        <v>#N/A</v>
      </c>
      <c r="J1675" s="12">
        <f>'申請書（複数入力用）'!P1677</f>
        <v>1</v>
      </c>
    </row>
    <row r="1676" spans="1:10" ht="51.6" customHeight="1" x14ac:dyDescent="0.45">
      <c r="A1676" s="6">
        <f>'申請書（複数入力用）'!A1678</f>
        <v>1672</v>
      </c>
      <c r="B1676" s="13">
        <f>'申請書（複数入力用）'!AH1678</f>
        <v>0</v>
      </c>
      <c r="C1676" s="6">
        <f>'申請書（複数入力用）'!B1678</f>
        <v>0</v>
      </c>
      <c r="D1676" s="6">
        <f>'申請書（複数入力用）'!D1678</f>
        <v>0</v>
      </c>
      <c r="E1676" s="14">
        <f>'申請書（複数入力用）'!H1678</f>
        <v>0</v>
      </c>
      <c r="F1676" s="11" t="str">
        <f>'申請書（複数入力用）'!J1678</f>
        <v/>
      </c>
      <c r="G1676" s="6" t="str">
        <f>'申請書（複数入力用）'!K1678</f>
        <v>a052r000000jS9ZAAU</v>
      </c>
      <c r="H1676" s="12" t="e">
        <f>'申請書（複数入力用）'!N1678</f>
        <v>#N/A</v>
      </c>
      <c r="I1676" s="12" t="e">
        <f>'申請書（複数入力用）'!O1678</f>
        <v>#N/A</v>
      </c>
      <c r="J1676" s="12">
        <f>'申請書（複数入力用）'!P1678</f>
        <v>1</v>
      </c>
    </row>
    <row r="1677" spans="1:10" ht="51.6" customHeight="1" x14ac:dyDescent="0.45">
      <c r="A1677" s="6">
        <f>'申請書（複数入力用）'!A1679</f>
        <v>1673</v>
      </c>
      <c r="B1677" s="13">
        <f>'申請書（複数入力用）'!AH1679</f>
        <v>0</v>
      </c>
      <c r="C1677" s="6">
        <f>'申請書（複数入力用）'!B1679</f>
        <v>0</v>
      </c>
      <c r="D1677" s="6">
        <f>'申請書（複数入力用）'!D1679</f>
        <v>0</v>
      </c>
      <c r="E1677" s="14">
        <f>'申請書（複数入力用）'!H1679</f>
        <v>0</v>
      </c>
      <c r="F1677" s="11" t="str">
        <f>'申請書（複数入力用）'!J1679</f>
        <v/>
      </c>
      <c r="G1677" s="6" t="str">
        <f>'申請書（複数入力用）'!K1679</f>
        <v>a052r000000jS9ZAAU</v>
      </c>
      <c r="H1677" s="12" t="e">
        <f>'申請書（複数入力用）'!N1679</f>
        <v>#N/A</v>
      </c>
      <c r="I1677" s="12" t="e">
        <f>'申請書（複数入力用）'!O1679</f>
        <v>#N/A</v>
      </c>
      <c r="J1677" s="12">
        <f>'申請書（複数入力用）'!P1679</f>
        <v>1</v>
      </c>
    </row>
    <row r="1678" spans="1:10" ht="51.6" customHeight="1" x14ac:dyDescent="0.45">
      <c r="A1678" s="6">
        <f>'申請書（複数入力用）'!A1680</f>
        <v>1674</v>
      </c>
      <c r="B1678" s="13">
        <f>'申請書（複数入力用）'!AH1680</f>
        <v>0</v>
      </c>
      <c r="C1678" s="6">
        <f>'申請書（複数入力用）'!B1680</f>
        <v>0</v>
      </c>
      <c r="D1678" s="6">
        <f>'申請書（複数入力用）'!D1680</f>
        <v>0</v>
      </c>
      <c r="E1678" s="14">
        <f>'申請書（複数入力用）'!H1680</f>
        <v>0</v>
      </c>
      <c r="F1678" s="11" t="str">
        <f>'申請書（複数入力用）'!J1680</f>
        <v/>
      </c>
      <c r="G1678" s="6" t="str">
        <f>'申請書（複数入力用）'!K1680</f>
        <v>a052r000000jS9ZAAU</v>
      </c>
      <c r="H1678" s="12" t="e">
        <f>'申請書（複数入力用）'!N1680</f>
        <v>#N/A</v>
      </c>
      <c r="I1678" s="12" t="e">
        <f>'申請書（複数入力用）'!O1680</f>
        <v>#N/A</v>
      </c>
      <c r="J1678" s="12">
        <f>'申請書（複数入力用）'!P1680</f>
        <v>1</v>
      </c>
    </row>
    <row r="1679" spans="1:10" ht="51.6" customHeight="1" x14ac:dyDescent="0.45">
      <c r="A1679" s="6">
        <f>'申請書（複数入力用）'!A1681</f>
        <v>1675</v>
      </c>
      <c r="B1679" s="13">
        <f>'申請書（複数入力用）'!AH1681</f>
        <v>0</v>
      </c>
      <c r="C1679" s="6">
        <f>'申請書（複数入力用）'!B1681</f>
        <v>0</v>
      </c>
      <c r="D1679" s="6">
        <f>'申請書（複数入力用）'!D1681</f>
        <v>0</v>
      </c>
      <c r="E1679" s="14">
        <f>'申請書（複数入力用）'!H1681</f>
        <v>0</v>
      </c>
      <c r="F1679" s="11" t="str">
        <f>'申請書（複数入力用）'!J1681</f>
        <v/>
      </c>
      <c r="G1679" s="6" t="str">
        <f>'申請書（複数入力用）'!K1681</f>
        <v>a052r000000jS9ZAAU</v>
      </c>
      <c r="H1679" s="12" t="e">
        <f>'申請書（複数入力用）'!N1681</f>
        <v>#N/A</v>
      </c>
      <c r="I1679" s="12" t="e">
        <f>'申請書（複数入力用）'!O1681</f>
        <v>#N/A</v>
      </c>
      <c r="J1679" s="12">
        <f>'申請書（複数入力用）'!P1681</f>
        <v>1</v>
      </c>
    </row>
    <row r="1680" spans="1:10" ht="51.6" customHeight="1" x14ac:dyDescent="0.45">
      <c r="A1680" s="6">
        <f>'申請書（複数入力用）'!A1682</f>
        <v>1676</v>
      </c>
      <c r="B1680" s="13">
        <f>'申請書（複数入力用）'!AH1682</f>
        <v>0</v>
      </c>
      <c r="C1680" s="6">
        <f>'申請書（複数入力用）'!B1682</f>
        <v>0</v>
      </c>
      <c r="D1680" s="6">
        <f>'申請書（複数入力用）'!D1682</f>
        <v>0</v>
      </c>
      <c r="E1680" s="14">
        <f>'申請書（複数入力用）'!H1682</f>
        <v>0</v>
      </c>
      <c r="F1680" s="11" t="str">
        <f>'申請書（複数入力用）'!J1682</f>
        <v/>
      </c>
      <c r="G1680" s="6" t="str">
        <f>'申請書（複数入力用）'!K1682</f>
        <v>a052r000000jS9ZAAU</v>
      </c>
      <c r="H1680" s="12" t="e">
        <f>'申請書（複数入力用）'!N1682</f>
        <v>#N/A</v>
      </c>
      <c r="I1680" s="12" t="e">
        <f>'申請書（複数入力用）'!O1682</f>
        <v>#N/A</v>
      </c>
      <c r="J1680" s="12">
        <f>'申請書（複数入力用）'!P1682</f>
        <v>1</v>
      </c>
    </row>
    <row r="1681" spans="1:10" ht="51.6" customHeight="1" x14ac:dyDescent="0.45">
      <c r="A1681" s="6">
        <f>'申請書（複数入力用）'!A1683</f>
        <v>1677</v>
      </c>
      <c r="B1681" s="13">
        <f>'申請書（複数入力用）'!AH1683</f>
        <v>0</v>
      </c>
      <c r="C1681" s="6">
        <f>'申請書（複数入力用）'!B1683</f>
        <v>0</v>
      </c>
      <c r="D1681" s="6">
        <f>'申請書（複数入力用）'!D1683</f>
        <v>0</v>
      </c>
      <c r="E1681" s="14">
        <f>'申請書（複数入力用）'!H1683</f>
        <v>0</v>
      </c>
      <c r="F1681" s="11" t="str">
        <f>'申請書（複数入力用）'!J1683</f>
        <v/>
      </c>
      <c r="G1681" s="6" t="str">
        <f>'申請書（複数入力用）'!K1683</f>
        <v>a052r000000jS9ZAAU</v>
      </c>
      <c r="H1681" s="12" t="e">
        <f>'申請書（複数入力用）'!N1683</f>
        <v>#N/A</v>
      </c>
      <c r="I1681" s="12" t="e">
        <f>'申請書（複数入力用）'!O1683</f>
        <v>#N/A</v>
      </c>
      <c r="J1681" s="12">
        <f>'申請書（複数入力用）'!P1683</f>
        <v>1</v>
      </c>
    </row>
    <row r="1682" spans="1:10" ht="51.6" customHeight="1" x14ac:dyDescent="0.45">
      <c r="A1682" s="6">
        <f>'申請書（複数入力用）'!A1684</f>
        <v>1678</v>
      </c>
      <c r="B1682" s="13">
        <f>'申請書（複数入力用）'!AH1684</f>
        <v>0</v>
      </c>
      <c r="C1682" s="6">
        <f>'申請書（複数入力用）'!B1684</f>
        <v>0</v>
      </c>
      <c r="D1682" s="6">
        <f>'申請書（複数入力用）'!D1684</f>
        <v>0</v>
      </c>
      <c r="E1682" s="14">
        <f>'申請書（複数入力用）'!H1684</f>
        <v>0</v>
      </c>
      <c r="F1682" s="11" t="str">
        <f>'申請書（複数入力用）'!J1684</f>
        <v/>
      </c>
      <c r="G1682" s="6" t="str">
        <f>'申請書（複数入力用）'!K1684</f>
        <v>a052r000000jS9ZAAU</v>
      </c>
      <c r="H1682" s="12" t="e">
        <f>'申請書（複数入力用）'!N1684</f>
        <v>#N/A</v>
      </c>
      <c r="I1682" s="12" t="e">
        <f>'申請書（複数入力用）'!O1684</f>
        <v>#N/A</v>
      </c>
      <c r="J1682" s="12">
        <f>'申請書（複数入力用）'!P1684</f>
        <v>1</v>
      </c>
    </row>
    <row r="1683" spans="1:10" ht="51.6" customHeight="1" x14ac:dyDescent="0.45">
      <c r="A1683" s="6">
        <f>'申請書（複数入力用）'!A1685</f>
        <v>1679</v>
      </c>
      <c r="B1683" s="13">
        <f>'申請書（複数入力用）'!AH1685</f>
        <v>0</v>
      </c>
      <c r="C1683" s="6">
        <f>'申請書（複数入力用）'!B1685</f>
        <v>0</v>
      </c>
      <c r="D1683" s="6">
        <f>'申請書（複数入力用）'!D1685</f>
        <v>0</v>
      </c>
      <c r="E1683" s="14">
        <f>'申請書（複数入力用）'!H1685</f>
        <v>0</v>
      </c>
      <c r="F1683" s="11" t="str">
        <f>'申請書（複数入力用）'!J1685</f>
        <v/>
      </c>
      <c r="G1683" s="6" t="str">
        <f>'申請書（複数入力用）'!K1685</f>
        <v>a052r000000jS9ZAAU</v>
      </c>
      <c r="H1683" s="12" t="e">
        <f>'申請書（複数入力用）'!N1685</f>
        <v>#N/A</v>
      </c>
      <c r="I1683" s="12" t="e">
        <f>'申請書（複数入力用）'!O1685</f>
        <v>#N/A</v>
      </c>
      <c r="J1683" s="12">
        <f>'申請書（複数入力用）'!P1685</f>
        <v>1</v>
      </c>
    </row>
    <row r="1684" spans="1:10" ht="51.6" customHeight="1" x14ac:dyDescent="0.45">
      <c r="A1684" s="6">
        <f>'申請書（複数入力用）'!A1686</f>
        <v>1680</v>
      </c>
      <c r="B1684" s="13">
        <f>'申請書（複数入力用）'!AH1686</f>
        <v>0</v>
      </c>
      <c r="C1684" s="6">
        <f>'申請書（複数入力用）'!B1686</f>
        <v>0</v>
      </c>
      <c r="D1684" s="6">
        <f>'申請書（複数入力用）'!D1686</f>
        <v>0</v>
      </c>
      <c r="E1684" s="14">
        <f>'申請書（複数入力用）'!H1686</f>
        <v>0</v>
      </c>
      <c r="F1684" s="11" t="str">
        <f>'申請書（複数入力用）'!J1686</f>
        <v/>
      </c>
      <c r="G1684" s="6" t="str">
        <f>'申請書（複数入力用）'!K1686</f>
        <v>a052r000000jS9ZAAU</v>
      </c>
      <c r="H1684" s="12" t="e">
        <f>'申請書（複数入力用）'!N1686</f>
        <v>#N/A</v>
      </c>
      <c r="I1684" s="12" t="e">
        <f>'申請書（複数入力用）'!O1686</f>
        <v>#N/A</v>
      </c>
      <c r="J1684" s="12">
        <f>'申請書（複数入力用）'!P1686</f>
        <v>1</v>
      </c>
    </row>
    <row r="1685" spans="1:10" ht="51.6" customHeight="1" x14ac:dyDescent="0.45">
      <c r="A1685" s="6">
        <f>'申請書（複数入力用）'!A1687</f>
        <v>1681</v>
      </c>
      <c r="B1685" s="13">
        <f>'申請書（複数入力用）'!AH1687</f>
        <v>0</v>
      </c>
      <c r="C1685" s="6">
        <f>'申請書（複数入力用）'!B1687</f>
        <v>0</v>
      </c>
      <c r="D1685" s="6">
        <f>'申請書（複数入力用）'!D1687</f>
        <v>0</v>
      </c>
      <c r="E1685" s="14">
        <f>'申請書（複数入力用）'!H1687</f>
        <v>0</v>
      </c>
      <c r="F1685" s="11" t="str">
        <f>'申請書（複数入力用）'!J1687</f>
        <v/>
      </c>
      <c r="G1685" s="6" t="str">
        <f>'申請書（複数入力用）'!K1687</f>
        <v>a052r000000jS9ZAAU</v>
      </c>
      <c r="H1685" s="12" t="e">
        <f>'申請書（複数入力用）'!N1687</f>
        <v>#N/A</v>
      </c>
      <c r="I1685" s="12" t="e">
        <f>'申請書（複数入力用）'!O1687</f>
        <v>#N/A</v>
      </c>
      <c r="J1685" s="12">
        <f>'申請書（複数入力用）'!P1687</f>
        <v>1</v>
      </c>
    </row>
    <row r="1686" spans="1:10" ht="51.6" customHeight="1" x14ac:dyDescent="0.45">
      <c r="A1686" s="6">
        <f>'申請書（複数入力用）'!A1688</f>
        <v>1682</v>
      </c>
      <c r="B1686" s="13">
        <f>'申請書（複数入力用）'!AH1688</f>
        <v>0</v>
      </c>
      <c r="C1686" s="6">
        <f>'申請書（複数入力用）'!B1688</f>
        <v>0</v>
      </c>
      <c r="D1686" s="6">
        <f>'申請書（複数入力用）'!D1688</f>
        <v>0</v>
      </c>
      <c r="E1686" s="14">
        <f>'申請書（複数入力用）'!H1688</f>
        <v>0</v>
      </c>
      <c r="F1686" s="11" t="str">
        <f>'申請書（複数入力用）'!J1688</f>
        <v/>
      </c>
      <c r="G1686" s="6" t="str">
        <f>'申請書（複数入力用）'!K1688</f>
        <v>a052r000000jS9ZAAU</v>
      </c>
      <c r="H1686" s="12" t="e">
        <f>'申請書（複数入力用）'!N1688</f>
        <v>#N/A</v>
      </c>
      <c r="I1686" s="12" t="e">
        <f>'申請書（複数入力用）'!O1688</f>
        <v>#N/A</v>
      </c>
      <c r="J1686" s="12">
        <f>'申請書（複数入力用）'!P1688</f>
        <v>1</v>
      </c>
    </row>
    <row r="1687" spans="1:10" ht="51.6" customHeight="1" x14ac:dyDescent="0.45">
      <c r="A1687" s="6">
        <f>'申請書（複数入力用）'!A1689</f>
        <v>1683</v>
      </c>
      <c r="B1687" s="13">
        <f>'申請書（複数入力用）'!AH1689</f>
        <v>0</v>
      </c>
      <c r="C1687" s="6">
        <f>'申請書（複数入力用）'!B1689</f>
        <v>0</v>
      </c>
      <c r="D1687" s="6">
        <f>'申請書（複数入力用）'!D1689</f>
        <v>0</v>
      </c>
      <c r="E1687" s="14">
        <f>'申請書（複数入力用）'!H1689</f>
        <v>0</v>
      </c>
      <c r="F1687" s="11" t="str">
        <f>'申請書（複数入力用）'!J1689</f>
        <v/>
      </c>
      <c r="G1687" s="6" t="str">
        <f>'申請書（複数入力用）'!K1689</f>
        <v>a052r000000jS9ZAAU</v>
      </c>
      <c r="H1687" s="12" t="e">
        <f>'申請書（複数入力用）'!N1689</f>
        <v>#N/A</v>
      </c>
      <c r="I1687" s="12" t="e">
        <f>'申請書（複数入力用）'!O1689</f>
        <v>#N/A</v>
      </c>
      <c r="J1687" s="12">
        <f>'申請書（複数入力用）'!P1689</f>
        <v>1</v>
      </c>
    </row>
    <row r="1688" spans="1:10" ht="51.6" customHeight="1" x14ac:dyDescent="0.45">
      <c r="A1688" s="6">
        <f>'申請書（複数入力用）'!A1690</f>
        <v>1684</v>
      </c>
      <c r="B1688" s="13">
        <f>'申請書（複数入力用）'!AH1690</f>
        <v>0</v>
      </c>
      <c r="C1688" s="6">
        <f>'申請書（複数入力用）'!B1690</f>
        <v>0</v>
      </c>
      <c r="D1688" s="6">
        <f>'申請書（複数入力用）'!D1690</f>
        <v>0</v>
      </c>
      <c r="E1688" s="14">
        <f>'申請書（複数入力用）'!H1690</f>
        <v>0</v>
      </c>
      <c r="F1688" s="11" t="str">
        <f>'申請書（複数入力用）'!J1690</f>
        <v/>
      </c>
      <c r="G1688" s="6" t="str">
        <f>'申請書（複数入力用）'!K1690</f>
        <v>a052r000000jS9ZAAU</v>
      </c>
      <c r="H1688" s="12" t="e">
        <f>'申請書（複数入力用）'!N1690</f>
        <v>#N/A</v>
      </c>
      <c r="I1688" s="12" t="e">
        <f>'申請書（複数入力用）'!O1690</f>
        <v>#N/A</v>
      </c>
      <c r="J1688" s="12">
        <f>'申請書（複数入力用）'!P1690</f>
        <v>1</v>
      </c>
    </row>
    <row r="1689" spans="1:10" ht="51.6" customHeight="1" x14ac:dyDescent="0.45">
      <c r="A1689" s="6">
        <f>'申請書（複数入力用）'!A1691</f>
        <v>1685</v>
      </c>
      <c r="B1689" s="13">
        <f>'申請書（複数入力用）'!AH1691</f>
        <v>0</v>
      </c>
      <c r="C1689" s="6">
        <f>'申請書（複数入力用）'!B1691</f>
        <v>0</v>
      </c>
      <c r="D1689" s="6">
        <f>'申請書（複数入力用）'!D1691</f>
        <v>0</v>
      </c>
      <c r="E1689" s="14">
        <f>'申請書（複数入力用）'!H1691</f>
        <v>0</v>
      </c>
      <c r="F1689" s="11" t="str">
        <f>'申請書（複数入力用）'!J1691</f>
        <v/>
      </c>
      <c r="G1689" s="6" t="str">
        <f>'申請書（複数入力用）'!K1691</f>
        <v>a052r000000jS9ZAAU</v>
      </c>
      <c r="H1689" s="12" t="e">
        <f>'申請書（複数入力用）'!N1691</f>
        <v>#N/A</v>
      </c>
      <c r="I1689" s="12" t="e">
        <f>'申請書（複数入力用）'!O1691</f>
        <v>#N/A</v>
      </c>
      <c r="J1689" s="12">
        <f>'申請書（複数入力用）'!P1691</f>
        <v>1</v>
      </c>
    </row>
    <row r="1690" spans="1:10" ht="51.6" customHeight="1" x14ac:dyDescent="0.45">
      <c r="A1690" s="6">
        <f>'申請書（複数入力用）'!A1692</f>
        <v>1686</v>
      </c>
      <c r="B1690" s="13">
        <f>'申請書（複数入力用）'!AH1692</f>
        <v>0</v>
      </c>
      <c r="C1690" s="6">
        <f>'申請書（複数入力用）'!B1692</f>
        <v>0</v>
      </c>
      <c r="D1690" s="6">
        <f>'申請書（複数入力用）'!D1692</f>
        <v>0</v>
      </c>
      <c r="E1690" s="14">
        <f>'申請書（複数入力用）'!H1692</f>
        <v>0</v>
      </c>
      <c r="F1690" s="11" t="str">
        <f>'申請書（複数入力用）'!J1692</f>
        <v/>
      </c>
      <c r="G1690" s="6" t="str">
        <f>'申請書（複数入力用）'!K1692</f>
        <v>a052r000000jS9ZAAU</v>
      </c>
      <c r="H1690" s="12" t="e">
        <f>'申請書（複数入力用）'!N1692</f>
        <v>#N/A</v>
      </c>
      <c r="I1690" s="12" t="e">
        <f>'申請書（複数入力用）'!O1692</f>
        <v>#N/A</v>
      </c>
      <c r="J1690" s="12">
        <f>'申請書（複数入力用）'!P1692</f>
        <v>1</v>
      </c>
    </row>
    <row r="1691" spans="1:10" ht="51.6" customHeight="1" x14ac:dyDescent="0.45">
      <c r="A1691" s="6">
        <f>'申請書（複数入力用）'!A1693</f>
        <v>1687</v>
      </c>
      <c r="B1691" s="13">
        <f>'申請書（複数入力用）'!AH1693</f>
        <v>0</v>
      </c>
      <c r="C1691" s="6">
        <f>'申請書（複数入力用）'!B1693</f>
        <v>0</v>
      </c>
      <c r="D1691" s="6">
        <f>'申請書（複数入力用）'!D1693</f>
        <v>0</v>
      </c>
      <c r="E1691" s="14">
        <f>'申請書（複数入力用）'!H1693</f>
        <v>0</v>
      </c>
      <c r="F1691" s="11" t="str">
        <f>'申請書（複数入力用）'!J1693</f>
        <v/>
      </c>
      <c r="G1691" s="6" t="str">
        <f>'申請書（複数入力用）'!K1693</f>
        <v>a052r000000jS9ZAAU</v>
      </c>
      <c r="H1691" s="12" t="e">
        <f>'申請書（複数入力用）'!N1693</f>
        <v>#N/A</v>
      </c>
      <c r="I1691" s="12" t="e">
        <f>'申請書（複数入力用）'!O1693</f>
        <v>#N/A</v>
      </c>
      <c r="J1691" s="12">
        <f>'申請書（複数入力用）'!P1693</f>
        <v>1</v>
      </c>
    </row>
    <row r="1692" spans="1:10" ht="51.6" customHeight="1" x14ac:dyDescent="0.45">
      <c r="A1692" s="6">
        <f>'申請書（複数入力用）'!A1694</f>
        <v>1688</v>
      </c>
      <c r="B1692" s="13">
        <f>'申請書（複数入力用）'!AH1694</f>
        <v>0</v>
      </c>
      <c r="C1692" s="6">
        <f>'申請書（複数入力用）'!B1694</f>
        <v>0</v>
      </c>
      <c r="D1692" s="6">
        <f>'申請書（複数入力用）'!D1694</f>
        <v>0</v>
      </c>
      <c r="E1692" s="14">
        <f>'申請書（複数入力用）'!H1694</f>
        <v>0</v>
      </c>
      <c r="F1692" s="11" t="str">
        <f>'申請書（複数入力用）'!J1694</f>
        <v/>
      </c>
      <c r="G1692" s="6" t="str">
        <f>'申請書（複数入力用）'!K1694</f>
        <v>a052r000000jS9ZAAU</v>
      </c>
      <c r="H1692" s="12" t="e">
        <f>'申請書（複数入力用）'!N1694</f>
        <v>#N/A</v>
      </c>
      <c r="I1692" s="12" t="e">
        <f>'申請書（複数入力用）'!O1694</f>
        <v>#N/A</v>
      </c>
      <c r="J1692" s="12">
        <f>'申請書（複数入力用）'!P1694</f>
        <v>1</v>
      </c>
    </row>
    <row r="1693" spans="1:10" ht="51.6" customHeight="1" x14ac:dyDescent="0.45">
      <c r="A1693" s="6">
        <f>'申請書（複数入力用）'!A1695</f>
        <v>1689</v>
      </c>
      <c r="B1693" s="13">
        <f>'申請書（複数入力用）'!AH1695</f>
        <v>0</v>
      </c>
      <c r="C1693" s="6">
        <f>'申請書（複数入力用）'!B1695</f>
        <v>0</v>
      </c>
      <c r="D1693" s="6">
        <f>'申請書（複数入力用）'!D1695</f>
        <v>0</v>
      </c>
      <c r="E1693" s="14">
        <f>'申請書（複数入力用）'!H1695</f>
        <v>0</v>
      </c>
      <c r="F1693" s="11" t="str">
        <f>'申請書（複数入力用）'!J1695</f>
        <v/>
      </c>
      <c r="G1693" s="6" t="str">
        <f>'申請書（複数入力用）'!K1695</f>
        <v>a052r000000jS9ZAAU</v>
      </c>
      <c r="H1693" s="12" t="e">
        <f>'申請書（複数入力用）'!N1695</f>
        <v>#N/A</v>
      </c>
      <c r="I1693" s="12" t="e">
        <f>'申請書（複数入力用）'!O1695</f>
        <v>#N/A</v>
      </c>
      <c r="J1693" s="12">
        <f>'申請書（複数入力用）'!P1695</f>
        <v>1</v>
      </c>
    </row>
    <row r="1694" spans="1:10" ht="51.6" customHeight="1" x14ac:dyDescent="0.45">
      <c r="A1694" s="6">
        <f>'申請書（複数入力用）'!A1696</f>
        <v>1690</v>
      </c>
      <c r="B1694" s="13">
        <f>'申請書（複数入力用）'!AH1696</f>
        <v>0</v>
      </c>
      <c r="C1694" s="6">
        <f>'申請書（複数入力用）'!B1696</f>
        <v>0</v>
      </c>
      <c r="D1694" s="6">
        <f>'申請書（複数入力用）'!D1696</f>
        <v>0</v>
      </c>
      <c r="E1694" s="14">
        <f>'申請書（複数入力用）'!H1696</f>
        <v>0</v>
      </c>
      <c r="F1694" s="11" t="str">
        <f>'申請書（複数入力用）'!J1696</f>
        <v/>
      </c>
      <c r="G1694" s="6" t="str">
        <f>'申請書（複数入力用）'!K1696</f>
        <v>a052r000000jS9ZAAU</v>
      </c>
      <c r="H1694" s="12" t="e">
        <f>'申請書（複数入力用）'!N1696</f>
        <v>#N/A</v>
      </c>
      <c r="I1694" s="12" t="e">
        <f>'申請書（複数入力用）'!O1696</f>
        <v>#N/A</v>
      </c>
      <c r="J1694" s="12">
        <f>'申請書（複数入力用）'!P1696</f>
        <v>1</v>
      </c>
    </row>
    <row r="1695" spans="1:10" ht="51.6" customHeight="1" x14ac:dyDescent="0.45">
      <c r="A1695" s="6">
        <f>'申請書（複数入力用）'!A1697</f>
        <v>1691</v>
      </c>
      <c r="B1695" s="13">
        <f>'申請書（複数入力用）'!AH1697</f>
        <v>0</v>
      </c>
      <c r="C1695" s="6">
        <f>'申請書（複数入力用）'!B1697</f>
        <v>0</v>
      </c>
      <c r="D1695" s="6">
        <f>'申請書（複数入力用）'!D1697</f>
        <v>0</v>
      </c>
      <c r="E1695" s="14">
        <f>'申請書（複数入力用）'!H1697</f>
        <v>0</v>
      </c>
      <c r="F1695" s="11" t="str">
        <f>'申請書（複数入力用）'!J1697</f>
        <v/>
      </c>
      <c r="G1695" s="6" t="str">
        <f>'申請書（複数入力用）'!K1697</f>
        <v>a052r000000jS9ZAAU</v>
      </c>
      <c r="H1695" s="12" t="e">
        <f>'申請書（複数入力用）'!N1697</f>
        <v>#N/A</v>
      </c>
      <c r="I1695" s="12" t="e">
        <f>'申請書（複数入力用）'!O1697</f>
        <v>#N/A</v>
      </c>
      <c r="J1695" s="12">
        <f>'申請書（複数入力用）'!P1697</f>
        <v>1</v>
      </c>
    </row>
    <row r="1696" spans="1:10" ht="51.6" customHeight="1" x14ac:dyDescent="0.45">
      <c r="A1696" s="6">
        <f>'申請書（複数入力用）'!A1698</f>
        <v>1692</v>
      </c>
      <c r="B1696" s="13">
        <f>'申請書（複数入力用）'!AH1698</f>
        <v>0</v>
      </c>
      <c r="C1696" s="6">
        <f>'申請書（複数入力用）'!B1698</f>
        <v>0</v>
      </c>
      <c r="D1696" s="6">
        <f>'申請書（複数入力用）'!D1698</f>
        <v>0</v>
      </c>
      <c r="E1696" s="14">
        <f>'申請書（複数入力用）'!H1698</f>
        <v>0</v>
      </c>
      <c r="F1696" s="11" t="str">
        <f>'申請書（複数入力用）'!J1698</f>
        <v/>
      </c>
      <c r="G1696" s="6" t="str">
        <f>'申請書（複数入力用）'!K1698</f>
        <v>a052r000000jS9ZAAU</v>
      </c>
      <c r="H1696" s="12" t="e">
        <f>'申請書（複数入力用）'!N1698</f>
        <v>#N/A</v>
      </c>
      <c r="I1696" s="12" t="e">
        <f>'申請書（複数入力用）'!O1698</f>
        <v>#N/A</v>
      </c>
      <c r="J1696" s="12">
        <f>'申請書（複数入力用）'!P1698</f>
        <v>1</v>
      </c>
    </row>
    <row r="1697" spans="1:10" ht="51.6" customHeight="1" x14ac:dyDescent="0.45">
      <c r="A1697" s="6">
        <f>'申請書（複数入力用）'!A1699</f>
        <v>1693</v>
      </c>
      <c r="B1697" s="13">
        <f>'申請書（複数入力用）'!AH1699</f>
        <v>0</v>
      </c>
      <c r="C1697" s="6">
        <f>'申請書（複数入力用）'!B1699</f>
        <v>0</v>
      </c>
      <c r="D1697" s="6">
        <f>'申請書（複数入力用）'!D1699</f>
        <v>0</v>
      </c>
      <c r="E1697" s="14">
        <f>'申請書（複数入力用）'!H1699</f>
        <v>0</v>
      </c>
      <c r="F1697" s="11" t="str">
        <f>'申請書（複数入力用）'!J1699</f>
        <v/>
      </c>
      <c r="G1697" s="6" t="str">
        <f>'申請書（複数入力用）'!K1699</f>
        <v>a052r000000jS9ZAAU</v>
      </c>
      <c r="H1697" s="12" t="e">
        <f>'申請書（複数入力用）'!N1699</f>
        <v>#N/A</v>
      </c>
      <c r="I1697" s="12" t="e">
        <f>'申請書（複数入力用）'!O1699</f>
        <v>#N/A</v>
      </c>
      <c r="J1697" s="12">
        <f>'申請書（複数入力用）'!P1699</f>
        <v>1</v>
      </c>
    </row>
    <row r="1698" spans="1:10" ht="51.6" customHeight="1" x14ac:dyDescent="0.45">
      <c r="A1698" s="6">
        <f>'申請書（複数入力用）'!A1700</f>
        <v>1694</v>
      </c>
      <c r="B1698" s="13">
        <f>'申請書（複数入力用）'!AH1700</f>
        <v>0</v>
      </c>
      <c r="C1698" s="6">
        <f>'申請書（複数入力用）'!B1700</f>
        <v>0</v>
      </c>
      <c r="D1698" s="6">
        <f>'申請書（複数入力用）'!D1700</f>
        <v>0</v>
      </c>
      <c r="E1698" s="14">
        <f>'申請書（複数入力用）'!H1700</f>
        <v>0</v>
      </c>
      <c r="F1698" s="11" t="str">
        <f>'申請書（複数入力用）'!J1700</f>
        <v/>
      </c>
      <c r="G1698" s="6" t="str">
        <f>'申請書（複数入力用）'!K1700</f>
        <v>a052r000000jS9ZAAU</v>
      </c>
      <c r="H1698" s="12" t="e">
        <f>'申請書（複数入力用）'!N1700</f>
        <v>#N/A</v>
      </c>
      <c r="I1698" s="12" t="e">
        <f>'申請書（複数入力用）'!O1700</f>
        <v>#N/A</v>
      </c>
      <c r="J1698" s="12">
        <f>'申請書（複数入力用）'!P1700</f>
        <v>1</v>
      </c>
    </row>
    <row r="1699" spans="1:10" ht="51.6" customHeight="1" x14ac:dyDescent="0.45">
      <c r="A1699" s="6">
        <f>'申請書（複数入力用）'!A1701</f>
        <v>1695</v>
      </c>
      <c r="B1699" s="13">
        <f>'申請書（複数入力用）'!AH1701</f>
        <v>0</v>
      </c>
      <c r="C1699" s="6">
        <f>'申請書（複数入力用）'!B1701</f>
        <v>0</v>
      </c>
      <c r="D1699" s="6">
        <f>'申請書（複数入力用）'!D1701</f>
        <v>0</v>
      </c>
      <c r="E1699" s="14">
        <f>'申請書（複数入力用）'!H1701</f>
        <v>0</v>
      </c>
      <c r="F1699" s="11" t="str">
        <f>'申請書（複数入力用）'!J1701</f>
        <v/>
      </c>
      <c r="G1699" s="6" t="str">
        <f>'申請書（複数入力用）'!K1701</f>
        <v>a052r000000jS9ZAAU</v>
      </c>
      <c r="H1699" s="12" t="e">
        <f>'申請書（複数入力用）'!N1701</f>
        <v>#N/A</v>
      </c>
      <c r="I1699" s="12" t="e">
        <f>'申請書（複数入力用）'!O1701</f>
        <v>#N/A</v>
      </c>
      <c r="J1699" s="12">
        <f>'申請書（複数入力用）'!P1701</f>
        <v>1</v>
      </c>
    </row>
    <row r="1700" spans="1:10" ht="51.6" customHeight="1" x14ac:dyDescent="0.45">
      <c r="A1700" s="6">
        <f>'申請書（複数入力用）'!A1702</f>
        <v>1696</v>
      </c>
      <c r="B1700" s="13">
        <f>'申請書（複数入力用）'!AH1702</f>
        <v>0</v>
      </c>
      <c r="C1700" s="6">
        <f>'申請書（複数入力用）'!B1702</f>
        <v>0</v>
      </c>
      <c r="D1700" s="6">
        <f>'申請書（複数入力用）'!D1702</f>
        <v>0</v>
      </c>
      <c r="E1700" s="14">
        <f>'申請書（複数入力用）'!H1702</f>
        <v>0</v>
      </c>
      <c r="F1700" s="11" t="str">
        <f>'申請書（複数入力用）'!J1702</f>
        <v/>
      </c>
      <c r="G1700" s="6" t="str">
        <f>'申請書（複数入力用）'!K1702</f>
        <v>a052r000000jS9ZAAU</v>
      </c>
      <c r="H1700" s="12" t="e">
        <f>'申請書（複数入力用）'!N1702</f>
        <v>#N/A</v>
      </c>
      <c r="I1700" s="12" t="e">
        <f>'申請書（複数入力用）'!O1702</f>
        <v>#N/A</v>
      </c>
      <c r="J1700" s="12">
        <f>'申請書（複数入力用）'!P1702</f>
        <v>1</v>
      </c>
    </row>
    <row r="1701" spans="1:10" ht="51.6" customHeight="1" x14ac:dyDescent="0.45">
      <c r="A1701" s="6">
        <f>'申請書（複数入力用）'!A1703</f>
        <v>1697</v>
      </c>
      <c r="B1701" s="13">
        <f>'申請書（複数入力用）'!AH1703</f>
        <v>0</v>
      </c>
      <c r="C1701" s="6">
        <f>'申請書（複数入力用）'!B1703</f>
        <v>0</v>
      </c>
      <c r="D1701" s="6">
        <f>'申請書（複数入力用）'!D1703</f>
        <v>0</v>
      </c>
      <c r="E1701" s="14">
        <f>'申請書（複数入力用）'!H1703</f>
        <v>0</v>
      </c>
      <c r="F1701" s="11" t="str">
        <f>'申請書（複数入力用）'!J1703</f>
        <v/>
      </c>
      <c r="G1701" s="6" t="str">
        <f>'申請書（複数入力用）'!K1703</f>
        <v>a052r000000jS9ZAAU</v>
      </c>
      <c r="H1701" s="12" t="e">
        <f>'申請書（複数入力用）'!N1703</f>
        <v>#N/A</v>
      </c>
      <c r="I1701" s="12" t="e">
        <f>'申請書（複数入力用）'!O1703</f>
        <v>#N/A</v>
      </c>
      <c r="J1701" s="12">
        <f>'申請書（複数入力用）'!P1703</f>
        <v>1</v>
      </c>
    </row>
    <row r="1702" spans="1:10" ht="51.6" customHeight="1" x14ac:dyDescent="0.45">
      <c r="A1702" s="6">
        <f>'申請書（複数入力用）'!A1704</f>
        <v>1698</v>
      </c>
      <c r="B1702" s="13">
        <f>'申請書（複数入力用）'!AH1704</f>
        <v>0</v>
      </c>
      <c r="C1702" s="6">
        <f>'申請書（複数入力用）'!B1704</f>
        <v>0</v>
      </c>
      <c r="D1702" s="6">
        <f>'申請書（複数入力用）'!D1704</f>
        <v>0</v>
      </c>
      <c r="E1702" s="14">
        <f>'申請書（複数入力用）'!H1704</f>
        <v>0</v>
      </c>
      <c r="F1702" s="11" t="str">
        <f>'申請書（複数入力用）'!J1704</f>
        <v/>
      </c>
      <c r="G1702" s="6" t="str">
        <f>'申請書（複数入力用）'!K1704</f>
        <v>a052r000000jS9ZAAU</v>
      </c>
      <c r="H1702" s="12" t="e">
        <f>'申請書（複数入力用）'!N1704</f>
        <v>#N/A</v>
      </c>
      <c r="I1702" s="12" t="e">
        <f>'申請書（複数入力用）'!O1704</f>
        <v>#N/A</v>
      </c>
      <c r="J1702" s="12">
        <f>'申請書（複数入力用）'!P1704</f>
        <v>1</v>
      </c>
    </row>
    <row r="1703" spans="1:10" ht="51.6" customHeight="1" x14ac:dyDescent="0.45">
      <c r="A1703" s="6">
        <f>'申請書（複数入力用）'!A1705</f>
        <v>1699</v>
      </c>
      <c r="B1703" s="13">
        <f>'申請書（複数入力用）'!AH1705</f>
        <v>0</v>
      </c>
      <c r="C1703" s="6">
        <f>'申請書（複数入力用）'!B1705</f>
        <v>0</v>
      </c>
      <c r="D1703" s="6">
        <f>'申請書（複数入力用）'!D1705</f>
        <v>0</v>
      </c>
      <c r="E1703" s="14">
        <f>'申請書（複数入力用）'!H1705</f>
        <v>0</v>
      </c>
      <c r="F1703" s="11" t="str">
        <f>'申請書（複数入力用）'!J1705</f>
        <v/>
      </c>
      <c r="G1703" s="6" t="str">
        <f>'申請書（複数入力用）'!K1705</f>
        <v>a052r000000jS9ZAAU</v>
      </c>
      <c r="H1703" s="12" t="e">
        <f>'申請書（複数入力用）'!N1705</f>
        <v>#N/A</v>
      </c>
      <c r="I1703" s="12" t="e">
        <f>'申請書（複数入力用）'!O1705</f>
        <v>#N/A</v>
      </c>
      <c r="J1703" s="12">
        <f>'申請書（複数入力用）'!P1705</f>
        <v>1</v>
      </c>
    </row>
    <row r="1704" spans="1:10" ht="51.6" customHeight="1" x14ac:dyDescent="0.45">
      <c r="A1704" s="6">
        <f>'申請書（複数入力用）'!A1706</f>
        <v>1700</v>
      </c>
      <c r="B1704" s="13">
        <f>'申請書（複数入力用）'!AH1706</f>
        <v>0</v>
      </c>
      <c r="C1704" s="6">
        <f>'申請書（複数入力用）'!B1706</f>
        <v>0</v>
      </c>
      <c r="D1704" s="6">
        <f>'申請書（複数入力用）'!D1706</f>
        <v>0</v>
      </c>
      <c r="E1704" s="14">
        <f>'申請書（複数入力用）'!H1706</f>
        <v>0</v>
      </c>
      <c r="F1704" s="11" t="str">
        <f>'申請書（複数入力用）'!J1706</f>
        <v/>
      </c>
      <c r="G1704" s="6" t="str">
        <f>'申請書（複数入力用）'!K1706</f>
        <v>a052r000000jS9ZAAU</v>
      </c>
      <c r="H1704" s="12" t="e">
        <f>'申請書（複数入力用）'!N1706</f>
        <v>#N/A</v>
      </c>
      <c r="I1704" s="12" t="e">
        <f>'申請書（複数入力用）'!O1706</f>
        <v>#N/A</v>
      </c>
      <c r="J1704" s="12">
        <f>'申請書（複数入力用）'!P1706</f>
        <v>1</v>
      </c>
    </row>
    <row r="1705" spans="1:10" ht="51.6" customHeight="1" x14ac:dyDescent="0.45">
      <c r="A1705" s="6">
        <f>'申請書（複数入力用）'!A1707</f>
        <v>1701</v>
      </c>
      <c r="B1705" s="13">
        <f>'申請書（複数入力用）'!AH1707</f>
        <v>0</v>
      </c>
      <c r="C1705" s="6">
        <f>'申請書（複数入力用）'!B1707</f>
        <v>0</v>
      </c>
      <c r="D1705" s="6">
        <f>'申請書（複数入力用）'!D1707</f>
        <v>0</v>
      </c>
      <c r="E1705" s="14">
        <f>'申請書（複数入力用）'!H1707</f>
        <v>0</v>
      </c>
      <c r="F1705" s="11" t="str">
        <f>'申請書（複数入力用）'!J1707</f>
        <v/>
      </c>
      <c r="G1705" s="6" t="str">
        <f>'申請書（複数入力用）'!K1707</f>
        <v>a052r000000jS9ZAAU</v>
      </c>
      <c r="H1705" s="12" t="e">
        <f>'申請書（複数入力用）'!N1707</f>
        <v>#N/A</v>
      </c>
      <c r="I1705" s="12" t="e">
        <f>'申請書（複数入力用）'!O1707</f>
        <v>#N/A</v>
      </c>
      <c r="J1705" s="12">
        <f>'申請書（複数入力用）'!P1707</f>
        <v>1</v>
      </c>
    </row>
    <row r="1706" spans="1:10" ht="51.6" customHeight="1" x14ac:dyDescent="0.45">
      <c r="A1706" s="6">
        <f>'申請書（複数入力用）'!A1708</f>
        <v>1702</v>
      </c>
      <c r="B1706" s="13">
        <f>'申請書（複数入力用）'!AH1708</f>
        <v>0</v>
      </c>
      <c r="C1706" s="6">
        <f>'申請書（複数入力用）'!B1708</f>
        <v>0</v>
      </c>
      <c r="D1706" s="6">
        <f>'申請書（複数入力用）'!D1708</f>
        <v>0</v>
      </c>
      <c r="E1706" s="14">
        <f>'申請書（複数入力用）'!H1708</f>
        <v>0</v>
      </c>
      <c r="F1706" s="11" t="str">
        <f>'申請書（複数入力用）'!J1708</f>
        <v/>
      </c>
      <c r="G1706" s="6" t="str">
        <f>'申請書（複数入力用）'!K1708</f>
        <v>a052r000000jS9ZAAU</v>
      </c>
      <c r="H1706" s="12" t="e">
        <f>'申請書（複数入力用）'!N1708</f>
        <v>#N/A</v>
      </c>
      <c r="I1706" s="12" t="e">
        <f>'申請書（複数入力用）'!O1708</f>
        <v>#N/A</v>
      </c>
      <c r="J1706" s="12">
        <f>'申請書（複数入力用）'!P1708</f>
        <v>1</v>
      </c>
    </row>
    <row r="1707" spans="1:10" ht="51.6" customHeight="1" x14ac:dyDescent="0.45">
      <c r="A1707" s="6">
        <f>'申請書（複数入力用）'!A1709</f>
        <v>1703</v>
      </c>
      <c r="B1707" s="13">
        <f>'申請書（複数入力用）'!AH1709</f>
        <v>0</v>
      </c>
      <c r="C1707" s="6">
        <f>'申請書（複数入力用）'!B1709</f>
        <v>0</v>
      </c>
      <c r="D1707" s="6">
        <f>'申請書（複数入力用）'!D1709</f>
        <v>0</v>
      </c>
      <c r="E1707" s="14">
        <f>'申請書（複数入力用）'!H1709</f>
        <v>0</v>
      </c>
      <c r="F1707" s="11" t="str">
        <f>'申請書（複数入力用）'!J1709</f>
        <v/>
      </c>
      <c r="G1707" s="6" t="str">
        <f>'申請書（複数入力用）'!K1709</f>
        <v>a052r000000jS9ZAAU</v>
      </c>
      <c r="H1707" s="12" t="e">
        <f>'申請書（複数入力用）'!N1709</f>
        <v>#N/A</v>
      </c>
      <c r="I1707" s="12" t="e">
        <f>'申請書（複数入力用）'!O1709</f>
        <v>#N/A</v>
      </c>
      <c r="J1707" s="12">
        <f>'申請書（複数入力用）'!P1709</f>
        <v>1</v>
      </c>
    </row>
    <row r="1708" spans="1:10" ht="51.6" customHeight="1" x14ac:dyDescent="0.45">
      <c r="A1708" s="6">
        <f>'申請書（複数入力用）'!A1710</f>
        <v>1704</v>
      </c>
      <c r="B1708" s="13">
        <f>'申請書（複数入力用）'!AH1710</f>
        <v>0</v>
      </c>
      <c r="C1708" s="6">
        <f>'申請書（複数入力用）'!B1710</f>
        <v>0</v>
      </c>
      <c r="D1708" s="6">
        <f>'申請書（複数入力用）'!D1710</f>
        <v>0</v>
      </c>
      <c r="E1708" s="14">
        <f>'申請書（複数入力用）'!H1710</f>
        <v>0</v>
      </c>
      <c r="F1708" s="11" t="str">
        <f>'申請書（複数入力用）'!J1710</f>
        <v/>
      </c>
      <c r="G1708" s="6" t="str">
        <f>'申請書（複数入力用）'!K1710</f>
        <v>a052r000000jS9ZAAU</v>
      </c>
      <c r="H1708" s="12" t="e">
        <f>'申請書（複数入力用）'!N1710</f>
        <v>#N/A</v>
      </c>
      <c r="I1708" s="12" t="e">
        <f>'申請書（複数入力用）'!O1710</f>
        <v>#N/A</v>
      </c>
      <c r="J1708" s="12">
        <f>'申請書（複数入力用）'!P1710</f>
        <v>1</v>
      </c>
    </row>
    <row r="1709" spans="1:10" ht="51.6" customHeight="1" x14ac:dyDescent="0.45">
      <c r="A1709" s="6">
        <f>'申請書（複数入力用）'!A1711</f>
        <v>1705</v>
      </c>
      <c r="B1709" s="13">
        <f>'申請書（複数入力用）'!AH1711</f>
        <v>0</v>
      </c>
      <c r="C1709" s="6">
        <f>'申請書（複数入力用）'!B1711</f>
        <v>0</v>
      </c>
      <c r="D1709" s="6">
        <f>'申請書（複数入力用）'!D1711</f>
        <v>0</v>
      </c>
      <c r="E1709" s="14">
        <f>'申請書（複数入力用）'!H1711</f>
        <v>0</v>
      </c>
      <c r="F1709" s="11" t="str">
        <f>'申請書（複数入力用）'!J1711</f>
        <v/>
      </c>
      <c r="G1709" s="6" t="str">
        <f>'申請書（複数入力用）'!K1711</f>
        <v>a052r000000jS9ZAAU</v>
      </c>
      <c r="H1709" s="12" t="e">
        <f>'申請書（複数入力用）'!N1711</f>
        <v>#N/A</v>
      </c>
      <c r="I1709" s="12" t="e">
        <f>'申請書（複数入力用）'!O1711</f>
        <v>#N/A</v>
      </c>
      <c r="J1709" s="12">
        <f>'申請書（複数入力用）'!P1711</f>
        <v>1</v>
      </c>
    </row>
    <row r="1710" spans="1:10" ht="51.6" customHeight="1" x14ac:dyDescent="0.45">
      <c r="A1710" s="6">
        <f>'申請書（複数入力用）'!A1712</f>
        <v>1706</v>
      </c>
      <c r="B1710" s="13">
        <f>'申請書（複数入力用）'!AH1712</f>
        <v>0</v>
      </c>
      <c r="C1710" s="6">
        <f>'申請書（複数入力用）'!B1712</f>
        <v>0</v>
      </c>
      <c r="D1710" s="6">
        <f>'申請書（複数入力用）'!D1712</f>
        <v>0</v>
      </c>
      <c r="E1710" s="14">
        <f>'申請書（複数入力用）'!H1712</f>
        <v>0</v>
      </c>
      <c r="F1710" s="11" t="str">
        <f>'申請書（複数入力用）'!J1712</f>
        <v/>
      </c>
      <c r="G1710" s="6" t="str">
        <f>'申請書（複数入力用）'!K1712</f>
        <v>a052r000000jS9ZAAU</v>
      </c>
      <c r="H1710" s="12" t="e">
        <f>'申請書（複数入力用）'!N1712</f>
        <v>#N/A</v>
      </c>
      <c r="I1710" s="12" t="e">
        <f>'申請書（複数入力用）'!O1712</f>
        <v>#N/A</v>
      </c>
      <c r="J1710" s="12">
        <f>'申請書（複数入力用）'!P1712</f>
        <v>1</v>
      </c>
    </row>
    <row r="1711" spans="1:10" ht="51.6" customHeight="1" x14ac:dyDescent="0.45">
      <c r="A1711" s="6">
        <f>'申請書（複数入力用）'!A1713</f>
        <v>1707</v>
      </c>
      <c r="B1711" s="13">
        <f>'申請書（複数入力用）'!AH1713</f>
        <v>0</v>
      </c>
      <c r="C1711" s="6">
        <f>'申請書（複数入力用）'!B1713</f>
        <v>0</v>
      </c>
      <c r="D1711" s="6">
        <f>'申請書（複数入力用）'!D1713</f>
        <v>0</v>
      </c>
      <c r="E1711" s="14">
        <f>'申請書（複数入力用）'!H1713</f>
        <v>0</v>
      </c>
      <c r="F1711" s="11" t="str">
        <f>'申請書（複数入力用）'!J1713</f>
        <v/>
      </c>
      <c r="G1711" s="6" t="str">
        <f>'申請書（複数入力用）'!K1713</f>
        <v>a052r000000jS9ZAAU</v>
      </c>
      <c r="H1711" s="12" t="e">
        <f>'申請書（複数入力用）'!N1713</f>
        <v>#N/A</v>
      </c>
      <c r="I1711" s="12" t="e">
        <f>'申請書（複数入力用）'!O1713</f>
        <v>#N/A</v>
      </c>
      <c r="J1711" s="12">
        <f>'申請書（複数入力用）'!P1713</f>
        <v>1</v>
      </c>
    </row>
    <row r="1712" spans="1:10" ht="51.6" customHeight="1" x14ac:dyDescent="0.45">
      <c r="A1712" s="6">
        <f>'申請書（複数入力用）'!A1714</f>
        <v>1708</v>
      </c>
      <c r="B1712" s="13">
        <f>'申請書（複数入力用）'!AH1714</f>
        <v>0</v>
      </c>
      <c r="C1712" s="6">
        <f>'申請書（複数入力用）'!B1714</f>
        <v>0</v>
      </c>
      <c r="D1712" s="6">
        <f>'申請書（複数入力用）'!D1714</f>
        <v>0</v>
      </c>
      <c r="E1712" s="14">
        <f>'申請書（複数入力用）'!H1714</f>
        <v>0</v>
      </c>
      <c r="F1712" s="11" t="str">
        <f>'申請書（複数入力用）'!J1714</f>
        <v/>
      </c>
      <c r="G1712" s="6" t="str">
        <f>'申請書（複数入力用）'!K1714</f>
        <v>a052r000000jS9ZAAU</v>
      </c>
      <c r="H1712" s="12" t="e">
        <f>'申請書（複数入力用）'!N1714</f>
        <v>#N/A</v>
      </c>
      <c r="I1712" s="12" t="e">
        <f>'申請書（複数入力用）'!O1714</f>
        <v>#N/A</v>
      </c>
      <c r="J1712" s="12">
        <f>'申請書（複数入力用）'!P1714</f>
        <v>1</v>
      </c>
    </row>
    <row r="1713" spans="1:10" ht="51.6" customHeight="1" x14ac:dyDescent="0.45">
      <c r="A1713" s="6">
        <f>'申請書（複数入力用）'!A1715</f>
        <v>1709</v>
      </c>
      <c r="B1713" s="13">
        <f>'申請書（複数入力用）'!AH1715</f>
        <v>0</v>
      </c>
      <c r="C1713" s="6">
        <f>'申請書（複数入力用）'!B1715</f>
        <v>0</v>
      </c>
      <c r="D1713" s="6">
        <f>'申請書（複数入力用）'!D1715</f>
        <v>0</v>
      </c>
      <c r="E1713" s="14">
        <f>'申請書（複数入力用）'!H1715</f>
        <v>0</v>
      </c>
      <c r="F1713" s="11" t="str">
        <f>'申請書（複数入力用）'!J1715</f>
        <v/>
      </c>
      <c r="G1713" s="6" t="str">
        <f>'申請書（複数入力用）'!K1715</f>
        <v>a052r000000jS9ZAAU</v>
      </c>
      <c r="H1713" s="12" t="e">
        <f>'申請書（複数入力用）'!N1715</f>
        <v>#N/A</v>
      </c>
      <c r="I1713" s="12" t="e">
        <f>'申請書（複数入力用）'!O1715</f>
        <v>#N/A</v>
      </c>
      <c r="J1713" s="12">
        <f>'申請書（複数入力用）'!P1715</f>
        <v>1</v>
      </c>
    </row>
    <row r="1714" spans="1:10" ht="51.6" customHeight="1" x14ac:dyDescent="0.45">
      <c r="A1714" s="6">
        <f>'申請書（複数入力用）'!A1716</f>
        <v>1710</v>
      </c>
      <c r="B1714" s="13">
        <f>'申請書（複数入力用）'!AH1716</f>
        <v>0</v>
      </c>
      <c r="C1714" s="6">
        <f>'申請書（複数入力用）'!B1716</f>
        <v>0</v>
      </c>
      <c r="D1714" s="6">
        <f>'申請書（複数入力用）'!D1716</f>
        <v>0</v>
      </c>
      <c r="E1714" s="14">
        <f>'申請書（複数入力用）'!H1716</f>
        <v>0</v>
      </c>
      <c r="F1714" s="11" t="str">
        <f>'申請書（複数入力用）'!J1716</f>
        <v/>
      </c>
      <c r="G1714" s="6" t="str">
        <f>'申請書（複数入力用）'!K1716</f>
        <v>a052r000000jS9ZAAU</v>
      </c>
      <c r="H1714" s="12" t="e">
        <f>'申請書（複数入力用）'!N1716</f>
        <v>#N/A</v>
      </c>
      <c r="I1714" s="12" t="e">
        <f>'申請書（複数入力用）'!O1716</f>
        <v>#N/A</v>
      </c>
      <c r="J1714" s="12">
        <f>'申請書（複数入力用）'!P1716</f>
        <v>1</v>
      </c>
    </row>
    <row r="1715" spans="1:10" ht="51.6" customHeight="1" x14ac:dyDescent="0.45">
      <c r="A1715" s="6">
        <f>'申請書（複数入力用）'!A1717</f>
        <v>1711</v>
      </c>
      <c r="B1715" s="13">
        <f>'申請書（複数入力用）'!AH1717</f>
        <v>0</v>
      </c>
      <c r="C1715" s="6">
        <f>'申請書（複数入力用）'!B1717</f>
        <v>0</v>
      </c>
      <c r="D1715" s="6">
        <f>'申請書（複数入力用）'!D1717</f>
        <v>0</v>
      </c>
      <c r="E1715" s="14">
        <f>'申請書（複数入力用）'!H1717</f>
        <v>0</v>
      </c>
      <c r="F1715" s="11" t="str">
        <f>'申請書（複数入力用）'!J1717</f>
        <v/>
      </c>
      <c r="G1715" s="6" t="str">
        <f>'申請書（複数入力用）'!K1717</f>
        <v>a052r000000jS9ZAAU</v>
      </c>
      <c r="H1715" s="12" t="e">
        <f>'申請書（複数入力用）'!N1717</f>
        <v>#N/A</v>
      </c>
      <c r="I1715" s="12" t="e">
        <f>'申請書（複数入力用）'!O1717</f>
        <v>#N/A</v>
      </c>
      <c r="J1715" s="12">
        <f>'申請書（複数入力用）'!P1717</f>
        <v>1</v>
      </c>
    </row>
    <row r="1716" spans="1:10" ht="51.6" customHeight="1" x14ac:dyDescent="0.45">
      <c r="A1716" s="6">
        <f>'申請書（複数入力用）'!A1718</f>
        <v>1712</v>
      </c>
      <c r="B1716" s="13">
        <f>'申請書（複数入力用）'!AH1718</f>
        <v>0</v>
      </c>
      <c r="C1716" s="6">
        <f>'申請書（複数入力用）'!B1718</f>
        <v>0</v>
      </c>
      <c r="D1716" s="6">
        <f>'申請書（複数入力用）'!D1718</f>
        <v>0</v>
      </c>
      <c r="E1716" s="14">
        <f>'申請書（複数入力用）'!H1718</f>
        <v>0</v>
      </c>
      <c r="F1716" s="11" t="str">
        <f>'申請書（複数入力用）'!J1718</f>
        <v/>
      </c>
      <c r="G1716" s="6" t="str">
        <f>'申請書（複数入力用）'!K1718</f>
        <v>a052r000000jS9ZAAU</v>
      </c>
      <c r="H1716" s="12" t="e">
        <f>'申請書（複数入力用）'!N1718</f>
        <v>#N/A</v>
      </c>
      <c r="I1716" s="12" t="e">
        <f>'申請書（複数入力用）'!O1718</f>
        <v>#N/A</v>
      </c>
      <c r="J1716" s="12">
        <f>'申請書（複数入力用）'!P1718</f>
        <v>1</v>
      </c>
    </row>
    <row r="1717" spans="1:10" ht="51.6" customHeight="1" x14ac:dyDescent="0.45">
      <c r="A1717" s="6">
        <f>'申請書（複数入力用）'!A1719</f>
        <v>1713</v>
      </c>
      <c r="B1717" s="13">
        <f>'申請書（複数入力用）'!AH1719</f>
        <v>0</v>
      </c>
      <c r="C1717" s="6">
        <f>'申請書（複数入力用）'!B1719</f>
        <v>0</v>
      </c>
      <c r="D1717" s="6">
        <f>'申請書（複数入力用）'!D1719</f>
        <v>0</v>
      </c>
      <c r="E1717" s="14">
        <f>'申請書（複数入力用）'!H1719</f>
        <v>0</v>
      </c>
      <c r="F1717" s="11" t="str">
        <f>'申請書（複数入力用）'!J1719</f>
        <v/>
      </c>
      <c r="G1717" s="6" t="str">
        <f>'申請書（複数入力用）'!K1719</f>
        <v>a052r000000jS9ZAAU</v>
      </c>
      <c r="H1717" s="12" t="e">
        <f>'申請書（複数入力用）'!N1719</f>
        <v>#N/A</v>
      </c>
      <c r="I1717" s="12" t="e">
        <f>'申請書（複数入力用）'!O1719</f>
        <v>#N/A</v>
      </c>
      <c r="J1717" s="12">
        <f>'申請書（複数入力用）'!P1719</f>
        <v>1</v>
      </c>
    </row>
    <row r="1718" spans="1:10" ht="51.6" customHeight="1" x14ac:dyDescent="0.45">
      <c r="A1718" s="6">
        <f>'申請書（複数入力用）'!A1720</f>
        <v>1714</v>
      </c>
      <c r="B1718" s="13">
        <f>'申請書（複数入力用）'!AH1720</f>
        <v>0</v>
      </c>
      <c r="C1718" s="6">
        <f>'申請書（複数入力用）'!B1720</f>
        <v>0</v>
      </c>
      <c r="D1718" s="6">
        <f>'申請書（複数入力用）'!D1720</f>
        <v>0</v>
      </c>
      <c r="E1718" s="14">
        <f>'申請書（複数入力用）'!H1720</f>
        <v>0</v>
      </c>
      <c r="F1718" s="11" t="str">
        <f>'申請書（複数入力用）'!J1720</f>
        <v/>
      </c>
      <c r="G1718" s="6" t="str">
        <f>'申請書（複数入力用）'!K1720</f>
        <v>a052r000000jS9ZAAU</v>
      </c>
      <c r="H1718" s="12" t="e">
        <f>'申請書（複数入力用）'!N1720</f>
        <v>#N/A</v>
      </c>
      <c r="I1718" s="12" t="e">
        <f>'申請書（複数入力用）'!O1720</f>
        <v>#N/A</v>
      </c>
      <c r="J1718" s="12">
        <f>'申請書（複数入力用）'!P1720</f>
        <v>1</v>
      </c>
    </row>
    <row r="1719" spans="1:10" ht="51.6" customHeight="1" x14ac:dyDescent="0.45">
      <c r="A1719" s="6">
        <f>'申請書（複数入力用）'!A1721</f>
        <v>1715</v>
      </c>
      <c r="B1719" s="13">
        <f>'申請書（複数入力用）'!AH1721</f>
        <v>0</v>
      </c>
      <c r="C1719" s="6">
        <f>'申請書（複数入力用）'!B1721</f>
        <v>0</v>
      </c>
      <c r="D1719" s="6">
        <f>'申請書（複数入力用）'!D1721</f>
        <v>0</v>
      </c>
      <c r="E1719" s="14">
        <f>'申請書（複数入力用）'!H1721</f>
        <v>0</v>
      </c>
      <c r="F1719" s="11" t="str">
        <f>'申請書（複数入力用）'!J1721</f>
        <v/>
      </c>
      <c r="G1719" s="6" t="str">
        <f>'申請書（複数入力用）'!K1721</f>
        <v>a052r000000jS9ZAAU</v>
      </c>
      <c r="H1719" s="12" t="e">
        <f>'申請書（複数入力用）'!N1721</f>
        <v>#N/A</v>
      </c>
      <c r="I1719" s="12" t="e">
        <f>'申請書（複数入力用）'!O1721</f>
        <v>#N/A</v>
      </c>
      <c r="J1719" s="12">
        <f>'申請書（複数入力用）'!P1721</f>
        <v>1</v>
      </c>
    </row>
    <row r="1720" spans="1:10" ht="51.6" customHeight="1" x14ac:dyDescent="0.45">
      <c r="A1720" s="6">
        <f>'申請書（複数入力用）'!A1722</f>
        <v>1716</v>
      </c>
      <c r="B1720" s="13">
        <f>'申請書（複数入力用）'!AH1722</f>
        <v>0</v>
      </c>
      <c r="C1720" s="6">
        <f>'申請書（複数入力用）'!B1722</f>
        <v>0</v>
      </c>
      <c r="D1720" s="6">
        <f>'申請書（複数入力用）'!D1722</f>
        <v>0</v>
      </c>
      <c r="E1720" s="14">
        <f>'申請書（複数入力用）'!H1722</f>
        <v>0</v>
      </c>
      <c r="F1720" s="11" t="str">
        <f>'申請書（複数入力用）'!J1722</f>
        <v/>
      </c>
      <c r="G1720" s="6" t="str">
        <f>'申請書（複数入力用）'!K1722</f>
        <v>a052r000000jS9ZAAU</v>
      </c>
      <c r="H1720" s="12" t="e">
        <f>'申請書（複数入力用）'!N1722</f>
        <v>#N/A</v>
      </c>
      <c r="I1720" s="12" t="e">
        <f>'申請書（複数入力用）'!O1722</f>
        <v>#N/A</v>
      </c>
      <c r="J1720" s="12">
        <f>'申請書（複数入力用）'!P1722</f>
        <v>1</v>
      </c>
    </row>
    <row r="1721" spans="1:10" ht="51.6" customHeight="1" x14ac:dyDescent="0.45">
      <c r="A1721" s="6">
        <f>'申請書（複数入力用）'!A1723</f>
        <v>1717</v>
      </c>
      <c r="B1721" s="13">
        <f>'申請書（複数入力用）'!AH1723</f>
        <v>0</v>
      </c>
      <c r="C1721" s="6">
        <f>'申請書（複数入力用）'!B1723</f>
        <v>0</v>
      </c>
      <c r="D1721" s="6">
        <f>'申請書（複数入力用）'!D1723</f>
        <v>0</v>
      </c>
      <c r="E1721" s="14">
        <f>'申請書（複数入力用）'!H1723</f>
        <v>0</v>
      </c>
      <c r="F1721" s="11" t="str">
        <f>'申請書（複数入力用）'!J1723</f>
        <v/>
      </c>
      <c r="G1721" s="6" t="str">
        <f>'申請書（複数入力用）'!K1723</f>
        <v>a052r000000jS9ZAAU</v>
      </c>
      <c r="H1721" s="12" t="e">
        <f>'申請書（複数入力用）'!N1723</f>
        <v>#N/A</v>
      </c>
      <c r="I1721" s="12" t="e">
        <f>'申請書（複数入力用）'!O1723</f>
        <v>#N/A</v>
      </c>
      <c r="J1721" s="12">
        <f>'申請書（複数入力用）'!P1723</f>
        <v>1</v>
      </c>
    </row>
    <row r="1722" spans="1:10" ht="51.6" customHeight="1" x14ac:dyDescent="0.45">
      <c r="A1722" s="6">
        <f>'申請書（複数入力用）'!A1724</f>
        <v>1718</v>
      </c>
      <c r="B1722" s="13">
        <f>'申請書（複数入力用）'!AH1724</f>
        <v>0</v>
      </c>
      <c r="C1722" s="6">
        <f>'申請書（複数入力用）'!B1724</f>
        <v>0</v>
      </c>
      <c r="D1722" s="6">
        <f>'申請書（複数入力用）'!D1724</f>
        <v>0</v>
      </c>
      <c r="E1722" s="14">
        <f>'申請書（複数入力用）'!H1724</f>
        <v>0</v>
      </c>
      <c r="F1722" s="11" t="str">
        <f>'申請書（複数入力用）'!J1724</f>
        <v/>
      </c>
      <c r="G1722" s="6" t="str">
        <f>'申請書（複数入力用）'!K1724</f>
        <v>a052r000000jS9ZAAU</v>
      </c>
      <c r="H1722" s="12" t="e">
        <f>'申請書（複数入力用）'!N1724</f>
        <v>#N/A</v>
      </c>
      <c r="I1722" s="12" t="e">
        <f>'申請書（複数入力用）'!O1724</f>
        <v>#N/A</v>
      </c>
      <c r="J1722" s="12">
        <f>'申請書（複数入力用）'!P1724</f>
        <v>1</v>
      </c>
    </row>
    <row r="1723" spans="1:10" ht="51.6" customHeight="1" x14ac:dyDescent="0.45">
      <c r="A1723" s="6">
        <f>'申請書（複数入力用）'!A1725</f>
        <v>1719</v>
      </c>
      <c r="B1723" s="13">
        <f>'申請書（複数入力用）'!AH1725</f>
        <v>0</v>
      </c>
      <c r="C1723" s="6">
        <f>'申請書（複数入力用）'!B1725</f>
        <v>0</v>
      </c>
      <c r="D1723" s="6">
        <f>'申請書（複数入力用）'!D1725</f>
        <v>0</v>
      </c>
      <c r="E1723" s="14">
        <f>'申請書（複数入力用）'!H1725</f>
        <v>0</v>
      </c>
      <c r="F1723" s="11" t="str">
        <f>'申請書（複数入力用）'!J1725</f>
        <v/>
      </c>
      <c r="G1723" s="6" t="str">
        <f>'申請書（複数入力用）'!K1725</f>
        <v>a052r000000jS9ZAAU</v>
      </c>
      <c r="H1723" s="12" t="e">
        <f>'申請書（複数入力用）'!N1725</f>
        <v>#N/A</v>
      </c>
      <c r="I1723" s="12" t="e">
        <f>'申請書（複数入力用）'!O1725</f>
        <v>#N/A</v>
      </c>
      <c r="J1723" s="12">
        <f>'申請書（複数入力用）'!P1725</f>
        <v>1</v>
      </c>
    </row>
    <row r="1724" spans="1:10" ht="51.6" customHeight="1" x14ac:dyDescent="0.45">
      <c r="A1724" s="6">
        <f>'申請書（複数入力用）'!A1726</f>
        <v>1720</v>
      </c>
      <c r="B1724" s="13">
        <f>'申請書（複数入力用）'!AH1726</f>
        <v>0</v>
      </c>
      <c r="C1724" s="6">
        <f>'申請書（複数入力用）'!B1726</f>
        <v>0</v>
      </c>
      <c r="D1724" s="6">
        <f>'申請書（複数入力用）'!D1726</f>
        <v>0</v>
      </c>
      <c r="E1724" s="14">
        <f>'申請書（複数入力用）'!H1726</f>
        <v>0</v>
      </c>
      <c r="F1724" s="11" t="str">
        <f>'申請書（複数入力用）'!J1726</f>
        <v/>
      </c>
      <c r="G1724" s="6" t="str">
        <f>'申請書（複数入力用）'!K1726</f>
        <v>a052r000000jS9ZAAU</v>
      </c>
      <c r="H1724" s="12" t="e">
        <f>'申請書（複数入力用）'!N1726</f>
        <v>#N/A</v>
      </c>
      <c r="I1724" s="12" t="e">
        <f>'申請書（複数入力用）'!O1726</f>
        <v>#N/A</v>
      </c>
      <c r="J1724" s="12">
        <f>'申請書（複数入力用）'!P1726</f>
        <v>1</v>
      </c>
    </row>
    <row r="1725" spans="1:10" ht="51.6" customHeight="1" x14ac:dyDescent="0.45">
      <c r="A1725" s="6">
        <f>'申請書（複数入力用）'!A1727</f>
        <v>1721</v>
      </c>
      <c r="B1725" s="13">
        <f>'申請書（複数入力用）'!AH1727</f>
        <v>0</v>
      </c>
      <c r="C1725" s="6">
        <f>'申請書（複数入力用）'!B1727</f>
        <v>0</v>
      </c>
      <c r="D1725" s="6">
        <f>'申請書（複数入力用）'!D1727</f>
        <v>0</v>
      </c>
      <c r="E1725" s="14">
        <f>'申請書（複数入力用）'!H1727</f>
        <v>0</v>
      </c>
      <c r="F1725" s="11" t="str">
        <f>'申請書（複数入力用）'!J1727</f>
        <v/>
      </c>
      <c r="G1725" s="6" t="str">
        <f>'申請書（複数入力用）'!K1727</f>
        <v>a052r000000jS9ZAAU</v>
      </c>
      <c r="H1725" s="12" t="e">
        <f>'申請書（複数入力用）'!N1727</f>
        <v>#N/A</v>
      </c>
      <c r="I1725" s="12" t="e">
        <f>'申請書（複数入力用）'!O1727</f>
        <v>#N/A</v>
      </c>
      <c r="J1725" s="12">
        <f>'申請書（複数入力用）'!P1727</f>
        <v>1</v>
      </c>
    </row>
    <row r="1726" spans="1:10" ht="51.6" customHeight="1" x14ac:dyDescent="0.45">
      <c r="A1726" s="6">
        <f>'申請書（複数入力用）'!A1728</f>
        <v>1722</v>
      </c>
      <c r="B1726" s="13">
        <f>'申請書（複数入力用）'!AH1728</f>
        <v>0</v>
      </c>
      <c r="C1726" s="6">
        <f>'申請書（複数入力用）'!B1728</f>
        <v>0</v>
      </c>
      <c r="D1726" s="6">
        <f>'申請書（複数入力用）'!D1728</f>
        <v>0</v>
      </c>
      <c r="E1726" s="14">
        <f>'申請書（複数入力用）'!H1728</f>
        <v>0</v>
      </c>
      <c r="F1726" s="11" t="str">
        <f>'申請書（複数入力用）'!J1728</f>
        <v/>
      </c>
      <c r="G1726" s="6" t="str">
        <f>'申請書（複数入力用）'!K1728</f>
        <v>a052r000000jS9ZAAU</v>
      </c>
      <c r="H1726" s="12" t="e">
        <f>'申請書（複数入力用）'!N1728</f>
        <v>#N/A</v>
      </c>
      <c r="I1726" s="12" t="e">
        <f>'申請書（複数入力用）'!O1728</f>
        <v>#N/A</v>
      </c>
      <c r="J1726" s="12">
        <f>'申請書（複数入力用）'!P1728</f>
        <v>1</v>
      </c>
    </row>
    <row r="1727" spans="1:10" ht="51.6" customHeight="1" x14ac:dyDescent="0.45">
      <c r="A1727" s="6">
        <f>'申請書（複数入力用）'!A1729</f>
        <v>1723</v>
      </c>
      <c r="B1727" s="13">
        <f>'申請書（複数入力用）'!AH1729</f>
        <v>0</v>
      </c>
      <c r="C1727" s="6">
        <f>'申請書（複数入力用）'!B1729</f>
        <v>0</v>
      </c>
      <c r="D1727" s="6">
        <f>'申請書（複数入力用）'!D1729</f>
        <v>0</v>
      </c>
      <c r="E1727" s="14">
        <f>'申請書（複数入力用）'!H1729</f>
        <v>0</v>
      </c>
      <c r="F1727" s="11" t="str">
        <f>'申請書（複数入力用）'!J1729</f>
        <v/>
      </c>
      <c r="G1727" s="6" t="str">
        <f>'申請書（複数入力用）'!K1729</f>
        <v>a052r000000jS9ZAAU</v>
      </c>
      <c r="H1727" s="12" t="e">
        <f>'申請書（複数入力用）'!N1729</f>
        <v>#N/A</v>
      </c>
      <c r="I1727" s="12" t="e">
        <f>'申請書（複数入力用）'!O1729</f>
        <v>#N/A</v>
      </c>
      <c r="J1727" s="12">
        <f>'申請書（複数入力用）'!P1729</f>
        <v>1</v>
      </c>
    </row>
    <row r="1728" spans="1:10" ht="51.6" customHeight="1" x14ac:dyDescent="0.45">
      <c r="A1728" s="6">
        <f>'申請書（複数入力用）'!A1730</f>
        <v>1724</v>
      </c>
      <c r="B1728" s="13">
        <f>'申請書（複数入力用）'!AH1730</f>
        <v>0</v>
      </c>
      <c r="C1728" s="6">
        <f>'申請書（複数入力用）'!B1730</f>
        <v>0</v>
      </c>
      <c r="D1728" s="6">
        <f>'申請書（複数入力用）'!D1730</f>
        <v>0</v>
      </c>
      <c r="E1728" s="14">
        <f>'申請書（複数入力用）'!H1730</f>
        <v>0</v>
      </c>
      <c r="F1728" s="11" t="str">
        <f>'申請書（複数入力用）'!J1730</f>
        <v/>
      </c>
      <c r="G1728" s="6" t="str">
        <f>'申請書（複数入力用）'!K1730</f>
        <v>a052r000000jS9ZAAU</v>
      </c>
      <c r="H1728" s="12" t="e">
        <f>'申請書（複数入力用）'!N1730</f>
        <v>#N/A</v>
      </c>
      <c r="I1728" s="12" t="e">
        <f>'申請書（複数入力用）'!O1730</f>
        <v>#N/A</v>
      </c>
      <c r="J1728" s="12">
        <f>'申請書（複数入力用）'!P1730</f>
        <v>1</v>
      </c>
    </row>
    <row r="1729" spans="1:10" ht="51.6" customHeight="1" x14ac:dyDescent="0.45">
      <c r="A1729" s="6">
        <f>'申請書（複数入力用）'!A1731</f>
        <v>1725</v>
      </c>
      <c r="B1729" s="13">
        <f>'申請書（複数入力用）'!AH1731</f>
        <v>0</v>
      </c>
      <c r="C1729" s="6">
        <f>'申請書（複数入力用）'!B1731</f>
        <v>0</v>
      </c>
      <c r="D1729" s="6">
        <f>'申請書（複数入力用）'!D1731</f>
        <v>0</v>
      </c>
      <c r="E1729" s="14">
        <f>'申請書（複数入力用）'!H1731</f>
        <v>0</v>
      </c>
      <c r="F1729" s="11" t="str">
        <f>'申請書（複数入力用）'!J1731</f>
        <v/>
      </c>
      <c r="G1729" s="6" t="str">
        <f>'申請書（複数入力用）'!K1731</f>
        <v>a052r000000jS9ZAAU</v>
      </c>
      <c r="H1729" s="12" t="e">
        <f>'申請書（複数入力用）'!N1731</f>
        <v>#N/A</v>
      </c>
      <c r="I1729" s="12" t="e">
        <f>'申請書（複数入力用）'!O1731</f>
        <v>#N/A</v>
      </c>
      <c r="J1729" s="12">
        <f>'申請書（複数入力用）'!P1731</f>
        <v>1</v>
      </c>
    </row>
    <row r="1730" spans="1:10" ht="51.6" customHeight="1" x14ac:dyDescent="0.45">
      <c r="A1730" s="6">
        <f>'申請書（複数入力用）'!A1732</f>
        <v>1726</v>
      </c>
      <c r="B1730" s="13">
        <f>'申請書（複数入力用）'!AH1732</f>
        <v>0</v>
      </c>
      <c r="C1730" s="6">
        <f>'申請書（複数入力用）'!B1732</f>
        <v>0</v>
      </c>
      <c r="D1730" s="6">
        <f>'申請書（複数入力用）'!D1732</f>
        <v>0</v>
      </c>
      <c r="E1730" s="14">
        <f>'申請書（複数入力用）'!H1732</f>
        <v>0</v>
      </c>
      <c r="F1730" s="11" t="str">
        <f>'申請書（複数入力用）'!J1732</f>
        <v/>
      </c>
      <c r="G1730" s="6" t="str">
        <f>'申請書（複数入力用）'!K1732</f>
        <v>a052r000000jS9ZAAU</v>
      </c>
      <c r="H1730" s="12" t="e">
        <f>'申請書（複数入力用）'!N1732</f>
        <v>#N/A</v>
      </c>
      <c r="I1730" s="12" t="e">
        <f>'申請書（複数入力用）'!O1732</f>
        <v>#N/A</v>
      </c>
      <c r="J1730" s="12">
        <f>'申請書（複数入力用）'!P1732</f>
        <v>1</v>
      </c>
    </row>
    <row r="1731" spans="1:10" ht="51.6" customHeight="1" x14ac:dyDescent="0.45">
      <c r="A1731" s="6">
        <f>'申請書（複数入力用）'!A1733</f>
        <v>1727</v>
      </c>
      <c r="B1731" s="13">
        <f>'申請書（複数入力用）'!AH1733</f>
        <v>0</v>
      </c>
      <c r="C1731" s="6">
        <f>'申請書（複数入力用）'!B1733</f>
        <v>0</v>
      </c>
      <c r="D1731" s="6">
        <f>'申請書（複数入力用）'!D1733</f>
        <v>0</v>
      </c>
      <c r="E1731" s="14">
        <f>'申請書（複数入力用）'!H1733</f>
        <v>0</v>
      </c>
      <c r="F1731" s="11" t="str">
        <f>'申請書（複数入力用）'!J1733</f>
        <v/>
      </c>
      <c r="G1731" s="6" t="str">
        <f>'申請書（複数入力用）'!K1733</f>
        <v>a052r000000jS9ZAAU</v>
      </c>
      <c r="H1731" s="12" t="e">
        <f>'申請書（複数入力用）'!N1733</f>
        <v>#N/A</v>
      </c>
      <c r="I1731" s="12" t="e">
        <f>'申請書（複数入力用）'!O1733</f>
        <v>#N/A</v>
      </c>
      <c r="J1731" s="12">
        <f>'申請書（複数入力用）'!P1733</f>
        <v>1</v>
      </c>
    </row>
    <row r="1732" spans="1:10" ht="51.6" customHeight="1" x14ac:dyDescent="0.45">
      <c r="A1732" s="6">
        <f>'申請書（複数入力用）'!A1734</f>
        <v>1728</v>
      </c>
      <c r="B1732" s="13">
        <f>'申請書（複数入力用）'!AH1734</f>
        <v>0</v>
      </c>
      <c r="C1732" s="6">
        <f>'申請書（複数入力用）'!B1734</f>
        <v>0</v>
      </c>
      <c r="D1732" s="6">
        <f>'申請書（複数入力用）'!D1734</f>
        <v>0</v>
      </c>
      <c r="E1732" s="14">
        <f>'申請書（複数入力用）'!H1734</f>
        <v>0</v>
      </c>
      <c r="F1732" s="11" t="str">
        <f>'申請書（複数入力用）'!J1734</f>
        <v/>
      </c>
      <c r="G1732" s="6" t="str">
        <f>'申請書（複数入力用）'!K1734</f>
        <v>a052r000000jS9ZAAU</v>
      </c>
      <c r="H1732" s="12" t="e">
        <f>'申請書（複数入力用）'!N1734</f>
        <v>#N/A</v>
      </c>
      <c r="I1732" s="12" t="e">
        <f>'申請書（複数入力用）'!O1734</f>
        <v>#N/A</v>
      </c>
      <c r="J1732" s="12">
        <f>'申請書（複数入力用）'!P1734</f>
        <v>1</v>
      </c>
    </row>
    <row r="1733" spans="1:10" ht="51.6" customHeight="1" x14ac:dyDescent="0.45">
      <c r="A1733" s="6">
        <f>'申請書（複数入力用）'!A1735</f>
        <v>1729</v>
      </c>
      <c r="B1733" s="13">
        <f>'申請書（複数入力用）'!AH1735</f>
        <v>0</v>
      </c>
      <c r="C1733" s="6">
        <f>'申請書（複数入力用）'!B1735</f>
        <v>0</v>
      </c>
      <c r="D1733" s="6">
        <f>'申請書（複数入力用）'!D1735</f>
        <v>0</v>
      </c>
      <c r="E1733" s="14">
        <f>'申請書（複数入力用）'!H1735</f>
        <v>0</v>
      </c>
      <c r="F1733" s="11" t="str">
        <f>'申請書（複数入力用）'!J1735</f>
        <v/>
      </c>
      <c r="G1733" s="6" t="str">
        <f>'申請書（複数入力用）'!K1735</f>
        <v>a052r000000jS9ZAAU</v>
      </c>
      <c r="H1733" s="12" t="e">
        <f>'申請書（複数入力用）'!N1735</f>
        <v>#N/A</v>
      </c>
      <c r="I1733" s="12" t="e">
        <f>'申請書（複数入力用）'!O1735</f>
        <v>#N/A</v>
      </c>
      <c r="J1733" s="12">
        <f>'申請書（複数入力用）'!P1735</f>
        <v>1</v>
      </c>
    </row>
    <row r="1734" spans="1:10" ht="51.6" customHeight="1" x14ac:dyDescent="0.45">
      <c r="A1734" s="6">
        <f>'申請書（複数入力用）'!A1736</f>
        <v>1730</v>
      </c>
      <c r="B1734" s="13">
        <f>'申請書（複数入力用）'!AH1736</f>
        <v>0</v>
      </c>
      <c r="C1734" s="6">
        <f>'申請書（複数入力用）'!B1736</f>
        <v>0</v>
      </c>
      <c r="D1734" s="6">
        <f>'申請書（複数入力用）'!D1736</f>
        <v>0</v>
      </c>
      <c r="E1734" s="14">
        <f>'申請書（複数入力用）'!H1736</f>
        <v>0</v>
      </c>
      <c r="F1734" s="11" t="str">
        <f>'申請書（複数入力用）'!J1736</f>
        <v/>
      </c>
      <c r="G1734" s="6" t="str">
        <f>'申請書（複数入力用）'!K1736</f>
        <v>a052r000000jS9ZAAU</v>
      </c>
      <c r="H1734" s="12" t="e">
        <f>'申請書（複数入力用）'!N1736</f>
        <v>#N/A</v>
      </c>
      <c r="I1734" s="12" t="e">
        <f>'申請書（複数入力用）'!O1736</f>
        <v>#N/A</v>
      </c>
      <c r="J1734" s="12">
        <f>'申請書（複数入力用）'!P1736</f>
        <v>1</v>
      </c>
    </row>
    <row r="1735" spans="1:10" ht="51.6" customHeight="1" x14ac:dyDescent="0.45">
      <c r="A1735" s="6">
        <f>'申請書（複数入力用）'!A1737</f>
        <v>1731</v>
      </c>
      <c r="B1735" s="13">
        <f>'申請書（複数入力用）'!AH1737</f>
        <v>0</v>
      </c>
      <c r="C1735" s="6">
        <f>'申請書（複数入力用）'!B1737</f>
        <v>0</v>
      </c>
      <c r="D1735" s="6">
        <f>'申請書（複数入力用）'!D1737</f>
        <v>0</v>
      </c>
      <c r="E1735" s="14">
        <f>'申請書（複数入力用）'!H1737</f>
        <v>0</v>
      </c>
      <c r="F1735" s="11" t="str">
        <f>'申請書（複数入力用）'!J1737</f>
        <v/>
      </c>
      <c r="G1735" s="6" t="str">
        <f>'申請書（複数入力用）'!K1737</f>
        <v>a052r000000jS9ZAAU</v>
      </c>
      <c r="H1735" s="12" t="e">
        <f>'申請書（複数入力用）'!N1737</f>
        <v>#N/A</v>
      </c>
      <c r="I1735" s="12" t="e">
        <f>'申請書（複数入力用）'!O1737</f>
        <v>#N/A</v>
      </c>
      <c r="J1735" s="12">
        <f>'申請書（複数入力用）'!P1737</f>
        <v>1</v>
      </c>
    </row>
    <row r="1736" spans="1:10" ht="51.6" customHeight="1" x14ac:dyDescent="0.45">
      <c r="A1736" s="6">
        <f>'申請書（複数入力用）'!A1738</f>
        <v>1732</v>
      </c>
      <c r="B1736" s="13">
        <f>'申請書（複数入力用）'!AH1738</f>
        <v>0</v>
      </c>
      <c r="C1736" s="6">
        <f>'申請書（複数入力用）'!B1738</f>
        <v>0</v>
      </c>
      <c r="D1736" s="6">
        <f>'申請書（複数入力用）'!D1738</f>
        <v>0</v>
      </c>
      <c r="E1736" s="14">
        <f>'申請書（複数入力用）'!H1738</f>
        <v>0</v>
      </c>
      <c r="F1736" s="11" t="str">
        <f>'申請書（複数入力用）'!J1738</f>
        <v/>
      </c>
      <c r="G1736" s="6" t="str">
        <f>'申請書（複数入力用）'!K1738</f>
        <v>a052r000000jS9ZAAU</v>
      </c>
      <c r="H1736" s="12" t="e">
        <f>'申請書（複数入力用）'!N1738</f>
        <v>#N/A</v>
      </c>
      <c r="I1736" s="12" t="e">
        <f>'申請書（複数入力用）'!O1738</f>
        <v>#N/A</v>
      </c>
      <c r="J1736" s="12">
        <f>'申請書（複数入力用）'!P1738</f>
        <v>1</v>
      </c>
    </row>
    <row r="1737" spans="1:10" ht="51.6" customHeight="1" x14ac:dyDescent="0.45">
      <c r="A1737" s="6">
        <f>'申請書（複数入力用）'!A1739</f>
        <v>1733</v>
      </c>
      <c r="B1737" s="13">
        <f>'申請書（複数入力用）'!AH1739</f>
        <v>0</v>
      </c>
      <c r="C1737" s="6">
        <f>'申請書（複数入力用）'!B1739</f>
        <v>0</v>
      </c>
      <c r="D1737" s="6">
        <f>'申請書（複数入力用）'!D1739</f>
        <v>0</v>
      </c>
      <c r="E1737" s="14">
        <f>'申請書（複数入力用）'!H1739</f>
        <v>0</v>
      </c>
      <c r="F1737" s="11" t="str">
        <f>'申請書（複数入力用）'!J1739</f>
        <v/>
      </c>
      <c r="G1737" s="6" t="str">
        <f>'申請書（複数入力用）'!K1739</f>
        <v>a052r000000jS9ZAAU</v>
      </c>
      <c r="H1737" s="12" t="e">
        <f>'申請書（複数入力用）'!N1739</f>
        <v>#N/A</v>
      </c>
      <c r="I1737" s="12" t="e">
        <f>'申請書（複数入力用）'!O1739</f>
        <v>#N/A</v>
      </c>
      <c r="J1737" s="12">
        <f>'申請書（複数入力用）'!P1739</f>
        <v>1</v>
      </c>
    </row>
    <row r="1738" spans="1:10" ht="51.6" customHeight="1" x14ac:dyDescent="0.45">
      <c r="A1738" s="6">
        <f>'申請書（複数入力用）'!A1740</f>
        <v>1734</v>
      </c>
      <c r="B1738" s="13">
        <f>'申請書（複数入力用）'!AH1740</f>
        <v>0</v>
      </c>
      <c r="C1738" s="6">
        <f>'申請書（複数入力用）'!B1740</f>
        <v>0</v>
      </c>
      <c r="D1738" s="6">
        <f>'申請書（複数入力用）'!D1740</f>
        <v>0</v>
      </c>
      <c r="E1738" s="14">
        <f>'申請書（複数入力用）'!H1740</f>
        <v>0</v>
      </c>
      <c r="F1738" s="11" t="str">
        <f>'申請書（複数入力用）'!J1740</f>
        <v/>
      </c>
      <c r="G1738" s="6" t="str">
        <f>'申請書（複数入力用）'!K1740</f>
        <v>a052r000000jS9ZAAU</v>
      </c>
      <c r="H1738" s="12" t="e">
        <f>'申請書（複数入力用）'!N1740</f>
        <v>#N/A</v>
      </c>
      <c r="I1738" s="12" t="e">
        <f>'申請書（複数入力用）'!O1740</f>
        <v>#N/A</v>
      </c>
      <c r="J1738" s="12">
        <f>'申請書（複数入力用）'!P1740</f>
        <v>1</v>
      </c>
    </row>
    <row r="1739" spans="1:10" ht="51.6" customHeight="1" x14ac:dyDescent="0.45">
      <c r="A1739" s="6">
        <f>'申請書（複数入力用）'!A1741</f>
        <v>1735</v>
      </c>
      <c r="B1739" s="13">
        <f>'申請書（複数入力用）'!AH1741</f>
        <v>0</v>
      </c>
      <c r="C1739" s="6">
        <f>'申請書（複数入力用）'!B1741</f>
        <v>0</v>
      </c>
      <c r="D1739" s="6">
        <f>'申請書（複数入力用）'!D1741</f>
        <v>0</v>
      </c>
      <c r="E1739" s="14">
        <f>'申請書（複数入力用）'!H1741</f>
        <v>0</v>
      </c>
      <c r="F1739" s="11" t="str">
        <f>'申請書（複数入力用）'!J1741</f>
        <v/>
      </c>
      <c r="G1739" s="6" t="str">
        <f>'申請書（複数入力用）'!K1741</f>
        <v>a052r000000jS9ZAAU</v>
      </c>
      <c r="H1739" s="12" t="e">
        <f>'申請書（複数入力用）'!N1741</f>
        <v>#N/A</v>
      </c>
      <c r="I1739" s="12" t="e">
        <f>'申請書（複数入力用）'!O1741</f>
        <v>#N/A</v>
      </c>
      <c r="J1739" s="12">
        <f>'申請書（複数入力用）'!P1741</f>
        <v>1</v>
      </c>
    </row>
    <row r="1740" spans="1:10" ht="51.6" customHeight="1" x14ac:dyDescent="0.45">
      <c r="A1740" s="6">
        <f>'申請書（複数入力用）'!A1742</f>
        <v>1736</v>
      </c>
      <c r="B1740" s="13">
        <f>'申請書（複数入力用）'!AH1742</f>
        <v>0</v>
      </c>
      <c r="C1740" s="6">
        <f>'申請書（複数入力用）'!B1742</f>
        <v>0</v>
      </c>
      <c r="D1740" s="6">
        <f>'申請書（複数入力用）'!D1742</f>
        <v>0</v>
      </c>
      <c r="E1740" s="14">
        <f>'申請書（複数入力用）'!H1742</f>
        <v>0</v>
      </c>
      <c r="F1740" s="11" t="str">
        <f>'申請書（複数入力用）'!J1742</f>
        <v/>
      </c>
      <c r="G1740" s="6" t="str">
        <f>'申請書（複数入力用）'!K1742</f>
        <v>a052r000000jS9ZAAU</v>
      </c>
      <c r="H1740" s="12" t="e">
        <f>'申請書（複数入力用）'!N1742</f>
        <v>#N/A</v>
      </c>
      <c r="I1740" s="12" t="e">
        <f>'申請書（複数入力用）'!O1742</f>
        <v>#N/A</v>
      </c>
      <c r="J1740" s="12">
        <f>'申請書（複数入力用）'!P1742</f>
        <v>1</v>
      </c>
    </row>
    <row r="1741" spans="1:10" ht="51.6" customHeight="1" x14ac:dyDescent="0.45">
      <c r="A1741" s="6">
        <f>'申請書（複数入力用）'!A1743</f>
        <v>1737</v>
      </c>
      <c r="B1741" s="13">
        <f>'申請書（複数入力用）'!AH1743</f>
        <v>0</v>
      </c>
      <c r="C1741" s="6">
        <f>'申請書（複数入力用）'!B1743</f>
        <v>0</v>
      </c>
      <c r="D1741" s="6">
        <f>'申請書（複数入力用）'!D1743</f>
        <v>0</v>
      </c>
      <c r="E1741" s="14">
        <f>'申請書（複数入力用）'!H1743</f>
        <v>0</v>
      </c>
      <c r="F1741" s="11" t="str">
        <f>'申請書（複数入力用）'!J1743</f>
        <v/>
      </c>
      <c r="G1741" s="6" t="str">
        <f>'申請書（複数入力用）'!K1743</f>
        <v>a052r000000jS9ZAAU</v>
      </c>
      <c r="H1741" s="12" t="e">
        <f>'申請書（複数入力用）'!N1743</f>
        <v>#N/A</v>
      </c>
      <c r="I1741" s="12" t="e">
        <f>'申請書（複数入力用）'!O1743</f>
        <v>#N/A</v>
      </c>
      <c r="J1741" s="12">
        <f>'申請書（複数入力用）'!P1743</f>
        <v>1</v>
      </c>
    </row>
    <row r="1742" spans="1:10" ht="51.6" customHeight="1" x14ac:dyDescent="0.45">
      <c r="A1742" s="6">
        <f>'申請書（複数入力用）'!A1744</f>
        <v>1738</v>
      </c>
      <c r="B1742" s="13">
        <f>'申請書（複数入力用）'!AH1744</f>
        <v>0</v>
      </c>
      <c r="C1742" s="6">
        <f>'申請書（複数入力用）'!B1744</f>
        <v>0</v>
      </c>
      <c r="D1742" s="6">
        <f>'申請書（複数入力用）'!D1744</f>
        <v>0</v>
      </c>
      <c r="E1742" s="14">
        <f>'申請書（複数入力用）'!H1744</f>
        <v>0</v>
      </c>
      <c r="F1742" s="11" t="str">
        <f>'申請書（複数入力用）'!J1744</f>
        <v/>
      </c>
      <c r="G1742" s="6" t="str">
        <f>'申請書（複数入力用）'!K1744</f>
        <v>a052r000000jS9ZAAU</v>
      </c>
      <c r="H1742" s="12" t="e">
        <f>'申請書（複数入力用）'!N1744</f>
        <v>#N/A</v>
      </c>
      <c r="I1742" s="12" t="e">
        <f>'申請書（複数入力用）'!O1744</f>
        <v>#N/A</v>
      </c>
      <c r="J1742" s="12">
        <f>'申請書（複数入力用）'!P1744</f>
        <v>1</v>
      </c>
    </row>
    <row r="1743" spans="1:10" ht="51.6" customHeight="1" x14ac:dyDescent="0.45">
      <c r="A1743" s="6">
        <f>'申請書（複数入力用）'!A1745</f>
        <v>1739</v>
      </c>
      <c r="B1743" s="13">
        <f>'申請書（複数入力用）'!AH1745</f>
        <v>0</v>
      </c>
      <c r="C1743" s="6">
        <f>'申請書（複数入力用）'!B1745</f>
        <v>0</v>
      </c>
      <c r="D1743" s="6">
        <f>'申請書（複数入力用）'!D1745</f>
        <v>0</v>
      </c>
      <c r="E1743" s="14">
        <f>'申請書（複数入力用）'!H1745</f>
        <v>0</v>
      </c>
      <c r="F1743" s="11" t="str">
        <f>'申請書（複数入力用）'!J1745</f>
        <v/>
      </c>
      <c r="G1743" s="6" t="str">
        <f>'申請書（複数入力用）'!K1745</f>
        <v>a052r000000jS9ZAAU</v>
      </c>
      <c r="H1743" s="12" t="e">
        <f>'申請書（複数入力用）'!N1745</f>
        <v>#N/A</v>
      </c>
      <c r="I1743" s="12" t="e">
        <f>'申請書（複数入力用）'!O1745</f>
        <v>#N/A</v>
      </c>
      <c r="J1743" s="12">
        <f>'申請書（複数入力用）'!P1745</f>
        <v>1</v>
      </c>
    </row>
    <row r="1744" spans="1:10" ht="51.6" customHeight="1" x14ac:dyDescent="0.45">
      <c r="A1744" s="6">
        <f>'申請書（複数入力用）'!A1746</f>
        <v>1740</v>
      </c>
      <c r="B1744" s="13">
        <f>'申請書（複数入力用）'!AH1746</f>
        <v>0</v>
      </c>
      <c r="C1744" s="6">
        <f>'申請書（複数入力用）'!B1746</f>
        <v>0</v>
      </c>
      <c r="D1744" s="6">
        <f>'申請書（複数入力用）'!D1746</f>
        <v>0</v>
      </c>
      <c r="E1744" s="14">
        <f>'申請書（複数入力用）'!H1746</f>
        <v>0</v>
      </c>
      <c r="F1744" s="11" t="str">
        <f>'申請書（複数入力用）'!J1746</f>
        <v/>
      </c>
      <c r="G1744" s="6" t="str">
        <f>'申請書（複数入力用）'!K1746</f>
        <v>a052r000000jS9ZAAU</v>
      </c>
      <c r="H1744" s="12" t="e">
        <f>'申請書（複数入力用）'!N1746</f>
        <v>#N/A</v>
      </c>
      <c r="I1744" s="12" t="e">
        <f>'申請書（複数入力用）'!O1746</f>
        <v>#N/A</v>
      </c>
      <c r="J1744" s="12">
        <f>'申請書（複数入力用）'!P1746</f>
        <v>1</v>
      </c>
    </row>
    <row r="1745" spans="1:10" ht="51.6" customHeight="1" x14ac:dyDescent="0.45">
      <c r="A1745" s="6">
        <f>'申請書（複数入力用）'!A1747</f>
        <v>1741</v>
      </c>
      <c r="B1745" s="13">
        <f>'申請書（複数入力用）'!AH1747</f>
        <v>0</v>
      </c>
      <c r="C1745" s="6">
        <f>'申請書（複数入力用）'!B1747</f>
        <v>0</v>
      </c>
      <c r="D1745" s="6">
        <f>'申請書（複数入力用）'!D1747</f>
        <v>0</v>
      </c>
      <c r="E1745" s="14">
        <f>'申請書（複数入力用）'!H1747</f>
        <v>0</v>
      </c>
      <c r="F1745" s="11" t="str">
        <f>'申請書（複数入力用）'!J1747</f>
        <v/>
      </c>
      <c r="G1745" s="6" t="str">
        <f>'申請書（複数入力用）'!K1747</f>
        <v>a052r000000jS9ZAAU</v>
      </c>
      <c r="H1745" s="12" t="e">
        <f>'申請書（複数入力用）'!N1747</f>
        <v>#N/A</v>
      </c>
      <c r="I1745" s="12" t="e">
        <f>'申請書（複数入力用）'!O1747</f>
        <v>#N/A</v>
      </c>
      <c r="J1745" s="12">
        <f>'申請書（複数入力用）'!P1747</f>
        <v>1</v>
      </c>
    </row>
    <row r="1746" spans="1:10" ht="51.6" customHeight="1" x14ac:dyDescent="0.45">
      <c r="A1746" s="6">
        <f>'申請書（複数入力用）'!A1748</f>
        <v>1742</v>
      </c>
      <c r="B1746" s="13">
        <f>'申請書（複数入力用）'!AH1748</f>
        <v>0</v>
      </c>
      <c r="C1746" s="6">
        <f>'申請書（複数入力用）'!B1748</f>
        <v>0</v>
      </c>
      <c r="D1746" s="6">
        <f>'申請書（複数入力用）'!D1748</f>
        <v>0</v>
      </c>
      <c r="E1746" s="14">
        <f>'申請書（複数入力用）'!H1748</f>
        <v>0</v>
      </c>
      <c r="F1746" s="11" t="str">
        <f>'申請書（複数入力用）'!J1748</f>
        <v/>
      </c>
      <c r="G1746" s="6" t="str">
        <f>'申請書（複数入力用）'!K1748</f>
        <v>a052r000000jS9ZAAU</v>
      </c>
      <c r="H1746" s="12" t="e">
        <f>'申請書（複数入力用）'!N1748</f>
        <v>#N/A</v>
      </c>
      <c r="I1746" s="12" t="e">
        <f>'申請書（複数入力用）'!O1748</f>
        <v>#N/A</v>
      </c>
      <c r="J1746" s="12">
        <f>'申請書（複数入力用）'!P1748</f>
        <v>1</v>
      </c>
    </row>
    <row r="1747" spans="1:10" ht="51.6" customHeight="1" x14ac:dyDescent="0.45">
      <c r="A1747" s="6">
        <f>'申請書（複数入力用）'!A1749</f>
        <v>1743</v>
      </c>
      <c r="B1747" s="13">
        <f>'申請書（複数入力用）'!AH1749</f>
        <v>0</v>
      </c>
      <c r="C1747" s="6">
        <f>'申請書（複数入力用）'!B1749</f>
        <v>0</v>
      </c>
      <c r="D1747" s="6">
        <f>'申請書（複数入力用）'!D1749</f>
        <v>0</v>
      </c>
      <c r="E1747" s="14">
        <f>'申請書（複数入力用）'!H1749</f>
        <v>0</v>
      </c>
      <c r="F1747" s="11" t="str">
        <f>'申請書（複数入力用）'!J1749</f>
        <v/>
      </c>
      <c r="G1747" s="6" t="str">
        <f>'申請書（複数入力用）'!K1749</f>
        <v>a052r000000jS9ZAAU</v>
      </c>
      <c r="H1747" s="12" t="e">
        <f>'申請書（複数入力用）'!N1749</f>
        <v>#N/A</v>
      </c>
      <c r="I1747" s="12" t="e">
        <f>'申請書（複数入力用）'!O1749</f>
        <v>#N/A</v>
      </c>
      <c r="J1747" s="12">
        <f>'申請書（複数入力用）'!P1749</f>
        <v>1</v>
      </c>
    </row>
    <row r="1748" spans="1:10" ht="51.6" customHeight="1" x14ac:dyDescent="0.45">
      <c r="A1748" s="6">
        <f>'申請書（複数入力用）'!A1750</f>
        <v>1744</v>
      </c>
      <c r="B1748" s="13">
        <f>'申請書（複数入力用）'!AH1750</f>
        <v>0</v>
      </c>
      <c r="C1748" s="6">
        <f>'申請書（複数入力用）'!B1750</f>
        <v>0</v>
      </c>
      <c r="D1748" s="6">
        <f>'申請書（複数入力用）'!D1750</f>
        <v>0</v>
      </c>
      <c r="E1748" s="14">
        <f>'申請書（複数入力用）'!H1750</f>
        <v>0</v>
      </c>
      <c r="F1748" s="11" t="str">
        <f>'申請書（複数入力用）'!J1750</f>
        <v/>
      </c>
      <c r="G1748" s="6" t="str">
        <f>'申請書（複数入力用）'!K1750</f>
        <v>a052r000000jS9ZAAU</v>
      </c>
      <c r="H1748" s="12" t="e">
        <f>'申請書（複数入力用）'!N1750</f>
        <v>#N/A</v>
      </c>
      <c r="I1748" s="12" t="e">
        <f>'申請書（複数入力用）'!O1750</f>
        <v>#N/A</v>
      </c>
      <c r="J1748" s="12">
        <f>'申請書（複数入力用）'!P1750</f>
        <v>1</v>
      </c>
    </row>
    <row r="1749" spans="1:10" ht="51.6" customHeight="1" x14ac:dyDescent="0.45">
      <c r="A1749" s="6">
        <f>'申請書（複数入力用）'!A1751</f>
        <v>1745</v>
      </c>
      <c r="B1749" s="13">
        <f>'申請書（複数入力用）'!AH1751</f>
        <v>0</v>
      </c>
      <c r="C1749" s="6">
        <f>'申請書（複数入力用）'!B1751</f>
        <v>0</v>
      </c>
      <c r="D1749" s="6">
        <f>'申請書（複数入力用）'!D1751</f>
        <v>0</v>
      </c>
      <c r="E1749" s="14">
        <f>'申請書（複数入力用）'!H1751</f>
        <v>0</v>
      </c>
      <c r="F1749" s="11" t="str">
        <f>'申請書（複数入力用）'!J1751</f>
        <v/>
      </c>
      <c r="G1749" s="6" t="str">
        <f>'申請書（複数入力用）'!K1751</f>
        <v>a052r000000jS9ZAAU</v>
      </c>
      <c r="H1749" s="12" t="e">
        <f>'申請書（複数入力用）'!N1751</f>
        <v>#N/A</v>
      </c>
      <c r="I1749" s="12" t="e">
        <f>'申請書（複数入力用）'!O1751</f>
        <v>#N/A</v>
      </c>
      <c r="J1749" s="12">
        <f>'申請書（複数入力用）'!P1751</f>
        <v>1</v>
      </c>
    </row>
    <row r="1750" spans="1:10" ht="51.6" customHeight="1" x14ac:dyDescent="0.45">
      <c r="A1750" s="6">
        <f>'申請書（複数入力用）'!A1752</f>
        <v>1746</v>
      </c>
      <c r="B1750" s="13">
        <f>'申請書（複数入力用）'!AH1752</f>
        <v>0</v>
      </c>
      <c r="C1750" s="6">
        <f>'申請書（複数入力用）'!B1752</f>
        <v>0</v>
      </c>
      <c r="D1750" s="6">
        <f>'申請書（複数入力用）'!D1752</f>
        <v>0</v>
      </c>
      <c r="E1750" s="14">
        <f>'申請書（複数入力用）'!H1752</f>
        <v>0</v>
      </c>
      <c r="F1750" s="11" t="str">
        <f>'申請書（複数入力用）'!J1752</f>
        <v/>
      </c>
      <c r="G1750" s="6" t="str">
        <f>'申請書（複数入力用）'!K1752</f>
        <v>a052r000000jS9ZAAU</v>
      </c>
      <c r="H1750" s="12" t="e">
        <f>'申請書（複数入力用）'!N1752</f>
        <v>#N/A</v>
      </c>
      <c r="I1750" s="12" t="e">
        <f>'申請書（複数入力用）'!O1752</f>
        <v>#N/A</v>
      </c>
      <c r="J1750" s="12">
        <f>'申請書（複数入力用）'!P1752</f>
        <v>1</v>
      </c>
    </row>
    <row r="1751" spans="1:10" ht="51.6" customHeight="1" x14ac:dyDescent="0.45">
      <c r="A1751" s="6">
        <f>'申請書（複数入力用）'!A1753</f>
        <v>1747</v>
      </c>
      <c r="B1751" s="13">
        <f>'申請書（複数入力用）'!AH1753</f>
        <v>0</v>
      </c>
      <c r="C1751" s="6">
        <f>'申請書（複数入力用）'!B1753</f>
        <v>0</v>
      </c>
      <c r="D1751" s="6">
        <f>'申請書（複数入力用）'!D1753</f>
        <v>0</v>
      </c>
      <c r="E1751" s="14">
        <f>'申請書（複数入力用）'!H1753</f>
        <v>0</v>
      </c>
      <c r="F1751" s="11" t="str">
        <f>'申請書（複数入力用）'!J1753</f>
        <v/>
      </c>
      <c r="G1751" s="6" t="str">
        <f>'申請書（複数入力用）'!K1753</f>
        <v>a052r000000jS9ZAAU</v>
      </c>
      <c r="H1751" s="12" t="e">
        <f>'申請書（複数入力用）'!N1753</f>
        <v>#N/A</v>
      </c>
      <c r="I1751" s="12" t="e">
        <f>'申請書（複数入力用）'!O1753</f>
        <v>#N/A</v>
      </c>
      <c r="J1751" s="12">
        <f>'申請書（複数入力用）'!P1753</f>
        <v>1</v>
      </c>
    </row>
    <row r="1752" spans="1:10" ht="51.6" customHeight="1" x14ac:dyDescent="0.45">
      <c r="A1752" s="6">
        <f>'申請書（複数入力用）'!A1754</f>
        <v>1748</v>
      </c>
      <c r="B1752" s="13">
        <f>'申請書（複数入力用）'!AH1754</f>
        <v>0</v>
      </c>
      <c r="C1752" s="6">
        <f>'申請書（複数入力用）'!B1754</f>
        <v>0</v>
      </c>
      <c r="D1752" s="6">
        <f>'申請書（複数入力用）'!D1754</f>
        <v>0</v>
      </c>
      <c r="E1752" s="14">
        <f>'申請書（複数入力用）'!H1754</f>
        <v>0</v>
      </c>
      <c r="F1752" s="11" t="str">
        <f>'申請書（複数入力用）'!J1754</f>
        <v/>
      </c>
      <c r="G1752" s="6" t="str">
        <f>'申請書（複数入力用）'!K1754</f>
        <v>a052r000000jS9ZAAU</v>
      </c>
      <c r="H1752" s="12" t="e">
        <f>'申請書（複数入力用）'!N1754</f>
        <v>#N/A</v>
      </c>
      <c r="I1752" s="12" t="e">
        <f>'申請書（複数入力用）'!O1754</f>
        <v>#N/A</v>
      </c>
      <c r="J1752" s="12">
        <f>'申請書（複数入力用）'!P1754</f>
        <v>1</v>
      </c>
    </row>
    <row r="1753" spans="1:10" ht="51.6" customHeight="1" x14ac:dyDescent="0.45">
      <c r="A1753" s="6">
        <f>'申請書（複数入力用）'!A1755</f>
        <v>1749</v>
      </c>
      <c r="B1753" s="13">
        <f>'申請書（複数入力用）'!AH1755</f>
        <v>0</v>
      </c>
      <c r="C1753" s="6">
        <f>'申請書（複数入力用）'!B1755</f>
        <v>0</v>
      </c>
      <c r="D1753" s="6">
        <f>'申請書（複数入力用）'!D1755</f>
        <v>0</v>
      </c>
      <c r="E1753" s="14">
        <f>'申請書（複数入力用）'!H1755</f>
        <v>0</v>
      </c>
      <c r="F1753" s="11" t="str">
        <f>'申請書（複数入力用）'!J1755</f>
        <v/>
      </c>
      <c r="G1753" s="6" t="str">
        <f>'申請書（複数入力用）'!K1755</f>
        <v>a052r000000jS9ZAAU</v>
      </c>
      <c r="H1753" s="12" t="e">
        <f>'申請書（複数入力用）'!N1755</f>
        <v>#N/A</v>
      </c>
      <c r="I1753" s="12" t="e">
        <f>'申請書（複数入力用）'!O1755</f>
        <v>#N/A</v>
      </c>
      <c r="J1753" s="12">
        <f>'申請書（複数入力用）'!P1755</f>
        <v>1</v>
      </c>
    </row>
    <row r="1754" spans="1:10" ht="51.6" customHeight="1" x14ac:dyDescent="0.45">
      <c r="A1754" s="6">
        <f>'申請書（複数入力用）'!A1756</f>
        <v>1750</v>
      </c>
      <c r="B1754" s="13">
        <f>'申請書（複数入力用）'!AH1756</f>
        <v>0</v>
      </c>
      <c r="C1754" s="6">
        <f>'申請書（複数入力用）'!B1756</f>
        <v>0</v>
      </c>
      <c r="D1754" s="6">
        <f>'申請書（複数入力用）'!D1756</f>
        <v>0</v>
      </c>
      <c r="E1754" s="14">
        <f>'申請書（複数入力用）'!H1756</f>
        <v>0</v>
      </c>
      <c r="F1754" s="11" t="str">
        <f>'申請書（複数入力用）'!J1756</f>
        <v/>
      </c>
      <c r="G1754" s="6" t="str">
        <f>'申請書（複数入力用）'!K1756</f>
        <v>a052r000000jS9ZAAU</v>
      </c>
      <c r="H1754" s="12" t="e">
        <f>'申請書（複数入力用）'!N1756</f>
        <v>#N/A</v>
      </c>
      <c r="I1754" s="12" t="e">
        <f>'申請書（複数入力用）'!O1756</f>
        <v>#N/A</v>
      </c>
      <c r="J1754" s="12">
        <f>'申請書（複数入力用）'!P1756</f>
        <v>1</v>
      </c>
    </row>
    <row r="1755" spans="1:10" ht="51.6" customHeight="1" x14ac:dyDescent="0.45">
      <c r="A1755" s="6">
        <f>'申請書（複数入力用）'!A1757</f>
        <v>1751</v>
      </c>
      <c r="B1755" s="13">
        <f>'申請書（複数入力用）'!AH1757</f>
        <v>0</v>
      </c>
      <c r="C1755" s="6">
        <f>'申請書（複数入力用）'!B1757</f>
        <v>0</v>
      </c>
      <c r="D1755" s="6">
        <f>'申請書（複数入力用）'!D1757</f>
        <v>0</v>
      </c>
      <c r="E1755" s="14">
        <f>'申請書（複数入力用）'!H1757</f>
        <v>0</v>
      </c>
      <c r="F1755" s="11" t="str">
        <f>'申請書（複数入力用）'!J1757</f>
        <v/>
      </c>
      <c r="G1755" s="6" t="str">
        <f>'申請書（複数入力用）'!K1757</f>
        <v>a052r000000jS9ZAAU</v>
      </c>
      <c r="H1755" s="12" t="e">
        <f>'申請書（複数入力用）'!N1757</f>
        <v>#N/A</v>
      </c>
      <c r="I1755" s="12" t="e">
        <f>'申請書（複数入力用）'!O1757</f>
        <v>#N/A</v>
      </c>
      <c r="J1755" s="12">
        <f>'申請書（複数入力用）'!P1757</f>
        <v>1</v>
      </c>
    </row>
    <row r="1756" spans="1:10" ht="51.6" customHeight="1" x14ac:dyDescent="0.45">
      <c r="A1756" s="6">
        <f>'申請書（複数入力用）'!A1758</f>
        <v>1752</v>
      </c>
      <c r="B1756" s="13">
        <f>'申請書（複数入力用）'!AH1758</f>
        <v>0</v>
      </c>
      <c r="C1756" s="6">
        <f>'申請書（複数入力用）'!B1758</f>
        <v>0</v>
      </c>
      <c r="D1756" s="6">
        <f>'申請書（複数入力用）'!D1758</f>
        <v>0</v>
      </c>
      <c r="E1756" s="14">
        <f>'申請書（複数入力用）'!H1758</f>
        <v>0</v>
      </c>
      <c r="F1756" s="11" t="str">
        <f>'申請書（複数入力用）'!J1758</f>
        <v/>
      </c>
      <c r="G1756" s="6" t="str">
        <f>'申請書（複数入力用）'!K1758</f>
        <v>a052r000000jS9ZAAU</v>
      </c>
      <c r="H1756" s="12" t="e">
        <f>'申請書（複数入力用）'!N1758</f>
        <v>#N/A</v>
      </c>
      <c r="I1756" s="12" t="e">
        <f>'申請書（複数入力用）'!O1758</f>
        <v>#N/A</v>
      </c>
      <c r="J1756" s="12">
        <f>'申請書（複数入力用）'!P1758</f>
        <v>1</v>
      </c>
    </row>
    <row r="1757" spans="1:10" ht="51.6" customHeight="1" x14ac:dyDescent="0.45">
      <c r="A1757" s="6">
        <f>'申請書（複数入力用）'!A1759</f>
        <v>1753</v>
      </c>
      <c r="B1757" s="13">
        <f>'申請書（複数入力用）'!AH1759</f>
        <v>0</v>
      </c>
      <c r="C1757" s="6">
        <f>'申請書（複数入力用）'!B1759</f>
        <v>0</v>
      </c>
      <c r="D1757" s="6">
        <f>'申請書（複数入力用）'!D1759</f>
        <v>0</v>
      </c>
      <c r="E1757" s="14">
        <f>'申請書（複数入力用）'!H1759</f>
        <v>0</v>
      </c>
      <c r="F1757" s="11" t="str">
        <f>'申請書（複数入力用）'!J1759</f>
        <v/>
      </c>
      <c r="G1757" s="6" t="str">
        <f>'申請書（複数入力用）'!K1759</f>
        <v>a052r000000jS9ZAAU</v>
      </c>
      <c r="H1757" s="12" t="e">
        <f>'申請書（複数入力用）'!N1759</f>
        <v>#N/A</v>
      </c>
      <c r="I1757" s="12" t="e">
        <f>'申請書（複数入力用）'!O1759</f>
        <v>#N/A</v>
      </c>
      <c r="J1757" s="12">
        <f>'申請書（複数入力用）'!P1759</f>
        <v>1</v>
      </c>
    </row>
    <row r="1758" spans="1:10" ht="51.6" customHeight="1" x14ac:dyDescent="0.45">
      <c r="A1758" s="6">
        <f>'申請書（複数入力用）'!A1760</f>
        <v>1754</v>
      </c>
      <c r="B1758" s="13">
        <f>'申請書（複数入力用）'!AH1760</f>
        <v>0</v>
      </c>
      <c r="C1758" s="6">
        <f>'申請書（複数入力用）'!B1760</f>
        <v>0</v>
      </c>
      <c r="D1758" s="6">
        <f>'申請書（複数入力用）'!D1760</f>
        <v>0</v>
      </c>
      <c r="E1758" s="14">
        <f>'申請書（複数入力用）'!H1760</f>
        <v>0</v>
      </c>
      <c r="F1758" s="11" t="str">
        <f>'申請書（複数入力用）'!J1760</f>
        <v/>
      </c>
      <c r="G1758" s="6" t="str">
        <f>'申請書（複数入力用）'!K1760</f>
        <v>a052r000000jS9ZAAU</v>
      </c>
      <c r="H1758" s="12" t="e">
        <f>'申請書（複数入力用）'!N1760</f>
        <v>#N/A</v>
      </c>
      <c r="I1758" s="12" t="e">
        <f>'申請書（複数入力用）'!O1760</f>
        <v>#N/A</v>
      </c>
      <c r="J1758" s="12">
        <f>'申請書（複数入力用）'!P1760</f>
        <v>1</v>
      </c>
    </row>
    <row r="1759" spans="1:10" ht="51.6" customHeight="1" x14ac:dyDescent="0.45">
      <c r="A1759" s="6">
        <f>'申請書（複数入力用）'!A1761</f>
        <v>1755</v>
      </c>
      <c r="B1759" s="13">
        <f>'申請書（複数入力用）'!AH1761</f>
        <v>0</v>
      </c>
      <c r="C1759" s="6">
        <f>'申請書（複数入力用）'!B1761</f>
        <v>0</v>
      </c>
      <c r="D1759" s="6">
        <f>'申請書（複数入力用）'!D1761</f>
        <v>0</v>
      </c>
      <c r="E1759" s="14">
        <f>'申請書（複数入力用）'!H1761</f>
        <v>0</v>
      </c>
      <c r="F1759" s="11" t="str">
        <f>'申請書（複数入力用）'!J1761</f>
        <v/>
      </c>
      <c r="G1759" s="6" t="str">
        <f>'申請書（複数入力用）'!K1761</f>
        <v>a052r000000jS9ZAAU</v>
      </c>
      <c r="H1759" s="12" t="e">
        <f>'申請書（複数入力用）'!N1761</f>
        <v>#N/A</v>
      </c>
      <c r="I1759" s="12" t="e">
        <f>'申請書（複数入力用）'!O1761</f>
        <v>#N/A</v>
      </c>
      <c r="J1759" s="12">
        <f>'申請書（複数入力用）'!P1761</f>
        <v>1</v>
      </c>
    </row>
    <row r="1760" spans="1:10" ht="51.6" customHeight="1" x14ac:dyDescent="0.45">
      <c r="A1760" s="6">
        <f>'申請書（複数入力用）'!A1762</f>
        <v>1756</v>
      </c>
      <c r="B1760" s="13">
        <f>'申請書（複数入力用）'!AH1762</f>
        <v>0</v>
      </c>
      <c r="C1760" s="6">
        <f>'申請書（複数入力用）'!B1762</f>
        <v>0</v>
      </c>
      <c r="D1760" s="6">
        <f>'申請書（複数入力用）'!D1762</f>
        <v>0</v>
      </c>
      <c r="E1760" s="14">
        <f>'申請書（複数入力用）'!H1762</f>
        <v>0</v>
      </c>
      <c r="F1760" s="11" t="str">
        <f>'申請書（複数入力用）'!J1762</f>
        <v/>
      </c>
      <c r="G1760" s="6" t="str">
        <f>'申請書（複数入力用）'!K1762</f>
        <v>a052r000000jS9ZAAU</v>
      </c>
      <c r="H1760" s="12" t="e">
        <f>'申請書（複数入力用）'!N1762</f>
        <v>#N/A</v>
      </c>
      <c r="I1760" s="12" t="e">
        <f>'申請書（複数入力用）'!O1762</f>
        <v>#N/A</v>
      </c>
      <c r="J1760" s="12">
        <f>'申請書（複数入力用）'!P1762</f>
        <v>1</v>
      </c>
    </row>
    <row r="1761" spans="1:10" ht="51.6" customHeight="1" x14ac:dyDescent="0.45">
      <c r="A1761" s="6">
        <f>'申請書（複数入力用）'!A1763</f>
        <v>1757</v>
      </c>
      <c r="B1761" s="13">
        <f>'申請書（複数入力用）'!AH1763</f>
        <v>0</v>
      </c>
      <c r="C1761" s="6">
        <f>'申請書（複数入力用）'!B1763</f>
        <v>0</v>
      </c>
      <c r="D1761" s="6">
        <f>'申請書（複数入力用）'!D1763</f>
        <v>0</v>
      </c>
      <c r="E1761" s="14">
        <f>'申請書（複数入力用）'!H1763</f>
        <v>0</v>
      </c>
      <c r="F1761" s="11" t="str">
        <f>'申請書（複数入力用）'!J1763</f>
        <v/>
      </c>
      <c r="G1761" s="6" t="str">
        <f>'申請書（複数入力用）'!K1763</f>
        <v>a052r000000jS9ZAAU</v>
      </c>
      <c r="H1761" s="12" t="e">
        <f>'申請書（複数入力用）'!N1763</f>
        <v>#N/A</v>
      </c>
      <c r="I1761" s="12" t="e">
        <f>'申請書（複数入力用）'!O1763</f>
        <v>#N/A</v>
      </c>
      <c r="J1761" s="12">
        <f>'申請書（複数入力用）'!P1763</f>
        <v>1</v>
      </c>
    </row>
    <row r="1762" spans="1:10" ht="51.6" customHeight="1" x14ac:dyDescent="0.45">
      <c r="A1762" s="6">
        <f>'申請書（複数入力用）'!A1764</f>
        <v>1758</v>
      </c>
      <c r="B1762" s="13">
        <f>'申請書（複数入力用）'!AH1764</f>
        <v>0</v>
      </c>
      <c r="C1762" s="6">
        <f>'申請書（複数入力用）'!B1764</f>
        <v>0</v>
      </c>
      <c r="D1762" s="6">
        <f>'申請書（複数入力用）'!D1764</f>
        <v>0</v>
      </c>
      <c r="E1762" s="14">
        <f>'申請書（複数入力用）'!H1764</f>
        <v>0</v>
      </c>
      <c r="F1762" s="11" t="str">
        <f>'申請書（複数入力用）'!J1764</f>
        <v/>
      </c>
      <c r="G1762" s="6" t="str">
        <f>'申請書（複数入力用）'!K1764</f>
        <v>a052r000000jS9ZAAU</v>
      </c>
      <c r="H1762" s="12" t="e">
        <f>'申請書（複数入力用）'!N1764</f>
        <v>#N/A</v>
      </c>
      <c r="I1762" s="12" t="e">
        <f>'申請書（複数入力用）'!O1764</f>
        <v>#N/A</v>
      </c>
      <c r="J1762" s="12">
        <f>'申請書（複数入力用）'!P1764</f>
        <v>1</v>
      </c>
    </row>
    <row r="1763" spans="1:10" ht="51.6" customHeight="1" x14ac:dyDescent="0.45">
      <c r="A1763" s="6">
        <f>'申請書（複数入力用）'!A1765</f>
        <v>1759</v>
      </c>
      <c r="B1763" s="13">
        <f>'申請書（複数入力用）'!AH1765</f>
        <v>0</v>
      </c>
      <c r="C1763" s="6">
        <f>'申請書（複数入力用）'!B1765</f>
        <v>0</v>
      </c>
      <c r="D1763" s="6">
        <f>'申請書（複数入力用）'!D1765</f>
        <v>0</v>
      </c>
      <c r="E1763" s="14">
        <f>'申請書（複数入力用）'!H1765</f>
        <v>0</v>
      </c>
      <c r="F1763" s="11" t="str">
        <f>'申請書（複数入力用）'!J1765</f>
        <v/>
      </c>
      <c r="G1763" s="6" t="str">
        <f>'申請書（複数入力用）'!K1765</f>
        <v>a052r000000jS9ZAAU</v>
      </c>
      <c r="H1763" s="12" t="e">
        <f>'申請書（複数入力用）'!N1765</f>
        <v>#N/A</v>
      </c>
      <c r="I1763" s="12" t="e">
        <f>'申請書（複数入力用）'!O1765</f>
        <v>#N/A</v>
      </c>
      <c r="J1763" s="12">
        <f>'申請書（複数入力用）'!P1765</f>
        <v>1</v>
      </c>
    </row>
    <row r="1764" spans="1:10" ht="51.6" customHeight="1" x14ac:dyDescent="0.45">
      <c r="A1764" s="6">
        <f>'申請書（複数入力用）'!A1766</f>
        <v>1760</v>
      </c>
      <c r="B1764" s="13">
        <f>'申請書（複数入力用）'!AH1766</f>
        <v>0</v>
      </c>
      <c r="C1764" s="6">
        <f>'申請書（複数入力用）'!B1766</f>
        <v>0</v>
      </c>
      <c r="D1764" s="6">
        <f>'申請書（複数入力用）'!D1766</f>
        <v>0</v>
      </c>
      <c r="E1764" s="14">
        <f>'申請書（複数入力用）'!H1766</f>
        <v>0</v>
      </c>
      <c r="F1764" s="11" t="str">
        <f>'申請書（複数入力用）'!J1766</f>
        <v/>
      </c>
      <c r="G1764" s="6" t="str">
        <f>'申請書（複数入力用）'!K1766</f>
        <v>a052r000000jS9ZAAU</v>
      </c>
      <c r="H1764" s="12" t="e">
        <f>'申請書（複数入力用）'!N1766</f>
        <v>#N/A</v>
      </c>
      <c r="I1764" s="12" t="e">
        <f>'申請書（複数入力用）'!O1766</f>
        <v>#N/A</v>
      </c>
      <c r="J1764" s="12">
        <f>'申請書（複数入力用）'!P1766</f>
        <v>1</v>
      </c>
    </row>
    <row r="1765" spans="1:10" ht="51.6" customHeight="1" x14ac:dyDescent="0.45">
      <c r="A1765" s="6">
        <f>'申請書（複数入力用）'!A1767</f>
        <v>1761</v>
      </c>
      <c r="B1765" s="13">
        <f>'申請書（複数入力用）'!AH1767</f>
        <v>0</v>
      </c>
      <c r="C1765" s="6">
        <f>'申請書（複数入力用）'!B1767</f>
        <v>0</v>
      </c>
      <c r="D1765" s="6">
        <f>'申請書（複数入力用）'!D1767</f>
        <v>0</v>
      </c>
      <c r="E1765" s="14">
        <f>'申請書（複数入力用）'!H1767</f>
        <v>0</v>
      </c>
      <c r="F1765" s="11" t="str">
        <f>'申請書（複数入力用）'!J1767</f>
        <v/>
      </c>
      <c r="G1765" s="6" t="str">
        <f>'申請書（複数入力用）'!K1767</f>
        <v>a052r000000jS9ZAAU</v>
      </c>
      <c r="H1765" s="12" t="e">
        <f>'申請書（複数入力用）'!N1767</f>
        <v>#N/A</v>
      </c>
      <c r="I1765" s="12" t="e">
        <f>'申請書（複数入力用）'!O1767</f>
        <v>#N/A</v>
      </c>
      <c r="J1765" s="12">
        <f>'申請書（複数入力用）'!P1767</f>
        <v>1</v>
      </c>
    </row>
    <row r="1766" spans="1:10" ht="51.6" customHeight="1" x14ac:dyDescent="0.45">
      <c r="A1766" s="6">
        <f>'申請書（複数入力用）'!A1768</f>
        <v>1762</v>
      </c>
      <c r="B1766" s="13">
        <f>'申請書（複数入力用）'!AH1768</f>
        <v>0</v>
      </c>
      <c r="C1766" s="6">
        <f>'申請書（複数入力用）'!B1768</f>
        <v>0</v>
      </c>
      <c r="D1766" s="6">
        <f>'申請書（複数入力用）'!D1768</f>
        <v>0</v>
      </c>
      <c r="E1766" s="14">
        <f>'申請書（複数入力用）'!H1768</f>
        <v>0</v>
      </c>
      <c r="F1766" s="11" t="str">
        <f>'申請書（複数入力用）'!J1768</f>
        <v/>
      </c>
      <c r="G1766" s="6" t="str">
        <f>'申請書（複数入力用）'!K1768</f>
        <v>a052r000000jS9ZAAU</v>
      </c>
      <c r="H1766" s="12" t="e">
        <f>'申請書（複数入力用）'!N1768</f>
        <v>#N/A</v>
      </c>
      <c r="I1766" s="12" t="e">
        <f>'申請書（複数入力用）'!O1768</f>
        <v>#N/A</v>
      </c>
      <c r="J1766" s="12">
        <f>'申請書（複数入力用）'!P1768</f>
        <v>1</v>
      </c>
    </row>
    <row r="1767" spans="1:10" ht="51.6" customHeight="1" x14ac:dyDescent="0.45">
      <c r="A1767" s="6">
        <f>'申請書（複数入力用）'!A1769</f>
        <v>1763</v>
      </c>
      <c r="B1767" s="13">
        <f>'申請書（複数入力用）'!AH1769</f>
        <v>0</v>
      </c>
      <c r="C1767" s="6">
        <f>'申請書（複数入力用）'!B1769</f>
        <v>0</v>
      </c>
      <c r="D1767" s="6">
        <f>'申請書（複数入力用）'!D1769</f>
        <v>0</v>
      </c>
      <c r="E1767" s="14">
        <f>'申請書（複数入力用）'!H1769</f>
        <v>0</v>
      </c>
      <c r="F1767" s="11" t="str">
        <f>'申請書（複数入力用）'!J1769</f>
        <v/>
      </c>
      <c r="G1767" s="6" t="str">
        <f>'申請書（複数入力用）'!K1769</f>
        <v>a052r000000jS9ZAAU</v>
      </c>
      <c r="H1767" s="12" t="e">
        <f>'申請書（複数入力用）'!N1769</f>
        <v>#N/A</v>
      </c>
      <c r="I1767" s="12" t="e">
        <f>'申請書（複数入力用）'!O1769</f>
        <v>#N/A</v>
      </c>
      <c r="J1767" s="12">
        <f>'申請書（複数入力用）'!P1769</f>
        <v>1</v>
      </c>
    </row>
    <row r="1768" spans="1:10" ht="51.6" customHeight="1" x14ac:dyDescent="0.45">
      <c r="A1768" s="6">
        <f>'申請書（複数入力用）'!A1770</f>
        <v>1764</v>
      </c>
      <c r="B1768" s="13">
        <f>'申請書（複数入力用）'!AH1770</f>
        <v>0</v>
      </c>
      <c r="C1768" s="6">
        <f>'申請書（複数入力用）'!B1770</f>
        <v>0</v>
      </c>
      <c r="D1768" s="6">
        <f>'申請書（複数入力用）'!D1770</f>
        <v>0</v>
      </c>
      <c r="E1768" s="14">
        <f>'申請書（複数入力用）'!H1770</f>
        <v>0</v>
      </c>
      <c r="F1768" s="11" t="str">
        <f>'申請書（複数入力用）'!J1770</f>
        <v/>
      </c>
      <c r="G1768" s="6" t="str">
        <f>'申請書（複数入力用）'!K1770</f>
        <v>a052r000000jS9ZAAU</v>
      </c>
      <c r="H1768" s="12" t="e">
        <f>'申請書（複数入力用）'!N1770</f>
        <v>#N/A</v>
      </c>
      <c r="I1768" s="12" t="e">
        <f>'申請書（複数入力用）'!O1770</f>
        <v>#N/A</v>
      </c>
      <c r="J1768" s="12">
        <f>'申請書（複数入力用）'!P1770</f>
        <v>1</v>
      </c>
    </row>
    <row r="1769" spans="1:10" ht="51.6" customHeight="1" x14ac:dyDescent="0.45">
      <c r="A1769" s="6">
        <f>'申請書（複数入力用）'!A1771</f>
        <v>1765</v>
      </c>
      <c r="B1769" s="13">
        <f>'申請書（複数入力用）'!AH1771</f>
        <v>0</v>
      </c>
      <c r="C1769" s="6">
        <f>'申請書（複数入力用）'!B1771</f>
        <v>0</v>
      </c>
      <c r="D1769" s="6">
        <f>'申請書（複数入力用）'!D1771</f>
        <v>0</v>
      </c>
      <c r="E1769" s="14">
        <f>'申請書（複数入力用）'!H1771</f>
        <v>0</v>
      </c>
      <c r="F1769" s="11" t="str">
        <f>'申請書（複数入力用）'!J1771</f>
        <v/>
      </c>
      <c r="G1769" s="6" t="str">
        <f>'申請書（複数入力用）'!K1771</f>
        <v>a052r000000jS9ZAAU</v>
      </c>
      <c r="H1769" s="12" t="e">
        <f>'申請書（複数入力用）'!N1771</f>
        <v>#N/A</v>
      </c>
      <c r="I1769" s="12" t="e">
        <f>'申請書（複数入力用）'!O1771</f>
        <v>#N/A</v>
      </c>
      <c r="J1769" s="12">
        <f>'申請書（複数入力用）'!P1771</f>
        <v>1</v>
      </c>
    </row>
    <row r="1770" spans="1:10" ht="51.6" customHeight="1" x14ac:dyDescent="0.45">
      <c r="A1770" s="6">
        <f>'申請書（複数入力用）'!A1772</f>
        <v>1766</v>
      </c>
      <c r="B1770" s="13">
        <f>'申請書（複数入力用）'!AH1772</f>
        <v>0</v>
      </c>
      <c r="C1770" s="6">
        <f>'申請書（複数入力用）'!B1772</f>
        <v>0</v>
      </c>
      <c r="D1770" s="6">
        <f>'申請書（複数入力用）'!D1772</f>
        <v>0</v>
      </c>
      <c r="E1770" s="14">
        <f>'申請書（複数入力用）'!H1772</f>
        <v>0</v>
      </c>
      <c r="F1770" s="11" t="str">
        <f>'申請書（複数入力用）'!J1772</f>
        <v/>
      </c>
      <c r="G1770" s="6" t="str">
        <f>'申請書（複数入力用）'!K1772</f>
        <v>a052r000000jS9ZAAU</v>
      </c>
      <c r="H1770" s="12" t="e">
        <f>'申請書（複数入力用）'!N1772</f>
        <v>#N/A</v>
      </c>
      <c r="I1770" s="12" t="e">
        <f>'申請書（複数入力用）'!O1772</f>
        <v>#N/A</v>
      </c>
      <c r="J1770" s="12">
        <f>'申請書（複数入力用）'!P1772</f>
        <v>1</v>
      </c>
    </row>
    <row r="1771" spans="1:10" ht="51.6" customHeight="1" x14ac:dyDescent="0.45">
      <c r="A1771" s="6">
        <f>'申請書（複数入力用）'!A1773</f>
        <v>1767</v>
      </c>
      <c r="B1771" s="13">
        <f>'申請書（複数入力用）'!AH1773</f>
        <v>0</v>
      </c>
      <c r="C1771" s="6">
        <f>'申請書（複数入力用）'!B1773</f>
        <v>0</v>
      </c>
      <c r="D1771" s="6">
        <f>'申請書（複数入力用）'!D1773</f>
        <v>0</v>
      </c>
      <c r="E1771" s="14">
        <f>'申請書（複数入力用）'!H1773</f>
        <v>0</v>
      </c>
      <c r="F1771" s="11" t="str">
        <f>'申請書（複数入力用）'!J1773</f>
        <v/>
      </c>
      <c r="G1771" s="6" t="str">
        <f>'申請書（複数入力用）'!K1773</f>
        <v>a052r000000jS9ZAAU</v>
      </c>
      <c r="H1771" s="12" t="e">
        <f>'申請書（複数入力用）'!N1773</f>
        <v>#N/A</v>
      </c>
      <c r="I1771" s="12" t="e">
        <f>'申請書（複数入力用）'!O1773</f>
        <v>#N/A</v>
      </c>
      <c r="J1771" s="12">
        <f>'申請書（複数入力用）'!P1773</f>
        <v>1</v>
      </c>
    </row>
    <row r="1772" spans="1:10" ht="51.6" customHeight="1" x14ac:dyDescent="0.45">
      <c r="A1772" s="6">
        <f>'申請書（複数入力用）'!A1774</f>
        <v>1768</v>
      </c>
      <c r="B1772" s="13">
        <f>'申請書（複数入力用）'!AH1774</f>
        <v>0</v>
      </c>
      <c r="C1772" s="6">
        <f>'申請書（複数入力用）'!B1774</f>
        <v>0</v>
      </c>
      <c r="D1772" s="6">
        <f>'申請書（複数入力用）'!D1774</f>
        <v>0</v>
      </c>
      <c r="E1772" s="14">
        <f>'申請書（複数入力用）'!H1774</f>
        <v>0</v>
      </c>
      <c r="F1772" s="11" t="str">
        <f>'申請書（複数入力用）'!J1774</f>
        <v/>
      </c>
      <c r="G1772" s="6" t="str">
        <f>'申請書（複数入力用）'!K1774</f>
        <v>a052r000000jS9ZAAU</v>
      </c>
      <c r="H1772" s="12" t="e">
        <f>'申請書（複数入力用）'!N1774</f>
        <v>#N/A</v>
      </c>
      <c r="I1772" s="12" t="e">
        <f>'申請書（複数入力用）'!O1774</f>
        <v>#N/A</v>
      </c>
      <c r="J1772" s="12">
        <f>'申請書（複数入力用）'!P1774</f>
        <v>1</v>
      </c>
    </row>
    <row r="1773" spans="1:10" ht="51.6" customHeight="1" x14ac:dyDescent="0.45">
      <c r="A1773" s="6">
        <f>'申請書（複数入力用）'!A1775</f>
        <v>1769</v>
      </c>
      <c r="B1773" s="13">
        <f>'申請書（複数入力用）'!AH1775</f>
        <v>0</v>
      </c>
      <c r="C1773" s="6">
        <f>'申請書（複数入力用）'!B1775</f>
        <v>0</v>
      </c>
      <c r="D1773" s="6">
        <f>'申請書（複数入力用）'!D1775</f>
        <v>0</v>
      </c>
      <c r="E1773" s="14">
        <f>'申請書（複数入力用）'!H1775</f>
        <v>0</v>
      </c>
      <c r="F1773" s="11" t="str">
        <f>'申請書（複数入力用）'!J1775</f>
        <v/>
      </c>
      <c r="G1773" s="6" t="str">
        <f>'申請書（複数入力用）'!K1775</f>
        <v>a052r000000jS9ZAAU</v>
      </c>
      <c r="H1773" s="12" t="e">
        <f>'申請書（複数入力用）'!N1775</f>
        <v>#N/A</v>
      </c>
      <c r="I1773" s="12" t="e">
        <f>'申請書（複数入力用）'!O1775</f>
        <v>#N/A</v>
      </c>
      <c r="J1773" s="12">
        <f>'申請書（複数入力用）'!P1775</f>
        <v>1</v>
      </c>
    </row>
    <row r="1774" spans="1:10" ht="51.6" customHeight="1" x14ac:dyDescent="0.45">
      <c r="A1774" s="6">
        <f>'申請書（複数入力用）'!A1776</f>
        <v>1770</v>
      </c>
      <c r="B1774" s="13">
        <f>'申請書（複数入力用）'!AH1776</f>
        <v>0</v>
      </c>
      <c r="C1774" s="6">
        <f>'申請書（複数入力用）'!B1776</f>
        <v>0</v>
      </c>
      <c r="D1774" s="6">
        <f>'申請書（複数入力用）'!D1776</f>
        <v>0</v>
      </c>
      <c r="E1774" s="14">
        <f>'申請書（複数入力用）'!H1776</f>
        <v>0</v>
      </c>
      <c r="F1774" s="11" t="str">
        <f>'申請書（複数入力用）'!J1776</f>
        <v/>
      </c>
      <c r="G1774" s="6" t="str">
        <f>'申請書（複数入力用）'!K1776</f>
        <v>a052r000000jS9ZAAU</v>
      </c>
      <c r="H1774" s="12" t="e">
        <f>'申請書（複数入力用）'!N1776</f>
        <v>#N/A</v>
      </c>
      <c r="I1774" s="12" t="e">
        <f>'申請書（複数入力用）'!O1776</f>
        <v>#N/A</v>
      </c>
      <c r="J1774" s="12">
        <f>'申請書（複数入力用）'!P1776</f>
        <v>1</v>
      </c>
    </row>
    <row r="1775" spans="1:10" ht="51.6" customHeight="1" x14ac:dyDescent="0.45">
      <c r="A1775" s="6">
        <f>'申請書（複数入力用）'!A1777</f>
        <v>1771</v>
      </c>
      <c r="B1775" s="13">
        <f>'申請書（複数入力用）'!AH1777</f>
        <v>0</v>
      </c>
      <c r="C1775" s="6">
        <f>'申請書（複数入力用）'!B1777</f>
        <v>0</v>
      </c>
      <c r="D1775" s="6">
        <f>'申請書（複数入力用）'!D1777</f>
        <v>0</v>
      </c>
      <c r="E1775" s="14">
        <f>'申請書（複数入力用）'!H1777</f>
        <v>0</v>
      </c>
      <c r="F1775" s="11" t="str">
        <f>'申請書（複数入力用）'!J1777</f>
        <v/>
      </c>
      <c r="G1775" s="6" t="str">
        <f>'申請書（複数入力用）'!K1777</f>
        <v>a052r000000jS9ZAAU</v>
      </c>
      <c r="H1775" s="12" t="e">
        <f>'申請書（複数入力用）'!N1777</f>
        <v>#N/A</v>
      </c>
      <c r="I1775" s="12" t="e">
        <f>'申請書（複数入力用）'!O1777</f>
        <v>#N/A</v>
      </c>
      <c r="J1775" s="12">
        <f>'申請書（複数入力用）'!P1777</f>
        <v>1</v>
      </c>
    </row>
    <row r="1776" spans="1:10" ht="51.6" customHeight="1" x14ac:dyDescent="0.45">
      <c r="A1776" s="6">
        <f>'申請書（複数入力用）'!A1778</f>
        <v>1772</v>
      </c>
      <c r="B1776" s="13">
        <f>'申請書（複数入力用）'!AH1778</f>
        <v>0</v>
      </c>
      <c r="C1776" s="6">
        <f>'申請書（複数入力用）'!B1778</f>
        <v>0</v>
      </c>
      <c r="D1776" s="6">
        <f>'申請書（複数入力用）'!D1778</f>
        <v>0</v>
      </c>
      <c r="E1776" s="14">
        <f>'申請書（複数入力用）'!H1778</f>
        <v>0</v>
      </c>
      <c r="F1776" s="11" t="str">
        <f>'申請書（複数入力用）'!J1778</f>
        <v/>
      </c>
      <c r="G1776" s="6" t="str">
        <f>'申請書（複数入力用）'!K1778</f>
        <v>a052r000000jS9ZAAU</v>
      </c>
      <c r="H1776" s="12" t="e">
        <f>'申請書（複数入力用）'!N1778</f>
        <v>#N/A</v>
      </c>
      <c r="I1776" s="12" t="e">
        <f>'申請書（複数入力用）'!O1778</f>
        <v>#N/A</v>
      </c>
      <c r="J1776" s="12">
        <f>'申請書（複数入力用）'!P1778</f>
        <v>1</v>
      </c>
    </row>
    <row r="1777" spans="1:10" ht="51.6" customHeight="1" x14ac:dyDescent="0.45">
      <c r="A1777" s="6">
        <f>'申請書（複数入力用）'!A1779</f>
        <v>1773</v>
      </c>
      <c r="B1777" s="13">
        <f>'申請書（複数入力用）'!AH1779</f>
        <v>0</v>
      </c>
      <c r="C1777" s="6">
        <f>'申請書（複数入力用）'!B1779</f>
        <v>0</v>
      </c>
      <c r="D1777" s="6">
        <f>'申請書（複数入力用）'!D1779</f>
        <v>0</v>
      </c>
      <c r="E1777" s="14">
        <f>'申請書（複数入力用）'!H1779</f>
        <v>0</v>
      </c>
      <c r="F1777" s="11" t="str">
        <f>'申請書（複数入力用）'!J1779</f>
        <v/>
      </c>
      <c r="G1777" s="6" t="str">
        <f>'申請書（複数入力用）'!K1779</f>
        <v>a052r000000jS9ZAAU</v>
      </c>
      <c r="H1777" s="12" t="e">
        <f>'申請書（複数入力用）'!N1779</f>
        <v>#N/A</v>
      </c>
      <c r="I1777" s="12" t="e">
        <f>'申請書（複数入力用）'!O1779</f>
        <v>#N/A</v>
      </c>
      <c r="J1777" s="12">
        <f>'申請書（複数入力用）'!P1779</f>
        <v>1</v>
      </c>
    </row>
    <row r="1778" spans="1:10" ht="51.6" customHeight="1" x14ac:dyDescent="0.45">
      <c r="A1778" s="6">
        <f>'申請書（複数入力用）'!A1780</f>
        <v>1774</v>
      </c>
      <c r="B1778" s="13">
        <f>'申請書（複数入力用）'!AH1780</f>
        <v>0</v>
      </c>
      <c r="C1778" s="6">
        <f>'申請書（複数入力用）'!B1780</f>
        <v>0</v>
      </c>
      <c r="D1778" s="6">
        <f>'申請書（複数入力用）'!D1780</f>
        <v>0</v>
      </c>
      <c r="E1778" s="14">
        <f>'申請書（複数入力用）'!H1780</f>
        <v>0</v>
      </c>
      <c r="F1778" s="11" t="str">
        <f>'申請書（複数入力用）'!J1780</f>
        <v/>
      </c>
      <c r="G1778" s="6" t="str">
        <f>'申請書（複数入力用）'!K1780</f>
        <v>a052r000000jS9ZAAU</v>
      </c>
      <c r="H1778" s="12" t="e">
        <f>'申請書（複数入力用）'!N1780</f>
        <v>#N/A</v>
      </c>
      <c r="I1778" s="12" t="e">
        <f>'申請書（複数入力用）'!O1780</f>
        <v>#N/A</v>
      </c>
      <c r="J1778" s="12">
        <f>'申請書（複数入力用）'!P1780</f>
        <v>1</v>
      </c>
    </row>
    <row r="1779" spans="1:10" ht="51.6" customHeight="1" x14ac:dyDescent="0.45">
      <c r="A1779" s="6">
        <f>'申請書（複数入力用）'!A1781</f>
        <v>1775</v>
      </c>
      <c r="B1779" s="13">
        <f>'申請書（複数入力用）'!AH1781</f>
        <v>0</v>
      </c>
      <c r="C1779" s="6">
        <f>'申請書（複数入力用）'!B1781</f>
        <v>0</v>
      </c>
      <c r="D1779" s="6">
        <f>'申請書（複数入力用）'!D1781</f>
        <v>0</v>
      </c>
      <c r="E1779" s="14">
        <f>'申請書（複数入力用）'!H1781</f>
        <v>0</v>
      </c>
      <c r="F1779" s="11" t="str">
        <f>'申請書（複数入力用）'!J1781</f>
        <v/>
      </c>
      <c r="G1779" s="6" t="str">
        <f>'申請書（複数入力用）'!K1781</f>
        <v>a052r000000jS9ZAAU</v>
      </c>
      <c r="H1779" s="12" t="e">
        <f>'申請書（複数入力用）'!N1781</f>
        <v>#N/A</v>
      </c>
      <c r="I1779" s="12" t="e">
        <f>'申請書（複数入力用）'!O1781</f>
        <v>#N/A</v>
      </c>
      <c r="J1779" s="12">
        <f>'申請書（複数入力用）'!P1781</f>
        <v>1</v>
      </c>
    </row>
    <row r="1780" spans="1:10" ht="51.6" customHeight="1" x14ac:dyDescent="0.45">
      <c r="A1780" s="6">
        <f>'申請書（複数入力用）'!A1782</f>
        <v>1776</v>
      </c>
      <c r="B1780" s="13">
        <f>'申請書（複数入力用）'!AH1782</f>
        <v>0</v>
      </c>
      <c r="C1780" s="6">
        <f>'申請書（複数入力用）'!B1782</f>
        <v>0</v>
      </c>
      <c r="D1780" s="6">
        <f>'申請書（複数入力用）'!D1782</f>
        <v>0</v>
      </c>
      <c r="E1780" s="14">
        <f>'申請書（複数入力用）'!H1782</f>
        <v>0</v>
      </c>
      <c r="F1780" s="11" t="str">
        <f>'申請書（複数入力用）'!J1782</f>
        <v/>
      </c>
      <c r="G1780" s="6" t="str">
        <f>'申請書（複数入力用）'!K1782</f>
        <v>a052r000000jS9ZAAU</v>
      </c>
      <c r="H1780" s="12" t="e">
        <f>'申請書（複数入力用）'!N1782</f>
        <v>#N/A</v>
      </c>
      <c r="I1780" s="12" t="e">
        <f>'申請書（複数入力用）'!O1782</f>
        <v>#N/A</v>
      </c>
      <c r="J1780" s="12">
        <f>'申請書（複数入力用）'!P1782</f>
        <v>1</v>
      </c>
    </row>
    <row r="1781" spans="1:10" ht="51.6" customHeight="1" x14ac:dyDescent="0.45">
      <c r="A1781" s="6">
        <f>'申請書（複数入力用）'!A1783</f>
        <v>1777</v>
      </c>
      <c r="B1781" s="13">
        <f>'申請書（複数入力用）'!AH1783</f>
        <v>0</v>
      </c>
      <c r="C1781" s="6">
        <f>'申請書（複数入力用）'!B1783</f>
        <v>0</v>
      </c>
      <c r="D1781" s="6">
        <f>'申請書（複数入力用）'!D1783</f>
        <v>0</v>
      </c>
      <c r="E1781" s="14">
        <f>'申請書（複数入力用）'!H1783</f>
        <v>0</v>
      </c>
      <c r="F1781" s="11" t="str">
        <f>'申請書（複数入力用）'!J1783</f>
        <v/>
      </c>
      <c r="G1781" s="6" t="str">
        <f>'申請書（複数入力用）'!K1783</f>
        <v>a052r000000jS9ZAAU</v>
      </c>
      <c r="H1781" s="12" t="e">
        <f>'申請書（複数入力用）'!N1783</f>
        <v>#N/A</v>
      </c>
      <c r="I1781" s="12" t="e">
        <f>'申請書（複数入力用）'!O1783</f>
        <v>#N/A</v>
      </c>
      <c r="J1781" s="12">
        <f>'申請書（複数入力用）'!P1783</f>
        <v>1</v>
      </c>
    </row>
    <row r="1782" spans="1:10" ht="51.6" customHeight="1" x14ac:dyDescent="0.45">
      <c r="A1782" s="6">
        <f>'申請書（複数入力用）'!A1784</f>
        <v>1778</v>
      </c>
      <c r="B1782" s="13">
        <f>'申請書（複数入力用）'!AH1784</f>
        <v>0</v>
      </c>
      <c r="C1782" s="6">
        <f>'申請書（複数入力用）'!B1784</f>
        <v>0</v>
      </c>
      <c r="D1782" s="6">
        <f>'申請書（複数入力用）'!D1784</f>
        <v>0</v>
      </c>
      <c r="E1782" s="14">
        <f>'申請書（複数入力用）'!H1784</f>
        <v>0</v>
      </c>
      <c r="F1782" s="11" t="str">
        <f>'申請書（複数入力用）'!J1784</f>
        <v/>
      </c>
      <c r="G1782" s="6" t="str">
        <f>'申請書（複数入力用）'!K1784</f>
        <v>a052r000000jS9ZAAU</v>
      </c>
      <c r="H1782" s="12" t="e">
        <f>'申請書（複数入力用）'!N1784</f>
        <v>#N/A</v>
      </c>
      <c r="I1782" s="12" t="e">
        <f>'申請書（複数入力用）'!O1784</f>
        <v>#N/A</v>
      </c>
      <c r="J1782" s="12">
        <f>'申請書（複数入力用）'!P1784</f>
        <v>1</v>
      </c>
    </row>
    <row r="1783" spans="1:10" ht="51.6" customHeight="1" x14ac:dyDescent="0.45">
      <c r="A1783" s="6">
        <f>'申請書（複数入力用）'!A1785</f>
        <v>1779</v>
      </c>
      <c r="B1783" s="13">
        <f>'申請書（複数入力用）'!AH1785</f>
        <v>0</v>
      </c>
      <c r="C1783" s="6">
        <f>'申請書（複数入力用）'!B1785</f>
        <v>0</v>
      </c>
      <c r="D1783" s="6">
        <f>'申請書（複数入力用）'!D1785</f>
        <v>0</v>
      </c>
      <c r="E1783" s="14">
        <f>'申請書（複数入力用）'!H1785</f>
        <v>0</v>
      </c>
      <c r="F1783" s="11" t="str">
        <f>'申請書（複数入力用）'!J1785</f>
        <v/>
      </c>
      <c r="G1783" s="6" t="str">
        <f>'申請書（複数入力用）'!K1785</f>
        <v>a052r000000jS9ZAAU</v>
      </c>
      <c r="H1783" s="12" t="e">
        <f>'申請書（複数入力用）'!N1785</f>
        <v>#N/A</v>
      </c>
      <c r="I1783" s="12" t="e">
        <f>'申請書（複数入力用）'!O1785</f>
        <v>#N/A</v>
      </c>
      <c r="J1783" s="12">
        <f>'申請書（複数入力用）'!P1785</f>
        <v>1</v>
      </c>
    </row>
    <row r="1784" spans="1:10" ht="51.6" customHeight="1" x14ac:dyDescent="0.45">
      <c r="A1784" s="6">
        <f>'申請書（複数入力用）'!A1786</f>
        <v>1780</v>
      </c>
      <c r="B1784" s="13">
        <f>'申請書（複数入力用）'!AH1786</f>
        <v>0</v>
      </c>
      <c r="C1784" s="6">
        <f>'申請書（複数入力用）'!B1786</f>
        <v>0</v>
      </c>
      <c r="D1784" s="6">
        <f>'申請書（複数入力用）'!D1786</f>
        <v>0</v>
      </c>
      <c r="E1784" s="14">
        <f>'申請書（複数入力用）'!H1786</f>
        <v>0</v>
      </c>
      <c r="F1784" s="11" t="str">
        <f>'申請書（複数入力用）'!J1786</f>
        <v/>
      </c>
      <c r="G1784" s="6" t="str">
        <f>'申請書（複数入力用）'!K1786</f>
        <v>a052r000000jS9ZAAU</v>
      </c>
      <c r="H1784" s="12" t="e">
        <f>'申請書（複数入力用）'!N1786</f>
        <v>#N/A</v>
      </c>
      <c r="I1784" s="12" t="e">
        <f>'申請書（複数入力用）'!O1786</f>
        <v>#N/A</v>
      </c>
      <c r="J1784" s="12">
        <f>'申請書（複数入力用）'!P1786</f>
        <v>1</v>
      </c>
    </row>
    <row r="1785" spans="1:10" ht="51.6" customHeight="1" x14ac:dyDescent="0.45">
      <c r="A1785" s="6">
        <f>'申請書（複数入力用）'!A1787</f>
        <v>1781</v>
      </c>
      <c r="B1785" s="13">
        <f>'申請書（複数入力用）'!AH1787</f>
        <v>0</v>
      </c>
      <c r="C1785" s="6">
        <f>'申請書（複数入力用）'!B1787</f>
        <v>0</v>
      </c>
      <c r="D1785" s="6">
        <f>'申請書（複数入力用）'!D1787</f>
        <v>0</v>
      </c>
      <c r="E1785" s="14">
        <f>'申請書（複数入力用）'!H1787</f>
        <v>0</v>
      </c>
      <c r="F1785" s="11" t="str">
        <f>'申請書（複数入力用）'!J1787</f>
        <v/>
      </c>
      <c r="G1785" s="6" t="str">
        <f>'申請書（複数入力用）'!K1787</f>
        <v>a052r000000jS9ZAAU</v>
      </c>
      <c r="H1785" s="12" t="e">
        <f>'申請書（複数入力用）'!N1787</f>
        <v>#N/A</v>
      </c>
      <c r="I1785" s="12" t="e">
        <f>'申請書（複数入力用）'!O1787</f>
        <v>#N/A</v>
      </c>
      <c r="J1785" s="12">
        <f>'申請書（複数入力用）'!P1787</f>
        <v>1</v>
      </c>
    </row>
    <row r="1786" spans="1:10" ht="51.6" customHeight="1" x14ac:dyDescent="0.45">
      <c r="A1786" s="6">
        <f>'申請書（複数入力用）'!A1788</f>
        <v>1782</v>
      </c>
      <c r="B1786" s="13">
        <f>'申請書（複数入力用）'!AH1788</f>
        <v>0</v>
      </c>
      <c r="C1786" s="6">
        <f>'申請書（複数入力用）'!B1788</f>
        <v>0</v>
      </c>
      <c r="D1786" s="6">
        <f>'申請書（複数入力用）'!D1788</f>
        <v>0</v>
      </c>
      <c r="E1786" s="14">
        <f>'申請書（複数入力用）'!H1788</f>
        <v>0</v>
      </c>
      <c r="F1786" s="11" t="str">
        <f>'申請書（複数入力用）'!J1788</f>
        <v/>
      </c>
      <c r="G1786" s="6" t="str">
        <f>'申請書（複数入力用）'!K1788</f>
        <v>a052r000000jS9ZAAU</v>
      </c>
      <c r="H1786" s="12" t="e">
        <f>'申請書（複数入力用）'!N1788</f>
        <v>#N/A</v>
      </c>
      <c r="I1786" s="12" t="e">
        <f>'申請書（複数入力用）'!O1788</f>
        <v>#N/A</v>
      </c>
      <c r="J1786" s="12">
        <f>'申請書（複数入力用）'!P1788</f>
        <v>1</v>
      </c>
    </row>
    <row r="1787" spans="1:10" ht="51.6" customHeight="1" x14ac:dyDescent="0.45">
      <c r="A1787" s="6">
        <f>'申請書（複数入力用）'!A1789</f>
        <v>1783</v>
      </c>
      <c r="B1787" s="13">
        <f>'申請書（複数入力用）'!AH1789</f>
        <v>0</v>
      </c>
      <c r="C1787" s="6">
        <f>'申請書（複数入力用）'!B1789</f>
        <v>0</v>
      </c>
      <c r="D1787" s="6">
        <f>'申請書（複数入力用）'!D1789</f>
        <v>0</v>
      </c>
      <c r="E1787" s="14">
        <f>'申請書（複数入力用）'!H1789</f>
        <v>0</v>
      </c>
      <c r="F1787" s="11" t="str">
        <f>'申請書（複数入力用）'!J1789</f>
        <v/>
      </c>
      <c r="G1787" s="6" t="str">
        <f>'申請書（複数入力用）'!K1789</f>
        <v>a052r000000jS9ZAAU</v>
      </c>
      <c r="H1787" s="12" t="e">
        <f>'申請書（複数入力用）'!N1789</f>
        <v>#N/A</v>
      </c>
      <c r="I1787" s="12" t="e">
        <f>'申請書（複数入力用）'!O1789</f>
        <v>#N/A</v>
      </c>
      <c r="J1787" s="12">
        <f>'申請書（複数入力用）'!P1789</f>
        <v>1</v>
      </c>
    </row>
    <row r="1788" spans="1:10" ht="51.6" customHeight="1" x14ac:dyDescent="0.45">
      <c r="A1788" s="6">
        <f>'申請書（複数入力用）'!A1790</f>
        <v>1784</v>
      </c>
      <c r="B1788" s="13">
        <f>'申請書（複数入力用）'!AH1790</f>
        <v>0</v>
      </c>
      <c r="C1788" s="6">
        <f>'申請書（複数入力用）'!B1790</f>
        <v>0</v>
      </c>
      <c r="D1788" s="6">
        <f>'申請書（複数入力用）'!D1790</f>
        <v>0</v>
      </c>
      <c r="E1788" s="14">
        <f>'申請書（複数入力用）'!H1790</f>
        <v>0</v>
      </c>
      <c r="F1788" s="11" t="str">
        <f>'申請書（複数入力用）'!J1790</f>
        <v/>
      </c>
      <c r="G1788" s="6" t="str">
        <f>'申請書（複数入力用）'!K1790</f>
        <v>a052r000000jS9ZAAU</v>
      </c>
      <c r="H1788" s="12" t="e">
        <f>'申請書（複数入力用）'!N1790</f>
        <v>#N/A</v>
      </c>
      <c r="I1788" s="12" t="e">
        <f>'申請書（複数入力用）'!O1790</f>
        <v>#N/A</v>
      </c>
      <c r="J1788" s="12">
        <f>'申請書（複数入力用）'!P1790</f>
        <v>1</v>
      </c>
    </row>
    <row r="1789" spans="1:10" ht="51.6" customHeight="1" x14ac:dyDescent="0.45">
      <c r="A1789" s="6">
        <f>'申請書（複数入力用）'!A1791</f>
        <v>1785</v>
      </c>
      <c r="B1789" s="13">
        <f>'申請書（複数入力用）'!AH1791</f>
        <v>0</v>
      </c>
      <c r="C1789" s="6">
        <f>'申請書（複数入力用）'!B1791</f>
        <v>0</v>
      </c>
      <c r="D1789" s="6">
        <f>'申請書（複数入力用）'!D1791</f>
        <v>0</v>
      </c>
      <c r="E1789" s="14">
        <f>'申請書（複数入力用）'!H1791</f>
        <v>0</v>
      </c>
      <c r="F1789" s="11" t="str">
        <f>'申請書（複数入力用）'!J1791</f>
        <v/>
      </c>
      <c r="G1789" s="6" t="str">
        <f>'申請書（複数入力用）'!K1791</f>
        <v>a052r000000jS9ZAAU</v>
      </c>
      <c r="H1789" s="12" t="e">
        <f>'申請書（複数入力用）'!N1791</f>
        <v>#N/A</v>
      </c>
      <c r="I1789" s="12" t="e">
        <f>'申請書（複数入力用）'!O1791</f>
        <v>#N/A</v>
      </c>
      <c r="J1789" s="12">
        <f>'申請書（複数入力用）'!P1791</f>
        <v>1</v>
      </c>
    </row>
    <row r="1790" spans="1:10" ht="51.6" customHeight="1" x14ac:dyDescent="0.45">
      <c r="A1790" s="6">
        <f>'申請書（複数入力用）'!A1792</f>
        <v>1786</v>
      </c>
      <c r="B1790" s="13">
        <f>'申請書（複数入力用）'!AH1792</f>
        <v>0</v>
      </c>
      <c r="C1790" s="6">
        <f>'申請書（複数入力用）'!B1792</f>
        <v>0</v>
      </c>
      <c r="D1790" s="6">
        <f>'申請書（複数入力用）'!D1792</f>
        <v>0</v>
      </c>
      <c r="E1790" s="14">
        <f>'申請書（複数入力用）'!H1792</f>
        <v>0</v>
      </c>
      <c r="F1790" s="11" t="str">
        <f>'申請書（複数入力用）'!J1792</f>
        <v/>
      </c>
      <c r="G1790" s="6" t="str">
        <f>'申請書（複数入力用）'!K1792</f>
        <v>a052r000000jS9ZAAU</v>
      </c>
      <c r="H1790" s="12" t="e">
        <f>'申請書（複数入力用）'!N1792</f>
        <v>#N/A</v>
      </c>
      <c r="I1790" s="12" t="e">
        <f>'申請書（複数入力用）'!O1792</f>
        <v>#N/A</v>
      </c>
      <c r="J1790" s="12">
        <f>'申請書（複数入力用）'!P1792</f>
        <v>1</v>
      </c>
    </row>
    <row r="1791" spans="1:10" ht="51.6" customHeight="1" x14ac:dyDescent="0.45">
      <c r="A1791" s="6">
        <f>'申請書（複数入力用）'!A1793</f>
        <v>1787</v>
      </c>
      <c r="B1791" s="13">
        <f>'申請書（複数入力用）'!AH1793</f>
        <v>0</v>
      </c>
      <c r="C1791" s="6">
        <f>'申請書（複数入力用）'!B1793</f>
        <v>0</v>
      </c>
      <c r="D1791" s="6">
        <f>'申請書（複数入力用）'!D1793</f>
        <v>0</v>
      </c>
      <c r="E1791" s="14">
        <f>'申請書（複数入力用）'!H1793</f>
        <v>0</v>
      </c>
      <c r="F1791" s="11" t="str">
        <f>'申請書（複数入力用）'!J1793</f>
        <v/>
      </c>
      <c r="G1791" s="6" t="str">
        <f>'申請書（複数入力用）'!K1793</f>
        <v>a052r000000jS9ZAAU</v>
      </c>
      <c r="H1791" s="12" t="e">
        <f>'申請書（複数入力用）'!N1793</f>
        <v>#N/A</v>
      </c>
      <c r="I1791" s="12" t="e">
        <f>'申請書（複数入力用）'!O1793</f>
        <v>#N/A</v>
      </c>
      <c r="J1791" s="12">
        <f>'申請書（複数入力用）'!P1793</f>
        <v>1</v>
      </c>
    </row>
    <row r="1792" spans="1:10" ht="51.6" customHeight="1" x14ac:dyDescent="0.45">
      <c r="A1792" s="6">
        <f>'申請書（複数入力用）'!A1794</f>
        <v>1788</v>
      </c>
      <c r="B1792" s="13">
        <f>'申請書（複数入力用）'!AH1794</f>
        <v>0</v>
      </c>
      <c r="C1792" s="6">
        <f>'申請書（複数入力用）'!B1794</f>
        <v>0</v>
      </c>
      <c r="D1792" s="6">
        <f>'申請書（複数入力用）'!D1794</f>
        <v>0</v>
      </c>
      <c r="E1792" s="14">
        <f>'申請書（複数入力用）'!H1794</f>
        <v>0</v>
      </c>
      <c r="F1792" s="11" t="str">
        <f>'申請書（複数入力用）'!J1794</f>
        <v/>
      </c>
      <c r="G1792" s="6" t="str">
        <f>'申請書（複数入力用）'!K1794</f>
        <v>a052r000000jS9ZAAU</v>
      </c>
      <c r="H1792" s="12" t="e">
        <f>'申請書（複数入力用）'!N1794</f>
        <v>#N/A</v>
      </c>
      <c r="I1792" s="12" t="e">
        <f>'申請書（複数入力用）'!O1794</f>
        <v>#N/A</v>
      </c>
      <c r="J1792" s="12">
        <f>'申請書（複数入力用）'!P1794</f>
        <v>1</v>
      </c>
    </row>
    <row r="1793" spans="1:10" ht="51.6" customHeight="1" x14ac:dyDescent="0.45">
      <c r="A1793" s="6">
        <f>'申請書（複数入力用）'!A1795</f>
        <v>1789</v>
      </c>
      <c r="B1793" s="13">
        <f>'申請書（複数入力用）'!AH1795</f>
        <v>0</v>
      </c>
      <c r="C1793" s="6">
        <f>'申請書（複数入力用）'!B1795</f>
        <v>0</v>
      </c>
      <c r="D1793" s="6">
        <f>'申請書（複数入力用）'!D1795</f>
        <v>0</v>
      </c>
      <c r="E1793" s="14">
        <f>'申請書（複数入力用）'!H1795</f>
        <v>0</v>
      </c>
      <c r="F1793" s="11" t="str">
        <f>'申請書（複数入力用）'!J1795</f>
        <v/>
      </c>
      <c r="G1793" s="6" t="str">
        <f>'申請書（複数入力用）'!K1795</f>
        <v>a052r000000jS9ZAAU</v>
      </c>
      <c r="H1793" s="12" t="e">
        <f>'申請書（複数入力用）'!N1795</f>
        <v>#N/A</v>
      </c>
      <c r="I1793" s="12" t="e">
        <f>'申請書（複数入力用）'!O1795</f>
        <v>#N/A</v>
      </c>
      <c r="J1793" s="12">
        <f>'申請書（複数入力用）'!P1795</f>
        <v>1</v>
      </c>
    </row>
    <row r="1794" spans="1:10" ht="51.6" customHeight="1" x14ac:dyDescent="0.45">
      <c r="A1794" s="6">
        <f>'申請書（複数入力用）'!A1796</f>
        <v>1790</v>
      </c>
      <c r="B1794" s="13">
        <f>'申請書（複数入力用）'!AH1796</f>
        <v>0</v>
      </c>
      <c r="C1794" s="6">
        <f>'申請書（複数入力用）'!B1796</f>
        <v>0</v>
      </c>
      <c r="D1794" s="6">
        <f>'申請書（複数入力用）'!D1796</f>
        <v>0</v>
      </c>
      <c r="E1794" s="14">
        <f>'申請書（複数入力用）'!H1796</f>
        <v>0</v>
      </c>
      <c r="F1794" s="11" t="str">
        <f>'申請書（複数入力用）'!J1796</f>
        <v/>
      </c>
      <c r="G1794" s="6" t="str">
        <f>'申請書（複数入力用）'!K1796</f>
        <v>a052r000000jS9ZAAU</v>
      </c>
      <c r="H1794" s="12" t="e">
        <f>'申請書（複数入力用）'!N1796</f>
        <v>#N/A</v>
      </c>
      <c r="I1794" s="12" t="e">
        <f>'申請書（複数入力用）'!O1796</f>
        <v>#N/A</v>
      </c>
      <c r="J1794" s="12">
        <f>'申請書（複数入力用）'!P1796</f>
        <v>1</v>
      </c>
    </row>
    <row r="1795" spans="1:10" ht="51.6" customHeight="1" x14ac:dyDescent="0.45">
      <c r="A1795" s="6">
        <f>'申請書（複数入力用）'!A1797</f>
        <v>1791</v>
      </c>
      <c r="B1795" s="13">
        <f>'申請書（複数入力用）'!AH1797</f>
        <v>0</v>
      </c>
      <c r="C1795" s="6">
        <f>'申請書（複数入力用）'!B1797</f>
        <v>0</v>
      </c>
      <c r="D1795" s="6">
        <f>'申請書（複数入力用）'!D1797</f>
        <v>0</v>
      </c>
      <c r="E1795" s="14">
        <f>'申請書（複数入力用）'!H1797</f>
        <v>0</v>
      </c>
      <c r="F1795" s="11" t="str">
        <f>'申請書（複数入力用）'!J1797</f>
        <v/>
      </c>
      <c r="G1795" s="6" t="str">
        <f>'申請書（複数入力用）'!K1797</f>
        <v>a052r000000jS9ZAAU</v>
      </c>
      <c r="H1795" s="12" t="e">
        <f>'申請書（複数入力用）'!N1797</f>
        <v>#N/A</v>
      </c>
      <c r="I1795" s="12" t="e">
        <f>'申請書（複数入力用）'!O1797</f>
        <v>#N/A</v>
      </c>
      <c r="J1795" s="12">
        <f>'申請書（複数入力用）'!P1797</f>
        <v>1</v>
      </c>
    </row>
    <row r="1796" spans="1:10" ht="51.6" customHeight="1" x14ac:dyDescent="0.45">
      <c r="A1796" s="6">
        <f>'申請書（複数入力用）'!A1798</f>
        <v>1792</v>
      </c>
      <c r="B1796" s="13">
        <f>'申請書（複数入力用）'!AH1798</f>
        <v>0</v>
      </c>
      <c r="C1796" s="6">
        <f>'申請書（複数入力用）'!B1798</f>
        <v>0</v>
      </c>
      <c r="D1796" s="6">
        <f>'申請書（複数入力用）'!D1798</f>
        <v>0</v>
      </c>
      <c r="E1796" s="14">
        <f>'申請書（複数入力用）'!H1798</f>
        <v>0</v>
      </c>
      <c r="F1796" s="11" t="str">
        <f>'申請書（複数入力用）'!J1798</f>
        <v/>
      </c>
      <c r="G1796" s="6" t="str">
        <f>'申請書（複数入力用）'!K1798</f>
        <v>a052r000000jS9ZAAU</v>
      </c>
      <c r="H1796" s="12" t="e">
        <f>'申請書（複数入力用）'!N1798</f>
        <v>#N/A</v>
      </c>
      <c r="I1796" s="12" t="e">
        <f>'申請書（複数入力用）'!O1798</f>
        <v>#N/A</v>
      </c>
      <c r="J1796" s="12">
        <f>'申請書（複数入力用）'!P1798</f>
        <v>1</v>
      </c>
    </row>
    <row r="1797" spans="1:10" ht="51.6" customHeight="1" x14ac:dyDescent="0.45">
      <c r="A1797" s="6">
        <f>'申請書（複数入力用）'!A1799</f>
        <v>1793</v>
      </c>
      <c r="B1797" s="13">
        <f>'申請書（複数入力用）'!AH1799</f>
        <v>0</v>
      </c>
      <c r="C1797" s="6">
        <f>'申請書（複数入力用）'!B1799</f>
        <v>0</v>
      </c>
      <c r="D1797" s="6">
        <f>'申請書（複数入力用）'!D1799</f>
        <v>0</v>
      </c>
      <c r="E1797" s="14">
        <f>'申請書（複数入力用）'!H1799</f>
        <v>0</v>
      </c>
      <c r="F1797" s="11" t="str">
        <f>'申請書（複数入力用）'!J1799</f>
        <v/>
      </c>
      <c r="G1797" s="6" t="str">
        <f>'申請書（複数入力用）'!K1799</f>
        <v>a052r000000jS9ZAAU</v>
      </c>
      <c r="H1797" s="12" t="e">
        <f>'申請書（複数入力用）'!N1799</f>
        <v>#N/A</v>
      </c>
      <c r="I1797" s="12" t="e">
        <f>'申請書（複数入力用）'!O1799</f>
        <v>#N/A</v>
      </c>
      <c r="J1797" s="12">
        <f>'申請書（複数入力用）'!P1799</f>
        <v>1</v>
      </c>
    </row>
    <row r="1798" spans="1:10" ht="51.6" customHeight="1" x14ac:dyDescent="0.45">
      <c r="A1798" s="6">
        <f>'申請書（複数入力用）'!A1800</f>
        <v>1794</v>
      </c>
      <c r="B1798" s="13">
        <f>'申請書（複数入力用）'!AH1800</f>
        <v>0</v>
      </c>
      <c r="C1798" s="6">
        <f>'申請書（複数入力用）'!B1800</f>
        <v>0</v>
      </c>
      <c r="D1798" s="6">
        <f>'申請書（複数入力用）'!D1800</f>
        <v>0</v>
      </c>
      <c r="E1798" s="14">
        <f>'申請書（複数入力用）'!H1800</f>
        <v>0</v>
      </c>
      <c r="F1798" s="11" t="str">
        <f>'申請書（複数入力用）'!J1800</f>
        <v/>
      </c>
      <c r="G1798" s="6" t="str">
        <f>'申請書（複数入力用）'!K1800</f>
        <v>a052r000000jS9ZAAU</v>
      </c>
      <c r="H1798" s="12" t="e">
        <f>'申請書（複数入力用）'!N1800</f>
        <v>#N/A</v>
      </c>
      <c r="I1798" s="12" t="e">
        <f>'申請書（複数入力用）'!O1800</f>
        <v>#N/A</v>
      </c>
      <c r="J1798" s="12">
        <f>'申請書（複数入力用）'!P1800</f>
        <v>1</v>
      </c>
    </row>
    <row r="1799" spans="1:10" ht="51.6" customHeight="1" x14ac:dyDescent="0.45">
      <c r="A1799" s="6">
        <f>'申請書（複数入力用）'!A1801</f>
        <v>1795</v>
      </c>
      <c r="B1799" s="13">
        <f>'申請書（複数入力用）'!AH1801</f>
        <v>0</v>
      </c>
      <c r="C1799" s="6">
        <f>'申請書（複数入力用）'!B1801</f>
        <v>0</v>
      </c>
      <c r="D1799" s="6">
        <f>'申請書（複数入力用）'!D1801</f>
        <v>0</v>
      </c>
      <c r="E1799" s="14">
        <f>'申請書（複数入力用）'!H1801</f>
        <v>0</v>
      </c>
      <c r="F1799" s="11" t="str">
        <f>'申請書（複数入力用）'!J1801</f>
        <v/>
      </c>
      <c r="G1799" s="6" t="str">
        <f>'申請書（複数入力用）'!K1801</f>
        <v>a052r000000jS9ZAAU</v>
      </c>
      <c r="H1799" s="12" t="e">
        <f>'申請書（複数入力用）'!N1801</f>
        <v>#N/A</v>
      </c>
      <c r="I1799" s="12" t="e">
        <f>'申請書（複数入力用）'!O1801</f>
        <v>#N/A</v>
      </c>
      <c r="J1799" s="12">
        <f>'申請書（複数入力用）'!P1801</f>
        <v>1</v>
      </c>
    </row>
    <row r="1800" spans="1:10" ht="51.6" customHeight="1" x14ac:dyDescent="0.45">
      <c r="A1800" s="6">
        <f>'申請書（複数入力用）'!A1802</f>
        <v>1796</v>
      </c>
      <c r="B1800" s="13">
        <f>'申請書（複数入力用）'!AH1802</f>
        <v>0</v>
      </c>
      <c r="C1800" s="6">
        <f>'申請書（複数入力用）'!B1802</f>
        <v>0</v>
      </c>
      <c r="D1800" s="6">
        <f>'申請書（複数入力用）'!D1802</f>
        <v>0</v>
      </c>
      <c r="E1800" s="14">
        <f>'申請書（複数入力用）'!H1802</f>
        <v>0</v>
      </c>
      <c r="F1800" s="11" t="str">
        <f>'申請書（複数入力用）'!J1802</f>
        <v/>
      </c>
      <c r="G1800" s="6" t="str">
        <f>'申請書（複数入力用）'!K1802</f>
        <v>a052r000000jS9ZAAU</v>
      </c>
      <c r="H1800" s="12" t="e">
        <f>'申請書（複数入力用）'!N1802</f>
        <v>#N/A</v>
      </c>
      <c r="I1800" s="12" t="e">
        <f>'申請書（複数入力用）'!O1802</f>
        <v>#N/A</v>
      </c>
      <c r="J1800" s="12">
        <f>'申請書（複数入力用）'!P1802</f>
        <v>1</v>
      </c>
    </row>
    <row r="1801" spans="1:10" ht="51.6" customHeight="1" x14ac:dyDescent="0.45">
      <c r="A1801" s="6">
        <f>'申請書（複数入力用）'!A1803</f>
        <v>1797</v>
      </c>
      <c r="B1801" s="13">
        <f>'申請書（複数入力用）'!AH1803</f>
        <v>0</v>
      </c>
      <c r="C1801" s="6">
        <f>'申請書（複数入力用）'!B1803</f>
        <v>0</v>
      </c>
      <c r="D1801" s="6">
        <f>'申請書（複数入力用）'!D1803</f>
        <v>0</v>
      </c>
      <c r="E1801" s="14">
        <f>'申請書（複数入力用）'!H1803</f>
        <v>0</v>
      </c>
      <c r="F1801" s="11" t="str">
        <f>'申請書（複数入力用）'!J1803</f>
        <v/>
      </c>
      <c r="G1801" s="6" t="str">
        <f>'申請書（複数入力用）'!K1803</f>
        <v>a052r000000jS9ZAAU</v>
      </c>
      <c r="H1801" s="12" t="e">
        <f>'申請書（複数入力用）'!N1803</f>
        <v>#N/A</v>
      </c>
      <c r="I1801" s="12" t="e">
        <f>'申請書（複数入力用）'!O1803</f>
        <v>#N/A</v>
      </c>
      <c r="J1801" s="12">
        <f>'申請書（複数入力用）'!P1803</f>
        <v>1</v>
      </c>
    </row>
    <row r="1802" spans="1:10" ht="51.6" customHeight="1" x14ac:dyDescent="0.45">
      <c r="A1802" s="6">
        <f>'申請書（複数入力用）'!A1804</f>
        <v>1798</v>
      </c>
      <c r="B1802" s="13">
        <f>'申請書（複数入力用）'!AH1804</f>
        <v>0</v>
      </c>
      <c r="C1802" s="6">
        <f>'申請書（複数入力用）'!B1804</f>
        <v>0</v>
      </c>
      <c r="D1802" s="6">
        <f>'申請書（複数入力用）'!D1804</f>
        <v>0</v>
      </c>
      <c r="E1802" s="14">
        <f>'申請書（複数入力用）'!H1804</f>
        <v>0</v>
      </c>
      <c r="F1802" s="11" t="str">
        <f>'申請書（複数入力用）'!J1804</f>
        <v/>
      </c>
      <c r="G1802" s="6" t="str">
        <f>'申請書（複数入力用）'!K1804</f>
        <v>a052r000000jS9ZAAU</v>
      </c>
      <c r="H1802" s="12" t="e">
        <f>'申請書（複数入力用）'!N1804</f>
        <v>#N/A</v>
      </c>
      <c r="I1802" s="12" t="e">
        <f>'申請書（複数入力用）'!O1804</f>
        <v>#N/A</v>
      </c>
      <c r="J1802" s="12">
        <f>'申請書（複数入力用）'!P1804</f>
        <v>1</v>
      </c>
    </row>
    <row r="1803" spans="1:10" ht="51.6" customHeight="1" x14ac:dyDescent="0.45">
      <c r="A1803" s="6">
        <f>'申請書（複数入力用）'!A1805</f>
        <v>1799</v>
      </c>
      <c r="B1803" s="13">
        <f>'申請書（複数入力用）'!AH1805</f>
        <v>0</v>
      </c>
      <c r="C1803" s="6">
        <f>'申請書（複数入力用）'!B1805</f>
        <v>0</v>
      </c>
      <c r="D1803" s="6">
        <f>'申請書（複数入力用）'!D1805</f>
        <v>0</v>
      </c>
      <c r="E1803" s="14">
        <f>'申請書（複数入力用）'!H1805</f>
        <v>0</v>
      </c>
      <c r="F1803" s="11" t="str">
        <f>'申請書（複数入力用）'!J1805</f>
        <v/>
      </c>
      <c r="G1803" s="6" t="str">
        <f>'申請書（複数入力用）'!K1805</f>
        <v>a052r000000jS9ZAAU</v>
      </c>
      <c r="H1803" s="12" t="e">
        <f>'申請書（複数入力用）'!N1805</f>
        <v>#N/A</v>
      </c>
      <c r="I1803" s="12" t="e">
        <f>'申請書（複数入力用）'!O1805</f>
        <v>#N/A</v>
      </c>
      <c r="J1803" s="12">
        <f>'申請書（複数入力用）'!P1805</f>
        <v>1</v>
      </c>
    </row>
    <row r="1804" spans="1:10" ht="51.6" customHeight="1" x14ac:dyDescent="0.45">
      <c r="A1804" s="6">
        <f>'申請書（複数入力用）'!A1806</f>
        <v>1800</v>
      </c>
      <c r="B1804" s="13">
        <f>'申請書（複数入力用）'!AH1806</f>
        <v>0</v>
      </c>
      <c r="C1804" s="6">
        <f>'申請書（複数入力用）'!B1806</f>
        <v>0</v>
      </c>
      <c r="D1804" s="6">
        <f>'申請書（複数入力用）'!D1806</f>
        <v>0</v>
      </c>
      <c r="E1804" s="14">
        <f>'申請書（複数入力用）'!H1806</f>
        <v>0</v>
      </c>
      <c r="F1804" s="11" t="str">
        <f>'申請書（複数入力用）'!J1806</f>
        <v/>
      </c>
      <c r="G1804" s="6" t="str">
        <f>'申請書（複数入力用）'!K1806</f>
        <v>a052r000000jS9ZAAU</v>
      </c>
      <c r="H1804" s="12" t="e">
        <f>'申請書（複数入力用）'!N1806</f>
        <v>#N/A</v>
      </c>
      <c r="I1804" s="12" t="e">
        <f>'申請書（複数入力用）'!O1806</f>
        <v>#N/A</v>
      </c>
      <c r="J1804" s="12">
        <f>'申請書（複数入力用）'!P1806</f>
        <v>1</v>
      </c>
    </row>
    <row r="1805" spans="1:10" ht="51.6" customHeight="1" x14ac:dyDescent="0.45">
      <c r="A1805" s="6">
        <f>'申請書（複数入力用）'!A1807</f>
        <v>1801</v>
      </c>
      <c r="B1805" s="13">
        <f>'申請書（複数入力用）'!AH1807</f>
        <v>0</v>
      </c>
      <c r="C1805" s="6">
        <f>'申請書（複数入力用）'!B1807</f>
        <v>0</v>
      </c>
      <c r="D1805" s="6">
        <f>'申請書（複数入力用）'!D1807</f>
        <v>0</v>
      </c>
      <c r="E1805" s="14">
        <f>'申請書（複数入力用）'!H1807</f>
        <v>0</v>
      </c>
      <c r="F1805" s="11" t="str">
        <f>'申請書（複数入力用）'!J1807</f>
        <v/>
      </c>
      <c r="G1805" s="6" t="str">
        <f>'申請書（複数入力用）'!K1807</f>
        <v>a052r000000jS9ZAAU</v>
      </c>
      <c r="H1805" s="12" t="e">
        <f>'申請書（複数入力用）'!N1807</f>
        <v>#N/A</v>
      </c>
      <c r="I1805" s="12" t="e">
        <f>'申請書（複数入力用）'!O1807</f>
        <v>#N/A</v>
      </c>
      <c r="J1805" s="12">
        <f>'申請書（複数入力用）'!P1807</f>
        <v>1</v>
      </c>
    </row>
    <row r="1806" spans="1:10" ht="51.6" customHeight="1" x14ac:dyDescent="0.45">
      <c r="A1806" s="6">
        <f>'申請書（複数入力用）'!A1808</f>
        <v>1802</v>
      </c>
      <c r="B1806" s="13">
        <f>'申請書（複数入力用）'!AH1808</f>
        <v>0</v>
      </c>
      <c r="C1806" s="6">
        <f>'申請書（複数入力用）'!B1808</f>
        <v>0</v>
      </c>
      <c r="D1806" s="6">
        <f>'申請書（複数入力用）'!D1808</f>
        <v>0</v>
      </c>
      <c r="E1806" s="14">
        <f>'申請書（複数入力用）'!H1808</f>
        <v>0</v>
      </c>
      <c r="F1806" s="11" t="str">
        <f>'申請書（複数入力用）'!J1808</f>
        <v/>
      </c>
      <c r="G1806" s="6" t="str">
        <f>'申請書（複数入力用）'!K1808</f>
        <v>a052r000000jS9ZAAU</v>
      </c>
      <c r="H1806" s="12" t="e">
        <f>'申請書（複数入力用）'!N1808</f>
        <v>#N/A</v>
      </c>
      <c r="I1806" s="12" t="e">
        <f>'申請書（複数入力用）'!O1808</f>
        <v>#N/A</v>
      </c>
      <c r="J1806" s="12">
        <f>'申請書（複数入力用）'!P1808</f>
        <v>1</v>
      </c>
    </row>
    <row r="1807" spans="1:10" ht="51.6" customHeight="1" x14ac:dyDescent="0.45">
      <c r="A1807" s="6">
        <f>'申請書（複数入力用）'!A1809</f>
        <v>1803</v>
      </c>
      <c r="B1807" s="13">
        <f>'申請書（複数入力用）'!AH1809</f>
        <v>0</v>
      </c>
      <c r="C1807" s="6">
        <f>'申請書（複数入力用）'!B1809</f>
        <v>0</v>
      </c>
      <c r="D1807" s="6">
        <f>'申請書（複数入力用）'!D1809</f>
        <v>0</v>
      </c>
      <c r="E1807" s="14">
        <f>'申請書（複数入力用）'!H1809</f>
        <v>0</v>
      </c>
      <c r="F1807" s="11" t="str">
        <f>'申請書（複数入力用）'!J1809</f>
        <v/>
      </c>
      <c r="G1807" s="6" t="str">
        <f>'申請書（複数入力用）'!K1809</f>
        <v>a052r000000jS9ZAAU</v>
      </c>
      <c r="H1807" s="12" t="e">
        <f>'申請書（複数入力用）'!N1809</f>
        <v>#N/A</v>
      </c>
      <c r="I1807" s="12" t="e">
        <f>'申請書（複数入力用）'!O1809</f>
        <v>#N/A</v>
      </c>
      <c r="J1807" s="12">
        <f>'申請書（複数入力用）'!P1809</f>
        <v>1</v>
      </c>
    </row>
    <row r="1808" spans="1:10" ht="51.6" customHeight="1" x14ac:dyDescent="0.45">
      <c r="A1808" s="6">
        <f>'申請書（複数入力用）'!A1810</f>
        <v>1804</v>
      </c>
      <c r="B1808" s="13">
        <f>'申請書（複数入力用）'!AH1810</f>
        <v>0</v>
      </c>
      <c r="C1808" s="6">
        <f>'申請書（複数入力用）'!B1810</f>
        <v>0</v>
      </c>
      <c r="D1808" s="6">
        <f>'申請書（複数入力用）'!D1810</f>
        <v>0</v>
      </c>
      <c r="E1808" s="14">
        <f>'申請書（複数入力用）'!H1810</f>
        <v>0</v>
      </c>
      <c r="F1808" s="11" t="str">
        <f>'申請書（複数入力用）'!J1810</f>
        <v/>
      </c>
      <c r="G1808" s="6" t="str">
        <f>'申請書（複数入力用）'!K1810</f>
        <v>a052r000000jS9ZAAU</v>
      </c>
      <c r="H1808" s="12" t="e">
        <f>'申請書（複数入力用）'!N1810</f>
        <v>#N/A</v>
      </c>
      <c r="I1808" s="12" t="e">
        <f>'申請書（複数入力用）'!O1810</f>
        <v>#N/A</v>
      </c>
      <c r="J1808" s="12">
        <f>'申請書（複数入力用）'!P1810</f>
        <v>1</v>
      </c>
    </row>
    <row r="1809" spans="1:10" ht="51.6" customHeight="1" x14ac:dyDescent="0.45">
      <c r="A1809" s="6">
        <f>'申請書（複数入力用）'!A1811</f>
        <v>1805</v>
      </c>
      <c r="B1809" s="13">
        <f>'申請書（複数入力用）'!AH1811</f>
        <v>0</v>
      </c>
      <c r="C1809" s="6">
        <f>'申請書（複数入力用）'!B1811</f>
        <v>0</v>
      </c>
      <c r="D1809" s="6">
        <f>'申請書（複数入力用）'!D1811</f>
        <v>0</v>
      </c>
      <c r="E1809" s="14">
        <f>'申請書（複数入力用）'!H1811</f>
        <v>0</v>
      </c>
      <c r="F1809" s="11" t="str">
        <f>'申請書（複数入力用）'!J1811</f>
        <v/>
      </c>
      <c r="G1809" s="6" t="str">
        <f>'申請書（複数入力用）'!K1811</f>
        <v>a052r000000jS9ZAAU</v>
      </c>
      <c r="H1809" s="12" t="e">
        <f>'申請書（複数入力用）'!N1811</f>
        <v>#N/A</v>
      </c>
      <c r="I1809" s="12" t="e">
        <f>'申請書（複数入力用）'!O1811</f>
        <v>#N/A</v>
      </c>
      <c r="J1809" s="12">
        <f>'申請書（複数入力用）'!P1811</f>
        <v>1</v>
      </c>
    </row>
    <row r="1810" spans="1:10" ht="51.6" customHeight="1" x14ac:dyDescent="0.45">
      <c r="A1810" s="6">
        <f>'申請書（複数入力用）'!A1812</f>
        <v>1806</v>
      </c>
      <c r="B1810" s="13">
        <f>'申請書（複数入力用）'!AH1812</f>
        <v>0</v>
      </c>
      <c r="C1810" s="6">
        <f>'申請書（複数入力用）'!B1812</f>
        <v>0</v>
      </c>
      <c r="D1810" s="6">
        <f>'申請書（複数入力用）'!D1812</f>
        <v>0</v>
      </c>
      <c r="E1810" s="14">
        <f>'申請書（複数入力用）'!H1812</f>
        <v>0</v>
      </c>
      <c r="F1810" s="11" t="str">
        <f>'申請書（複数入力用）'!J1812</f>
        <v/>
      </c>
      <c r="G1810" s="6" t="str">
        <f>'申請書（複数入力用）'!K1812</f>
        <v>a052r000000jS9ZAAU</v>
      </c>
      <c r="H1810" s="12" t="e">
        <f>'申請書（複数入力用）'!N1812</f>
        <v>#N/A</v>
      </c>
      <c r="I1810" s="12" t="e">
        <f>'申請書（複数入力用）'!O1812</f>
        <v>#N/A</v>
      </c>
      <c r="J1810" s="12">
        <f>'申請書（複数入力用）'!P1812</f>
        <v>1</v>
      </c>
    </row>
    <row r="1811" spans="1:10" ht="51.6" customHeight="1" x14ac:dyDescent="0.45">
      <c r="A1811" s="6">
        <f>'申請書（複数入力用）'!A1813</f>
        <v>1807</v>
      </c>
      <c r="B1811" s="13">
        <f>'申請書（複数入力用）'!AH1813</f>
        <v>0</v>
      </c>
      <c r="C1811" s="6">
        <f>'申請書（複数入力用）'!B1813</f>
        <v>0</v>
      </c>
      <c r="D1811" s="6">
        <f>'申請書（複数入力用）'!D1813</f>
        <v>0</v>
      </c>
      <c r="E1811" s="14">
        <f>'申請書（複数入力用）'!H1813</f>
        <v>0</v>
      </c>
      <c r="F1811" s="11" t="str">
        <f>'申請書（複数入力用）'!J1813</f>
        <v/>
      </c>
      <c r="G1811" s="6" t="str">
        <f>'申請書（複数入力用）'!K1813</f>
        <v>a052r000000jS9ZAAU</v>
      </c>
      <c r="H1811" s="12" t="e">
        <f>'申請書（複数入力用）'!N1813</f>
        <v>#N/A</v>
      </c>
      <c r="I1811" s="12" t="e">
        <f>'申請書（複数入力用）'!O1813</f>
        <v>#N/A</v>
      </c>
      <c r="J1811" s="12">
        <f>'申請書（複数入力用）'!P1813</f>
        <v>1</v>
      </c>
    </row>
    <row r="1812" spans="1:10" ht="51.6" customHeight="1" x14ac:dyDescent="0.45">
      <c r="A1812" s="6">
        <f>'申請書（複数入力用）'!A1814</f>
        <v>1808</v>
      </c>
      <c r="B1812" s="13">
        <f>'申請書（複数入力用）'!AH1814</f>
        <v>0</v>
      </c>
      <c r="C1812" s="6">
        <f>'申請書（複数入力用）'!B1814</f>
        <v>0</v>
      </c>
      <c r="D1812" s="6">
        <f>'申請書（複数入力用）'!D1814</f>
        <v>0</v>
      </c>
      <c r="E1812" s="14">
        <f>'申請書（複数入力用）'!H1814</f>
        <v>0</v>
      </c>
      <c r="F1812" s="11" t="str">
        <f>'申請書（複数入力用）'!J1814</f>
        <v/>
      </c>
      <c r="G1812" s="6" t="str">
        <f>'申請書（複数入力用）'!K1814</f>
        <v>a052r000000jS9ZAAU</v>
      </c>
      <c r="H1812" s="12" t="e">
        <f>'申請書（複数入力用）'!N1814</f>
        <v>#N/A</v>
      </c>
      <c r="I1812" s="12" t="e">
        <f>'申請書（複数入力用）'!O1814</f>
        <v>#N/A</v>
      </c>
      <c r="J1812" s="12">
        <f>'申請書（複数入力用）'!P1814</f>
        <v>1</v>
      </c>
    </row>
    <row r="1813" spans="1:10" ht="51.6" customHeight="1" x14ac:dyDescent="0.45">
      <c r="A1813" s="6">
        <f>'申請書（複数入力用）'!A1815</f>
        <v>1809</v>
      </c>
      <c r="B1813" s="13">
        <f>'申請書（複数入力用）'!AH1815</f>
        <v>0</v>
      </c>
      <c r="C1813" s="6">
        <f>'申請書（複数入力用）'!B1815</f>
        <v>0</v>
      </c>
      <c r="D1813" s="6">
        <f>'申請書（複数入力用）'!D1815</f>
        <v>0</v>
      </c>
      <c r="E1813" s="14">
        <f>'申請書（複数入力用）'!H1815</f>
        <v>0</v>
      </c>
      <c r="F1813" s="11" t="str">
        <f>'申請書（複数入力用）'!J1815</f>
        <v/>
      </c>
      <c r="G1813" s="6" t="str">
        <f>'申請書（複数入力用）'!K1815</f>
        <v>a052r000000jS9ZAAU</v>
      </c>
      <c r="H1813" s="12" t="e">
        <f>'申請書（複数入力用）'!N1815</f>
        <v>#N/A</v>
      </c>
      <c r="I1813" s="12" t="e">
        <f>'申請書（複数入力用）'!O1815</f>
        <v>#N/A</v>
      </c>
      <c r="J1813" s="12">
        <f>'申請書（複数入力用）'!P1815</f>
        <v>1</v>
      </c>
    </row>
    <row r="1814" spans="1:10" ht="51.6" customHeight="1" x14ac:dyDescent="0.45">
      <c r="A1814" s="6">
        <f>'申請書（複数入力用）'!A1816</f>
        <v>1810</v>
      </c>
      <c r="B1814" s="13">
        <f>'申請書（複数入力用）'!AH1816</f>
        <v>0</v>
      </c>
      <c r="C1814" s="6">
        <f>'申請書（複数入力用）'!B1816</f>
        <v>0</v>
      </c>
      <c r="D1814" s="6">
        <f>'申請書（複数入力用）'!D1816</f>
        <v>0</v>
      </c>
      <c r="E1814" s="14">
        <f>'申請書（複数入力用）'!H1816</f>
        <v>0</v>
      </c>
      <c r="F1814" s="11" t="str">
        <f>'申請書（複数入力用）'!J1816</f>
        <v/>
      </c>
      <c r="G1814" s="6" t="str">
        <f>'申請書（複数入力用）'!K1816</f>
        <v>a052r000000jS9ZAAU</v>
      </c>
      <c r="H1814" s="12" t="e">
        <f>'申請書（複数入力用）'!N1816</f>
        <v>#N/A</v>
      </c>
      <c r="I1814" s="12" t="e">
        <f>'申請書（複数入力用）'!O1816</f>
        <v>#N/A</v>
      </c>
      <c r="J1814" s="12">
        <f>'申請書（複数入力用）'!P1816</f>
        <v>1</v>
      </c>
    </row>
    <row r="1815" spans="1:10" ht="51.6" customHeight="1" x14ac:dyDescent="0.45">
      <c r="A1815" s="6">
        <f>'申請書（複数入力用）'!A1817</f>
        <v>1811</v>
      </c>
      <c r="B1815" s="13">
        <f>'申請書（複数入力用）'!AH1817</f>
        <v>0</v>
      </c>
      <c r="C1815" s="6">
        <f>'申請書（複数入力用）'!B1817</f>
        <v>0</v>
      </c>
      <c r="D1815" s="6">
        <f>'申請書（複数入力用）'!D1817</f>
        <v>0</v>
      </c>
      <c r="E1815" s="14">
        <f>'申請書（複数入力用）'!H1817</f>
        <v>0</v>
      </c>
      <c r="F1815" s="11" t="str">
        <f>'申請書（複数入力用）'!J1817</f>
        <v/>
      </c>
      <c r="G1815" s="6" t="str">
        <f>'申請書（複数入力用）'!K1817</f>
        <v>a052r000000jS9ZAAU</v>
      </c>
      <c r="H1815" s="12" t="e">
        <f>'申請書（複数入力用）'!N1817</f>
        <v>#N/A</v>
      </c>
      <c r="I1815" s="12" t="e">
        <f>'申請書（複数入力用）'!O1817</f>
        <v>#N/A</v>
      </c>
      <c r="J1815" s="12">
        <f>'申請書（複数入力用）'!P1817</f>
        <v>1</v>
      </c>
    </row>
    <row r="1816" spans="1:10" ht="51.6" customHeight="1" x14ac:dyDescent="0.45">
      <c r="A1816" s="6">
        <f>'申請書（複数入力用）'!A1818</f>
        <v>1812</v>
      </c>
      <c r="B1816" s="13">
        <f>'申請書（複数入力用）'!AH1818</f>
        <v>0</v>
      </c>
      <c r="C1816" s="6">
        <f>'申請書（複数入力用）'!B1818</f>
        <v>0</v>
      </c>
      <c r="D1816" s="6">
        <f>'申請書（複数入力用）'!D1818</f>
        <v>0</v>
      </c>
      <c r="E1816" s="14">
        <f>'申請書（複数入力用）'!H1818</f>
        <v>0</v>
      </c>
      <c r="F1816" s="11" t="str">
        <f>'申請書（複数入力用）'!J1818</f>
        <v/>
      </c>
      <c r="G1816" s="6" t="str">
        <f>'申請書（複数入力用）'!K1818</f>
        <v>a052r000000jS9ZAAU</v>
      </c>
      <c r="H1816" s="12" t="e">
        <f>'申請書（複数入力用）'!N1818</f>
        <v>#N/A</v>
      </c>
      <c r="I1816" s="12" t="e">
        <f>'申請書（複数入力用）'!O1818</f>
        <v>#N/A</v>
      </c>
      <c r="J1816" s="12">
        <f>'申請書（複数入力用）'!P1818</f>
        <v>1</v>
      </c>
    </row>
    <row r="1817" spans="1:10" ht="51.6" customHeight="1" x14ac:dyDescent="0.45">
      <c r="A1817" s="6">
        <f>'申請書（複数入力用）'!A1819</f>
        <v>1813</v>
      </c>
      <c r="B1817" s="13">
        <f>'申請書（複数入力用）'!AH1819</f>
        <v>0</v>
      </c>
      <c r="C1817" s="6">
        <f>'申請書（複数入力用）'!B1819</f>
        <v>0</v>
      </c>
      <c r="D1817" s="6">
        <f>'申請書（複数入力用）'!D1819</f>
        <v>0</v>
      </c>
      <c r="E1817" s="14">
        <f>'申請書（複数入力用）'!H1819</f>
        <v>0</v>
      </c>
      <c r="F1817" s="11" t="str">
        <f>'申請書（複数入力用）'!J1819</f>
        <v/>
      </c>
      <c r="G1817" s="6" t="str">
        <f>'申請書（複数入力用）'!K1819</f>
        <v>a052r000000jS9ZAAU</v>
      </c>
      <c r="H1817" s="12" t="e">
        <f>'申請書（複数入力用）'!N1819</f>
        <v>#N/A</v>
      </c>
      <c r="I1817" s="12" t="e">
        <f>'申請書（複数入力用）'!O1819</f>
        <v>#N/A</v>
      </c>
      <c r="J1817" s="12">
        <f>'申請書（複数入力用）'!P1819</f>
        <v>1</v>
      </c>
    </row>
    <row r="1818" spans="1:10" ht="51.6" customHeight="1" x14ac:dyDescent="0.45">
      <c r="A1818" s="6">
        <f>'申請書（複数入力用）'!A1820</f>
        <v>1814</v>
      </c>
      <c r="B1818" s="13">
        <f>'申請書（複数入力用）'!AH1820</f>
        <v>0</v>
      </c>
      <c r="C1818" s="6">
        <f>'申請書（複数入力用）'!B1820</f>
        <v>0</v>
      </c>
      <c r="D1818" s="6">
        <f>'申請書（複数入力用）'!D1820</f>
        <v>0</v>
      </c>
      <c r="E1818" s="14">
        <f>'申請書（複数入力用）'!H1820</f>
        <v>0</v>
      </c>
      <c r="F1818" s="11" t="str">
        <f>'申請書（複数入力用）'!J1820</f>
        <v/>
      </c>
      <c r="G1818" s="6" t="str">
        <f>'申請書（複数入力用）'!K1820</f>
        <v>a052r000000jS9ZAAU</v>
      </c>
      <c r="H1818" s="12" t="e">
        <f>'申請書（複数入力用）'!N1820</f>
        <v>#N/A</v>
      </c>
      <c r="I1818" s="12" t="e">
        <f>'申請書（複数入力用）'!O1820</f>
        <v>#N/A</v>
      </c>
      <c r="J1818" s="12">
        <f>'申請書（複数入力用）'!P1820</f>
        <v>1</v>
      </c>
    </row>
    <row r="1819" spans="1:10" ht="51.6" customHeight="1" x14ac:dyDescent="0.45">
      <c r="A1819" s="6">
        <f>'申請書（複数入力用）'!A1821</f>
        <v>1815</v>
      </c>
      <c r="B1819" s="13">
        <f>'申請書（複数入力用）'!AH1821</f>
        <v>0</v>
      </c>
      <c r="C1819" s="6">
        <f>'申請書（複数入力用）'!B1821</f>
        <v>0</v>
      </c>
      <c r="D1819" s="6">
        <f>'申請書（複数入力用）'!D1821</f>
        <v>0</v>
      </c>
      <c r="E1819" s="14">
        <f>'申請書（複数入力用）'!H1821</f>
        <v>0</v>
      </c>
      <c r="F1819" s="11" t="str">
        <f>'申請書（複数入力用）'!J1821</f>
        <v/>
      </c>
      <c r="G1819" s="6" t="str">
        <f>'申請書（複数入力用）'!K1821</f>
        <v>a052r000000jS9ZAAU</v>
      </c>
      <c r="H1819" s="12" t="e">
        <f>'申請書（複数入力用）'!N1821</f>
        <v>#N/A</v>
      </c>
      <c r="I1819" s="12" t="e">
        <f>'申請書（複数入力用）'!O1821</f>
        <v>#N/A</v>
      </c>
      <c r="J1819" s="12">
        <f>'申請書（複数入力用）'!P1821</f>
        <v>1</v>
      </c>
    </row>
    <row r="1820" spans="1:10" ht="51.6" customHeight="1" x14ac:dyDescent="0.45">
      <c r="A1820" s="6">
        <f>'申請書（複数入力用）'!A1822</f>
        <v>1816</v>
      </c>
      <c r="B1820" s="13">
        <f>'申請書（複数入力用）'!AH1822</f>
        <v>0</v>
      </c>
      <c r="C1820" s="6">
        <f>'申請書（複数入力用）'!B1822</f>
        <v>0</v>
      </c>
      <c r="D1820" s="6">
        <f>'申請書（複数入力用）'!D1822</f>
        <v>0</v>
      </c>
      <c r="E1820" s="14">
        <f>'申請書（複数入力用）'!H1822</f>
        <v>0</v>
      </c>
      <c r="F1820" s="11" t="str">
        <f>'申請書（複数入力用）'!J1822</f>
        <v/>
      </c>
      <c r="G1820" s="6" t="str">
        <f>'申請書（複数入力用）'!K1822</f>
        <v>a052r000000jS9ZAAU</v>
      </c>
      <c r="H1820" s="12" t="e">
        <f>'申請書（複数入力用）'!N1822</f>
        <v>#N/A</v>
      </c>
      <c r="I1820" s="12" t="e">
        <f>'申請書（複数入力用）'!O1822</f>
        <v>#N/A</v>
      </c>
      <c r="J1820" s="12">
        <f>'申請書（複数入力用）'!P1822</f>
        <v>1</v>
      </c>
    </row>
    <row r="1821" spans="1:10" ht="51.6" customHeight="1" x14ac:dyDescent="0.45">
      <c r="A1821" s="6">
        <f>'申請書（複数入力用）'!A1823</f>
        <v>1817</v>
      </c>
      <c r="B1821" s="13">
        <f>'申請書（複数入力用）'!AH1823</f>
        <v>0</v>
      </c>
      <c r="C1821" s="6">
        <f>'申請書（複数入力用）'!B1823</f>
        <v>0</v>
      </c>
      <c r="D1821" s="6">
        <f>'申請書（複数入力用）'!D1823</f>
        <v>0</v>
      </c>
      <c r="E1821" s="14">
        <f>'申請書（複数入力用）'!H1823</f>
        <v>0</v>
      </c>
      <c r="F1821" s="11" t="str">
        <f>'申請書（複数入力用）'!J1823</f>
        <v/>
      </c>
      <c r="G1821" s="6" t="str">
        <f>'申請書（複数入力用）'!K1823</f>
        <v>a052r000000jS9ZAAU</v>
      </c>
      <c r="H1821" s="12" t="e">
        <f>'申請書（複数入力用）'!N1823</f>
        <v>#N/A</v>
      </c>
      <c r="I1821" s="12" t="e">
        <f>'申請書（複数入力用）'!O1823</f>
        <v>#N/A</v>
      </c>
      <c r="J1821" s="12">
        <f>'申請書（複数入力用）'!P1823</f>
        <v>1</v>
      </c>
    </row>
    <row r="1822" spans="1:10" ht="51.6" customHeight="1" x14ac:dyDescent="0.45">
      <c r="A1822" s="6">
        <f>'申請書（複数入力用）'!A1824</f>
        <v>1818</v>
      </c>
      <c r="B1822" s="13">
        <f>'申請書（複数入力用）'!AH1824</f>
        <v>0</v>
      </c>
      <c r="C1822" s="6">
        <f>'申請書（複数入力用）'!B1824</f>
        <v>0</v>
      </c>
      <c r="D1822" s="6">
        <f>'申請書（複数入力用）'!D1824</f>
        <v>0</v>
      </c>
      <c r="E1822" s="14">
        <f>'申請書（複数入力用）'!H1824</f>
        <v>0</v>
      </c>
      <c r="F1822" s="11" t="str">
        <f>'申請書（複数入力用）'!J1824</f>
        <v/>
      </c>
      <c r="G1822" s="6" t="str">
        <f>'申請書（複数入力用）'!K1824</f>
        <v>a052r000000jS9ZAAU</v>
      </c>
      <c r="H1822" s="12" t="e">
        <f>'申請書（複数入力用）'!N1824</f>
        <v>#N/A</v>
      </c>
      <c r="I1822" s="12" t="e">
        <f>'申請書（複数入力用）'!O1824</f>
        <v>#N/A</v>
      </c>
      <c r="J1822" s="12">
        <f>'申請書（複数入力用）'!P1824</f>
        <v>1</v>
      </c>
    </row>
    <row r="1823" spans="1:10" ht="51.6" customHeight="1" x14ac:dyDescent="0.45">
      <c r="A1823" s="6">
        <f>'申請書（複数入力用）'!A1825</f>
        <v>1819</v>
      </c>
      <c r="B1823" s="13">
        <f>'申請書（複数入力用）'!AH1825</f>
        <v>0</v>
      </c>
      <c r="C1823" s="6">
        <f>'申請書（複数入力用）'!B1825</f>
        <v>0</v>
      </c>
      <c r="D1823" s="6">
        <f>'申請書（複数入力用）'!D1825</f>
        <v>0</v>
      </c>
      <c r="E1823" s="14">
        <f>'申請書（複数入力用）'!H1825</f>
        <v>0</v>
      </c>
      <c r="F1823" s="11" t="str">
        <f>'申請書（複数入力用）'!J1825</f>
        <v/>
      </c>
      <c r="G1823" s="6" t="str">
        <f>'申請書（複数入力用）'!K1825</f>
        <v>a052r000000jS9ZAAU</v>
      </c>
      <c r="H1823" s="12" t="e">
        <f>'申請書（複数入力用）'!N1825</f>
        <v>#N/A</v>
      </c>
      <c r="I1823" s="12" t="e">
        <f>'申請書（複数入力用）'!O1825</f>
        <v>#N/A</v>
      </c>
      <c r="J1823" s="12">
        <f>'申請書（複数入力用）'!P1825</f>
        <v>1</v>
      </c>
    </row>
    <row r="1824" spans="1:10" ht="51.6" customHeight="1" x14ac:dyDescent="0.45">
      <c r="A1824" s="6">
        <f>'申請書（複数入力用）'!A1826</f>
        <v>1820</v>
      </c>
      <c r="B1824" s="13">
        <f>'申請書（複数入力用）'!AH1826</f>
        <v>0</v>
      </c>
      <c r="C1824" s="6">
        <f>'申請書（複数入力用）'!B1826</f>
        <v>0</v>
      </c>
      <c r="D1824" s="6">
        <f>'申請書（複数入力用）'!D1826</f>
        <v>0</v>
      </c>
      <c r="E1824" s="14">
        <f>'申請書（複数入力用）'!H1826</f>
        <v>0</v>
      </c>
      <c r="F1824" s="11" t="str">
        <f>'申請書（複数入力用）'!J1826</f>
        <v/>
      </c>
      <c r="G1824" s="6" t="str">
        <f>'申請書（複数入力用）'!K1826</f>
        <v>a052r000000jS9ZAAU</v>
      </c>
      <c r="H1824" s="12" t="e">
        <f>'申請書（複数入力用）'!N1826</f>
        <v>#N/A</v>
      </c>
      <c r="I1824" s="12" t="e">
        <f>'申請書（複数入力用）'!O1826</f>
        <v>#N/A</v>
      </c>
      <c r="J1824" s="12">
        <f>'申請書（複数入力用）'!P1826</f>
        <v>1</v>
      </c>
    </row>
    <row r="1825" spans="1:10" ht="51.6" customHeight="1" x14ac:dyDescent="0.45">
      <c r="A1825" s="6">
        <f>'申請書（複数入力用）'!A1827</f>
        <v>1821</v>
      </c>
      <c r="B1825" s="13">
        <f>'申請書（複数入力用）'!AH1827</f>
        <v>0</v>
      </c>
      <c r="C1825" s="6">
        <f>'申請書（複数入力用）'!B1827</f>
        <v>0</v>
      </c>
      <c r="D1825" s="6">
        <f>'申請書（複数入力用）'!D1827</f>
        <v>0</v>
      </c>
      <c r="E1825" s="14">
        <f>'申請書（複数入力用）'!H1827</f>
        <v>0</v>
      </c>
      <c r="F1825" s="11" t="str">
        <f>'申請書（複数入力用）'!J1827</f>
        <v/>
      </c>
      <c r="G1825" s="6" t="str">
        <f>'申請書（複数入力用）'!K1827</f>
        <v>a052r000000jS9ZAAU</v>
      </c>
      <c r="H1825" s="12" t="e">
        <f>'申請書（複数入力用）'!N1827</f>
        <v>#N/A</v>
      </c>
      <c r="I1825" s="12" t="e">
        <f>'申請書（複数入力用）'!O1827</f>
        <v>#N/A</v>
      </c>
      <c r="J1825" s="12">
        <f>'申請書（複数入力用）'!P1827</f>
        <v>1</v>
      </c>
    </row>
    <row r="1826" spans="1:10" ht="51.6" customHeight="1" x14ac:dyDescent="0.45">
      <c r="A1826" s="6">
        <f>'申請書（複数入力用）'!A1828</f>
        <v>1822</v>
      </c>
      <c r="B1826" s="13">
        <f>'申請書（複数入力用）'!AH1828</f>
        <v>0</v>
      </c>
      <c r="C1826" s="6">
        <f>'申請書（複数入力用）'!B1828</f>
        <v>0</v>
      </c>
      <c r="D1826" s="6">
        <f>'申請書（複数入力用）'!D1828</f>
        <v>0</v>
      </c>
      <c r="E1826" s="14">
        <f>'申請書（複数入力用）'!H1828</f>
        <v>0</v>
      </c>
      <c r="F1826" s="11" t="str">
        <f>'申請書（複数入力用）'!J1828</f>
        <v/>
      </c>
      <c r="G1826" s="6" t="str">
        <f>'申請書（複数入力用）'!K1828</f>
        <v>a052r000000jS9ZAAU</v>
      </c>
      <c r="H1826" s="12" t="e">
        <f>'申請書（複数入力用）'!N1828</f>
        <v>#N/A</v>
      </c>
      <c r="I1826" s="12" t="e">
        <f>'申請書（複数入力用）'!O1828</f>
        <v>#N/A</v>
      </c>
      <c r="J1826" s="12">
        <f>'申請書（複数入力用）'!P1828</f>
        <v>1</v>
      </c>
    </row>
    <row r="1827" spans="1:10" ht="51.6" customHeight="1" x14ac:dyDescent="0.45">
      <c r="A1827" s="6">
        <f>'申請書（複数入力用）'!A1829</f>
        <v>1823</v>
      </c>
      <c r="B1827" s="13">
        <f>'申請書（複数入力用）'!AH1829</f>
        <v>0</v>
      </c>
      <c r="C1827" s="6">
        <f>'申請書（複数入力用）'!B1829</f>
        <v>0</v>
      </c>
      <c r="D1827" s="6">
        <f>'申請書（複数入力用）'!D1829</f>
        <v>0</v>
      </c>
      <c r="E1827" s="14">
        <f>'申請書（複数入力用）'!H1829</f>
        <v>0</v>
      </c>
      <c r="F1827" s="11" t="str">
        <f>'申請書（複数入力用）'!J1829</f>
        <v/>
      </c>
      <c r="G1827" s="6" t="str">
        <f>'申請書（複数入力用）'!K1829</f>
        <v>a052r000000jS9ZAAU</v>
      </c>
      <c r="H1827" s="12" t="e">
        <f>'申請書（複数入力用）'!N1829</f>
        <v>#N/A</v>
      </c>
      <c r="I1827" s="12" t="e">
        <f>'申請書（複数入力用）'!O1829</f>
        <v>#N/A</v>
      </c>
      <c r="J1827" s="12">
        <f>'申請書（複数入力用）'!P1829</f>
        <v>1</v>
      </c>
    </row>
    <row r="1828" spans="1:10" ht="51.6" customHeight="1" x14ac:dyDescent="0.45">
      <c r="A1828" s="6">
        <f>'申請書（複数入力用）'!A1830</f>
        <v>1824</v>
      </c>
      <c r="B1828" s="13">
        <f>'申請書（複数入力用）'!AH1830</f>
        <v>0</v>
      </c>
      <c r="C1828" s="6">
        <f>'申請書（複数入力用）'!B1830</f>
        <v>0</v>
      </c>
      <c r="D1828" s="6">
        <f>'申請書（複数入力用）'!D1830</f>
        <v>0</v>
      </c>
      <c r="E1828" s="14">
        <f>'申請書（複数入力用）'!H1830</f>
        <v>0</v>
      </c>
      <c r="F1828" s="11" t="str">
        <f>'申請書（複数入力用）'!J1830</f>
        <v/>
      </c>
      <c r="G1828" s="6" t="str">
        <f>'申請書（複数入力用）'!K1830</f>
        <v>a052r000000jS9ZAAU</v>
      </c>
      <c r="H1828" s="12" t="e">
        <f>'申請書（複数入力用）'!N1830</f>
        <v>#N/A</v>
      </c>
      <c r="I1828" s="12" t="e">
        <f>'申請書（複数入力用）'!O1830</f>
        <v>#N/A</v>
      </c>
      <c r="J1828" s="12">
        <f>'申請書（複数入力用）'!P1830</f>
        <v>1</v>
      </c>
    </row>
    <row r="1829" spans="1:10" ht="51.6" customHeight="1" x14ac:dyDescent="0.45">
      <c r="A1829" s="6">
        <f>'申請書（複数入力用）'!A1831</f>
        <v>1825</v>
      </c>
      <c r="B1829" s="13">
        <f>'申請書（複数入力用）'!AH1831</f>
        <v>0</v>
      </c>
      <c r="C1829" s="6">
        <f>'申請書（複数入力用）'!B1831</f>
        <v>0</v>
      </c>
      <c r="D1829" s="6">
        <f>'申請書（複数入力用）'!D1831</f>
        <v>0</v>
      </c>
      <c r="E1829" s="14">
        <f>'申請書（複数入力用）'!H1831</f>
        <v>0</v>
      </c>
      <c r="F1829" s="11" t="str">
        <f>'申請書（複数入力用）'!J1831</f>
        <v/>
      </c>
      <c r="G1829" s="6" t="str">
        <f>'申請書（複数入力用）'!K1831</f>
        <v>a052r000000jS9ZAAU</v>
      </c>
      <c r="H1829" s="12" t="e">
        <f>'申請書（複数入力用）'!N1831</f>
        <v>#N/A</v>
      </c>
      <c r="I1829" s="12" t="e">
        <f>'申請書（複数入力用）'!O1831</f>
        <v>#N/A</v>
      </c>
      <c r="J1829" s="12">
        <f>'申請書（複数入力用）'!P1831</f>
        <v>1</v>
      </c>
    </row>
    <row r="1830" spans="1:10" ht="51.6" customHeight="1" x14ac:dyDescent="0.45">
      <c r="A1830" s="6">
        <f>'申請書（複数入力用）'!A1832</f>
        <v>1826</v>
      </c>
      <c r="B1830" s="13">
        <f>'申請書（複数入力用）'!AH1832</f>
        <v>0</v>
      </c>
      <c r="C1830" s="6">
        <f>'申請書（複数入力用）'!B1832</f>
        <v>0</v>
      </c>
      <c r="D1830" s="6">
        <f>'申請書（複数入力用）'!D1832</f>
        <v>0</v>
      </c>
      <c r="E1830" s="14">
        <f>'申請書（複数入力用）'!H1832</f>
        <v>0</v>
      </c>
      <c r="F1830" s="11" t="str">
        <f>'申請書（複数入力用）'!J1832</f>
        <v/>
      </c>
      <c r="G1830" s="6" t="str">
        <f>'申請書（複数入力用）'!K1832</f>
        <v>a052r000000jS9ZAAU</v>
      </c>
      <c r="H1830" s="12" t="e">
        <f>'申請書（複数入力用）'!N1832</f>
        <v>#N/A</v>
      </c>
      <c r="I1830" s="12" t="e">
        <f>'申請書（複数入力用）'!O1832</f>
        <v>#N/A</v>
      </c>
      <c r="J1830" s="12">
        <f>'申請書（複数入力用）'!P1832</f>
        <v>1</v>
      </c>
    </row>
    <row r="1831" spans="1:10" ht="51.6" customHeight="1" x14ac:dyDescent="0.45">
      <c r="A1831" s="6">
        <f>'申請書（複数入力用）'!A1833</f>
        <v>1827</v>
      </c>
      <c r="B1831" s="13">
        <f>'申請書（複数入力用）'!AH1833</f>
        <v>0</v>
      </c>
      <c r="C1831" s="6">
        <f>'申請書（複数入力用）'!B1833</f>
        <v>0</v>
      </c>
      <c r="D1831" s="6">
        <f>'申請書（複数入力用）'!D1833</f>
        <v>0</v>
      </c>
      <c r="E1831" s="14">
        <f>'申請書（複数入力用）'!H1833</f>
        <v>0</v>
      </c>
      <c r="F1831" s="11" t="str">
        <f>'申請書（複数入力用）'!J1833</f>
        <v/>
      </c>
      <c r="G1831" s="6" t="str">
        <f>'申請書（複数入力用）'!K1833</f>
        <v>a052r000000jS9ZAAU</v>
      </c>
      <c r="H1831" s="12" t="e">
        <f>'申請書（複数入力用）'!N1833</f>
        <v>#N/A</v>
      </c>
      <c r="I1831" s="12" t="e">
        <f>'申請書（複数入力用）'!O1833</f>
        <v>#N/A</v>
      </c>
      <c r="J1831" s="12">
        <f>'申請書（複数入力用）'!P1833</f>
        <v>1</v>
      </c>
    </row>
    <row r="1832" spans="1:10" ht="51.6" customHeight="1" x14ac:dyDescent="0.45">
      <c r="A1832" s="6">
        <f>'申請書（複数入力用）'!A1834</f>
        <v>1828</v>
      </c>
      <c r="B1832" s="13">
        <f>'申請書（複数入力用）'!AH1834</f>
        <v>0</v>
      </c>
      <c r="C1832" s="6">
        <f>'申請書（複数入力用）'!B1834</f>
        <v>0</v>
      </c>
      <c r="D1832" s="6">
        <f>'申請書（複数入力用）'!D1834</f>
        <v>0</v>
      </c>
      <c r="E1832" s="14">
        <f>'申請書（複数入力用）'!H1834</f>
        <v>0</v>
      </c>
      <c r="F1832" s="11" t="str">
        <f>'申請書（複数入力用）'!J1834</f>
        <v/>
      </c>
      <c r="G1832" s="6" t="str">
        <f>'申請書（複数入力用）'!K1834</f>
        <v>a052r000000jS9ZAAU</v>
      </c>
      <c r="H1832" s="12" t="e">
        <f>'申請書（複数入力用）'!N1834</f>
        <v>#N/A</v>
      </c>
      <c r="I1832" s="12" t="e">
        <f>'申請書（複数入力用）'!O1834</f>
        <v>#N/A</v>
      </c>
      <c r="J1832" s="12">
        <f>'申請書（複数入力用）'!P1834</f>
        <v>1</v>
      </c>
    </row>
    <row r="1833" spans="1:10" ht="51.6" customHeight="1" x14ac:dyDescent="0.45">
      <c r="A1833" s="6">
        <f>'申請書（複数入力用）'!A1835</f>
        <v>1829</v>
      </c>
      <c r="B1833" s="13">
        <f>'申請書（複数入力用）'!AH1835</f>
        <v>0</v>
      </c>
      <c r="C1833" s="6">
        <f>'申請書（複数入力用）'!B1835</f>
        <v>0</v>
      </c>
      <c r="D1833" s="6">
        <f>'申請書（複数入力用）'!D1835</f>
        <v>0</v>
      </c>
      <c r="E1833" s="14">
        <f>'申請書（複数入力用）'!H1835</f>
        <v>0</v>
      </c>
      <c r="F1833" s="11" t="str">
        <f>'申請書（複数入力用）'!J1835</f>
        <v/>
      </c>
      <c r="G1833" s="6" t="str">
        <f>'申請書（複数入力用）'!K1835</f>
        <v>a052r000000jS9ZAAU</v>
      </c>
      <c r="H1833" s="12" t="e">
        <f>'申請書（複数入力用）'!N1835</f>
        <v>#N/A</v>
      </c>
      <c r="I1833" s="12" t="e">
        <f>'申請書（複数入力用）'!O1835</f>
        <v>#N/A</v>
      </c>
      <c r="J1833" s="12">
        <f>'申請書（複数入力用）'!P1835</f>
        <v>1</v>
      </c>
    </row>
    <row r="1834" spans="1:10" ht="51.6" customHeight="1" x14ac:dyDescent="0.45">
      <c r="A1834" s="6">
        <f>'申請書（複数入力用）'!A1836</f>
        <v>1830</v>
      </c>
      <c r="B1834" s="13">
        <f>'申請書（複数入力用）'!AH1836</f>
        <v>0</v>
      </c>
      <c r="C1834" s="6">
        <f>'申請書（複数入力用）'!B1836</f>
        <v>0</v>
      </c>
      <c r="D1834" s="6">
        <f>'申請書（複数入力用）'!D1836</f>
        <v>0</v>
      </c>
      <c r="E1834" s="14">
        <f>'申請書（複数入力用）'!H1836</f>
        <v>0</v>
      </c>
      <c r="F1834" s="11" t="str">
        <f>'申請書（複数入力用）'!J1836</f>
        <v/>
      </c>
      <c r="G1834" s="6" t="str">
        <f>'申請書（複数入力用）'!K1836</f>
        <v>a052r000000jS9ZAAU</v>
      </c>
      <c r="H1834" s="12" t="e">
        <f>'申請書（複数入力用）'!N1836</f>
        <v>#N/A</v>
      </c>
      <c r="I1834" s="12" t="e">
        <f>'申請書（複数入力用）'!O1836</f>
        <v>#N/A</v>
      </c>
      <c r="J1834" s="12">
        <f>'申請書（複数入力用）'!P1836</f>
        <v>1</v>
      </c>
    </row>
    <row r="1835" spans="1:10" ht="51.6" customHeight="1" x14ac:dyDescent="0.45">
      <c r="A1835" s="6">
        <f>'申請書（複数入力用）'!A1837</f>
        <v>1831</v>
      </c>
      <c r="B1835" s="13">
        <f>'申請書（複数入力用）'!AH1837</f>
        <v>0</v>
      </c>
      <c r="C1835" s="6">
        <f>'申請書（複数入力用）'!B1837</f>
        <v>0</v>
      </c>
      <c r="D1835" s="6">
        <f>'申請書（複数入力用）'!D1837</f>
        <v>0</v>
      </c>
      <c r="E1835" s="14">
        <f>'申請書（複数入力用）'!H1837</f>
        <v>0</v>
      </c>
      <c r="F1835" s="11" t="str">
        <f>'申請書（複数入力用）'!J1837</f>
        <v/>
      </c>
      <c r="G1835" s="6" t="str">
        <f>'申請書（複数入力用）'!K1837</f>
        <v>a052r000000jS9ZAAU</v>
      </c>
      <c r="H1835" s="12" t="e">
        <f>'申請書（複数入力用）'!N1837</f>
        <v>#N/A</v>
      </c>
      <c r="I1835" s="12" t="e">
        <f>'申請書（複数入力用）'!O1837</f>
        <v>#N/A</v>
      </c>
      <c r="J1835" s="12">
        <f>'申請書（複数入力用）'!P1837</f>
        <v>1</v>
      </c>
    </row>
    <row r="1836" spans="1:10" ht="51.6" customHeight="1" x14ac:dyDescent="0.45">
      <c r="A1836" s="6">
        <f>'申請書（複数入力用）'!A1838</f>
        <v>1832</v>
      </c>
      <c r="B1836" s="13">
        <f>'申請書（複数入力用）'!AH1838</f>
        <v>0</v>
      </c>
      <c r="C1836" s="6">
        <f>'申請書（複数入力用）'!B1838</f>
        <v>0</v>
      </c>
      <c r="D1836" s="6">
        <f>'申請書（複数入力用）'!D1838</f>
        <v>0</v>
      </c>
      <c r="E1836" s="14">
        <f>'申請書（複数入力用）'!H1838</f>
        <v>0</v>
      </c>
      <c r="F1836" s="11" t="str">
        <f>'申請書（複数入力用）'!J1838</f>
        <v/>
      </c>
      <c r="G1836" s="6" t="str">
        <f>'申請書（複数入力用）'!K1838</f>
        <v>a052r000000jS9ZAAU</v>
      </c>
      <c r="H1836" s="12" t="e">
        <f>'申請書（複数入力用）'!N1838</f>
        <v>#N/A</v>
      </c>
      <c r="I1836" s="12" t="e">
        <f>'申請書（複数入力用）'!O1838</f>
        <v>#N/A</v>
      </c>
      <c r="J1836" s="12">
        <f>'申請書（複数入力用）'!P1838</f>
        <v>1</v>
      </c>
    </row>
    <row r="1837" spans="1:10" ht="51.6" customHeight="1" x14ac:dyDescent="0.45">
      <c r="A1837" s="6">
        <f>'申請書（複数入力用）'!A1839</f>
        <v>1833</v>
      </c>
      <c r="B1837" s="13">
        <f>'申請書（複数入力用）'!AH1839</f>
        <v>0</v>
      </c>
      <c r="C1837" s="6">
        <f>'申請書（複数入力用）'!B1839</f>
        <v>0</v>
      </c>
      <c r="D1837" s="6">
        <f>'申請書（複数入力用）'!D1839</f>
        <v>0</v>
      </c>
      <c r="E1837" s="14">
        <f>'申請書（複数入力用）'!H1839</f>
        <v>0</v>
      </c>
      <c r="F1837" s="11" t="str">
        <f>'申請書（複数入力用）'!J1839</f>
        <v/>
      </c>
      <c r="G1837" s="6" t="str">
        <f>'申請書（複数入力用）'!K1839</f>
        <v>a052r000000jS9ZAAU</v>
      </c>
      <c r="H1837" s="12" t="e">
        <f>'申請書（複数入力用）'!N1839</f>
        <v>#N/A</v>
      </c>
      <c r="I1837" s="12" t="e">
        <f>'申請書（複数入力用）'!O1839</f>
        <v>#N/A</v>
      </c>
      <c r="J1837" s="12">
        <f>'申請書（複数入力用）'!P1839</f>
        <v>1</v>
      </c>
    </row>
    <row r="1838" spans="1:10" ht="51.6" customHeight="1" x14ac:dyDescent="0.45">
      <c r="A1838" s="6">
        <f>'申請書（複数入力用）'!A1840</f>
        <v>1834</v>
      </c>
      <c r="B1838" s="13">
        <f>'申請書（複数入力用）'!AH1840</f>
        <v>0</v>
      </c>
      <c r="C1838" s="6">
        <f>'申請書（複数入力用）'!B1840</f>
        <v>0</v>
      </c>
      <c r="D1838" s="6">
        <f>'申請書（複数入力用）'!D1840</f>
        <v>0</v>
      </c>
      <c r="E1838" s="14">
        <f>'申請書（複数入力用）'!H1840</f>
        <v>0</v>
      </c>
      <c r="F1838" s="11" t="str">
        <f>'申請書（複数入力用）'!J1840</f>
        <v/>
      </c>
      <c r="G1838" s="6" t="str">
        <f>'申請書（複数入力用）'!K1840</f>
        <v>a052r000000jS9ZAAU</v>
      </c>
      <c r="H1838" s="12" t="e">
        <f>'申請書（複数入力用）'!N1840</f>
        <v>#N/A</v>
      </c>
      <c r="I1838" s="12" t="e">
        <f>'申請書（複数入力用）'!O1840</f>
        <v>#N/A</v>
      </c>
      <c r="J1838" s="12">
        <f>'申請書（複数入力用）'!P1840</f>
        <v>1</v>
      </c>
    </row>
    <row r="1839" spans="1:10" ht="51.6" customHeight="1" x14ac:dyDescent="0.45">
      <c r="A1839" s="6">
        <f>'申請書（複数入力用）'!A1841</f>
        <v>1835</v>
      </c>
      <c r="B1839" s="13">
        <f>'申請書（複数入力用）'!AH1841</f>
        <v>0</v>
      </c>
      <c r="C1839" s="6">
        <f>'申請書（複数入力用）'!B1841</f>
        <v>0</v>
      </c>
      <c r="D1839" s="6">
        <f>'申請書（複数入力用）'!D1841</f>
        <v>0</v>
      </c>
      <c r="E1839" s="14">
        <f>'申請書（複数入力用）'!H1841</f>
        <v>0</v>
      </c>
      <c r="F1839" s="11" t="str">
        <f>'申請書（複数入力用）'!J1841</f>
        <v/>
      </c>
      <c r="G1839" s="6" t="str">
        <f>'申請書（複数入力用）'!K1841</f>
        <v>a052r000000jS9ZAAU</v>
      </c>
      <c r="H1839" s="12" t="e">
        <f>'申請書（複数入力用）'!N1841</f>
        <v>#N/A</v>
      </c>
      <c r="I1839" s="12" t="e">
        <f>'申請書（複数入力用）'!O1841</f>
        <v>#N/A</v>
      </c>
      <c r="J1839" s="12">
        <f>'申請書（複数入力用）'!P1841</f>
        <v>1</v>
      </c>
    </row>
    <row r="1840" spans="1:10" ht="51.6" customHeight="1" x14ac:dyDescent="0.45">
      <c r="A1840" s="6">
        <f>'申請書（複数入力用）'!A1842</f>
        <v>1836</v>
      </c>
      <c r="B1840" s="13">
        <f>'申請書（複数入力用）'!AH1842</f>
        <v>0</v>
      </c>
      <c r="C1840" s="6">
        <f>'申請書（複数入力用）'!B1842</f>
        <v>0</v>
      </c>
      <c r="D1840" s="6">
        <f>'申請書（複数入力用）'!D1842</f>
        <v>0</v>
      </c>
      <c r="E1840" s="14">
        <f>'申請書（複数入力用）'!H1842</f>
        <v>0</v>
      </c>
      <c r="F1840" s="11" t="str">
        <f>'申請書（複数入力用）'!J1842</f>
        <v/>
      </c>
      <c r="G1840" s="6" t="str">
        <f>'申請書（複数入力用）'!K1842</f>
        <v>a052r000000jS9ZAAU</v>
      </c>
      <c r="H1840" s="12" t="e">
        <f>'申請書（複数入力用）'!N1842</f>
        <v>#N/A</v>
      </c>
      <c r="I1840" s="12" t="e">
        <f>'申請書（複数入力用）'!O1842</f>
        <v>#N/A</v>
      </c>
      <c r="J1840" s="12">
        <f>'申請書（複数入力用）'!P1842</f>
        <v>1</v>
      </c>
    </row>
    <row r="1841" spans="1:10" ht="51.6" customHeight="1" x14ac:dyDescent="0.45">
      <c r="A1841" s="6">
        <f>'申請書（複数入力用）'!A1843</f>
        <v>1837</v>
      </c>
      <c r="B1841" s="13">
        <f>'申請書（複数入力用）'!AH1843</f>
        <v>0</v>
      </c>
      <c r="C1841" s="6">
        <f>'申請書（複数入力用）'!B1843</f>
        <v>0</v>
      </c>
      <c r="D1841" s="6">
        <f>'申請書（複数入力用）'!D1843</f>
        <v>0</v>
      </c>
      <c r="E1841" s="14">
        <f>'申請書（複数入力用）'!H1843</f>
        <v>0</v>
      </c>
      <c r="F1841" s="11" t="str">
        <f>'申請書（複数入力用）'!J1843</f>
        <v/>
      </c>
      <c r="G1841" s="6" t="str">
        <f>'申請書（複数入力用）'!K1843</f>
        <v>a052r000000jS9ZAAU</v>
      </c>
      <c r="H1841" s="12" t="e">
        <f>'申請書（複数入力用）'!N1843</f>
        <v>#N/A</v>
      </c>
      <c r="I1841" s="12" t="e">
        <f>'申請書（複数入力用）'!O1843</f>
        <v>#N/A</v>
      </c>
      <c r="J1841" s="12">
        <f>'申請書（複数入力用）'!P1843</f>
        <v>1</v>
      </c>
    </row>
    <row r="1842" spans="1:10" ht="51.6" customHeight="1" x14ac:dyDescent="0.45">
      <c r="A1842" s="6">
        <f>'申請書（複数入力用）'!A1844</f>
        <v>1838</v>
      </c>
      <c r="B1842" s="13">
        <f>'申請書（複数入力用）'!AH1844</f>
        <v>0</v>
      </c>
      <c r="C1842" s="6">
        <f>'申請書（複数入力用）'!B1844</f>
        <v>0</v>
      </c>
      <c r="D1842" s="6">
        <f>'申請書（複数入力用）'!D1844</f>
        <v>0</v>
      </c>
      <c r="E1842" s="14">
        <f>'申請書（複数入力用）'!H1844</f>
        <v>0</v>
      </c>
      <c r="F1842" s="11" t="str">
        <f>'申請書（複数入力用）'!J1844</f>
        <v/>
      </c>
      <c r="G1842" s="6" t="str">
        <f>'申請書（複数入力用）'!K1844</f>
        <v>a052r000000jS9ZAAU</v>
      </c>
      <c r="H1842" s="12" t="e">
        <f>'申請書（複数入力用）'!N1844</f>
        <v>#N/A</v>
      </c>
      <c r="I1842" s="12" t="e">
        <f>'申請書（複数入力用）'!O1844</f>
        <v>#N/A</v>
      </c>
      <c r="J1842" s="12">
        <f>'申請書（複数入力用）'!P1844</f>
        <v>1</v>
      </c>
    </row>
    <row r="1843" spans="1:10" ht="51.6" customHeight="1" x14ac:dyDescent="0.45">
      <c r="A1843" s="6">
        <f>'申請書（複数入力用）'!A1845</f>
        <v>1839</v>
      </c>
      <c r="B1843" s="13">
        <f>'申請書（複数入力用）'!AH1845</f>
        <v>0</v>
      </c>
      <c r="C1843" s="6">
        <f>'申請書（複数入力用）'!B1845</f>
        <v>0</v>
      </c>
      <c r="D1843" s="6">
        <f>'申請書（複数入力用）'!D1845</f>
        <v>0</v>
      </c>
      <c r="E1843" s="14">
        <f>'申請書（複数入力用）'!H1845</f>
        <v>0</v>
      </c>
      <c r="F1843" s="11" t="str">
        <f>'申請書（複数入力用）'!J1845</f>
        <v/>
      </c>
      <c r="G1843" s="6" t="str">
        <f>'申請書（複数入力用）'!K1845</f>
        <v>a052r000000jS9ZAAU</v>
      </c>
      <c r="H1843" s="12" t="e">
        <f>'申請書（複数入力用）'!N1845</f>
        <v>#N/A</v>
      </c>
      <c r="I1843" s="12" t="e">
        <f>'申請書（複数入力用）'!O1845</f>
        <v>#N/A</v>
      </c>
      <c r="J1843" s="12">
        <f>'申請書（複数入力用）'!P1845</f>
        <v>1</v>
      </c>
    </row>
    <row r="1844" spans="1:10" ht="51.6" customHeight="1" x14ac:dyDescent="0.45">
      <c r="A1844" s="6">
        <f>'申請書（複数入力用）'!A1846</f>
        <v>1840</v>
      </c>
      <c r="B1844" s="13">
        <f>'申請書（複数入力用）'!AH1846</f>
        <v>0</v>
      </c>
      <c r="C1844" s="6">
        <f>'申請書（複数入力用）'!B1846</f>
        <v>0</v>
      </c>
      <c r="D1844" s="6">
        <f>'申請書（複数入力用）'!D1846</f>
        <v>0</v>
      </c>
      <c r="E1844" s="14">
        <f>'申請書（複数入力用）'!H1846</f>
        <v>0</v>
      </c>
      <c r="F1844" s="11" t="str">
        <f>'申請書（複数入力用）'!J1846</f>
        <v/>
      </c>
      <c r="G1844" s="6" t="str">
        <f>'申請書（複数入力用）'!K1846</f>
        <v>a052r000000jS9ZAAU</v>
      </c>
      <c r="H1844" s="12" t="e">
        <f>'申請書（複数入力用）'!N1846</f>
        <v>#N/A</v>
      </c>
      <c r="I1844" s="12" t="e">
        <f>'申請書（複数入力用）'!O1846</f>
        <v>#N/A</v>
      </c>
      <c r="J1844" s="12">
        <f>'申請書（複数入力用）'!P1846</f>
        <v>1</v>
      </c>
    </row>
    <row r="1845" spans="1:10" ht="51.6" customHeight="1" x14ac:dyDescent="0.45">
      <c r="A1845" s="6">
        <f>'申請書（複数入力用）'!A1847</f>
        <v>1841</v>
      </c>
      <c r="B1845" s="13">
        <f>'申請書（複数入力用）'!AH1847</f>
        <v>0</v>
      </c>
      <c r="C1845" s="6">
        <f>'申請書（複数入力用）'!B1847</f>
        <v>0</v>
      </c>
      <c r="D1845" s="6">
        <f>'申請書（複数入力用）'!D1847</f>
        <v>0</v>
      </c>
      <c r="E1845" s="14">
        <f>'申請書（複数入力用）'!H1847</f>
        <v>0</v>
      </c>
      <c r="F1845" s="11" t="str">
        <f>'申請書（複数入力用）'!J1847</f>
        <v/>
      </c>
      <c r="G1845" s="6" t="str">
        <f>'申請書（複数入力用）'!K1847</f>
        <v>a052r000000jS9ZAAU</v>
      </c>
      <c r="H1845" s="12" t="e">
        <f>'申請書（複数入力用）'!N1847</f>
        <v>#N/A</v>
      </c>
      <c r="I1845" s="12" t="e">
        <f>'申請書（複数入力用）'!O1847</f>
        <v>#N/A</v>
      </c>
      <c r="J1845" s="12">
        <f>'申請書（複数入力用）'!P1847</f>
        <v>1</v>
      </c>
    </row>
    <row r="1846" spans="1:10" ht="51.6" customHeight="1" x14ac:dyDescent="0.45">
      <c r="A1846" s="6">
        <f>'申請書（複数入力用）'!A1848</f>
        <v>1842</v>
      </c>
      <c r="B1846" s="13">
        <f>'申請書（複数入力用）'!AH1848</f>
        <v>0</v>
      </c>
      <c r="C1846" s="6">
        <f>'申請書（複数入力用）'!B1848</f>
        <v>0</v>
      </c>
      <c r="D1846" s="6">
        <f>'申請書（複数入力用）'!D1848</f>
        <v>0</v>
      </c>
      <c r="E1846" s="14">
        <f>'申請書（複数入力用）'!H1848</f>
        <v>0</v>
      </c>
      <c r="F1846" s="11" t="str">
        <f>'申請書（複数入力用）'!J1848</f>
        <v/>
      </c>
      <c r="G1846" s="6" t="str">
        <f>'申請書（複数入力用）'!K1848</f>
        <v>a052r000000jS9ZAAU</v>
      </c>
      <c r="H1846" s="12" t="e">
        <f>'申請書（複数入力用）'!N1848</f>
        <v>#N/A</v>
      </c>
      <c r="I1846" s="12" t="e">
        <f>'申請書（複数入力用）'!O1848</f>
        <v>#N/A</v>
      </c>
      <c r="J1846" s="12">
        <f>'申請書（複数入力用）'!P1848</f>
        <v>1</v>
      </c>
    </row>
    <row r="1847" spans="1:10" ht="51.6" customHeight="1" x14ac:dyDescent="0.45">
      <c r="A1847" s="6">
        <f>'申請書（複数入力用）'!A1849</f>
        <v>1843</v>
      </c>
      <c r="B1847" s="13">
        <f>'申請書（複数入力用）'!AH1849</f>
        <v>0</v>
      </c>
      <c r="C1847" s="6">
        <f>'申請書（複数入力用）'!B1849</f>
        <v>0</v>
      </c>
      <c r="D1847" s="6">
        <f>'申請書（複数入力用）'!D1849</f>
        <v>0</v>
      </c>
      <c r="E1847" s="14">
        <f>'申請書（複数入力用）'!H1849</f>
        <v>0</v>
      </c>
      <c r="F1847" s="11" t="str">
        <f>'申請書（複数入力用）'!J1849</f>
        <v/>
      </c>
      <c r="G1847" s="6" t="str">
        <f>'申請書（複数入力用）'!K1849</f>
        <v>a052r000000jS9ZAAU</v>
      </c>
      <c r="H1847" s="12" t="e">
        <f>'申請書（複数入力用）'!N1849</f>
        <v>#N/A</v>
      </c>
      <c r="I1847" s="12" t="e">
        <f>'申請書（複数入力用）'!O1849</f>
        <v>#N/A</v>
      </c>
      <c r="J1847" s="12">
        <f>'申請書（複数入力用）'!P1849</f>
        <v>1</v>
      </c>
    </row>
    <row r="1848" spans="1:10" ht="51.6" customHeight="1" x14ac:dyDescent="0.45">
      <c r="A1848" s="6">
        <f>'申請書（複数入力用）'!A1850</f>
        <v>1844</v>
      </c>
      <c r="B1848" s="13">
        <f>'申請書（複数入力用）'!AH1850</f>
        <v>0</v>
      </c>
      <c r="C1848" s="6">
        <f>'申請書（複数入力用）'!B1850</f>
        <v>0</v>
      </c>
      <c r="D1848" s="6">
        <f>'申請書（複数入力用）'!D1850</f>
        <v>0</v>
      </c>
      <c r="E1848" s="14">
        <f>'申請書（複数入力用）'!H1850</f>
        <v>0</v>
      </c>
      <c r="F1848" s="11" t="str">
        <f>'申請書（複数入力用）'!J1850</f>
        <v/>
      </c>
      <c r="G1848" s="6" t="str">
        <f>'申請書（複数入力用）'!K1850</f>
        <v>a052r000000jS9ZAAU</v>
      </c>
      <c r="H1848" s="12" t="e">
        <f>'申請書（複数入力用）'!N1850</f>
        <v>#N/A</v>
      </c>
      <c r="I1848" s="12" t="e">
        <f>'申請書（複数入力用）'!O1850</f>
        <v>#N/A</v>
      </c>
      <c r="J1848" s="12">
        <f>'申請書（複数入力用）'!P1850</f>
        <v>1</v>
      </c>
    </row>
    <row r="1849" spans="1:10" ht="51.6" customHeight="1" x14ac:dyDescent="0.45">
      <c r="A1849" s="6">
        <f>'申請書（複数入力用）'!A1851</f>
        <v>1845</v>
      </c>
      <c r="B1849" s="13">
        <f>'申請書（複数入力用）'!AH1851</f>
        <v>0</v>
      </c>
      <c r="C1849" s="6">
        <f>'申請書（複数入力用）'!B1851</f>
        <v>0</v>
      </c>
      <c r="D1849" s="6">
        <f>'申請書（複数入力用）'!D1851</f>
        <v>0</v>
      </c>
      <c r="E1849" s="14">
        <f>'申請書（複数入力用）'!H1851</f>
        <v>0</v>
      </c>
      <c r="F1849" s="11" t="str">
        <f>'申請書（複数入力用）'!J1851</f>
        <v/>
      </c>
      <c r="G1849" s="6" t="str">
        <f>'申請書（複数入力用）'!K1851</f>
        <v>a052r000000jS9ZAAU</v>
      </c>
      <c r="H1849" s="12" t="e">
        <f>'申請書（複数入力用）'!N1851</f>
        <v>#N/A</v>
      </c>
      <c r="I1849" s="12" t="e">
        <f>'申請書（複数入力用）'!O1851</f>
        <v>#N/A</v>
      </c>
      <c r="J1849" s="12">
        <f>'申請書（複数入力用）'!P1851</f>
        <v>1</v>
      </c>
    </row>
    <row r="1850" spans="1:10" ht="51.6" customHeight="1" x14ac:dyDescent="0.45">
      <c r="A1850" s="6">
        <f>'申請書（複数入力用）'!A1852</f>
        <v>1846</v>
      </c>
      <c r="B1850" s="13">
        <f>'申請書（複数入力用）'!AH1852</f>
        <v>0</v>
      </c>
      <c r="C1850" s="6">
        <f>'申請書（複数入力用）'!B1852</f>
        <v>0</v>
      </c>
      <c r="D1850" s="6">
        <f>'申請書（複数入力用）'!D1852</f>
        <v>0</v>
      </c>
      <c r="E1850" s="14">
        <f>'申請書（複数入力用）'!H1852</f>
        <v>0</v>
      </c>
      <c r="F1850" s="11" t="str">
        <f>'申請書（複数入力用）'!J1852</f>
        <v/>
      </c>
      <c r="G1850" s="6" t="str">
        <f>'申請書（複数入力用）'!K1852</f>
        <v>a052r000000jS9ZAAU</v>
      </c>
      <c r="H1850" s="12" t="e">
        <f>'申請書（複数入力用）'!N1852</f>
        <v>#N/A</v>
      </c>
      <c r="I1850" s="12" t="e">
        <f>'申請書（複数入力用）'!O1852</f>
        <v>#N/A</v>
      </c>
      <c r="J1850" s="12">
        <f>'申請書（複数入力用）'!P1852</f>
        <v>1</v>
      </c>
    </row>
    <row r="1851" spans="1:10" ht="51.6" customHeight="1" x14ac:dyDescent="0.45">
      <c r="A1851" s="6">
        <f>'申請書（複数入力用）'!A1853</f>
        <v>1847</v>
      </c>
      <c r="B1851" s="13">
        <f>'申請書（複数入力用）'!AH1853</f>
        <v>0</v>
      </c>
      <c r="C1851" s="6">
        <f>'申請書（複数入力用）'!B1853</f>
        <v>0</v>
      </c>
      <c r="D1851" s="6">
        <f>'申請書（複数入力用）'!D1853</f>
        <v>0</v>
      </c>
      <c r="E1851" s="14">
        <f>'申請書（複数入力用）'!H1853</f>
        <v>0</v>
      </c>
      <c r="F1851" s="11" t="str">
        <f>'申請書（複数入力用）'!J1853</f>
        <v/>
      </c>
      <c r="G1851" s="6" t="str">
        <f>'申請書（複数入力用）'!K1853</f>
        <v>a052r000000jS9ZAAU</v>
      </c>
      <c r="H1851" s="12" t="e">
        <f>'申請書（複数入力用）'!N1853</f>
        <v>#N/A</v>
      </c>
      <c r="I1851" s="12" t="e">
        <f>'申請書（複数入力用）'!O1853</f>
        <v>#N/A</v>
      </c>
      <c r="J1851" s="12">
        <f>'申請書（複数入力用）'!P1853</f>
        <v>1</v>
      </c>
    </row>
    <row r="1852" spans="1:10" ht="51.6" customHeight="1" x14ac:dyDescent="0.45">
      <c r="A1852" s="6">
        <f>'申請書（複数入力用）'!A1854</f>
        <v>1848</v>
      </c>
      <c r="B1852" s="13">
        <f>'申請書（複数入力用）'!AH1854</f>
        <v>0</v>
      </c>
      <c r="C1852" s="6">
        <f>'申請書（複数入力用）'!B1854</f>
        <v>0</v>
      </c>
      <c r="D1852" s="6">
        <f>'申請書（複数入力用）'!D1854</f>
        <v>0</v>
      </c>
      <c r="E1852" s="14">
        <f>'申請書（複数入力用）'!H1854</f>
        <v>0</v>
      </c>
      <c r="F1852" s="11" t="str">
        <f>'申請書（複数入力用）'!J1854</f>
        <v/>
      </c>
      <c r="G1852" s="6" t="str">
        <f>'申請書（複数入力用）'!K1854</f>
        <v>a052r000000jS9ZAAU</v>
      </c>
      <c r="H1852" s="12" t="e">
        <f>'申請書（複数入力用）'!N1854</f>
        <v>#N/A</v>
      </c>
      <c r="I1852" s="12" t="e">
        <f>'申請書（複数入力用）'!O1854</f>
        <v>#N/A</v>
      </c>
      <c r="J1852" s="12">
        <f>'申請書（複数入力用）'!P1854</f>
        <v>1</v>
      </c>
    </row>
    <row r="1853" spans="1:10" ht="51.6" customHeight="1" x14ac:dyDescent="0.45">
      <c r="A1853" s="6">
        <f>'申請書（複数入力用）'!A1855</f>
        <v>1849</v>
      </c>
      <c r="B1853" s="13">
        <f>'申請書（複数入力用）'!AH1855</f>
        <v>0</v>
      </c>
      <c r="C1853" s="6">
        <f>'申請書（複数入力用）'!B1855</f>
        <v>0</v>
      </c>
      <c r="D1853" s="6">
        <f>'申請書（複数入力用）'!D1855</f>
        <v>0</v>
      </c>
      <c r="E1853" s="14">
        <f>'申請書（複数入力用）'!H1855</f>
        <v>0</v>
      </c>
      <c r="F1853" s="11" t="str">
        <f>'申請書（複数入力用）'!J1855</f>
        <v/>
      </c>
      <c r="G1853" s="6" t="str">
        <f>'申請書（複数入力用）'!K1855</f>
        <v>a052r000000jS9ZAAU</v>
      </c>
      <c r="H1853" s="12" t="e">
        <f>'申請書（複数入力用）'!N1855</f>
        <v>#N/A</v>
      </c>
      <c r="I1853" s="12" t="e">
        <f>'申請書（複数入力用）'!O1855</f>
        <v>#N/A</v>
      </c>
      <c r="J1853" s="12">
        <f>'申請書（複数入力用）'!P1855</f>
        <v>1</v>
      </c>
    </row>
    <row r="1854" spans="1:10" ht="51.6" customHeight="1" x14ac:dyDescent="0.45">
      <c r="A1854" s="6">
        <f>'申請書（複数入力用）'!A1856</f>
        <v>1850</v>
      </c>
      <c r="B1854" s="13">
        <f>'申請書（複数入力用）'!AH1856</f>
        <v>0</v>
      </c>
      <c r="C1854" s="6">
        <f>'申請書（複数入力用）'!B1856</f>
        <v>0</v>
      </c>
      <c r="D1854" s="6">
        <f>'申請書（複数入力用）'!D1856</f>
        <v>0</v>
      </c>
      <c r="E1854" s="14">
        <f>'申請書（複数入力用）'!H1856</f>
        <v>0</v>
      </c>
      <c r="F1854" s="11" t="str">
        <f>'申請書（複数入力用）'!J1856</f>
        <v/>
      </c>
      <c r="G1854" s="6" t="str">
        <f>'申請書（複数入力用）'!K1856</f>
        <v>a052r000000jS9ZAAU</v>
      </c>
      <c r="H1854" s="12" t="e">
        <f>'申請書（複数入力用）'!N1856</f>
        <v>#N/A</v>
      </c>
      <c r="I1854" s="12" t="e">
        <f>'申請書（複数入力用）'!O1856</f>
        <v>#N/A</v>
      </c>
      <c r="J1854" s="12">
        <f>'申請書（複数入力用）'!P1856</f>
        <v>1</v>
      </c>
    </row>
    <row r="1855" spans="1:10" ht="51.6" customHeight="1" x14ac:dyDescent="0.45">
      <c r="A1855" s="6">
        <f>'申請書（複数入力用）'!A1857</f>
        <v>1851</v>
      </c>
      <c r="B1855" s="13">
        <f>'申請書（複数入力用）'!AH1857</f>
        <v>0</v>
      </c>
      <c r="C1855" s="6">
        <f>'申請書（複数入力用）'!B1857</f>
        <v>0</v>
      </c>
      <c r="D1855" s="6">
        <f>'申請書（複数入力用）'!D1857</f>
        <v>0</v>
      </c>
      <c r="E1855" s="14">
        <f>'申請書（複数入力用）'!H1857</f>
        <v>0</v>
      </c>
      <c r="F1855" s="11" t="str">
        <f>'申請書（複数入力用）'!J1857</f>
        <v/>
      </c>
      <c r="G1855" s="6" t="str">
        <f>'申請書（複数入力用）'!K1857</f>
        <v>a052r000000jS9ZAAU</v>
      </c>
      <c r="H1855" s="12" t="e">
        <f>'申請書（複数入力用）'!N1857</f>
        <v>#N/A</v>
      </c>
      <c r="I1855" s="12" t="e">
        <f>'申請書（複数入力用）'!O1857</f>
        <v>#N/A</v>
      </c>
      <c r="J1855" s="12">
        <f>'申請書（複数入力用）'!P1857</f>
        <v>1</v>
      </c>
    </row>
    <row r="1856" spans="1:10" ht="51.6" customHeight="1" x14ac:dyDescent="0.45">
      <c r="A1856" s="6">
        <f>'申請書（複数入力用）'!A1858</f>
        <v>1852</v>
      </c>
      <c r="B1856" s="13">
        <f>'申請書（複数入力用）'!AH1858</f>
        <v>0</v>
      </c>
      <c r="C1856" s="6">
        <f>'申請書（複数入力用）'!B1858</f>
        <v>0</v>
      </c>
      <c r="D1856" s="6">
        <f>'申請書（複数入力用）'!D1858</f>
        <v>0</v>
      </c>
      <c r="E1856" s="14">
        <f>'申請書（複数入力用）'!H1858</f>
        <v>0</v>
      </c>
      <c r="F1856" s="11" t="str">
        <f>'申請書（複数入力用）'!J1858</f>
        <v/>
      </c>
      <c r="G1856" s="6" t="str">
        <f>'申請書（複数入力用）'!K1858</f>
        <v>a052r000000jS9ZAAU</v>
      </c>
      <c r="H1856" s="12" t="e">
        <f>'申請書（複数入力用）'!N1858</f>
        <v>#N/A</v>
      </c>
      <c r="I1856" s="12" t="e">
        <f>'申請書（複数入力用）'!O1858</f>
        <v>#N/A</v>
      </c>
      <c r="J1856" s="12">
        <f>'申請書（複数入力用）'!P1858</f>
        <v>1</v>
      </c>
    </row>
    <row r="1857" spans="1:10" ht="51.6" customHeight="1" x14ac:dyDescent="0.45">
      <c r="A1857" s="6">
        <f>'申請書（複数入力用）'!A1859</f>
        <v>1853</v>
      </c>
      <c r="B1857" s="13">
        <f>'申請書（複数入力用）'!AH1859</f>
        <v>0</v>
      </c>
      <c r="C1857" s="6">
        <f>'申請書（複数入力用）'!B1859</f>
        <v>0</v>
      </c>
      <c r="D1857" s="6">
        <f>'申請書（複数入力用）'!D1859</f>
        <v>0</v>
      </c>
      <c r="E1857" s="14">
        <f>'申請書（複数入力用）'!H1859</f>
        <v>0</v>
      </c>
      <c r="F1857" s="11" t="str">
        <f>'申請書（複数入力用）'!J1859</f>
        <v/>
      </c>
      <c r="G1857" s="6" t="str">
        <f>'申請書（複数入力用）'!K1859</f>
        <v>a052r000000jS9ZAAU</v>
      </c>
      <c r="H1857" s="12" t="e">
        <f>'申請書（複数入力用）'!N1859</f>
        <v>#N/A</v>
      </c>
      <c r="I1857" s="12" t="e">
        <f>'申請書（複数入力用）'!O1859</f>
        <v>#N/A</v>
      </c>
      <c r="J1857" s="12">
        <f>'申請書（複数入力用）'!P1859</f>
        <v>1</v>
      </c>
    </row>
    <row r="1858" spans="1:10" ht="51.6" customHeight="1" x14ac:dyDescent="0.45">
      <c r="A1858" s="6">
        <f>'申請書（複数入力用）'!A1860</f>
        <v>1854</v>
      </c>
      <c r="B1858" s="13">
        <f>'申請書（複数入力用）'!AH1860</f>
        <v>0</v>
      </c>
      <c r="C1858" s="6">
        <f>'申請書（複数入力用）'!B1860</f>
        <v>0</v>
      </c>
      <c r="D1858" s="6">
        <f>'申請書（複数入力用）'!D1860</f>
        <v>0</v>
      </c>
      <c r="E1858" s="14">
        <f>'申請書（複数入力用）'!H1860</f>
        <v>0</v>
      </c>
      <c r="F1858" s="11" t="str">
        <f>'申請書（複数入力用）'!J1860</f>
        <v/>
      </c>
      <c r="G1858" s="6" t="str">
        <f>'申請書（複数入力用）'!K1860</f>
        <v>a052r000000jS9ZAAU</v>
      </c>
      <c r="H1858" s="12" t="e">
        <f>'申請書（複数入力用）'!N1860</f>
        <v>#N/A</v>
      </c>
      <c r="I1858" s="12" t="e">
        <f>'申請書（複数入力用）'!O1860</f>
        <v>#N/A</v>
      </c>
      <c r="J1858" s="12">
        <f>'申請書（複数入力用）'!P1860</f>
        <v>1</v>
      </c>
    </row>
    <row r="1859" spans="1:10" ht="51.6" customHeight="1" x14ac:dyDescent="0.45">
      <c r="A1859" s="6">
        <f>'申請書（複数入力用）'!A1861</f>
        <v>1855</v>
      </c>
      <c r="B1859" s="13">
        <f>'申請書（複数入力用）'!AH1861</f>
        <v>0</v>
      </c>
      <c r="C1859" s="6">
        <f>'申請書（複数入力用）'!B1861</f>
        <v>0</v>
      </c>
      <c r="D1859" s="6">
        <f>'申請書（複数入力用）'!D1861</f>
        <v>0</v>
      </c>
      <c r="E1859" s="14">
        <f>'申請書（複数入力用）'!H1861</f>
        <v>0</v>
      </c>
      <c r="F1859" s="11" t="str">
        <f>'申請書（複数入力用）'!J1861</f>
        <v/>
      </c>
      <c r="G1859" s="6" t="str">
        <f>'申請書（複数入力用）'!K1861</f>
        <v>a052r000000jS9ZAAU</v>
      </c>
      <c r="H1859" s="12" t="e">
        <f>'申請書（複数入力用）'!N1861</f>
        <v>#N/A</v>
      </c>
      <c r="I1859" s="12" t="e">
        <f>'申請書（複数入力用）'!O1861</f>
        <v>#N/A</v>
      </c>
      <c r="J1859" s="12">
        <f>'申請書（複数入力用）'!P1861</f>
        <v>1</v>
      </c>
    </row>
    <row r="1860" spans="1:10" ht="51.6" customHeight="1" x14ac:dyDescent="0.45">
      <c r="A1860" s="6">
        <f>'申請書（複数入力用）'!A1862</f>
        <v>1856</v>
      </c>
      <c r="B1860" s="13">
        <f>'申請書（複数入力用）'!AH1862</f>
        <v>0</v>
      </c>
      <c r="C1860" s="6">
        <f>'申請書（複数入力用）'!B1862</f>
        <v>0</v>
      </c>
      <c r="D1860" s="6">
        <f>'申請書（複数入力用）'!D1862</f>
        <v>0</v>
      </c>
      <c r="E1860" s="14">
        <f>'申請書（複数入力用）'!H1862</f>
        <v>0</v>
      </c>
      <c r="F1860" s="11" t="str">
        <f>'申請書（複数入力用）'!J1862</f>
        <v/>
      </c>
      <c r="G1860" s="6" t="str">
        <f>'申請書（複数入力用）'!K1862</f>
        <v>a052r000000jS9ZAAU</v>
      </c>
      <c r="H1860" s="12" t="e">
        <f>'申請書（複数入力用）'!N1862</f>
        <v>#N/A</v>
      </c>
      <c r="I1860" s="12" t="e">
        <f>'申請書（複数入力用）'!O1862</f>
        <v>#N/A</v>
      </c>
      <c r="J1860" s="12">
        <f>'申請書（複数入力用）'!P1862</f>
        <v>1</v>
      </c>
    </row>
    <row r="1861" spans="1:10" ht="51.6" customHeight="1" x14ac:dyDescent="0.45">
      <c r="A1861" s="6">
        <f>'申請書（複数入力用）'!A1863</f>
        <v>1857</v>
      </c>
      <c r="B1861" s="13">
        <f>'申請書（複数入力用）'!AH1863</f>
        <v>0</v>
      </c>
      <c r="C1861" s="6">
        <f>'申請書（複数入力用）'!B1863</f>
        <v>0</v>
      </c>
      <c r="D1861" s="6">
        <f>'申請書（複数入力用）'!D1863</f>
        <v>0</v>
      </c>
      <c r="E1861" s="14">
        <f>'申請書（複数入力用）'!H1863</f>
        <v>0</v>
      </c>
      <c r="F1861" s="11" t="str">
        <f>'申請書（複数入力用）'!J1863</f>
        <v/>
      </c>
      <c r="G1861" s="6" t="str">
        <f>'申請書（複数入力用）'!K1863</f>
        <v>a052r000000jS9ZAAU</v>
      </c>
      <c r="H1861" s="12" t="e">
        <f>'申請書（複数入力用）'!N1863</f>
        <v>#N/A</v>
      </c>
      <c r="I1861" s="12" t="e">
        <f>'申請書（複数入力用）'!O1863</f>
        <v>#N/A</v>
      </c>
      <c r="J1861" s="12">
        <f>'申請書（複数入力用）'!P1863</f>
        <v>1</v>
      </c>
    </row>
    <row r="1862" spans="1:10" ht="51.6" customHeight="1" x14ac:dyDescent="0.45">
      <c r="A1862" s="6">
        <f>'申請書（複数入力用）'!A1864</f>
        <v>1858</v>
      </c>
      <c r="B1862" s="13">
        <f>'申請書（複数入力用）'!AH1864</f>
        <v>0</v>
      </c>
      <c r="C1862" s="6">
        <f>'申請書（複数入力用）'!B1864</f>
        <v>0</v>
      </c>
      <c r="D1862" s="6">
        <f>'申請書（複数入力用）'!D1864</f>
        <v>0</v>
      </c>
      <c r="E1862" s="14">
        <f>'申請書（複数入力用）'!H1864</f>
        <v>0</v>
      </c>
      <c r="F1862" s="11" t="str">
        <f>'申請書（複数入力用）'!J1864</f>
        <v/>
      </c>
      <c r="G1862" s="6" t="str">
        <f>'申請書（複数入力用）'!K1864</f>
        <v>a052r000000jS9ZAAU</v>
      </c>
      <c r="H1862" s="12" t="e">
        <f>'申請書（複数入力用）'!N1864</f>
        <v>#N/A</v>
      </c>
      <c r="I1862" s="12" t="e">
        <f>'申請書（複数入力用）'!O1864</f>
        <v>#N/A</v>
      </c>
      <c r="J1862" s="12">
        <f>'申請書（複数入力用）'!P1864</f>
        <v>1</v>
      </c>
    </row>
    <row r="1863" spans="1:10" ht="51.6" customHeight="1" x14ac:dyDescent="0.45">
      <c r="A1863" s="6">
        <f>'申請書（複数入力用）'!A1865</f>
        <v>1859</v>
      </c>
      <c r="B1863" s="13">
        <f>'申請書（複数入力用）'!AH1865</f>
        <v>0</v>
      </c>
      <c r="C1863" s="6">
        <f>'申請書（複数入力用）'!B1865</f>
        <v>0</v>
      </c>
      <c r="D1863" s="6">
        <f>'申請書（複数入力用）'!D1865</f>
        <v>0</v>
      </c>
      <c r="E1863" s="14">
        <f>'申請書（複数入力用）'!H1865</f>
        <v>0</v>
      </c>
      <c r="F1863" s="11" t="str">
        <f>'申請書（複数入力用）'!J1865</f>
        <v/>
      </c>
      <c r="G1863" s="6" t="str">
        <f>'申請書（複数入力用）'!K1865</f>
        <v>a052r000000jS9ZAAU</v>
      </c>
      <c r="H1863" s="12" t="e">
        <f>'申請書（複数入力用）'!N1865</f>
        <v>#N/A</v>
      </c>
      <c r="I1863" s="12" t="e">
        <f>'申請書（複数入力用）'!O1865</f>
        <v>#N/A</v>
      </c>
      <c r="J1863" s="12">
        <f>'申請書（複数入力用）'!P1865</f>
        <v>1</v>
      </c>
    </row>
    <row r="1864" spans="1:10" ht="51.6" customHeight="1" x14ac:dyDescent="0.45">
      <c r="A1864" s="6">
        <f>'申請書（複数入力用）'!A1866</f>
        <v>1860</v>
      </c>
      <c r="B1864" s="13">
        <f>'申請書（複数入力用）'!AH1866</f>
        <v>0</v>
      </c>
      <c r="C1864" s="6">
        <f>'申請書（複数入力用）'!B1866</f>
        <v>0</v>
      </c>
      <c r="D1864" s="6">
        <f>'申請書（複数入力用）'!D1866</f>
        <v>0</v>
      </c>
      <c r="E1864" s="14">
        <f>'申請書（複数入力用）'!H1866</f>
        <v>0</v>
      </c>
      <c r="F1864" s="11" t="str">
        <f>'申請書（複数入力用）'!J1866</f>
        <v/>
      </c>
      <c r="G1864" s="6" t="str">
        <f>'申請書（複数入力用）'!K1866</f>
        <v>a052r000000jS9ZAAU</v>
      </c>
      <c r="H1864" s="12" t="e">
        <f>'申請書（複数入力用）'!N1866</f>
        <v>#N/A</v>
      </c>
      <c r="I1864" s="12" t="e">
        <f>'申請書（複数入力用）'!O1866</f>
        <v>#N/A</v>
      </c>
      <c r="J1864" s="12">
        <f>'申請書（複数入力用）'!P1866</f>
        <v>1</v>
      </c>
    </row>
    <row r="1865" spans="1:10" ht="51.6" customHeight="1" x14ac:dyDescent="0.45">
      <c r="A1865" s="6">
        <f>'申請書（複数入力用）'!A1867</f>
        <v>1861</v>
      </c>
      <c r="B1865" s="13">
        <f>'申請書（複数入力用）'!AH1867</f>
        <v>0</v>
      </c>
      <c r="C1865" s="6">
        <f>'申請書（複数入力用）'!B1867</f>
        <v>0</v>
      </c>
      <c r="D1865" s="6">
        <f>'申請書（複数入力用）'!D1867</f>
        <v>0</v>
      </c>
      <c r="E1865" s="14">
        <f>'申請書（複数入力用）'!H1867</f>
        <v>0</v>
      </c>
      <c r="F1865" s="11" t="str">
        <f>'申請書（複数入力用）'!J1867</f>
        <v/>
      </c>
      <c r="G1865" s="6" t="str">
        <f>'申請書（複数入力用）'!K1867</f>
        <v>a052r000000jS9ZAAU</v>
      </c>
      <c r="H1865" s="12" t="e">
        <f>'申請書（複数入力用）'!N1867</f>
        <v>#N/A</v>
      </c>
      <c r="I1865" s="12" t="e">
        <f>'申請書（複数入力用）'!O1867</f>
        <v>#N/A</v>
      </c>
      <c r="J1865" s="12">
        <f>'申請書（複数入力用）'!P1867</f>
        <v>1</v>
      </c>
    </row>
    <row r="1866" spans="1:10" ht="51.6" customHeight="1" x14ac:dyDescent="0.45">
      <c r="A1866" s="6">
        <f>'申請書（複数入力用）'!A1868</f>
        <v>1862</v>
      </c>
      <c r="B1866" s="13">
        <f>'申請書（複数入力用）'!AH1868</f>
        <v>0</v>
      </c>
      <c r="C1866" s="6">
        <f>'申請書（複数入力用）'!B1868</f>
        <v>0</v>
      </c>
      <c r="D1866" s="6">
        <f>'申請書（複数入力用）'!D1868</f>
        <v>0</v>
      </c>
      <c r="E1866" s="14">
        <f>'申請書（複数入力用）'!H1868</f>
        <v>0</v>
      </c>
      <c r="F1866" s="11" t="str">
        <f>'申請書（複数入力用）'!J1868</f>
        <v/>
      </c>
      <c r="G1866" s="6" t="str">
        <f>'申請書（複数入力用）'!K1868</f>
        <v>a052r000000jS9ZAAU</v>
      </c>
      <c r="H1866" s="12" t="e">
        <f>'申請書（複数入力用）'!N1868</f>
        <v>#N/A</v>
      </c>
      <c r="I1866" s="12" t="e">
        <f>'申請書（複数入力用）'!O1868</f>
        <v>#N/A</v>
      </c>
      <c r="J1866" s="12">
        <f>'申請書（複数入力用）'!P1868</f>
        <v>1</v>
      </c>
    </row>
    <row r="1867" spans="1:10" ht="51.6" customHeight="1" x14ac:dyDescent="0.45">
      <c r="A1867" s="6">
        <f>'申請書（複数入力用）'!A1869</f>
        <v>1863</v>
      </c>
      <c r="B1867" s="13">
        <f>'申請書（複数入力用）'!AH1869</f>
        <v>0</v>
      </c>
      <c r="C1867" s="6">
        <f>'申請書（複数入力用）'!B1869</f>
        <v>0</v>
      </c>
      <c r="D1867" s="6">
        <f>'申請書（複数入力用）'!D1869</f>
        <v>0</v>
      </c>
      <c r="E1867" s="14">
        <f>'申請書（複数入力用）'!H1869</f>
        <v>0</v>
      </c>
      <c r="F1867" s="11" t="str">
        <f>'申請書（複数入力用）'!J1869</f>
        <v/>
      </c>
      <c r="G1867" s="6" t="str">
        <f>'申請書（複数入力用）'!K1869</f>
        <v>a052r000000jS9ZAAU</v>
      </c>
      <c r="H1867" s="12" t="e">
        <f>'申請書（複数入力用）'!N1869</f>
        <v>#N/A</v>
      </c>
      <c r="I1867" s="12" t="e">
        <f>'申請書（複数入力用）'!O1869</f>
        <v>#N/A</v>
      </c>
      <c r="J1867" s="12">
        <f>'申請書（複数入力用）'!P1869</f>
        <v>1</v>
      </c>
    </row>
    <row r="1868" spans="1:10" ht="51.6" customHeight="1" x14ac:dyDescent="0.45">
      <c r="A1868" s="6">
        <f>'申請書（複数入力用）'!A1870</f>
        <v>1864</v>
      </c>
      <c r="B1868" s="13">
        <f>'申請書（複数入力用）'!AH1870</f>
        <v>0</v>
      </c>
      <c r="C1868" s="6">
        <f>'申請書（複数入力用）'!B1870</f>
        <v>0</v>
      </c>
      <c r="D1868" s="6">
        <f>'申請書（複数入力用）'!D1870</f>
        <v>0</v>
      </c>
      <c r="E1868" s="14">
        <f>'申請書（複数入力用）'!H1870</f>
        <v>0</v>
      </c>
      <c r="F1868" s="11" t="str">
        <f>'申請書（複数入力用）'!J1870</f>
        <v/>
      </c>
      <c r="G1868" s="6" t="str">
        <f>'申請書（複数入力用）'!K1870</f>
        <v>a052r000000jS9ZAAU</v>
      </c>
      <c r="H1868" s="12" t="e">
        <f>'申請書（複数入力用）'!N1870</f>
        <v>#N/A</v>
      </c>
      <c r="I1868" s="12" t="e">
        <f>'申請書（複数入力用）'!O1870</f>
        <v>#N/A</v>
      </c>
      <c r="J1868" s="12">
        <f>'申請書（複数入力用）'!P1870</f>
        <v>1</v>
      </c>
    </row>
    <row r="1869" spans="1:10" ht="51.6" customHeight="1" x14ac:dyDescent="0.45">
      <c r="A1869" s="6">
        <f>'申請書（複数入力用）'!A1871</f>
        <v>1865</v>
      </c>
      <c r="B1869" s="13">
        <f>'申請書（複数入力用）'!AH1871</f>
        <v>0</v>
      </c>
      <c r="C1869" s="6">
        <f>'申請書（複数入力用）'!B1871</f>
        <v>0</v>
      </c>
      <c r="D1869" s="6">
        <f>'申請書（複数入力用）'!D1871</f>
        <v>0</v>
      </c>
      <c r="E1869" s="14">
        <f>'申請書（複数入力用）'!H1871</f>
        <v>0</v>
      </c>
      <c r="F1869" s="11" t="str">
        <f>'申請書（複数入力用）'!J1871</f>
        <v/>
      </c>
      <c r="G1869" s="6" t="str">
        <f>'申請書（複数入力用）'!K1871</f>
        <v>a052r000000jS9ZAAU</v>
      </c>
      <c r="H1869" s="12" t="e">
        <f>'申請書（複数入力用）'!N1871</f>
        <v>#N/A</v>
      </c>
      <c r="I1869" s="12" t="e">
        <f>'申請書（複数入力用）'!O1871</f>
        <v>#N/A</v>
      </c>
      <c r="J1869" s="12">
        <f>'申請書（複数入力用）'!P1871</f>
        <v>1</v>
      </c>
    </row>
    <row r="1870" spans="1:10" ht="51.6" customHeight="1" x14ac:dyDescent="0.45">
      <c r="A1870" s="6">
        <f>'申請書（複数入力用）'!A1872</f>
        <v>1866</v>
      </c>
      <c r="B1870" s="13">
        <f>'申請書（複数入力用）'!AH1872</f>
        <v>0</v>
      </c>
      <c r="C1870" s="6">
        <f>'申請書（複数入力用）'!B1872</f>
        <v>0</v>
      </c>
      <c r="D1870" s="6">
        <f>'申請書（複数入力用）'!D1872</f>
        <v>0</v>
      </c>
      <c r="E1870" s="14">
        <f>'申請書（複数入力用）'!H1872</f>
        <v>0</v>
      </c>
      <c r="F1870" s="11" t="str">
        <f>'申請書（複数入力用）'!J1872</f>
        <v/>
      </c>
      <c r="G1870" s="6" t="str">
        <f>'申請書（複数入力用）'!K1872</f>
        <v>a052r000000jS9ZAAU</v>
      </c>
      <c r="H1870" s="12" t="e">
        <f>'申請書（複数入力用）'!N1872</f>
        <v>#N/A</v>
      </c>
      <c r="I1870" s="12" t="e">
        <f>'申請書（複数入力用）'!O1872</f>
        <v>#N/A</v>
      </c>
      <c r="J1870" s="12">
        <f>'申請書（複数入力用）'!P1872</f>
        <v>1</v>
      </c>
    </row>
    <row r="1871" spans="1:10" ht="51.6" customHeight="1" x14ac:dyDescent="0.45">
      <c r="A1871" s="6">
        <f>'申請書（複数入力用）'!A1873</f>
        <v>1867</v>
      </c>
      <c r="B1871" s="13">
        <f>'申請書（複数入力用）'!AH1873</f>
        <v>0</v>
      </c>
      <c r="C1871" s="6">
        <f>'申請書（複数入力用）'!B1873</f>
        <v>0</v>
      </c>
      <c r="D1871" s="6">
        <f>'申請書（複数入力用）'!D1873</f>
        <v>0</v>
      </c>
      <c r="E1871" s="14">
        <f>'申請書（複数入力用）'!H1873</f>
        <v>0</v>
      </c>
      <c r="F1871" s="11" t="str">
        <f>'申請書（複数入力用）'!J1873</f>
        <v/>
      </c>
      <c r="G1871" s="6" t="str">
        <f>'申請書（複数入力用）'!K1873</f>
        <v>a052r000000jS9ZAAU</v>
      </c>
      <c r="H1871" s="12" t="e">
        <f>'申請書（複数入力用）'!N1873</f>
        <v>#N/A</v>
      </c>
      <c r="I1871" s="12" t="e">
        <f>'申請書（複数入力用）'!O1873</f>
        <v>#N/A</v>
      </c>
      <c r="J1871" s="12">
        <f>'申請書（複数入力用）'!P1873</f>
        <v>1</v>
      </c>
    </row>
    <row r="1872" spans="1:10" ht="51.6" customHeight="1" x14ac:dyDescent="0.45">
      <c r="A1872" s="6">
        <f>'申請書（複数入力用）'!A1874</f>
        <v>1868</v>
      </c>
      <c r="B1872" s="13">
        <f>'申請書（複数入力用）'!AH1874</f>
        <v>0</v>
      </c>
      <c r="C1872" s="6">
        <f>'申請書（複数入力用）'!B1874</f>
        <v>0</v>
      </c>
      <c r="D1872" s="6">
        <f>'申請書（複数入力用）'!D1874</f>
        <v>0</v>
      </c>
      <c r="E1872" s="14">
        <f>'申請書（複数入力用）'!H1874</f>
        <v>0</v>
      </c>
      <c r="F1872" s="11" t="str">
        <f>'申請書（複数入力用）'!J1874</f>
        <v/>
      </c>
      <c r="G1872" s="6" t="str">
        <f>'申請書（複数入力用）'!K1874</f>
        <v>a052r000000jS9ZAAU</v>
      </c>
      <c r="H1872" s="12" t="e">
        <f>'申請書（複数入力用）'!N1874</f>
        <v>#N/A</v>
      </c>
      <c r="I1872" s="12" t="e">
        <f>'申請書（複数入力用）'!O1874</f>
        <v>#N/A</v>
      </c>
      <c r="J1872" s="12">
        <f>'申請書（複数入力用）'!P1874</f>
        <v>1</v>
      </c>
    </row>
    <row r="1873" spans="1:10" ht="51.6" customHeight="1" x14ac:dyDescent="0.45">
      <c r="A1873" s="6">
        <f>'申請書（複数入力用）'!A1875</f>
        <v>1869</v>
      </c>
      <c r="B1873" s="13">
        <f>'申請書（複数入力用）'!AH1875</f>
        <v>0</v>
      </c>
      <c r="C1873" s="6">
        <f>'申請書（複数入力用）'!B1875</f>
        <v>0</v>
      </c>
      <c r="D1873" s="6">
        <f>'申請書（複数入力用）'!D1875</f>
        <v>0</v>
      </c>
      <c r="E1873" s="14">
        <f>'申請書（複数入力用）'!H1875</f>
        <v>0</v>
      </c>
      <c r="F1873" s="11" t="str">
        <f>'申請書（複数入力用）'!J1875</f>
        <v/>
      </c>
      <c r="G1873" s="6" t="str">
        <f>'申請書（複数入力用）'!K1875</f>
        <v>a052r000000jS9ZAAU</v>
      </c>
      <c r="H1873" s="12" t="e">
        <f>'申請書（複数入力用）'!N1875</f>
        <v>#N/A</v>
      </c>
      <c r="I1873" s="12" t="e">
        <f>'申請書（複数入力用）'!O1875</f>
        <v>#N/A</v>
      </c>
      <c r="J1873" s="12">
        <f>'申請書（複数入力用）'!P1875</f>
        <v>1</v>
      </c>
    </row>
    <row r="1874" spans="1:10" ht="51.6" customHeight="1" x14ac:dyDescent="0.45">
      <c r="A1874" s="6">
        <f>'申請書（複数入力用）'!A1876</f>
        <v>1870</v>
      </c>
      <c r="B1874" s="13">
        <f>'申請書（複数入力用）'!AH1876</f>
        <v>0</v>
      </c>
      <c r="C1874" s="6">
        <f>'申請書（複数入力用）'!B1876</f>
        <v>0</v>
      </c>
      <c r="D1874" s="6">
        <f>'申請書（複数入力用）'!D1876</f>
        <v>0</v>
      </c>
      <c r="E1874" s="14">
        <f>'申請書（複数入力用）'!H1876</f>
        <v>0</v>
      </c>
      <c r="F1874" s="11" t="str">
        <f>'申請書（複数入力用）'!J1876</f>
        <v/>
      </c>
      <c r="G1874" s="6" t="str">
        <f>'申請書（複数入力用）'!K1876</f>
        <v>a052r000000jS9ZAAU</v>
      </c>
      <c r="H1874" s="12" t="e">
        <f>'申請書（複数入力用）'!N1876</f>
        <v>#N/A</v>
      </c>
      <c r="I1874" s="12" t="e">
        <f>'申請書（複数入力用）'!O1876</f>
        <v>#N/A</v>
      </c>
      <c r="J1874" s="12">
        <f>'申請書（複数入力用）'!P1876</f>
        <v>1</v>
      </c>
    </row>
    <row r="1875" spans="1:10" ht="51.6" customHeight="1" x14ac:dyDescent="0.45">
      <c r="A1875" s="6">
        <f>'申請書（複数入力用）'!A1877</f>
        <v>1871</v>
      </c>
      <c r="B1875" s="13">
        <f>'申請書（複数入力用）'!AH1877</f>
        <v>0</v>
      </c>
      <c r="C1875" s="6">
        <f>'申請書（複数入力用）'!B1877</f>
        <v>0</v>
      </c>
      <c r="D1875" s="6">
        <f>'申請書（複数入力用）'!D1877</f>
        <v>0</v>
      </c>
      <c r="E1875" s="14">
        <f>'申請書（複数入力用）'!H1877</f>
        <v>0</v>
      </c>
      <c r="F1875" s="11" t="str">
        <f>'申請書（複数入力用）'!J1877</f>
        <v/>
      </c>
      <c r="G1875" s="6" t="str">
        <f>'申請書（複数入力用）'!K1877</f>
        <v>a052r000000jS9ZAAU</v>
      </c>
      <c r="H1875" s="12" t="e">
        <f>'申請書（複数入力用）'!N1877</f>
        <v>#N/A</v>
      </c>
      <c r="I1875" s="12" t="e">
        <f>'申請書（複数入力用）'!O1877</f>
        <v>#N/A</v>
      </c>
      <c r="J1875" s="12">
        <f>'申請書（複数入力用）'!P1877</f>
        <v>1</v>
      </c>
    </row>
    <row r="1876" spans="1:10" ht="51.6" customHeight="1" x14ac:dyDescent="0.45">
      <c r="A1876" s="6">
        <f>'申請書（複数入力用）'!A1878</f>
        <v>1872</v>
      </c>
      <c r="B1876" s="13">
        <f>'申請書（複数入力用）'!AH1878</f>
        <v>0</v>
      </c>
      <c r="C1876" s="6">
        <f>'申請書（複数入力用）'!B1878</f>
        <v>0</v>
      </c>
      <c r="D1876" s="6">
        <f>'申請書（複数入力用）'!D1878</f>
        <v>0</v>
      </c>
      <c r="E1876" s="14">
        <f>'申請書（複数入力用）'!H1878</f>
        <v>0</v>
      </c>
      <c r="F1876" s="11" t="str">
        <f>'申請書（複数入力用）'!J1878</f>
        <v/>
      </c>
      <c r="G1876" s="6" t="str">
        <f>'申請書（複数入力用）'!K1878</f>
        <v>a052r000000jS9ZAAU</v>
      </c>
      <c r="H1876" s="12" t="e">
        <f>'申請書（複数入力用）'!N1878</f>
        <v>#N/A</v>
      </c>
      <c r="I1876" s="12" t="e">
        <f>'申請書（複数入力用）'!O1878</f>
        <v>#N/A</v>
      </c>
      <c r="J1876" s="12">
        <f>'申請書（複数入力用）'!P1878</f>
        <v>1</v>
      </c>
    </row>
    <row r="1877" spans="1:10" ht="51.6" customHeight="1" x14ac:dyDescent="0.45">
      <c r="A1877" s="6">
        <f>'申請書（複数入力用）'!A1879</f>
        <v>1873</v>
      </c>
      <c r="B1877" s="13">
        <f>'申請書（複数入力用）'!AH1879</f>
        <v>0</v>
      </c>
      <c r="C1877" s="6">
        <f>'申請書（複数入力用）'!B1879</f>
        <v>0</v>
      </c>
      <c r="D1877" s="6">
        <f>'申請書（複数入力用）'!D1879</f>
        <v>0</v>
      </c>
      <c r="E1877" s="14">
        <f>'申請書（複数入力用）'!H1879</f>
        <v>0</v>
      </c>
      <c r="F1877" s="11" t="str">
        <f>'申請書（複数入力用）'!J1879</f>
        <v/>
      </c>
      <c r="G1877" s="6" t="str">
        <f>'申請書（複数入力用）'!K1879</f>
        <v>a052r000000jS9ZAAU</v>
      </c>
      <c r="H1877" s="12" t="e">
        <f>'申請書（複数入力用）'!N1879</f>
        <v>#N/A</v>
      </c>
      <c r="I1877" s="12" t="e">
        <f>'申請書（複数入力用）'!O1879</f>
        <v>#N/A</v>
      </c>
      <c r="J1877" s="12">
        <f>'申請書（複数入力用）'!P1879</f>
        <v>1</v>
      </c>
    </row>
    <row r="1878" spans="1:10" ht="51.6" customHeight="1" x14ac:dyDescent="0.45">
      <c r="A1878" s="6">
        <f>'申請書（複数入力用）'!A1880</f>
        <v>1874</v>
      </c>
      <c r="B1878" s="13">
        <f>'申請書（複数入力用）'!AH1880</f>
        <v>0</v>
      </c>
      <c r="C1878" s="6">
        <f>'申請書（複数入力用）'!B1880</f>
        <v>0</v>
      </c>
      <c r="D1878" s="6">
        <f>'申請書（複数入力用）'!D1880</f>
        <v>0</v>
      </c>
      <c r="E1878" s="14">
        <f>'申請書（複数入力用）'!H1880</f>
        <v>0</v>
      </c>
      <c r="F1878" s="11" t="str">
        <f>'申請書（複数入力用）'!J1880</f>
        <v/>
      </c>
      <c r="G1878" s="6" t="str">
        <f>'申請書（複数入力用）'!K1880</f>
        <v>a052r000000jS9ZAAU</v>
      </c>
      <c r="H1878" s="12" t="e">
        <f>'申請書（複数入力用）'!N1880</f>
        <v>#N/A</v>
      </c>
      <c r="I1878" s="12" t="e">
        <f>'申請書（複数入力用）'!O1880</f>
        <v>#N/A</v>
      </c>
      <c r="J1878" s="12">
        <f>'申請書（複数入力用）'!P1880</f>
        <v>1</v>
      </c>
    </row>
    <row r="1879" spans="1:10" ht="51.6" customHeight="1" x14ac:dyDescent="0.45">
      <c r="A1879" s="6">
        <f>'申請書（複数入力用）'!A1881</f>
        <v>1875</v>
      </c>
      <c r="B1879" s="13">
        <f>'申請書（複数入力用）'!AH1881</f>
        <v>0</v>
      </c>
      <c r="C1879" s="6">
        <f>'申請書（複数入力用）'!B1881</f>
        <v>0</v>
      </c>
      <c r="D1879" s="6">
        <f>'申請書（複数入力用）'!D1881</f>
        <v>0</v>
      </c>
      <c r="E1879" s="14">
        <f>'申請書（複数入力用）'!H1881</f>
        <v>0</v>
      </c>
      <c r="F1879" s="11" t="str">
        <f>'申請書（複数入力用）'!J1881</f>
        <v/>
      </c>
      <c r="G1879" s="6" t="str">
        <f>'申請書（複数入力用）'!K1881</f>
        <v>a052r000000jS9ZAAU</v>
      </c>
      <c r="H1879" s="12" t="e">
        <f>'申請書（複数入力用）'!N1881</f>
        <v>#N/A</v>
      </c>
      <c r="I1879" s="12" t="e">
        <f>'申請書（複数入力用）'!O1881</f>
        <v>#N/A</v>
      </c>
      <c r="J1879" s="12">
        <f>'申請書（複数入力用）'!P1881</f>
        <v>1</v>
      </c>
    </row>
    <row r="1880" spans="1:10" ht="51.6" customHeight="1" x14ac:dyDescent="0.45">
      <c r="A1880" s="6">
        <f>'申請書（複数入力用）'!A1882</f>
        <v>1876</v>
      </c>
      <c r="B1880" s="13">
        <f>'申請書（複数入力用）'!AH1882</f>
        <v>0</v>
      </c>
      <c r="C1880" s="6">
        <f>'申請書（複数入力用）'!B1882</f>
        <v>0</v>
      </c>
      <c r="D1880" s="6">
        <f>'申請書（複数入力用）'!D1882</f>
        <v>0</v>
      </c>
      <c r="E1880" s="14">
        <f>'申請書（複数入力用）'!H1882</f>
        <v>0</v>
      </c>
      <c r="F1880" s="11" t="str">
        <f>'申請書（複数入力用）'!J1882</f>
        <v/>
      </c>
      <c r="G1880" s="6" t="str">
        <f>'申請書（複数入力用）'!K1882</f>
        <v>a052r000000jS9ZAAU</v>
      </c>
      <c r="H1880" s="12" t="e">
        <f>'申請書（複数入力用）'!N1882</f>
        <v>#N/A</v>
      </c>
      <c r="I1880" s="12" t="e">
        <f>'申請書（複数入力用）'!O1882</f>
        <v>#N/A</v>
      </c>
      <c r="J1880" s="12">
        <f>'申請書（複数入力用）'!P1882</f>
        <v>1</v>
      </c>
    </row>
    <row r="1881" spans="1:10" ht="51.6" customHeight="1" x14ac:dyDescent="0.45">
      <c r="A1881" s="6">
        <f>'申請書（複数入力用）'!A1883</f>
        <v>1877</v>
      </c>
      <c r="B1881" s="13">
        <f>'申請書（複数入力用）'!AH1883</f>
        <v>0</v>
      </c>
      <c r="C1881" s="6">
        <f>'申請書（複数入力用）'!B1883</f>
        <v>0</v>
      </c>
      <c r="D1881" s="6">
        <f>'申請書（複数入力用）'!D1883</f>
        <v>0</v>
      </c>
      <c r="E1881" s="14">
        <f>'申請書（複数入力用）'!H1883</f>
        <v>0</v>
      </c>
      <c r="F1881" s="11" t="str">
        <f>'申請書（複数入力用）'!J1883</f>
        <v/>
      </c>
      <c r="G1881" s="6" t="str">
        <f>'申請書（複数入力用）'!K1883</f>
        <v>a052r000000jS9ZAAU</v>
      </c>
      <c r="H1881" s="12" t="e">
        <f>'申請書（複数入力用）'!N1883</f>
        <v>#N/A</v>
      </c>
      <c r="I1881" s="12" t="e">
        <f>'申請書（複数入力用）'!O1883</f>
        <v>#N/A</v>
      </c>
      <c r="J1881" s="12">
        <f>'申請書（複数入力用）'!P1883</f>
        <v>1</v>
      </c>
    </row>
    <row r="1882" spans="1:10" ht="51.6" customHeight="1" x14ac:dyDescent="0.45">
      <c r="A1882" s="6">
        <f>'申請書（複数入力用）'!A1884</f>
        <v>1878</v>
      </c>
      <c r="B1882" s="13">
        <f>'申請書（複数入力用）'!AH1884</f>
        <v>0</v>
      </c>
      <c r="C1882" s="6">
        <f>'申請書（複数入力用）'!B1884</f>
        <v>0</v>
      </c>
      <c r="D1882" s="6">
        <f>'申請書（複数入力用）'!D1884</f>
        <v>0</v>
      </c>
      <c r="E1882" s="14">
        <f>'申請書（複数入力用）'!H1884</f>
        <v>0</v>
      </c>
      <c r="F1882" s="11" t="str">
        <f>'申請書（複数入力用）'!J1884</f>
        <v/>
      </c>
      <c r="G1882" s="6" t="str">
        <f>'申請書（複数入力用）'!K1884</f>
        <v>a052r000000jS9ZAAU</v>
      </c>
      <c r="H1882" s="12" t="e">
        <f>'申請書（複数入力用）'!N1884</f>
        <v>#N/A</v>
      </c>
      <c r="I1882" s="12" t="e">
        <f>'申請書（複数入力用）'!O1884</f>
        <v>#N/A</v>
      </c>
      <c r="J1882" s="12">
        <f>'申請書（複数入力用）'!P1884</f>
        <v>1</v>
      </c>
    </row>
    <row r="1883" spans="1:10" ht="51.6" customHeight="1" x14ac:dyDescent="0.45">
      <c r="A1883" s="6">
        <f>'申請書（複数入力用）'!A1885</f>
        <v>1879</v>
      </c>
      <c r="B1883" s="13">
        <f>'申請書（複数入力用）'!AH1885</f>
        <v>0</v>
      </c>
      <c r="C1883" s="6">
        <f>'申請書（複数入力用）'!B1885</f>
        <v>0</v>
      </c>
      <c r="D1883" s="6">
        <f>'申請書（複数入力用）'!D1885</f>
        <v>0</v>
      </c>
      <c r="E1883" s="14">
        <f>'申請書（複数入力用）'!H1885</f>
        <v>0</v>
      </c>
      <c r="F1883" s="11" t="str">
        <f>'申請書（複数入力用）'!J1885</f>
        <v/>
      </c>
      <c r="G1883" s="6" t="str">
        <f>'申請書（複数入力用）'!K1885</f>
        <v>a052r000000jS9ZAAU</v>
      </c>
      <c r="H1883" s="12" t="e">
        <f>'申請書（複数入力用）'!N1885</f>
        <v>#N/A</v>
      </c>
      <c r="I1883" s="12" t="e">
        <f>'申請書（複数入力用）'!O1885</f>
        <v>#N/A</v>
      </c>
      <c r="J1883" s="12">
        <f>'申請書（複数入力用）'!P1885</f>
        <v>1</v>
      </c>
    </row>
    <row r="1884" spans="1:10" ht="51.6" customHeight="1" x14ac:dyDescent="0.45">
      <c r="A1884" s="6">
        <f>'申請書（複数入力用）'!A1886</f>
        <v>1880</v>
      </c>
      <c r="B1884" s="13">
        <f>'申請書（複数入力用）'!AH1886</f>
        <v>0</v>
      </c>
      <c r="C1884" s="6">
        <f>'申請書（複数入力用）'!B1886</f>
        <v>0</v>
      </c>
      <c r="D1884" s="6">
        <f>'申請書（複数入力用）'!D1886</f>
        <v>0</v>
      </c>
      <c r="E1884" s="14">
        <f>'申請書（複数入力用）'!H1886</f>
        <v>0</v>
      </c>
      <c r="F1884" s="11" t="str">
        <f>'申請書（複数入力用）'!J1886</f>
        <v/>
      </c>
      <c r="G1884" s="6" t="str">
        <f>'申請書（複数入力用）'!K1886</f>
        <v>a052r000000jS9ZAAU</v>
      </c>
      <c r="H1884" s="12" t="e">
        <f>'申請書（複数入力用）'!N1886</f>
        <v>#N/A</v>
      </c>
      <c r="I1884" s="12" t="e">
        <f>'申請書（複数入力用）'!O1886</f>
        <v>#N/A</v>
      </c>
      <c r="J1884" s="12">
        <f>'申請書（複数入力用）'!P1886</f>
        <v>1</v>
      </c>
    </row>
    <row r="1885" spans="1:10" ht="51.6" customHeight="1" x14ac:dyDescent="0.45">
      <c r="A1885" s="6">
        <f>'申請書（複数入力用）'!A1887</f>
        <v>1881</v>
      </c>
      <c r="B1885" s="13">
        <f>'申請書（複数入力用）'!AH1887</f>
        <v>0</v>
      </c>
      <c r="C1885" s="6">
        <f>'申請書（複数入力用）'!B1887</f>
        <v>0</v>
      </c>
      <c r="D1885" s="6">
        <f>'申請書（複数入力用）'!D1887</f>
        <v>0</v>
      </c>
      <c r="E1885" s="14">
        <f>'申請書（複数入力用）'!H1887</f>
        <v>0</v>
      </c>
      <c r="F1885" s="11" t="str">
        <f>'申請書（複数入力用）'!J1887</f>
        <v/>
      </c>
      <c r="G1885" s="6" t="str">
        <f>'申請書（複数入力用）'!K1887</f>
        <v>a052r000000jS9ZAAU</v>
      </c>
      <c r="H1885" s="12" t="e">
        <f>'申請書（複数入力用）'!N1887</f>
        <v>#N/A</v>
      </c>
      <c r="I1885" s="12" t="e">
        <f>'申請書（複数入力用）'!O1887</f>
        <v>#N/A</v>
      </c>
      <c r="J1885" s="12">
        <f>'申請書（複数入力用）'!P1887</f>
        <v>1</v>
      </c>
    </row>
    <row r="1886" spans="1:10" ht="51.6" customHeight="1" x14ac:dyDescent="0.45">
      <c r="A1886" s="6">
        <f>'申請書（複数入力用）'!A1888</f>
        <v>1882</v>
      </c>
      <c r="B1886" s="13">
        <f>'申請書（複数入力用）'!AH1888</f>
        <v>0</v>
      </c>
      <c r="C1886" s="6">
        <f>'申請書（複数入力用）'!B1888</f>
        <v>0</v>
      </c>
      <c r="D1886" s="6">
        <f>'申請書（複数入力用）'!D1888</f>
        <v>0</v>
      </c>
      <c r="E1886" s="14">
        <f>'申請書（複数入力用）'!H1888</f>
        <v>0</v>
      </c>
      <c r="F1886" s="11" t="str">
        <f>'申請書（複数入力用）'!J1888</f>
        <v/>
      </c>
      <c r="G1886" s="6" t="str">
        <f>'申請書（複数入力用）'!K1888</f>
        <v>a052r000000jS9ZAAU</v>
      </c>
      <c r="H1886" s="12" t="e">
        <f>'申請書（複数入力用）'!N1888</f>
        <v>#N/A</v>
      </c>
      <c r="I1886" s="12" t="e">
        <f>'申請書（複数入力用）'!O1888</f>
        <v>#N/A</v>
      </c>
      <c r="J1886" s="12">
        <f>'申請書（複数入力用）'!P1888</f>
        <v>1</v>
      </c>
    </row>
    <row r="1887" spans="1:10" ht="51.6" customHeight="1" x14ac:dyDescent="0.45">
      <c r="A1887" s="6">
        <f>'申請書（複数入力用）'!A1889</f>
        <v>1883</v>
      </c>
      <c r="B1887" s="13">
        <f>'申請書（複数入力用）'!AH1889</f>
        <v>0</v>
      </c>
      <c r="C1887" s="6">
        <f>'申請書（複数入力用）'!B1889</f>
        <v>0</v>
      </c>
      <c r="D1887" s="6">
        <f>'申請書（複数入力用）'!D1889</f>
        <v>0</v>
      </c>
      <c r="E1887" s="14">
        <f>'申請書（複数入力用）'!H1889</f>
        <v>0</v>
      </c>
      <c r="F1887" s="11" t="str">
        <f>'申請書（複数入力用）'!J1889</f>
        <v/>
      </c>
      <c r="G1887" s="6" t="str">
        <f>'申請書（複数入力用）'!K1889</f>
        <v>a052r000000jS9ZAAU</v>
      </c>
      <c r="H1887" s="12" t="e">
        <f>'申請書（複数入力用）'!N1889</f>
        <v>#N/A</v>
      </c>
      <c r="I1887" s="12" t="e">
        <f>'申請書（複数入力用）'!O1889</f>
        <v>#N/A</v>
      </c>
      <c r="J1887" s="12">
        <f>'申請書（複数入力用）'!P1889</f>
        <v>1</v>
      </c>
    </row>
    <row r="1888" spans="1:10" ht="51.6" customHeight="1" x14ac:dyDescent="0.45">
      <c r="A1888" s="6">
        <f>'申請書（複数入力用）'!A1890</f>
        <v>1884</v>
      </c>
      <c r="B1888" s="13">
        <f>'申請書（複数入力用）'!AH1890</f>
        <v>0</v>
      </c>
      <c r="C1888" s="6">
        <f>'申請書（複数入力用）'!B1890</f>
        <v>0</v>
      </c>
      <c r="D1888" s="6">
        <f>'申請書（複数入力用）'!D1890</f>
        <v>0</v>
      </c>
      <c r="E1888" s="14">
        <f>'申請書（複数入力用）'!H1890</f>
        <v>0</v>
      </c>
      <c r="F1888" s="11" t="str">
        <f>'申請書（複数入力用）'!J1890</f>
        <v/>
      </c>
      <c r="G1888" s="6" t="str">
        <f>'申請書（複数入力用）'!K1890</f>
        <v>a052r000000jS9ZAAU</v>
      </c>
      <c r="H1888" s="12" t="e">
        <f>'申請書（複数入力用）'!N1890</f>
        <v>#N/A</v>
      </c>
      <c r="I1888" s="12" t="e">
        <f>'申請書（複数入力用）'!O1890</f>
        <v>#N/A</v>
      </c>
      <c r="J1888" s="12">
        <f>'申請書（複数入力用）'!P1890</f>
        <v>1</v>
      </c>
    </row>
    <row r="1889" spans="1:10" ht="51.6" customHeight="1" x14ac:dyDescent="0.45">
      <c r="A1889" s="6">
        <f>'申請書（複数入力用）'!A1891</f>
        <v>1885</v>
      </c>
      <c r="B1889" s="13">
        <f>'申請書（複数入力用）'!AH1891</f>
        <v>0</v>
      </c>
      <c r="C1889" s="6">
        <f>'申請書（複数入力用）'!B1891</f>
        <v>0</v>
      </c>
      <c r="D1889" s="6">
        <f>'申請書（複数入力用）'!D1891</f>
        <v>0</v>
      </c>
      <c r="E1889" s="14">
        <f>'申請書（複数入力用）'!H1891</f>
        <v>0</v>
      </c>
      <c r="F1889" s="11" t="str">
        <f>'申請書（複数入力用）'!J1891</f>
        <v/>
      </c>
      <c r="G1889" s="6" t="str">
        <f>'申請書（複数入力用）'!K1891</f>
        <v>a052r000000jS9ZAAU</v>
      </c>
      <c r="H1889" s="12" t="e">
        <f>'申請書（複数入力用）'!N1891</f>
        <v>#N/A</v>
      </c>
      <c r="I1889" s="12" t="e">
        <f>'申請書（複数入力用）'!O1891</f>
        <v>#N/A</v>
      </c>
      <c r="J1889" s="12">
        <f>'申請書（複数入力用）'!P1891</f>
        <v>1</v>
      </c>
    </row>
    <row r="1890" spans="1:10" ht="51.6" customHeight="1" x14ac:dyDescent="0.45">
      <c r="A1890" s="6">
        <f>'申請書（複数入力用）'!A1892</f>
        <v>1886</v>
      </c>
      <c r="B1890" s="13">
        <f>'申請書（複数入力用）'!AH1892</f>
        <v>0</v>
      </c>
      <c r="C1890" s="6">
        <f>'申請書（複数入力用）'!B1892</f>
        <v>0</v>
      </c>
      <c r="D1890" s="6">
        <f>'申請書（複数入力用）'!D1892</f>
        <v>0</v>
      </c>
      <c r="E1890" s="14">
        <f>'申請書（複数入力用）'!H1892</f>
        <v>0</v>
      </c>
      <c r="F1890" s="11" t="str">
        <f>'申請書（複数入力用）'!J1892</f>
        <v/>
      </c>
      <c r="G1890" s="6" t="str">
        <f>'申請書（複数入力用）'!K1892</f>
        <v>a052r000000jS9ZAAU</v>
      </c>
      <c r="H1890" s="12" t="e">
        <f>'申請書（複数入力用）'!N1892</f>
        <v>#N/A</v>
      </c>
      <c r="I1890" s="12" t="e">
        <f>'申請書（複数入力用）'!O1892</f>
        <v>#N/A</v>
      </c>
      <c r="J1890" s="12">
        <f>'申請書（複数入力用）'!P1892</f>
        <v>1</v>
      </c>
    </row>
    <row r="1891" spans="1:10" ht="51.6" customHeight="1" x14ac:dyDescent="0.45">
      <c r="A1891" s="6">
        <f>'申請書（複数入力用）'!A1893</f>
        <v>1887</v>
      </c>
      <c r="B1891" s="13">
        <f>'申請書（複数入力用）'!AH1893</f>
        <v>0</v>
      </c>
      <c r="C1891" s="6">
        <f>'申請書（複数入力用）'!B1893</f>
        <v>0</v>
      </c>
      <c r="D1891" s="6">
        <f>'申請書（複数入力用）'!D1893</f>
        <v>0</v>
      </c>
      <c r="E1891" s="14">
        <f>'申請書（複数入力用）'!H1893</f>
        <v>0</v>
      </c>
      <c r="F1891" s="11" t="str">
        <f>'申請書（複数入力用）'!J1893</f>
        <v/>
      </c>
      <c r="G1891" s="6" t="str">
        <f>'申請書（複数入力用）'!K1893</f>
        <v>a052r000000jS9ZAAU</v>
      </c>
      <c r="H1891" s="12" t="e">
        <f>'申請書（複数入力用）'!N1893</f>
        <v>#N/A</v>
      </c>
      <c r="I1891" s="12" t="e">
        <f>'申請書（複数入力用）'!O1893</f>
        <v>#N/A</v>
      </c>
      <c r="J1891" s="12">
        <f>'申請書（複数入力用）'!P1893</f>
        <v>1</v>
      </c>
    </row>
    <row r="1892" spans="1:10" ht="51.6" customHeight="1" x14ac:dyDescent="0.45">
      <c r="A1892" s="6">
        <f>'申請書（複数入力用）'!A1894</f>
        <v>1888</v>
      </c>
      <c r="B1892" s="13">
        <f>'申請書（複数入力用）'!AH1894</f>
        <v>0</v>
      </c>
      <c r="C1892" s="6">
        <f>'申請書（複数入力用）'!B1894</f>
        <v>0</v>
      </c>
      <c r="D1892" s="6">
        <f>'申請書（複数入力用）'!D1894</f>
        <v>0</v>
      </c>
      <c r="E1892" s="14">
        <f>'申請書（複数入力用）'!H1894</f>
        <v>0</v>
      </c>
      <c r="F1892" s="11" t="str">
        <f>'申請書（複数入力用）'!J1894</f>
        <v/>
      </c>
      <c r="G1892" s="6" t="str">
        <f>'申請書（複数入力用）'!K1894</f>
        <v>a052r000000jS9ZAAU</v>
      </c>
      <c r="H1892" s="12" t="e">
        <f>'申請書（複数入力用）'!N1894</f>
        <v>#N/A</v>
      </c>
      <c r="I1892" s="12" t="e">
        <f>'申請書（複数入力用）'!O1894</f>
        <v>#N/A</v>
      </c>
      <c r="J1892" s="12">
        <f>'申請書（複数入力用）'!P1894</f>
        <v>1</v>
      </c>
    </row>
    <row r="1893" spans="1:10" ht="51.6" customHeight="1" x14ac:dyDescent="0.45">
      <c r="A1893" s="6">
        <f>'申請書（複数入力用）'!A1895</f>
        <v>1889</v>
      </c>
      <c r="B1893" s="13">
        <f>'申請書（複数入力用）'!AH1895</f>
        <v>0</v>
      </c>
      <c r="C1893" s="6">
        <f>'申請書（複数入力用）'!B1895</f>
        <v>0</v>
      </c>
      <c r="D1893" s="6">
        <f>'申請書（複数入力用）'!D1895</f>
        <v>0</v>
      </c>
      <c r="E1893" s="14">
        <f>'申請書（複数入力用）'!H1895</f>
        <v>0</v>
      </c>
      <c r="F1893" s="11" t="str">
        <f>'申請書（複数入力用）'!J1895</f>
        <v/>
      </c>
      <c r="G1893" s="6" t="str">
        <f>'申請書（複数入力用）'!K1895</f>
        <v>a052r000000jS9ZAAU</v>
      </c>
      <c r="H1893" s="12" t="e">
        <f>'申請書（複数入力用）'!N1895</f>
        <v>#N/A</v>
      </c>
      <c r="I1893" s="12" t="e">
        <f>'申請書（複数入力用）'!O1895</f>
        <v>#N/A</v>
      </c>
      <c r="J1893" s="12">
        <f>'申請書（複数入力用）'!P1895</f>
        <v>1</v>
      </c>
    </row>
    <row r="1894" spans="1:10" ht="51.6" customHeight="1" x14ac:dyDescent="0.45">
      <c r="A1894" s="6">
        <f>'申請書（複数入力用）'!A1896</f>
        <v>1890</v>
      </c>
      <c r="B1894" s="13">
        <f>'申請書（複数入力用）'!AH1896</f>
        <v>0</v>
      </c>
      <c r="C1894" s="6">
        <f>'申請書（複数入力用）'!B1896</f>
        <v>0</v>
      </c>
      <c r="D1894" s="6">
        <f>'申請書（複数入力用）'!D1896</f>
        <v>0</v>
      </c>
      <c r="E1894" s="14">
        <f>'申請書（複数入力用）'!H1896</f>
        <v>0</v>
      </c>
      <c r="F1894" s="11" t="str">
        <f>'申請書（複数入力用）'!J1896</f>
        <v/>
      </c>
      <c r="G1894" s="6" t="str">
        <f>'申請書（複数入力用）'!K1896</f>
        <v>a052r000000jS9ZAAU</v>
      </c>
      <c r="H1894" s="12" t="e">
        <f>'申請書（複数入力用）'!N1896</f>
        <v>#N/A</v>
      </c>
      <c r="I1894" s="12" t="e">
        <f>'申請書（複数入力用）'!O1896</f>
        <v>#N/A</v>
      </c>
      <c r="J1894" s="12">
        <f>'申請書（複数入力用）'!P1896</f>
        <v>1</v>
      </c>
    </row>
    <row r="1895" spans="1:10" ht="51.6" customHeight="1" x14ac:dyDescent="0.45">
      <c r="A1895" s="6">
        <f>'申請書（複数入力用）'!A1897</f>
        <v>1891</v>
      </c>
      <c r="B1895" s="13">
        <f>'申請書（複数入力用）'!AH1897</f>
        <v>0</v>
      </c>
      <c r="C1895" s="6">
        <f>'申請書（複数入力用）'!B1897</f>
        <v>0</v>
      </c>
      <c r="D1895" s="6">
        <f>'申請書（複数入力用）'!D1897</f>
        <v>0</v>
      </c>
      <c r="E1895" s="14">
        <f>'申請書（複数入力用）'!H1897</f>
        <v>0</v>
      </c>
      <c r="F1895" s="11" t="str">
        <f>'申請書（複数入力用）'!J1897</f>
        <v/>
      </c>
      <c r="G1895" s="6" t="str">
        <f>'申請書（複数入力用）'!K1897</f>
        <v>a052r000000jS9ZAAU</v>
      </c>
      <c r="H1895" s="12" t="e">
        <f>'申請書（複数入力用）'!N1897</f>
        <v>#N/A</v>
      </c>
      <c r="I1895" s="12" t="e">
        <f>'申請書（複数入力用）'!O1897</f>
        <v>#N/A</v>
      </c>
      <c r="J1895" s="12">
        <f>'申請書（複数入力用）'!P1897</f>
        <v>1</v>
      </c>
    </row>
    <row r="1896" spans="1:10" ht="51.6" customHeight="1" x14ac:dyDescent="0.45">
      <c r="A1896" s="6">
        <f>'申請書（複数入力用）'!A1898</f>
        <v>1892</v>
      </c>
      <c r="B1896" s="13">
        <f>'申請書（複数入力用）'!AH1898</f>
        <v>0</v>
      </c>
      <c r="C1896" s="6">
        <f>'申請書（複数入力用）'!B1898</f>
        <v>0</v>
      </c>
      <c r="D1896" s="6">
        <f>'申請書（複数入力用）'!D1898</f>
        <v>0</v>
      </c>
      <c r="E1896" s="14">
        <f>'申請書（複数入力用）'!H1898</f>
        <v>0</v>
      </c>
      <c r="F1896" s="11" t="str">
        <f>'申請書（複数入力用）'!J1898</f>
        <v/>
      </c>
      <c r="G1896" s="6" t="str">
        <f>'申請書（複数入力用）'!K1898</f>
        <v>a052r000000jS9ZAAU</v>
      </c>
      <c r="H1896" s="12" t="e">
        <f>'申請書（複数入力用）'!N1898</f>
        <v>#N/A</v>
      </c>
      <c r="I1896" s="12" t="e">
        <f>'申請書（複数入力用）'!O1898</f>
        <v>#N/A</v>
      </c>
      <c r="J1896" s="12">
        <f>'申請書（複数入力用）'!P1898</f>
        <v>1</v>
      </c>
    </row>
    <row r="1897" spans="1:10" ht="51.6" customHeight="1" x14ac:dyDescent="0.45">
      <c r="A1897" s="6">
        <f>'申請書（複数入力用）'!A1899</f>
        <v>1893</v>
      </c>
      <c r="B1897" s="13">
        <f>'申請書（複数入力用）'!AH1899</f>
        <v>0</v>
      </c>
      <c r="C1897" s="6">
        <f>'申請書（複数入力用）'!B1899</f>
        <v>0</v>
      </c>
      <c r="D1897" s="6">
        <f>'申請書（複数入力用）'!D1899</f>
        <v>0</v>
      </c>
      <c r="E1897" s="14">
        <f>'申請書（複数入力用）'!H1899</f>
        <v>0</v>
      </c>
      <c r="F1897" s="11" t="str">
        <f>'申請書（複数入力用）'!J1899</f>
        <v/>
      </c>
      <c r="G1897" s="6" t="str">
        <f>'申請書（複数入力用）'!K1899</f>
        <v>a052r000000jS9ZAAU</v>
      </c>
      <c r="H1897" s="12" t="e">
        <f>'申請書（複数入力用）'!N1899</f>
        <v>#N/A</v>
      </c>
      <c r="I1897" s="12" t="e">
        <f>'申請書（複数入力用）'!O1899</f>
        <v>#N/A</v>
      </c>
      <c r="J1897" s="12">
        <f>'申請書（複数入力用）'!P1899</f>
        <v>1</v>
      </c>
    </row>
    <row r="1898" spans="1:10" ht="51.6" customHeight="1" x14ac:dyDescent="0.45">
      <c r="A1898" s="6">
        <f>'申請書（複数入力用）'!A1900</f>
        <v>1894</v>
      </c>
      <c r="B1898" s="13">
        <f>'申請書（複数入力用）'!AH1900</f>
        <v>0</v>
      </c>
      <c r="C1898" s="6">
        <f>'申請書（複数入力用）'!B1900</f>
        <v>0</v>
      </c>
      <c r="D1898" s="6">
        <f>'申請書（複数入力用）'!D1900</f>
        <v>0</v>
      </c>
      <c r="E1898" s="14">
        <f>'申請書（複数入力用）'!H1900</f>
        <v>0</v>
      </c>
      <c r="F1898" s="11" t="str">
        <f>'申請書（複数入力用）'!J1900</f>
        <v/>
      </c>
      <c r="G1898" s="6" t="str">
        <f>'申請書（複数入力用）'!K1900</f>
        <v>a052r000000jS9ZAAU</v>
      </c>
      <c r="H1898" s="12" t="e">
        <f>'申請書（複数入力用）'!N1900</f>
        <v>#N/A</v>
      </c>
      <c r="I1898" s="12" t="e">
        <f>'申請書（複数入力用）'!O1900</f>
        <v>#N/A</v>
      </c>
      <c r="J1898" s="12">
        <f>'申請書（複数入力用）'!P1900</f>
        <v>1</v>
      </c>
    </row>
    <row r="1899" spans="1:10" ht="51.6" customHeight="1" x14ac:dyDescent="0.45">
      <c r="A1899" s="6">
        <f>'申請書（複数入力用）'!A1901</f>
        <v>1895</v>
      </c>
      <c r="B1899" s="13">
        <f>'申請書（複数入力用）'!AH1901</f>
        <v>0</v>
      </c>
      <c r="C1899" s="6">
        <f>'申請書（複数入力用）'!B1901</f>
        <v>0</v>
      </c>
      <c r="D1899" s="6">
        <f>'申請書（複数入力用）'!D1901</f>
        <v>0</v>
      </c>
      <c r="E1899" s="14">
        <f>'申請書（複数入力用）'!H1901</f>
        <v>0</v>
      </c>
      <c r="F1899" s="11" t="str">
        <f>'申請書（複数入力用）'!J1901</f>
        <v/>
      </c>
      <c r="G1899" s="6" t="str">
        <f>'申請書（複数入力用）'!K1901</f>
        <v>a052r000000jS9ZAAU</v>
      </c>
      <c r="H1899" s="12" t="e">
        <f>'申請書（複数入力用）'!N1901</f>
        <v>#N/A</v>
      </c>
      <c r="I1899" s="12" t="e">
        <f>'申請書（複数入力用）'!O1901</f>
        <v>#N/A</v>
      </c>
      <c r="J1899" s="12">
        <f>'申請書（複数入力用）'!P1901</f>
        <v>1</v>
      </c>
    </row>
    <row r="1900" spans="1:10" ht="51.6" customHeight="1" x14ac:dyDescent="0.45">
      <c r="A1900" s="6">
        <f>'申請書（複数入力用）'!A1902</f>
        <v>1896</v>
      </c>
      <c r="B1900" s="13">
        <f>'申請書（複数入力用）'!AH1902</f>
        <v>0</v>
      </c>
      <c r="C1900" s="6">
        <f>'申請書（複数入力用）'!B1902</f>
        <v>0</v>
      </c>
      <c r="D1900" s="6">
        <f>'申請書（複数入力用）'!D1902</f>
        <v>0</v>
      </c>
      <c r="E1900" s="14">
        <f>'申請書（複数入力用）'!H1902</f>
        <v>0</v>
      </c>
      <c r="F1900" s="11" t="str">
        <f>'申請書（複数入力用）'!J1902</f>
        <v/>
      </c>
      <c r="G1900" s="6" t="str">
        <f>'申請書（複数入力用）'!K1902</f>
        <v>a052r000000jS9ZAAU</v>
      </c>
      <c r="H1900" s="12" t="e">
        <f>'申請書（複数入力用）'!N1902</f>
        <v>#N/A</v>
      </c>
      <c r="I1900" s="12" t="e">
        <f>'申請書（複数入力用）'!O1902</f>
        <v>#N/A</v>
      </c>
      <c r="J1900" s="12">
        <f>'申請書（複数入力用）'!P1902</f>
        <v>1</v>
      </c>
    </row>
    <row r="1901" spans="1:10" ht="51.6" customHeight="1" x14ac:dyDescent="0.45">
      <c r="A1901" s="6">
        <f>'申請書（複数入力用）'!A1903</f>
        <v>1897</v>
      </c>
      <c r="B1901" s="13">
        <f>'申請書（複数入力用）'!AH1903</f>
        <v>0</v>
      </c>
      <c r="C1901" s="6">
        <f>'申請書（複数入力用）'!B1903</f>
        <v>0</v>
      </c>
      <c r="D1901" s="6">
        <f>'申請書（複数入力用）'!D1903</f>
        <v>0</v>
      </c>
      <c r="E1901" s="14">
        <f>'申請書（複数入力用）'!H1903</f>
        <v>0</v>
      </c>
      <c r="F1901" s="11" t="str">
        <f>'申請書（複数入力用）'!J1903</f>
        <v/>
      </c>
      <c r="G1901" s="6" t="str">
        <f>'申請書（複数入力用）'!K1903</f>
        <v>a052r000000jS9ZAAU</v>
      </c>
      <c r="H1901" s="12" t="e">
        <f>'申請書（複数入力用）'!N1903</f>
        <v>#N/A</v>
      </c>
      <c r="I1901" s="12" t="e">
        <f>'申請書（複数入力用）'!O1903</f>
        <v>#N/A</v>
      </c>
      <c r="J1901" s="12">
        <f>'申請書（複数入力用）'!P1903</f>
        <v>1</v>
      </c>
    </row>
    <row r="1902" spans="1:10" ht="51.6" customHeight="1" x14ac:dyDescent="0.45">
      <c r="A1902" s="6">
        <f>'申請書（複数入力用）'!A1904</f>
        <v>1898</v>
      </c>
      <c r="B1902" s="13">
        <f>'申請書（複数入力用）'!AH1904</f>
        <v>0</v>
      </c>
      <c r="C1902" s="6">
        <f>'申請書（複数入力用）'!B1904</f>
        <v>0</v>
      </c>
      <c r="D1902" s="6">
        <f>'申請書（複数入力用）'!D1904</f>
        <v>0</v>
      </c>
      <c r="E1902" s="14">
        <f>'申請書（複数入力用）'!H1904</f>
        <v>0</v>
      </c>
      <c r="F1902" s="11" t="str">
        <f>'申請書（複数入力用）'!J1904</f>
        <v/>
      </c>
      <c r="G1902" s="6" t="str">
        <f>'申請書（複数入力用）'!K1904</f>
        <v>a052r000000jS9ZAAU</v>
      </c>
      <c r="H1902" s="12" t="e">
        <f>'申請書（複数入力用）'!N1904</f>
        <v>#N/A</v>
      </c>
      <c r="I1902" s="12" t="e">
        <f>'申請書（複数入力用）'!O1904</f>
        <v>#N/A</v>
      </c>
      <c r="J1902" s="12">
        <f>'申請書（複数入力用）'!P1904</f>
        <v>1</v>
      </c>
    </row>
    <row r="1903" spans="1:10" ht="51.6" customHeight="1" x14ac:dyDescent="0.45">
      <c r="A1903" s="6">
        <f>'申請書（複数入力用）'!A1905</f>
        <v>1899</v>
      </c>
      <c r="B1903" s="13">
        <f>'申請書（複数入力用）'!AH1905</f>
        <v>0</v>
      </c>
      <c r="C1903" s="6">
        <f>'申請書（複数入力用）'!B1905</f>
        <v>0</v>
      </c>
      <c r="D1903" s="6">
        <f>'申請書（複数入力用）'!D1905</f>
        <v>0</v>
      </c>
      <c r="E1903" s="14">
        <f>'申請書（複数入力用）'!H1905</f>
        <v>0</v>
      </c>
      <c r="F1903" s="11" t="str">
        <f>'申請書（複数入力用）'!J1905</f>
        <v/>
      </c>
      <c r="G1903" s="6" t="str">
        <f>'申請書（複数入力用）'!K1905</f>
        <v>a052r000000jS9ZAAU</v>
      </c>
      <c r="H1903" s="12" t="e">
        <f>'申請書（複数入力用）'!N1905</f>
        <v>#N/A</v>
      </c>
      <c r="I1903" s="12" t="e">
        <f>'申請書（複数入力用）'!O1905</f>
        <v>#N/A</v>
      </c>
      <c r="J1903" s="12">
        <f>'申請書（複数入力用）'!P1905</f>
        <v>1</v>
      </c>
    </row>
    <row r="1904" spans="1:10" ht="51.6" customHeight="1" x14ac:dyDescent="0.45">
      <c r="A1904" s="6">
        <f>'申請書（複数入力用）'!A1906</f>
        <v>1900</v>
      </c>
      <c r="B1904" s="13">
        <f>'申請書（複数入力用）'!AH1906</f>
        <v>0</v>
      </c>
      <c r="C1904" s="6">
        <f>'申請書（複数入力用）'!B1906</f>
        <v>0</v>
      </c>
      <c r="D1904" s="6">
        <f>'申請書（複数入力用）'!D1906</f>
        <v>0</v>
      </c>
      <c r="E1904" s="14">
        <f>'申請書（複数入力用）'!H1906</f>
        <v>0</v>
      </c>
      <c r="F1904" s="11" t="str">
        <f>'申請書（複数入力用）'!J1906</f>
        <v/>
      </c>
      <c r="G1904" s="6" t="str">
        <f>'申請書（複数入力用）'!K1906</f>
        <v>a052r000000jS9ZAAU</v>
      </c>
      <c r="H1904" s="12" t="e">
        <f>'申請書（複数入力用）'!N1906</f>
        <v>#N/A</v>
      </c>
      <c r="I1904" s="12" t="e">
        <f>'申請書（複数入力用）'!O1906</f>
        <v>#N/A</v>
      </c>
      <c r="J1904" s="12">
        <f>'申請書（複数入力用）'!P1906</f>
        <v>1</v>
      </c>
    </row>
    <row r="1905" spans="1:10" ht="51.6" customHeight="1" x14ac:dyDescent="0.45">
      <c r="A1905" s="6">
        <f>'申請書（複数入力用）'!A1907</f>
        <v>1901</v>
      </c>
      <c r="B1905" s="13">
        <f>'申請書（複数入力用）'!AH1907</f>
        <v>0</v>
      </c>
      <c r="C1905" s="6">
        <f>'申請書（複数入力用）'!B1907</f>
        <v>0</v>
      </c>
      <c r="D1905" s="6">
        <f>'申請書（複数入力用）'!D1907</f>
        <v>0</v>
      </c>
      <c r="E1905" s="14">
        <f>'申請書（複数入力用）'!H1907</f>
        <v>0</v>
      </c>
      <c r="F1905" s="11" t="str">
        <f>'申請書（複数入力用）'!J1907</f>
        <v/>
      </c>
      <c r="G1905" s="6" t="str">
        <f>'申請書（複数入力用）'!K1907</f>
        <v>a052r000000jS9ZAAU</v>
      </c>
      <c r="H1905" s="12" t="e">
        <f>'申請書（複数入力用）'!N1907</f>
        <v>#N/A</v>
      </c>
      <c r="I1905" s="12" t="e">
        <f>'申請書（複数入力用）'!O1907</f>
        <v>#N/A</v>
      </c>
      <c r="J1905" s="12">
        <f>'申請書（複数入力用）'!P1907</f>
        <v>1</v>
      </c>
    </row>
    <row r="1906" spans="1:10" ht="51.6" customHeight="1" x14ac:dyDescent="0.45">
      <c r="A1906" s="6">
        <f>'申請書（複数入力用）'!A1908</f>
        <v>1902</v>
      </c>
      <c r="B1906" s="13">
        <f>'申請書（複数入力用）'!AH1908</f>
        <v>0</v>
      </c>
      <c r="C1906" s="6">
        <f>'申請書（複数入力用）'!B1908</f>
        <v>0</v>
      </c>
      <c r="D1906" s="6">
        <f>'申請書（複数入力用）'!D1908</f>
        <v>0</v>
      </c>
      <c r="E1906" s="14">
        <f>'申請書（複数入力用）'!H1908</f>
        <v>0</v>
      </c>
      <c r="F1906" s="11" t="str">
        <f>'申請書（複数入力用）'!J1908</f>
        <v/>
      </c>
      <c r="G1906" s="6" t="str">
        <f>'申請書（複数入力用）'!K1908</f>
        <v>a052r000000jS9ZAAU</v>
      </c>
      <c r="H1906" s="12" t="e">
        <f>'申請書（複数入力用）'!N1908</f>
        <v>#N/A</v>
      </c>
      <c r="I1906" s="12" t="e">
        <f>'申請書（複数入力用）'!O1908</f>
        <v>#N/A</v>
      </c>
      <c r="J1906" s="12">
        <f>'申請書（複数入力用）'!P1908</f>
        <v>1</v>
      </c>
    </row>
    <row r="1907" spans="1:10" ht="51.6" customHeight="1" x14ac:dyDescent="0.45">
      <c r="A1907" s="6">
        <f>'申請書（複数入力用）'!A1909</f>
        <v>1903</v>
      </c>
      <c r="B1907" s="13">
        <f>'申請書（複数入力用）'!AH1909</f>
        <v>0</v>
      </c>
      <c r="C1907" s="6">
        <f>'申請書（複数入力用）'!B1909</f>
        <v>0</v>
      </c>
      <c r="D1907" s="6">
        <f>'申請書（複数入力用）'!D1909</f>
        <v>0</v>
      </c>
      <c r="E1907" s="14">
        <f>'申請書（複数入力用）'!H1909</f>
        <v>0</v>
      </c>
      <c r="F1907" s="11" t="str">
        <f>'申請書（複数入力用）'!J1909</f>
        <v/>
      </c>
      <c r="G1907" s="6" t="str">
        <f>'申請書（複数入力用）'!K1909</f>
        <v>a052r000000jS9ZAAU</v>
      </c>
      <c r="H1907" s="12" t="e">
        <f>'申請書（複数入力用）'!N1909</f>
        <v>#N/A</v>
      </c>
      <c r="I1907" s="12" t="e">
        <f>'申請書（複数入力用）'!O1909</f>
        <v>#N/A</v>
      </c>
      <c r="J1907" s="12">
        <f>'申請書（複数入力用）'!P1909</f>
        <v>1</v>
      </c>
    </row>
    <row r="1908" spans="1:10" ht="51.6" customHeight="1" x14ac:dyDescent="0.45">
      <c r="A1908" s="6">
        <f>'申請書（複数入力用）'!A1910</f>
        <v>1904</v>
      </c>
      <c r="B1908" s="13">
        <f>'申請書（複数入力用）'!AH1910</f>
        <v>0</v>
      </c>
      <c r="C1908" s="6">
        <f>'申請書（複数入力用）'!B1910</f>
        <v>0</v>
      </c>
      <c r="D1908" s="6">
        <f>'申請書（複数入力用）'!D1910</f>
        <v>0</v>
      </c>
      <c r="E1908" s="14">
        <f>'申請書（複数入力用）'!H1910</f>
        <v>0</v>
      </c>
      <c r="F1908" s="11" t="str">
        <f>'申請書（複数入力用）'!J1910</f>
        <v/>
      </c>
      <c r="G1908" s="6" t="str">
        <f>'申請書（複数入力用）'!K1910</f>
        <v>a052r000000jS9ZAAU</v>
      </c>
      <c r="H1908" s="12" t="e">
        <f>'申請書（複数入力用）'!N1910</f>
        <v>#N/A</v>
      </c>
      <c r="I1908" s="12" t="e">
        <f>'申請書（複数入力用）'!O1910</f>
        <v>#N/A</v>
      </c>
      <c r="J1908" s="12">
        <f>'申請書（複数入力用）'!P1910</f>
        <v>1</v>
      </c>
    </row>
    <row r="1909" spans="1:10" ht="51.6" customHeight="1" x14ac:dyDescent="0.45">
      <c r="A1909" s="6">
        <f>'申請書（複数入力用）'!A1911</f>
        <v>1905</v>
      </c>
      <c r="B1909" s="13">
        <f>'申請書（複数入力用）'!AH1911</f>
        <v>0</v>
      </c>
      <c r="C1909" s="6">
        <f>'申請書（複数入力用）'!B1911</f>
        <v>0</v>
      </c>
      <c r="D1909" s="6">
        <f>'申請書（複数入力用）'!D1911</f>
        <v>0</v>
      </c>
      <c r="E1909" s="14">
        <f>'申請書（複数入力用）'!H1911</f>
        <v>0</v>
      </c>
      <c r="F1909" s="11" t="str">
        <f>'申請書（複数入力用）'!J1911</f>
        <v/>
      </c>
      <c r="G1909" s="6" t="str">
        <f>'申請書（複数入力用）'!K1911</f>
        <v>a052r000000jS9ZAAU</v>
      </c>
      <c r="H1909" s="12" t="e">
        <f>'申請書（複数入力用）'!N1911</f>
        <v>#N/A</v>
      </c>
      <c r="I1909" s="12" t="e">
        <f>'申請書（複数入力用）'!O1911</f>
        <v>#N/A</v>
      </c>
      <c r="J1909" s="12">
        <f>'申請書（複数入力用）'!P1911</f>
        <v>1</v>
      </c>
    </row>
    <row r="1910" spans="1:10" ht="51.6" customHeight="1" x14ac:dyDescent="0.45">
      <c r="A1910" s="6">
        <f>'申請書（複数入力用）'!A1912</f>
        <v>1906</v>
      </c>
      <c r="B1910" s="13">
        <f>'申請書（複数入力用）'!AH1912</f>
        <v>0</v>
      </c>
      <c r="C1910" s="6">
        <f>'申請書（複数入力用）'!B1912</f>
        <v>0</v>
      </c>
      <c r="D1910" s="6">
        <f>'申請書（複数入力用）'!D1912</f>
        <v>0</v>
      </c>
      <c r="E1910" s="14">
        <f>'申請書（複数入力用）'!H1912</f>
        <v>0</v>
      </c>
      <c r="F1910" s="11" t="str">
        <f>'申請書（複数入力用）'!J1912</f>
        <v/>
      </c>
      <c r="G1910" s="6" t="str">
        <f>'申請書（複数入力用）'!K1912</f>
        <v>a052r000000jS9ZAAU</v>
      </c>
      <c r="H1910" s="12" t="e">
        <f>'申請書（複数入力用）'!N1912</f>
        <v>#N/A</v>
      </c>
      <c r="I1910" s="12" t="e">
        <f>'申請書（複数入力用）'!O1912</f>
        <v>#N/A</v>
      </c>
      <c r="J1910" s="12">
        <f>'申請書（複数入力用）'!P1912</f>
        <v>1</v>
      </c>
    </row>
    <row r="1911" spans="1:10" ht="51.6" customHeight="1" x14ac:dyDescent="0.45">
      <c r="A1911" s="6">
        <f>'申請書（複数入力用）'!A1913</f>
        <v>1907</v>
      </c>
      <c r="B1911" s="13">
        <f>'申請書（複数入力用）'!AH1913</f>
        <v>0</v>
      </c>
      <c r="C1911" s="6">
        <f>'申請書（複数入力用）'!B1913</f>
        <v>0</v>
      </c>
      <c r="D1911" s="6">
        <f>'申請書（複数入力用）'!D1913</f>
        <v>0</v>
      </c>
      <c r="E1911" s="14">
        <f>'申請書（複数入力用）'!H1913</f>
        <v>0</v>
      </c>
      <c r="F1911" s="11" t="str">
        <f>'申請書（複数入力用）'!J1913</f>
        <v/>
      </c>
      <c r="G1911" s="6" t="str">
        <f>'申請書（複数入力用）'!K1913</f>
        <v>a052r000000jS9ZAAU</v>
      </c>
      <c r="H1911" s="12" t="e">
        <f>'申請書（複数入力用）'!N1913</f>
        <v>#N/A</v>
      </c>
      <c r="I1911" s="12" t="e">
        <f>'申請書（複数入力用）'!O1913</f>
        <v>#N/A</v>
      </c>
      <c r="J1911" s="12">
        <f>'申請書（複数入力用）'!P1913</f>
        <v>1</v>
      </c>
    </row>
    <row r="1912" spans="1:10" ht="51.6" customHeight="1" x14ac:dyDescent="0.45">
      <c r="A1912" s="6">
        <f>'申請書（複数入力用）'!A1914</f>
        <v>1908</v>
      </c>
      <c r="B1912" s="13">
        <f>'申請書（複数入力用）'!AH1914</f>
        <v>0</v>
      </c>
      <c r="C1912" s="6">
        <f>'申請書（複数入力用）'!B1914</f>
        <v>0</v>
      </c>
      <c r="D1912" s="6">
        <f>'申請書（複数入力用）'!D1914</f>
        <v>0</v>
      </c>
      <c r="E1912" s="14">
        <f>'申請書（複数入力用）'!H1914</f>
        <v>0</v>
      </c>
      <c r="F1912" s="11" t="str">
        <f>'申請書（複数入力用）'!J1914</f>
        <v/>
      </c>
      <c r="G1912" s="6" t="str">
        <f>'申請書（複数入力用）'!K1914</f>
        <v>a052r000000jS9ZAAU</v>
      </c>
      <c r="H1912" s="12" t="e">
        <f>'申請書（複数入力用）'!N1914</f>
        <v>#N/A</v>
      </c>
      <c r="I1912" s="12" t="e">
        <f>'申請書（複数入力用）'!O1914</f>
        <v>#N/A</v>
      </c>
      <c r="J1912" s="12">
        <f>'申請書（複数入力用）'!P1914</f>
        <v>1</v>
      </c>
    </row>
    <row r="1913" spans="1:10" ht="51.6" customHeight="1" x14ac:dyDescent="0.45">
      <c r="A1913" s="6">
        <f>'申請書（複数入力用）'!A1915</f>
        <v>1909</v>
      </c>
      <c r="B1913" s="13">
        <f>'申請書（複数入力用）'!AH1915</f>
        <v>0</v>
      </c>
      <c r="C1913" s="6">
        <f>'申請書（複数入力用）'!B1915</f>
        <v>0</v>
      </c>
      <c r="D1913" s="6">
        <f>'申請書（複数入力用）'!D1915</f>
        <v>0</v>
      </c>
      <c r="E1913" s="14">
        <f>'申請書（複数入力用）'!H1915</f>
        <v>0</v>
      </c>
      <c r="F1913" s="11" t="str">
        <f>'申請書（複数入力用）'!J1915</f>
        <v/>
      </c>
      <c r="G1913" s="6" t="str">
        <f>'申請書（複数入力用）'!K1915</f>
        <v>a052r000000jS9ZAAU</v>
      </c>
      <c r="H1913" s="12" t="e">
        <f>'申請書（複数入力用）'!N1915</f>
        <v>#N/A</v>
      </c>
      <c r="I1913" s="12" t="e">
        <f>'申請書（複数入力用）'!O1915</f>
        <v>#N/A</v>
      </c>
      <c r="J1913" s="12">
        <f>'申請書（複数入力用）'!P1915</f>
        <v>1</v>
      </c>
    </row>
    <row r="1914" spans="1:10" ht="51.6" customHeight="1" x14ac:dyDescent="0.45">
      <c r="A1914" s="6">
        <f>'申請書（複数入力用）'!A1916</f>
        <v>1910</v>
      </c>
      <c r="B1914" s="13">
        <f>'申請書（複数入力用）'!AH1916</f>
        <v>0</v>
      </c>
      <c r="C1914" s="6">
        <f>'申請書（複数入力用）'!B1916</f>
        <v>0</v>
      </c>
      <c r="D1914" s="6">
        <f>'申請書（複数入力用）'!D1916</f>
        <v>0</v>
      </c>
      <c r="E1914" s="14">
        <f>'申請書（複数入力用）'!H1916</f>
        <v>0</v>
      </c>
      <c r="F1914" s="11" t="str">
        <f>'申請書（複数入力用）'!J1916</f>
        <v/>
      </c>
      <c r="G1914" s="6" t="str">
        <f>'申請書（複数入力用）'!K1916</f>
        <v>a052r000000jS9ZAAU</v>
      </c>
      <c r="H1914" s="12" t="e">
        <f>'申請書（複数入力用）'!N1916</f>
        <v>#N/A</v>
      </c>
      <c r="I1914" s="12" t="e">
        <f>'申請書（複数入力用）'!O1916</f>
        <v>#N/A</v>
      </c>
      <c r="J1914" s="12">
        <f>'申請書（複数入力用）'!P1916</f>
        <v>1</v>
      </c>
    </row>
    <row r="1915" spans="1:10" ht="51.6" customHeight="1" x14ac:dyDescent="0.45">
      <c r="A1915" s="6">
        <f>'申請書（複数入力用）'!A1917</f>
        <v>1911</v>
      </c>
      <c r="B1915" s="13">
        <f>'申請書（複数入力用）'!AH1917</f>
        <v>0</v>
      </c>
      <c r="C1915" s="6">
        <f>'申請書（複数入力用）'!B1917</f>
        <v>0</v>
      </c>
      <c r="D1915" s="6">
        <f>'申請書（複数入力用）'!D1917</f>
        <v>0</v>
      </c>
      <c r="E1915" s="14">
        <f>'申請書（複数入力用）'!H1917</f>
        <v>0</v>
      </c>
      <c r="F1915" s="11" t="str">
        <f>'申請書（複数入力用）'!J1917</f>
        <v/>
      </c>
      <c r="G1915" s="6" t="str">
        <f>'申請書（複数入力用）'!K1917</f>
        <v>a052r000000jS9ZAAU</v>
      </c>
      <c r="H1915" s="12" t="e">
        <f>'申請書（複数入力用）'!N1917</f>
        <v>#N/A</v>
      </c>
      <c r="I1915" s="12" t="e">
        <f>'申請書（複数入力用）'!O1917</f>
        <v>#N/A</v>
      </c>
      <c r="J1915" s="12">
        <f>'申請書（複数入力用）'!P1917</f>
        <v>1</v>
      </c>
    </row>
    <row r="1916" spans="1:10" ht="51.6" customHeight="1" x14ac:dyDescent="0.45">
      <c r="A1916" s="6">
        <f>'申請書（複数入力用）'!A1918</f>
        <v>1912</v>
      </c>
      <c r="B1916" s="13">
        <f>'申請書（複数入力用）'!AH1918</f>
        <v>0</v>
      </c>
      <c r="C1916" s="6">
        <f>'申請書（複数入力用）'!B1918</f>
        <v>0</v>
      </c>
      <c r="D1916" s="6">
        <f>'申請書（複数入力用）'!D1918</f>
        <v>0</v>
      </c>
      <c r="E1916" s="14">
        <f>'申請書（複数入力用）'!H1918</f>
        <v>0</v>
      </c>
      <c r="F1916" s="11" t="str">
        <f>'申請書（複数入力用）'!J1918</f>
        <v/>
      </c>
      <c r="G1916" s="6" t="str">
        <f>'申請書（複数入力用）'!K1918</f>
        <v>a052r000000jS9ZAAU</v>
      </c>
      <c r="H1916" s="12" t="e">
        <f>'申請書（複数入力用）'!N1918</f>
        <v>#N/A</v>
      </c>
      <c r="I1916" s="12" t="e">
        <f>'申請書（複数入力用）'!O1918</f>
        <v>#N/A</v>
      </c>
      <c r="J1916" s="12">
        <f>'申請書（複数入力用）'!P1918</f>
        <v>1</v>
      </c>
    </row>
    <row r="1917" spans="1:10" ht="51.6" customHeight="1" x14ac:dyDescent="0.45">
      <c r="A1917" s="6">
        <f>'申請書（複数入力用）'!A1919</f>
        <v>1913</v>
      </c>
      <c r="B1917" s="13">
        <f>'申請書（複数入力用）'!AH1919</f>
        <v>0</v>
      </c>
      <c r="C1917" s="6">
        <f>'申請書（複数入力用）'!B1919</f>
        <v>0</v>
      </c>
      <c r="D1917" s="6">
        <f>'申請書（複数入力用）'!D1919</f>
        <v>0</v>
      </c>
      <c r="E1917" s="14">
        <f>'申請書（複数入力用）'!H1919</f>
        <v>0</v>
      </c>
      <c r="F1917" s="11" t="str">
        <f>'申請書（複数入力用）'!J1919</f>
        <v/>
      </c>
      <c r="G1917" s="6" t="str">
        <f>'申請書（複数入力用）'!K1919</f>
        <v>a052r000000jS9ZAAU</v>
      </c>
      <c r="H1917" s="12" t="e">
        <f>'申請書（複数入力用）'!N1919</f>
        <v>#N/A</v>
      </c>
      <c r="I1917" s="12" t="e">
        <f>'申請書（複数入力用）'!O1919</f>
        <v>#N/A</v>
      </c>
      <c r="J1917" s="12">
        <f>'申請書（複数入力用）'!P1919</f>
        <v>1</v>
      </c>
    </row>
    <row r="1918" spans="1:10" ht="51.6" customHeight="1" x14ac:dyDescent="0.45">
      <c r="A1918" s="6">
        <f>'申請書（複数入力用）'!A1920</f>
        <v>1914</v>
      </c>
      <c r="B1918" s="13">
        <f>'申請書（複数入力用）'!AH1920</f>
        <v>0</v>
      </c>
      <c r="C1918" s="6">
        <f>'申請書（複数入力用）'!B1920</f>
        <v>0</v>
      </c>
      <c r="D1918" s="6">
        <f>'申請書（複数入力用）'!D1920</f>
        <v>0</v>
      </c>
      <c r="E1918" s="14">
        <f>'申請書（複数入力用）'!H1920</f>
        <v>0</v>
      </c>
      <c r="F1918" s="11" t="str">
        <f>'申請書（複数入力用）'!J1920</f>
        <v/>
      </c>
      <c r="G1918" s="6" t="str">
        <f>'申請書（複数入力用）'!K1920</f>
        <v>a052r000000jS9ZAAU</v>
      </c>
      <c r="H1918" s="12" t="e">
        <f>'申請書（複数入力用）'!N1920</f>
        <v>#N/A</v>
      </c>
      <c r="I1918" s="12" t="e">
        <f>'申請書（複数入力用）'!O1920</f>
        <v>#N/A</v>
      </c>
      <c r="J1918" s="12">
        <f>'申請書（複数入力用）'!P1920</f>
        <v>1</v>
      </c>
    </row>
    <row r="1919" spans="1:10" ht="51.6" customHeight="1" x14ac:dyDescent="0.45">
      <c r="A1919" s="6">
        <f>'申請書（複数入力用）'!A1921</f>
        <v>1915</v>
      </c>
      <c r="B1919" s="13">
        <f>'申請書（複数入力用）'!AH1921</f>
        <v>0</v>
      </c>
      <c r="C1919" s="6">
        <f>'申請書（複数入力用）'!B1921</f>
        <v>0</v>
      </c>
      <c r="D1919" s="6">
        <f>'申請書（複数入力用）'!D1921</f>
        <v>0</v>
      </c>
      <c r="E1919" s="14">
        <f>'申請書（複数入力用）'!H1921</f>
        <v>0</v>
      </c>
      <c r="F1919" s="11" t="str">
        <f>'申請書（複数入力用）'!J1921</f>
        <v/>
      </c>
      <c r="G1919" s="6" t="str">
        <f>'申請書（複数入力用）'!K1921</f>
        <v>a052r000000jS9ZAAU</v>
      </c>
      <c r="H1919" s="12" t="e">
        <f>'申請書（複数入力用）'!N1921</f>
        <v>#N/A</v>
      </c>
      <c r="I1919" s="12" t="e">
        <f>'申請書（複数入力用）'!O1921</f>
        <v>#N/A</v>
      </c>
      <c r="J1919" s="12">
        <f>'申請書（複数入力用）'!P1921</f>
        <v>1</v>
      </c>
    </row>
    <row r="1920" spans="1:10" ht="51.6" customHeight="1" x14ac:dyDescent="0.45">
      <c r="A1920" s="6">
        <f>'申請書（複数入力用）'!A1922</f>
        <v>1916</v>
      </c>
      <c r="B1920" s="13">
        <f>'申請書（複数入力用）'!AH1922</f>
        <v>0</v>
      </c>
      <c r="C1920" s="6">
        <f>'申請書（複数入力用）'!B1922</f>
        <v>0</v>
      </c>
      <c r="D1920" s="6">
        <f>'申請書（複数入力用）'!D1922</f>
        <v>0</v>
      </c>
      <c r="E1920" s="14">
        <f>'申請書（複数入力用）'!H1922</f>
        <v>0</v>
      </c>
      <c r="F1920" s="11" t="str">
        <f>'申請書（複数入力用）'!J1922</f>
        <v/>
      </c>
      <c r="G1920" s="6" t="str">
        <f>'申請書（複数入力用）'!K1922</f>
        <v>a052r000000jS9ZAAU</v>
      </c>
      <c r="H1920" s="12" t="e">
        <f>'申請書（複数入力用）'!N1922</f>
        <v>#N/A</v>
      </c>
      <c r="I1920" s="12" t="e">
        <f>'申請書（複数入力用）'!O1922</f>
        <v>#N/A</v>
      </c>
      <c r="J1920" s="12">
        <f>'申請書（複数入力用）'!P1922</f>
        <v>1</v>
      </c>
    </row>
    <row r="1921" spans="1:10" ht="51.6" customHeight="1" x14ac:dyDescent="0.45">
      <c r="A1921" s="6">
        <f>'申請書（複数入力用）'!A1923</f>
        <v>1917</v>
      </c>
      <c r="B1921" s="13">
        <f>'申請書（複数入力用）'!AH1923</f>
        <v>0</v>
      </c>
      <c r="C1921" s="6">
        <f>'申請書（複数入力用）'!B1923</f>
        <v>0</v>
      </c>
      <c r="D1921" s="6">
        <f>'申請書（複数入力用）'!D1923</f>
        <v>0</v>
      </c>
      <c r="E1921" s="14">
        <f>'申請書（複数入力用）'!H1923</f>
        <v>0</v>
      </c>
      <c r="F1921" s="11" t="str">
        <f>'申請書（複数入力用）'!J1923</f>
        <v/>
      </c>
      <c r="G1921" s="6" t="str">
        <f>'申請書（複数入力用）'!K1923</f>
        <v>a052r000000jS9ZAAU</v>
      </c>
      <c r="H1921" s="12" t="e">
        <f>'申請書（複数入力用）'!N1923</f>
        <v>#N/A</v>
      </c>
      <c r="I1921" s="12" t="e">
        <f>'申請書（複数入力用）'!O1923</f>
        <v>#N/A</v>
      </c>
      <c r="J1921" s="12">
        <f>'申請書（複数入力用）'!P1923</f>
        <v>1</v>
      </c>
    </row>
    <row r="1922" spans="1:10" ht="51.6" customHeight="1" x14ac:dyDescent="0.45">
      <c r="A1922" s="6">
        <f>'申請書（複数入力用）'!A1924</f>
        <v>1918</v>
      </c>
      <c r="B1922" s="13">
        <f>'申請書（複数入力用）'!AH1924</f>
        <v>0</v>
      </c>
      <c r="C1922" s="6">
        <f>'申請書（複数入力用）'!B1924</f>
        <v>0</v>
      </c>
      <c r="D1922" s="6">
        <f>'申請書（複数入力用）'!D1924</f>
        <v>0</v>
      </c>
      <c r="E1922" s="14">
        <f>'申請書（複数入力用）'!H1924</f>
        <v>0</v>
      </c>
      <c r="F1922" s="11" t="str">
        <f>'申請書（複数入力用）'!J1924</f>
        <v/>
      </c>
      <c r="G1922" s="6" t="str">
        <f>'申請書（複数入力用）'!K1924</f>
        <v>a052r000000jS9ZAAU</v>
      </c>
      <c r="H1922" s="12" t="e">
        <f>'申請書（複数入力用）'!N1924</f>
        <v>#N/A</v>
      </c>
      <c r="I1922" s="12" t="e">
        <f>'申請書（複数入力用）'!O1924</f>
        <v>#N/A</v>
      </c>
      <c r="J1922" s="12">
        <f>'申請書（複数入力用）'!P1924</f>
        <v>1</v>
      </c>
    </row>
    <row r="1923" spans="1:10" ht="51.6" customHeight="1" x14ac:dyDescent="0.45">
      <c r="A1923" s="6">
        <f>'申請書（複数入力用）'!A1925</f>
        <v>1919</v>
      </c>
      <c r="B1923" s="13">
        <f>'申請書（複数入力用）'!AH1925</f>
        <v>0</v>
      </c>
      <c r="C1923" s="6">
        <f>'申請書（複数入力用）'!B1925</f>
        <v>0</v>
      </c>
      <c r="D1923" s="6">
        <f>'申請書（複数入力用）'!D1925</f>
        <v>0</v>
      </c>
      <c r="E1923" s="14">
        <f>'申請書（複数入力用）'!H1925</f>
        <v>0</v>
      </c>
      <c r="F1923" s="11" t="str">
        <f>'申請書（複数入力用）'!J1925</f>
        <v/>
      </c>
      <c r="G1923" s="6" t="str">
        <f>'申請書（複数入力用）'!K1925</f>
        <v>a052r000000jS9ZAAU</v>
      </c>
      <c r="H1923" s="12" t="e">
        <f>'申請書（複数入力用）'!N1925</f>
        <v>#N/A</v>
      </c>
      <c r="I1923" s="12" t="e">
        <f>'申請書（複数入力用）'!O1925</f>
        <v>#N/A</v>
      </c>
      <c r="J1923" s="12">
        <f>'申請書（複数入力用）'!P1925</f>
        <v>1</v>
      </c>
    </row>
    <row r="1924" spans="1:10" ht="51.6" customHeight="1" x14ac:dyDescent="0.45">
      <c r="A1924" s="6">
        <f>'申請書（複数入力用）'!A1926</f>
        <v>1920</v>
      </c>
      <c r="B1924" s="13">
        <f>'申請書（複数入力用）'!AH1926</f>
        <v>0</v>
      </c>
      <c r="C1924" s="6">
        <f>'申請書（複数入力用）'!B1926</f>
        <v>0</v>
      </c>
      <c r="D1924" s="6">
        <f>'申請書（複数入力用）'!D1926</f>
        <v>0</v>
      </c>
      <c r="E1924" s="14">
        <f>'申請書（複数入力用）'!H1926</f>
        <v>0</v>
      </c>
      <c r="F1924" s="11" t="str">
        <f>'申請書（複数入力用）'!J1926</f>
        <v/>
      </c>
      <c r="G1924" s="6" t="str">
        <f>'申請書（複数入力用）'!K1926</f>
        <v>a052r000000jS9ZAAU</v>
      </c>
      <c r="H1924" s="12" t="e">
        <f>'申請書（複数入力用）'!N1926</f>
        <v>#N/A</v>
      </c>
      <c r="I1924" s="12" t="e">
        <f>'申請書（複数入力用）'!O1926</f>
        <v>#N/A</v>
      </c>
      <c r="J1924" s="12">
        <f>'申請書（複数入力用）'!P1926</f>
        <v>1</v>
      </c>
    </row>
    <row r="1925" spans="1:10" ht="51.6" customHeight="1" x14ac:dyDescent="0.45">
      <c r="A1925" s="6">
        <f>'申請書（複数入力用）'!A1927</f>
        <v>1921</v>
      </c>
      <c r="B1925" s="13">
        <f>'申請書（複数入力用）'!AH1927</f>
        <v>0</v>
      </c>
      <c r="C1925" s="6">
        <f>'申請書（複数入力用）'!B1927</f>
        <v>0</v>
      </c>
      <c r="D1925" s="6">
        <f>'申請書（複数入力用）'!D1927</f>
        <v>0</v>
      </c>
      <c r="E1925" s="14">
        <f>'申請書（複数入力用）'!H1927</f>
        <v>0</v>
      </c>
      <c r="F1925" s="11" t="str">
        <f>'申請書（複数入力用）'!J1927</f>
        <v/>
      </c>
      <c r="G1925" s="6" t="str">
        <f>'申請書（複数入力用）'!K1927</f>
        <v>a052r000000jS9ZAAU</v>
      </c>
      <c r="H1925" s="12" t="e">
        <f>'申請書（複数入力用）'!N1927</f>
        <v>#N/A</v>
      </c>
      <c r="I1925" s="12" t="e">
        <f>'申請書（複数入力用）'!O1927</f>
        <v>#N/A</v>
      </c>
      <c r="J1925" s="12">
        <f>'申請書（複数入力用）'!P1927</f>
        <v>1</v>
      </c>
    </row>
    <row r="1926" spans="1:10" ht="51.6" customHeight="1" x14ac:dyDescent="0.45">
      <c r="A1926" s="6">
        <f>'申請書（複数入力用）'!A1928</f>
        <v>1922</v>
      </c>
      <c r="B1926" s="13">
        <f>'申請書（複数入力用）'!AH1928</f>
        <v>0</v>
      </c>
      <c r="C1926" s="6">
        <f>'申請書（複数入力用）'!B1928</f>
        <v>0</v>
      </c>
      <c r="D1926" s="6">
        <f>'申請書（複数入力用）'!D1928</f>
        <v>0</v>
      </c>
      <c r="E1926" s="14">
        <f>'申請書（複数入力用）'!H1928</f>
        <v>0</v>
      </c>
      <c r="F1926" s="11" t="str">
        <f>'申請書（複数入力用）'!J1928</f>
        <v/>
      </c>
      <c r="G1926" s="6" t="str">
        <f>'申請書（複数入力用）'!K1928</f>
        <v>a052r000000jS9ZAAU</v>
      </c>
      <c r="H1926" s="12" t="e">
        <f>'申請書（複数入力用）'!N1928</f>
        <v>#N/A</v>
      </c>
      <c r="I1926" s="12" t="e">
        <f>'申請書（複数入力用）'!O1928</f>
        <v>#N/A</v>
      </c>
      <c r="J1926" s="12">
        <f>'申請書（複数入力用）'!P1928</f>
        <v>1</v>
      </c>
    </row>
    <row r="1927" spans="1:10" ht="51.6" customHeight="1" x14ac:dyDescent="0.45">
      <c r="A1927" s="6">
        <f>'申請書（複数入力用）'!A1929</f>
        <v>1923</v>
      </c>
      <c r="B1927" s="13">
        <f>'申請書（複数入力用）'!AH1929</f>
        <v>0</v>
      </c>
      <c r="C1927" s="6">
        <f>'申請書（複数入力用）'!B1929</f>
        <v>0</v>
      </c>
      <c r="D1927" s="6">
        <f>'申請書（複数入力用）'!D1929</f>
        <v>0</v>
      </c>
      <c r="E1927" s="14">
        <f>'申請書（複数入力用）'!H1929</f>
        <v>0</v>
      </c>
      <c r="F1927" s="11" t="str">
        <f>'申請書（複数入力用）'!J1929</f>
        <v/>
      </c>
      <c r="G1927" s="6" t="str">
        <f>'申請書（複数入力用）'!K1929</f>
        <v>a052r000000jS9ZAAU</v>
      </c>
      <c r="H1927" s="12" t="e">
        <f>'申請書（複数入力用）'!N1929</f>
        <v>#N/A</v>
      </c>
      <c r="I1927" s="12" t="e">
        <f>'申請書（複数入力用）'!O1929</f>
        <v>#N/A</v>
      </c>
      <c r="J1927" s="12">
        <f>'申請書（複数入力用）'!P1929</f>
        <v>1</v>
      </c>
    </row>
    <row r="1928" spans="1:10" ht="51.6" customHeight="1" x14ac:dyDescent="0.45">
      <c r="A1928" s="6">
        <f>'申請書（複数入力用）'!A1930</f>
        <v>1924</v>
      </c>
      <c r="B1928" s="13">
        <f>'申請書（複数入力用）'!AH1930</f>
        <v>0</v>
      </c>
      <c r="C1928" s="6">
        <f>'申請書（複数入力用）'!B1930</f>
        <v>0</v>
      </c>
      <c r="D1928" s="6">
        <f>'申請書（複数入力用）'!D1930</f>
        <v>0</v>
      </c>
      <c r="E1928" s="14">
        <f>'申請書（複数入力用）'!H1930</f>
        <v>0</v>
      </c>
      <c r="F1928" s="11" t="str">
        <f>'申請書（複数入力用）'!J1930</f>
        <v/>
      </c>
      <c r="G1928" s="6" t="str">
        <f>'申請書（複数入力用）'!K1930</f>
        <v>a052r000000jS9ZAAU</v>
      </c>
      <c r="H1928" s="12" t="e">
        <f>'申請書（複数入力用）'!N1930</f>
        <v>#N/A</v>
      </c>
      <c r="I1928" s="12" t="e">
        <f>'申請書（複数入力用）'!O1930</f>
        <v>#N/A</v>
      </c>
      <c r="J1928" s="12">
        <f>'申請書（複数入力用）'!P1930</f>
        <v>1</v>
      </c>
    </row>
    <row r="1929" spans="1:10" ht="51.6" customHeight="1" x14ac:dyDescent="0.45">
      <c r="A1929" s="6">
        <f>'申請書（複数入力用）'!A1931</f>
        <v>1925</v>
      </c>
      <c r="B1929" s="13">
        <f>'申請書（複数入力用）'!AH1931</f>
        <v>0</v>
      </c>
      <c r="C1929" s="6">
        <f>'申請書（複数入力用）'!B1931</f>
        <v>0</v>
      </c>
      <c r="D1929" s="6">
        <f>'申請書（複数入力用）'!D1931</f>
        <v>0</v>
      </c>
      <c r="E1929" s="14">
        <f>'申請書（複数入力用）'!H1931</f>
        <v>0</v>
      </c>
      <c r="F1929" s="11" t="str">
        <f>'申請書（複数入力用）'!J1931</f>
        <v/>
      </c>
      <c r="G1929" s="6" t="str">
        <f>'申請書（複数入力用）'!K1931</f>
        <v>a052r000000jS9ZAAU</v>
      </c>
      <c r="H1929" s="12" t="e">
        <f>'申請書（複数入力用）'!N1931</f>
        <v>#N/A</v>
      </c>
      <c r="I1929" s="12" t="e">
        <f>'申請書（複数入力用）'!O1931</f>
        <v>#N/A</v>
      </c>
      <c r="J1929" s="12">
        <f>'申請書（複数入力用）'!P1931</f>
        <v>1</v>
      </c>
    </row>
    <row r="1930" spans="1:10" ht="51.6" customHeight="1" x14ac:dyDescent="0.45">
      <c r="A1930" s="6">
        <f>'申請書（複数入力用）'!A1932</f>
        <v>1926</v>
      </c>
      <c r="B1930" s="13">
        <f>'申請書（複数入力用）'!AH1932</f>
        <v>0</v>
      </c>
      <c r="C1930" s="6">
        <f>'申請書（複数入力用）'!B1932</f>
        <v>0</v>
      </c>
      <c r="D1930" s="6">
        <f>'申請書（複数入力用）'!D1932</f>
        <v>0</v>
      </c>
      <c r="E1930" s="14">
        <f>'申請書（複数入力用）'!H1932</f>
        <v>0</v>
      </c>
      <c r="F1930" s="11" t="str">
        <f>'申請書（複数入力用）'!J1932</f>
        <v/>
      </c>
      <c r="G1930" s="6" t="str">
        <f>'申請書（複数入力用）'!K1932</f>
        <v>a052r000000jS9ZAAU</v>
      </c>
      <c r="H1930" s="12" t="e">
        <f>'申請書（複数入力用）'!N1932</f>
        <v>#N/A</v>
      </c>
      <c r="I1930" s="12" t="e">
        <f>'申請書（複数入力用）'!O1932</f>
        <v>#N/A</v>
      </c>
      <c r="J1930" s="12">
        <f>'申請書（複数入力用）'!P1932</f>
        <v>1</v>
      </c>
    </row>
    <row r="1931" spans="1:10" ht="51.6" customHeight="1" x14ac:dyDescent="0.45">
      <c r="A1931" s="6">
        <f>'申請書（複数入力用）'!A1933</f>
        <v>1927</v>
      </c>
      <c r="B1931" s="13">
        <f>'申請書（複数入力用）'!AH1933</f>
        <v>0</v>
      </c>
      <c r="C1931" s="6">
        <f>'申請書（複数入力用）'!B1933</f>
        <v>0</v>
      </c>
      <c r="D1931" s="6">
        <f>'申請書（複数入力用）'!D1933</f>
        <v>0</v>
      </c>
      <c r="E1931" s="14">
        <f>'申請書（複数入力用）'!H1933</f>
        <v>0</v>
      </c>
      <c r="F1931" s="11" t="str">
        <f>'申請書（複数入力用）'!J1933</f>
        <v/>
      </c>
      <c r="G1931" s="6" t="str">
        <f>'申請書（複数入力用）'!K1933</f>
        <v>a052r000000jS9ZAAU</v>
      </c>
      <c r="H1931" s="12" t="e">
        <f>'申請書（複数入力用）'!N1933</f>
        <v>#N/A</v>
      </c>
      <c r="I1931" s="12" t="e">
        <f>'申請書（複数入力用）'!O1933</f>
        <v>#N/A</v>
      </c>
      <c r="J1931" s="12">
        <f>'申請書（複数入力用）'!P1933</f>
        <v>1</v>
      </c>
    </row>
    <row r="1932" spans="1:10" ht="51.6" customHeight="1" x14ac:dyDescent="0.45">
      <c r="A1932" s="6">
        <f>'申請書（複数入力用）'!A1934</f>
        <v>1928</v>
      </c>
      <c r="B1932" s="13">
        <f>'申請書（複数入力用）'!AH1934</f>
        <v>0</v>
      </c>
      <c r="C1932" s="6">
        <f>'申請書（複数入力用）'!B1934</f>
        <v>0</v>
      </c>
      <c r="D1932" s="6">
        <f>'申請書（複数入力用）'!D1934</f>
        <v>0</v>
      </c>
      <c r="E1932" s="14">
        <f>'申請書（複数入力用）'!H1934</f>
        <v>0</v>
      </c>
      <c r="F1932" s="11" t="str">
        <f>'申請書（複数入力用）'!J1934</f>
        <v/>
      </c>
      <c r="G1932" s="6" t="str">
        <f>'申請書（複数入力用）'!K1934</f>
        <v>a052r000000jS9ZAAU</v>
      </c>
      <c r="H1932" s="12" t="e">
        <f>'申請書（複数入力用）'!N1934</f>
        <v>#N/A</v>
      </c>
      <c r="I1932" s="12" t="e">
        <f>'申請書（複数入力用）'!O1934</f>
        <v>#N/A</v>
      </c>
      <c r="J1932" s="12">
        <f>'申請書（複数入力用）'!P1934</f>
        <v>1</v>
      </c>
    </row>
    <row r="1933" spans="1:10" ht="51.6" customHeight="1" x14ac:dyDescent="0.45">
      <c r="A1933" s="6">
        <f>'申請書（複数入力用）'!A1935</f>
        <v>1929</v>
      </c>
      <c r="B1933" s="13">
        <f>'申請書（複数入力用）'!AH1935</f>
        <v>0</v>
      </c>
      <c r="C1933" s="6">
        <f>'申請書（複数入力用）'!B1935</f>
        <v>0</v>
      </c>
      <c r="D1933" s="6">
        <f>'申請書（複数入力用）'!D1935</f>
        <v>0</v>
      </c>
      <c r="E1933" s="14">
        <f>'申請書（複数入力用）'!H1935</f>
        <v>0</v>
      </c>
      <c r="F1933" s="11" t="str">
        <f>'申請書（複数入力用）'!J1935</f>
        <v/>
      </c>
      <c r="G1933" s="6" t="str">
        <f>'申請書（複数入力用）'!K1935</f>
        <v>a052r000000jS9ZAAU</v>
      </c>
      <c r="H1933" s="12" t="e">
        <f>'申請書（複数入力用）'!N1935</f>
        <v>#N/A</v>
      </c>
      <c r="I1933" s="12" t="e">
        <f>'申請書（複数入力用）'!O1935</f>
        <v>#N/A</v>
      </c>
      <c r="J1933" s="12">
        <f>'申請書（複数入力用）'!P1935</f>
        <v>1</v>
      </c>
    </row>
    <row r="1934" spans="1:10" ht="51.6" customHeight="1" x14ac:dyDescent="0.45">
      <c r="A1934" s="6">
        <f>'申請書（複数入力用）'!A1936</f>
        <v>1930</v>
      </c>
      <c r="B1934" s="13">
        <f>'申請書（複数入力用）'!AH1936</f>
        <v>0</v>
      </c>
      <c r="C1934" s="6">
        <f>'申請書（複数入力用）'!B1936</f>
        <v>0</v>
      </c>
      <c r="D1934" s="6">
        <f>'申請書（複数入力用）'!D1936</f>
        <v>0</v>
      </c>
      <c r="E1934" s="14">
        <f>'申請書（複数入力用）'!H1936</f>
        <v>0</v>
      </c>
      <c r="F1934" s="11" t="str">
        <f>'申請書（複数入力用）'!J1936</f>
        <v/>
      </c>
      <c r="G1934" s="6" t="str">
        <f>'申請書（複数入力用）'!K1936</f>
        <v>a052r000000jS9ZAAU</v>
      </c>
      <c r="H1934" s="12" t="e">
        <f>'申請書（複数入力用）'!N1936</f>
        <v>#N/A</v>
      </c>
      <c r="I1934" s="12" t="e">
        <f>'申請書（複数入力用）'!O1936</f>
        <v>#N/A</v>
      </c>
      <c r="J1934" s="12">
        <f>'申請書（複数入力用）'!P1936</f>
        <v>1</v>
      </c>
    </row>
    <row r="1935" spans="1:10" ht="51.6" customHeight="1" x14ac:dyDescent="0.45">
      <c r="A1935" s="6">
        <f>'申請書（複数入力用）'!A1937</f>
        <v>1931</v>
      </c>
      <c r="B1935" s="13">
        <f>'申請書（複数入力用）'!AH1937</f>
        <v>0</v>
      </c>
      <c r="C1935" s="6">
        <f>'申請書（複数入力用）'!B1937</f>
        <v>0</v>
      </c>
      <c r="D1935" s="6">
        <f>'申請書（複数入力用）'!D1937</f>
        <v>0</v>
      </c>
      <c r="E1935" s="14">
        <f>'申請書（複数入力用）'!H1937</f>
        <v>0</v>
      </c>
      <c r="F1935" s="11" t="str">
        <f>'申請書（複数入力用）'!J1937</f>
        <v/>
      </c>
      <c r="G1935" s="6" t="str">
        <f>'申請書（複数入力用）'!K1937</f>
        <v>a052r000000jS9ZAAU</v>
      </c>
      <c r="H1935" s="12" t="e">
        <f>'申請書（複数入力用）'!N1937</f>
        <v>#N/A</v>
      </c>
      <c r="I1935" s="12" t="e">
        <f>'申請書（複数入力用）'!O1937</f>
        <v>#N/A</v>
      </c>
      <c r="J1935" s="12">
        <f>'申請書（複数入力用）'!P1937</f>
        <v>1</v>
      </c>
    </row>
    <row r="1936" spans="1:10" ht="51.6" customHeight="1" x14ac:dyDescent="0.45">
      <c r="A1936" s="6">
        <f>'申請書（複数入力用）'!A1938</f>
        <v>1932</v>
      </c>
      <c r="B1936" s="13">
        <f>'申請書（複数入力用）'!AH1938</f>
        <v>0</v>
      </c>
      <c r="C1936" s="6">
        <f>'申請書（複数入力用）'!B1938</f>
        <v>0</v>
      </c>
      <c r="D1936" s="6">
        <f>'申請書（複数入力用）'!D1938</f>
        <v>0</v>
      </c>
      <c r="E1936" s="14">
        <f>'申請書（複数入力用）'!H1938</f>
        <v>0</v>
      </c>
      <c r="F1936" s="11" t="str">
        <f>'申請書（複数入力用）'!J1938</f>
        <v/>
      </c>
      <c r="G1936" s="6" t="str">
        <f>'申請書（複数入力用）'!K1938</f>
        <v>a052r000000jS9ZAAU</v>
      </c>
      <c r="H1936" s="12" t="e">
        <f>'申請書（複数入力用）'!N1938</f>
        <v>#N/A</v>
      </c>
      <c r="I1936" s="12" t="e">
        <f>'申請書（複数入力用）'!O1938</f>
        <v>#N/A</v>
      </c>
      <c r="J1936" s="12">
        <f>'申請書（複数入力用）'!P1938</f>
        <v>1</v>
      </c>
    </row>
    <row r="1937" spans="1:10" ht="51.6" customHeight="1" x14ac:dyDescent="0.45">
      <c r="A1937" s="6">
        <f>'申請書（複数入力用）'!A1939</f>
        <v>1933</v>
      </c>
      <c r="B1937" s="13">
        <f>'申請書（複数入力用）'!AH1939</f>
        <v>0</v>
      </c>
      <c r="C1937" s="6">
        <f>'申請書（複数入力用）'!B1939</f>
        <v>0</v>
      </c>
      <c r="D1937" s="6">
        <f>'申請書（複数入力用）'!D1939</f>
        <v>0</v>
      </c>
      <c r="E1937" s="14">
        <f>'申請書（複数入力用）'!H1939</f>
        <v>0</v>
      </c>
      <c r="F1937" s="11" t="str">
        <f>'申請書（複数入力用）'!J1939</f>
        <v/>
      </c>
      <c r="G1937" s="6" t="str">
        <f>'申請書（複数入力用）'!K1939</f>
        <v>a052r000000jS9ZAAU</v>
      </c>
      <c r="H1937" s="12" t="e">
        <f>'申請書（複数入力用）'!N1939</f>
        <v>#N/A</v>
      </c>
      <c r="I1937" s="12" t="e">
        <f>'申請書（複数入力用）'!O1939</f>
        <v>#N/A</v>
      </c>
      <c r="J1937" s="12">
        <f>'申請書（複数入力用）'!P1939</f>
        <v>1</v>
      </c>
    </row>
    <row r="1938" spans="1:10" ht="51.6" customHeight="1" x14ac:dyDescent="0.45">
      <c r="A1938" s="6">
        <f>'申請書（複数入力用）'!A1940</f>
        <v>1934</v>
      </c>
      <c r="B1938" s="13">
        <f>'申請書（複数入力用）'!AH1940</f>
        <v>0</v>
      </c>
      <c r="C1938" s="6">
        <f>'申請書（複数入力用）'!B1940</f>
        <v>0</v>
      </c>
      <c r="D1938" s="6">
        <f>'申請書（複数入力用）'!D1940</f>
        <v>0</v>
      </c>
      <c r="E1938" s="14">
        <f>'申請書（複数入力用）'!H1940</f>
        <v>0</v>
      </c>
      <c r="F1938" s="11" t="str">
        <f>'申請書（複数入力用）'!J1940</f>
        <v/>
      </c>
      <c r="G1938" s="6" t="str">
        <f>'申請書（複数入力用）'!K1940</f>
        <v>a052r000000jS9ZAAU</v>
      </c>
      <c r="H1938" s="12" t="e">
        <f>'申請書（複数入力用）'!N1940</f>
        <v>#N/A</v>
      </c>
      <c r="I1938" s="12" t="e">
        <f>'申請書（複数入力用）'!O1940</f>
        <v>#N/A</v>
      </c>
      <c r="J1938" s="12">
        <f>'申請書（複数入力用）'!P1940</f>
        <v>1</v>
      </c>
    </row>
    <row r="1939" spans="1:10" ht="51.6" customHeight="1" x14ac:dyDescent="0.45">
      <c r="A1939" s="6">
        <f>'申請書（複数入力用）'!A1941</f>
        <v>1935</v>
      </c>
      <c r="B1939" s="13">
        <f>'申請書（複数入力用）'!AH1941</f>
        <v>0</v>
      </c>
      <c r="C1939" s="6">
        <f>'申請書（複数入力用）'!B1941</f>
        <v>0</v>
      </c>
      <c r="D1939" s="6">
        <f>'申請書（複数入力用）'!D1941</f>
        <v>0</v>
      </c>
      <c r="E1939" s="14">
        <f>'申請書（複数入力用）'!H1941</f>
        <v>0</v>
      </c>
      <c r="F1939" s="11" t="str">
        <f>'申請書（複数入力用）'!J1941</f>
        <v/>
      </c>
      <c r="G1939" s="6" t="str">
        <f>'申請書（複数入力用）'!K1941</f>
        <v>a052r000000jS9ZAAU</v>
      </c>
      <c r="H1939" s="12" t="e">
        <f>'申請書（複数入力用）'!N1941</f>
        <v>#N/A</v>
      </c>
      <c r="I1939" s="12" t="e">
        <f>'申請書（複数入力用）'!O1941</f>
        <v>#N/A</v>
      </c>
      <c r="J1939" s="12">
        <f>'申請書（複数入力用）'!P1941</f>
        <v>1</v>
      </c>
    </row>
    <row r="1940" spans="1:10" ht="51.6" customHeight="1" x14ac:dyDescent="0.45">
      <c r="A1940" s="6">
        <f>'申請書（複数入力用）'!A1942</f>
        <v>1936</v>
      </c>
      <c r="B1940" s="13">
        <f>'申請書（複数入力用）'!AH1942</f>
        <v>0</v>
      </c>
      <c r="C1940" s="6">
        <f>'申請書（複数入力用）'!B1942</f>
        <v>0</v>
      </c>
      <c r="D1940" s="6">
        <f>'申請書（複数入力用）'!D1942</f>
        <v>0</v>
      </c>
      <c r="E1940" s="14">
        <f>'申請書（複数入力用）'!H1942</f>
        <v>0</v>
      </c>
      <c r="F1940" s="11" t="str">
        <f>'申請書（複数入力用）'!J1942</f>
        <v/>
      </c>
      <c r="G1940" s="6" t="str">
        <f>'申請書（複数入力用）'!K1942</f>
        <v>a052r000000jS9ZAAU</v>
      </c>
      <c r="H1940" s="12" t="e">
        <f>'申請書（複数入力用）'!N1942</f>
        <v>#N/A</v>
      </c>
      <c r="I1940" s="12" t="e">
        <f>'申請書（複数入力用）'!O1942</f>
        <v>#N/A</v>
      </c>
      <c r="J1940" s="12">
        <f>'申請書（複数入力用）'!P1942</f>
        <v>1</v>
      </c>
    </row>
    <row r="1941" spans="1:10" ht="51.6" customHeight="1" x14ac:dyDescent="0.45">
      <c r="A1941" s="6">
        <f>'申請書（複数入力用）'!A1943</f>
        <v>1937</v>
      </c>
      <c r="B1941" s="13">
        <f>'申請書（複数入力用）'!AH1943</f>
        <v>0</v>
      </c>
      <c r="C1941" s="6">
        <f>'申請書（複数入力用）'!B1943</f>
        <v>0</v>
      </c>
      <c r="D1941" s="6">
        <f>'申請書（複数入力用）'!D1943</f>
        <v>0</v>
      </c>
      <c r="E1941" s="14">
        <f>'申請書（複数入力用）'!H1943</f>
        <v>0</v>
      </c>
      <c r="F1941" s="11" t="str">
        <f>'申請書（複数入力用）'!J1943</f>
        <v/>
      </c>
      <c r="G1941" s="6" t="str">
        <f>'申請書（複数入力用）'!K1943</f>
        <v>a052r000000jS9ZAAU</v>
      </c>
      <c r="H1941" s="12" t="e">
        <f>'申請書（複数入力用）'!N1943</f>
        <v>#N/A</v>
      </c>
      <c r="I1941" s="12" t="e">
        <f>'申請書（複数入力用）'!O1943</f>
        <v>#N/A</v>
      </c>
      <c r="J1941" s="12">
        <f>'申請書（複数入力用）'!P1943</f>
        <v>1</v>
      </c>
    </row>
    <row r="1942" spans="1:10" ht="51.6" customHeight="1" x14ac:dyDescent="0.45">
      <c r="A1942" s="6">
        <f>'申請書（複数入力用）'!A1944</f>
        <v>1938</v>
      </c>
      <c r="B1942" s="13">
        <f>'申請書（複数入力用）'!AH1944</f>
        <v>0</v>
      </c>
      <c r="C1942" s="6">
        <f>'申請書（複数入力用）'!B1944</f>
        <v>0</v>
      </c>
      <c r="D1942" s="6">
        <f>'申請書（複数入力用）'!D1944</f>
        <v>0</v>
      </c>
      <c r="E1942" s="14">
        <f>'申請書（複数入力用）'!H1944</f>
        <v>0</v>
      </c>
      <c r="F1942" s="11" t="str">
        <f>'申請書（複数入力用）'!J1944</f>
        <v/>
      </c>
      <c r="G1942" s="6" t="str">
        <f>'申請書（複数入力用）'!K1944</f>
        <v>a052r000000jS9ZAAU</v>
      </c>
      <c r="H1942" s="12" t="e">
        <f>'申請書（複数入力用）'!N1944</f>
        <v>#N/A</v>
      </c>
      <c r="I1942" s="12" t="e">
        <f>'申請書（複数入力用）'!O1944</f>
        <v>#N/A</v>
      </c>
      <c r="J1942" s="12">
        <f>'申請書（複数入力用）'!P1944</f>
        <v>1</v>
      </c>
    </row>
    <row r="1943" spans="1:10" ht="51.6" customHeight="1" x14ac:dyDescent="0.45">
      <c r="A1943" s="6">
        <f>'申請書（複数入力用）'!A1945</f>
        <v>1939</v>
      </c>
      <c r="B1943" s="13">
        <f>'申請書（複数入力用）'!AH1945</f>
        <v>0</v>
      </c>
      <c r="C1943" s="6">
        <f>'申請書（複数入力用）'!B1945</f>
        <v>0</v>
      </c>
      <c r="D1943" s="6">
        <f>'申請書（複数入力用）'!D1945</f>
        <v>0</v>
      </c>
      <c r="E1943" s="14">
        <f>'申請書（複数入力用）'!H1945</f>
        <v>0</v>
      </c>
      <c r="F1943" s="11" t="str">
        <f>'申請書（複数入力用）'!J1945</f>
        <v/>
      </c>
      <c r="G1943" s="6" t="str">
        <f>'申請書（複数入力用）'!K1945</f>
        <v>a052r000000jS9ZAAU</v>
      </c>
      <c r="H1943" s="12" t="e">
        <f>'申請書（複数入力用）'!N1945</f>
        <v>#N/A</v>
      </c>
      <c r="I1943" s="12" t="e">
        <f>'申請書（複数入力用）'!O1945</f>
        <v>#N/A</v>
      </c>
      <c r="J1943" s="12">
        <f>'申請書（複数入力用）'!P1945</f>
        <v>1</v>
      </c>
    </row>
    <row r="1944" spans="1:10" ht="51.6" customHeight="1" x14ac:dyDescent="0.45">
      <c r="A1944" s="6">
        <f>'申請書（複数入力用）'!A1946</f>
        <v>1940</v>
      </c>
      <c r="B1944" s="13">
        <f>'申請書（複数入力用）'!AH1946</f>
        <v>0</v>
      </c>
      <c r="C1944" s="6">
        <f>'申請書（複数入力用）'!B1946</f>
        <v>0</v>
      </c>
      <c r="D1944" s="6">
        <f>'申請書（複数入力用）'!D1946</f>
        <v>0</v>
      </c>
      <c r="E1944" s="14">
        <f>'申請書（複数入力用）'!H1946</f>
        <v>0</v>
      </c>
      <c r="F1944" s="11" t="str">
        <f>'申請書（複数入力用）'!J1946</f>
        <v/>
      </c>
      <c r="G1944" s="6" t="str">
        <f>'申請書（複数入力用）'!K1946</f>
        <v>a052r000000jS9ZAAU</v>
      </c>
      <c r="H1944" s="12" t="e">
        <f>'申請書（複数入力用）'!N1946</f>
        <v>#N/A</v>
      </c>
      <c r="I1944" s="12" t="e">
        <f>'申請書（複数入力用）'!O1946</f>
        <v>#N/A</v>
      </c>
      <c r="J1944" s="12">
        <f>'申請書（複数入力用）'!P1946</f>
        <v>1</v>
      </c>
    </row>
    <row r="1945" spans="1:10" ht="51.6" customHeight="1" x14ac:dyDescent="0.45">
      <c r="A1945" s="6">
        <f>'申請書（複数入力用）'!A1947</f>
        <v>1941</v>
      </c>
      <c r="B1945" s="13">
        <f>'申請書（複数入力用）'!AH1947</f>
        <v>0</v>
      </c>
      <c r="C1945" s="6">
        <f>'申請書（複数入力用）'!B1947</f>
        <v>0</v>
      </c>
      <c r="D1945" s="6">
        <f>'申請書（複数入力用）'!D1947</f>
        <v>0</v>
      </c>
      <c r="E1945" s="14">
        <f>'申請書（複数入力用）'!H1947</f>
        <v>0</v>
      </c>
      <c r="F1945" s="11" t="str">
        <f>'申請書（複数入力用）'!J1947</f>
        <v/>
      </c>
      <c r="G1945" s="6" t="str">
        <f>'申請書（複数入力用）'!K1947</f>
        <v>a052r000000jS9ZAAU</v>
      </c>
      <c r="H1945" s="12" t="e">
        <f>'申請書（複数入力用）'!N1947</f>
        <v>#N/A</v>
      </c>
      <c r="I1945" s="12" t="e">
        <f>'申請書（複数入力用）'!O1947</f>
        <v>#N/A</v>
      </c>
      <c r="J1945" s="12">
        <f>'申請書（複数入力用）'!P1947</f>
        <v>1</v>
      </c>
    </row>
    <row r="1946" spans="1:10" ht="51.6" customHeight="1" x14ac:dyDescent="0.45">
      <c r="A1946" s="6">
        <f>'申請書（複数入力用）'!A1948</f>
        <v>1942</v>
      </c>
      <c r="B1946" s="13">
        <f>'申請書（複数入力用）'!AH1948</f>
        <v>0</v>
      </c>
      <c r="C1946" s="6">
        <f>'申請書（複数入力用）'!B1948</f>
        <v>0</v>
      </c>
      <c r="D1946" s="6">
        <f>'申請書（複数入力用）'!D1948</f>
        <v>0</v>
      </c>
      <c r="E1946" s="14">
        <f>'申請書（複数入力用）'!H1948</f>
        <v>0</v>
      </c>
      <c r="F1946" s="11" t="str">
        <f>'申請書（複数入力用）'!J1948</f>
        <v/>
      </c>
      <c r="G1946" s="6" t="str">
        <f>'申請書（複数入力用）'!K1948</f>
        <v>a052r000000jS9ZAAU</v>
      </c>
      <c r="H1946" s="12" t="e">
        <f>'申請書（複数入力用）'!N1948</f>
        <v>#N/A</v>
      </c>
      <c r="I1946" s="12" t="e">
        <f>'申請書（複数入力用）'!O1948</f>
        <v>#N/A</v>
      </c>
      <c r="J1946" s="12">
        <f>'申請書（複数入力用）'!P1948</f>
        <v>1</v>
      </c>
    </row>
    <row r="1947" spans="1:10" ht="51.6" customHeight="1" x14ac:dyDescent="0.45">
      <c r="A1947" s="6">
        <f>'申請書（複数入力用）'!A1949</f>
        <v>1943</v>
      </c>
      <c r="B1947" s="13">
        <f>'申請書（複数入力用）'!AH1949</f>
        <v>0</v>
      </c>
      <c r="C1947" s="6">
        <f>'申請書（複数入力用）'!B1949</f>
        <v>0</v>
      </c>
      <c r="D1947" s="6">
        <f>'申請書（複数入力用）'!D1949</f>
        <v>0</v>
      </c>
      <c r="E1947" s="14">
        <f>'申請書（複数入力用）'!H1949</f>
        <v>0</v>
      </c>
      <c r="F1947" s="11" t="str">
        <f>'申請書（複数入力用）'!J1949</f>
        <v/>
      </c>
      <c r="G1947" s="6" t="str">
        <f>'申請書（複数入力用）'!K1949</f>
        <v>a052r000000jS9ZAAU</v>
      </c>
      <c r="H1947" s="12" t="e">
        <f>'申請書（複数入力用）'!N1949</f>
        <v>#N/A</v>
      </c>
      <c r="I1947" s="12" t="e">
        <f>'申請書（複数入力用）'!O1949</f>
        <v>#N/A</v>
      </c>
      <c r="J1947" s="12">
        <f>'申請書（複数入力用）'!P1949</f>
        <v>1</v>
      </c>
    </row>
    <row r="1948" spans="1:10" ht="51.6" customHeight="1" x14ac:dyDescent="0.45">
      <c r="A1948" s="6">
        <f>'申請書（複数入力用）'!A1950</f>
        <v>1944</v>
      </c>
      <c r="B1948" s="13">
        <f>'申請書（複数入力用）'!AH1950</f>
        <v>0</v>
      </c>
      <c r="C1948" s="6">
        <f>'申請書（複数入力用）'!B1950</f>
        <v>0</v>
      </c>
      <c r="D1948" s="6">
        <f>'申請書（複数入力用）'!D1950</f>
        <v>0</v>
      </c>
      <c r="E1948" s="14">
        <f>'申請書（複数入力用）'!H1950</f>
        <v>0</v>
      </c>
      <c r="F1948" s="11" t="str">
        <f>'申請書（複数入力用）'!J1950</f>
        <v/>
      </c>
      <c r="G1948" s="6" t="str">
        <f>'申請書（複数入力用）'!K1950</f>
        <v>a052r000000jS9ZAAU</v>
      </c>
      <c r="H1948" s="12" t="e">
        <f>'申請書（複数入力用）'!N1950</f>
        <v>#N/A</v>
      </c>
      <c r="I1948" s="12" t="e">
        <f>'申請書（複数入力用）'!O1950</f>
        <v>#N/A</v>
      </c>
      <c r="J1948" s="12">
        <f>'申請書（複数入力用）'!P1950</f>
        <v>1</v>
      </c>
    </row>
    <row r="1949" spans="1:10" ht="51.6" customHeight="1" x14ac:dyDescent="0.45">
      <c r="A1949" s="6">
        <f>'申請書（複数入力用）'!A1951</f>
        <v>1945</v>
      </c>
      <c r="B1949" s="13">
        <f>'申請書（複数入力用）'!AH1951</f>
        <v>0</v>
      </c>
      <c r="C1949" s="6">
        <f>'申請書（複数入力用）'!B1951</f>
        <v>0</v>
      </c>
      <c r="D1949" s="6">
        <f>'申請書（複数入力用）'!D1951</f>
        <v>0</v>
      </c>
      <c r="E1949" s="14">
        <f>'申請書（複数入力用）'!H1951</f>
        <v>0</v>
      </c>
      <c r="F1949" s="11" t="str">
        <f>'申請書（複数入力用）'!J1951</f>
        <v/>
      </c>
      <c r="G1949" s="6" t="str">
        <f>'申請書（複数入力用）'!K1951</f>
        <v>a052r000000jS9ZAAU</v>
      </c>
      <c r="H1949" s="12" t="e">
        <f>'申請書（複数入力用）'!N1951</f>
        <v>#N/A</v>
      </c>
      <c r="I1949" s="12" t="e">
        <f>'申請書（複数入力用）'!O1951</f>
        <v>#N/A</v>
      </c>
      <c r="J1949" s="12">
        <f>'申請書（複数入力用）'!P1951</f>
        <v>1</v>
      </c>
    </row>
    <row r="1950" spans="1:10" ht="51.6" customHeight="1" x14ac:dyDescent="0.45">
      <c r="A1950" s="6">
        <f>'申請書（複数入力用）'!A1952</f>
        <v>1946</v>
      </c>
      <c r="B1950" s="13">
        <f>'申請書（複数入力用）'!AH1952</f>
        <v>0</v>
      </c>
      <c r="C1950" s="6">
        <f>'申請書（複数入力用）'!B1952</f>
        <v>0</v>
      </c>
      <c r="D1950" s="6">
        <f>'申請書（複数入力用）'!D1952</f>
        <v>0</v>
      </c>
      <c r="E1950" s="14">
        <f>'申請書（複数入力用）'!H1952</f>
        <v>0</v>
      </c>
      <c r="F1950" s="11" t="str">
        <f>'申請書（複数入力用）'!J1952</f>
        <v/>
      </c>
      <c r="G1950" s="6" t="str">
        <f>'申請書（複数入力用）'!K1952</f>
        <v>a052r000000jS9ZAAU</v>
      </c>
      <c r="H1950" s="12" t="e">
        <f>'申請書（複数入力用）'!N1952</f>
        <v>#N/A</v>
      </c>
      <c r="I1950" s="12" t="e">
        <f>'申請書（複数入力用）'!O1952</f>
        <v>#N/A</v>
      </c>
      <c r="J1950" s="12">
        <f>'申請書（複数入力用）'!P1952</f>
        <v>1</v>
      </c>
    </row>
    <row r="1951" spans="1:10" ht="51.6" customHeight="1" x14ac:dyDescent="0.45">
      <c r="A1951" s="6">
        <f>'申請書（複数入力用）'!A1953</f>
        <v>1947</v>
      </c>
      <c r="B1951" s="13">
        <f>'申請書（複数入力用）'!AH1953</f>
        <v>0</v>
      </c>
      <c r="C1951" s="6">
        <f>'申請書（複数入力用）'!B1953</f>
        <v>0</v>
      </c>
      <c r="D1951" s="6">
        <f>'申請書（複数入力用）'!D1953</f>
        <v>0</v>
      </c>
      <c r="E1951" s="14">
        <f>'申請書（複数入力用）'!H1953</f>
        <v>0</v>
      </c>
      <c r="F1951" s="11" t="str">
        <f>'申請書（複数入力用）'!J1953</f>
        <v/>
      </c>
      <c r="G1951" s="6" t="str">
        <f>'申請書（複数入力用）'!K1953</f>
        <v>a052r000000jS9ZAAU</v>
      </c>
      <c r="H1951" s="12" t="e">
        <f>'申請書（複数入力用）'!N1953</f>
        <v>#N/A</v>
      </c>
      <c r="I1951" s="12" t="e">
        <f>'申請書（複数入力用）'!O1953</f>
        <v>#N/A</v>
      </c>
      <c r="J1951" s="12">
        <f>'申請書（複数入力用）'!P1953</f>
        <v>1</v>
      </c>
    </row>
    <row r="1952" spans="1:10" ht="51.6" customHeight="1" x14ac:dyDescent="0.45">
      <c r="A1952" s="6">
        <f>'申請書（複数入力用）'!A1954</f>
        <v>1948</v>
      </c>
      <c r="B1952" s="13">
        <f>'申請書（複数入力用）'!AH1954</f>
        <v>0</v>
      </c>
      <c r="C1952" s="6">
        <f>'申請書（複数入力用）'!B1954</f>
        <v>0</v>
      </c>
      <c r="D1952" s="6">
        <f>'申請書（複数入力用）'!D1954</f>
        <v>0</v>
      </c>
      <c r="E1952" s="14">
        <f>'申請書（複数入力用）'!H1954</f>
        <v>0</v>
      </c>
      <c r="F1952" s="11" t="str">
        <f>'申請書（複数入力用）'!J1954</f>
        <v/>
      </c>
      <c r="G1952" s="6" t="str">
        <f>'申請書（複数入力用）'!K1954</f>
        <v>a052r000000jS9ZAAU</v>
      </c>
      <c r="H1952" s="12" t="e">
        <f>'申請書（複数入力用）'!N1954</f>
        <v>#N/A</v>
      </c>
      <c r="I1952" s="12" t="e">
        <f>'申請書（複数入力用）'!O1954</f>
        <v>#N/A</v>
      </c>
      <c r="J1952" s="12">
        <f>'申請書（複数入力用）'!P1954</f>
        <v>1</v>
      </c>
    </row>
    <row r="1953" spans="1:10" ht="51.6" customHeight="1" x14ac:dyDescent="0.45">
      <c r="A1953" s="6">
        <f>'申請書（複数入力用）'!A1955</f>
        <v>1949</v>
      </c>
      <c r="B1953" s="13">
        <f>'申請書（複数入力用）'!AH1955</f>
        <v>0</v>
      </c>
      <c r="C1953" s="6">
        <f>'申請書（複数入力用）'!B1955</f>
        <v>0</v>
      </c>
      <c r="D1953" s="6">
        <f>'申請書（複数入力用）'!D1955</f>
        <v>0</v>
      </c>
      <c r="E1953" s="14">
        <f>'申請書（複数入力用）'!H1955</f>
        <v>0</v>
      </c>
      <c r="F1953" s="11" t="str">
        <f>'申請書（複数入力用）'!J1955</f>
        <v/>
      </c>
      <c r="G1953" s="6" t="str">
        <f>'申請書（複数入力用）'!K1955</f>
        <v>a052r000000jS9ZAAU</v>
      </c>
      <c r="H1953" s="12" t="e">
        <f>'申請書（複数入力用）'!N1955</f>
        <v>#N/A</v>
      </c>
      <c r="I1953" s="12" t="e">
        <f>'申請書（複数入力用）'!O1955</f>
        <v>#N/A</v>
      </c>
      <c r="J1953" s="12">
        <f>'申請書（複数入力用）'!P1955</f>
        <v>1</v>
      </c>
    </row>
    <row r="1954" spans="1:10" ht="51.6" customHeight="1" x14ac:dyDescent="0.45">
      <c r="A1954" s="6">
        <f>'申請書（複数入力用）'!A1956</f>
        <v>1950</v>
      </c>
      <c r="B1954" s="13">
        <f>'申請書（複数入力用）'!AH1956</f>
        <v>0</v>
      </c>
      <c r="C1954" s="6">
        <f>'申請書（複数入力用）'!B1956</f>
        <v>0</v>
      </c>
      <c r="D1954" s="6">
        <f>'申請書（複数入力用）'!D1956</f>
        <v>0</v>
      </c>
      <c r="E1954" s="14">
        <f>'申請書（複数入力用）'!H1956</f>
        <v>0</v>
      </c>
      <c r="F1954" s="11" t="str">
        <f>'申請書（複数入力用）'!J1956</f>
        <v/>
      </c>
      <c r="G1954" s="6" t="str">
        <f>'申請書（複数入力用）'!K1956</f>
        <v>a052r000000jS9ZAAU</v>
      </c>
      <c r="H1954" s="12" t="e">
        <f>'申請書（複数入力用）'!N1956</f>
        <v>#N/A</v>
      </c>
      <c r="I1954" s="12" t="e">
        <f>'申請書（複数入力用）'!O1956</f>
        <v>#N/A</v>
      </c>
      <c r="J1954" s="12">
        <f>'申請書（複数入力用）'!P1956</f>
        <v>1</v>
      </c>
    </row>
    <row r="1955" spans="1:10" ht="51.6" customHeight="1" x14ac:dyDescent="0.45">
      <c r="A1955" s="6">
        <f>'申請書（複数入力用）'!A1957</f>
        <v>1951</v>
      </c>
      <c r="B1955" s="13">
        <f>'申請書（複数入力用）'!AH1957</f>
        <v>0</v>
      </c>
      <c r="C1955" s="6">
        <f>'申請書（複数入力用）'!B1957</f>
        <v>0</v>
      </c>
      <c r="D1955" s="6">
        <f>'申請書（複数入力用）'!D1957</f>
        <v>0</v>
      </c>
      <c r="E1955" s="14">
        <f>'申請書（複数入力用）'!H1957</f>
        <v>0</v>
      </c>
      <c r="F1955" s="11" t="str">
        <f>'申請書（複数入力用）'!J1957</f>
        <v/>
      </c>
      <c r="G1955" s="6" t="str">
        <f>'申請書（複数入力用）'!K1957</f>
        <v>a052r000000jS9ZAAU</v>
      </c>
      <c r="H1955" s="12" t="e">
        <f>'申請書（複数入力用）'!N1957</f>
        <v>#N/A</v>
      </c>
      <c r="I1955" s="12" t="e">
        <f>'申請書（複数入力用）'!O1957</f>
        <v>#N/A</v>
      </c>
      <c r="J1955" s="12">
        <f>'申請書（複数入力用）'!P1957</f>
        <v>1</v>
      </c>
    </row>
    <row r="1956" spans="1:10" ht="51.6" customHeight="1" x14ac:dyDescent="0.45">
      <c r="A1956" s="6">
        <f>'申請書（複数入力用）'!A1958</f>
        <v>1952</v>
      </c>
      <c r="B1956" s="13">
        <f>'申請書（複数入力用）'!AH1958</f>
        <v>0</v>
      </c>
      <c r="C1956" s="6">
        <f>'申請書（複数入力用）'!B1958</f>
        <v>0</v>
      </c>
      <c r="D1956" s="6">
        <f>'申請書（複数入力用）'!D1958</f>
        <v>0</v>
      </c>
      <c r="E1956" s="14">
        <f>'申請書（複数入力用）'!H1958</f>
        <v>0</v>
      </c>
      <c r="F1956" s="11" t="str">
        <f>'申請書（複数入力用）'!J1958</f>
        <v/>
      </c>
      <c r="G1956" s="6" t="str">
        <f>'申請書（複数入力用）'!K1958</f>
        <v>a052r000000jS9ZAAU</v>
      </c>
      <c r="H1956" s="12" t="e">
        <f>'申請書（複数入力用）'!N1958</f>
        <v>#N/A</v>
      </c>
      <c r="I1956" s="12" t="e">
        <f>'申請書（複数入力用）'!O1958</f>
        <v>#N/A</v>
      </c>
      <c r="J1956" s="12">
        <f>'申請書（複数入力用）'!P1958</f>
        <v>1</v>
      </c>
    </row>
    <row r="1957" spans="1:10" ht="51.6" customHeight="1" x14ac:dyDescent="0.45">
      <c r="A1957" s="6">
        <f>'申請書（複数入力用）'!A1959</f>
        <v>1953</v>
      </c>
      <c r="B1957" s="13">
        <f>'申請書（複数入力用）'!AH1959</f>
        <v>0</v>
      </c>
      <c r="C1957" s="6">
        <f>'申請書（複数入力用）'!B1959</f>
        <v>0</v>
      </c>
      <c r="D1957" s="6">
        <f>'申請書（複数入力用）'!D1959</f>
        <v>0</v>
      </c>
      <c r="E1957" s="14">
        <f>'申請書（複数入力用）'!H1959</f>
        <v>0</v>
      </c>
      <c r="F1957" s="11" t="str">
        <f>'申請書（複数入力用）'!J1959</f>
        <v/>
      </c>
      <c r="G1957" s="6" t="str">
        <f>'申請書（複数入力用）'!K1959</f>
        <v>a052r000000jS9ZAAU</v>
      </c>
      <c r="H1957" s="12" t="e">
        <f>'申請書（複数入力用）'!N1959</f>
        <v>#N/A</v>
      </c>
      <c r="I1957" s="12" t="e">
        <f>'申請書（複数入力用）'!O1959</f>
        <v>#N/A</v>
      </c>
      <c r="J1957" s="12">
        <f>'申請書（複数入力用）'!P1959</f>
        <v>1</v>
      </c>
    </row>
    <row r="1958" spans="1:10" ht="51.6" customHeight="1" x14ac:dyDescent="0.45">
      <c r="A1958" s="6">
        <f>'申請書（複数入力用）'!A1960</f>
        <v>1954</v>
      </c>
      <c r="B1958" s="13">
        <f>'申請書（複数入力用）'!AH1960</f>
        <v>0</v>
      </c>
      <c r="C1958" s="6">
        <f>'申請書（複数入力用）'!B1960</f>
        <v>0</v>
      </c>
      <c r="D1958" s="6">
        <f>'申請書（複数入力用）'!D1960</f>
        <v>0</v>
      </c>
      <c r="E1958" s="14">
        <f>'申請書（複数入力用）'!H1960</f>
        <v>0</v>
      </c>
      <c r="F1958" s="11" t="str">
        <f>'申請書（複数入力用）'!J1960</f>
        <v/>
      </c>
      <c r="G1958" s="6" t="str">
        <f>'申請書（複数入力用）'!K1960</f>
        <v>a052r000000jS9ZAAU</v>
      </c>
      <c r="H1958" s="12" t="e">
        <f>'申請書（複数入力用）'!N1960</f>
        <v>#N/A</v>
      </c>
      <c r="I1958" s="12" t="e">
        <f>'申請書（複数入力用）'!O1960</f>
        <v>#N/A</v>
      </c>
      <c r="J1958" s="12">
        <f>'申請書（複数入力用）'!P1960</f>
        <v>1</v>
      </c>
    </row>
    <row r="1959" spans="1:10" ht="51.6" customHeight="1" x14ac:dyDescent="0.45">
      <c r="A1959" s="6">
        <f>'申請書（複数入力用）'!A1961</f>
        <v>1955</v>
      </c>
      <c r="B1959" s="13">
        <f>'申請書（複数入力用）'!AH1961</f>
        <v>0</v>
      </c>
      <c r="C1959" s="6">
        <f>'申請書（複数入力用）'!B1961</f>
        <v>0</v>
      </c>
      <c r="D1959" s="6">
        <f>'申請書（複数入力用）'!D1961</f>
        <v>0</v>
      </c>
      <c r="E1959" s="14">
        <f>'申請書（複数入力用）'!H1961</f>
        <v>0</v>
      </c>
      <c r="F1959" s="11" t="str">
        <f>'申請書（複数入力用）'!J1961</f>
        <v/>
      </c>
      <c r="G1959" s="6" t="str">
        <f>'申請書（複数入力用）'!K1961</f>
        <v>a052r000000jS9ZAAU</v>
      </c>
      <c r="H1959" s="12" t="e">
        <f>'申請書（複数入力用）'!N1961</f>
        <v>#N/A</v>
      </c>
      <c r="I1959" s="12" t="e">
        <f>'申請書（複数入力用）'!O1961</f>
        <v>#N/A</v>
      </c>
      <c r="J1959" s="12">
        <f>'申請書（複数入力用）'!P1961</f>
        <v>1</v>
      </c>
    </row>
    <row r="1960" spans="1:10" ht="51.6" customHeight="1" x14ac:dyDescent="0.45">
      <c r="A1960" s="6">
        <f>'申請書（複数入力用）'!A1962</f>
        <v>1956</v>
      </c>
      <c r="B1960" s="13">
        <f>'申請書（複数入力用）'!AH1962</f>
        <v>0</v>
      </c>
      <c r="C1960" s="6">
        <f>'申請書（複数入力用）'!B1962</f>
        <v>0</v>
      </c>
      <c r="D1960" s="6">
        <f>'申請書（複数入力用）'!D1962</f>
        <v>0</v>
      </c>
      <c r="E1960" s="14">
        <f>'申請書（複数入力用）'!H1962</f>
        <v>0</v>
      </c>
      <c r="F1960" s="11" t="str">
        <f>'申請書（複数入力用）'!J1962</f>
        <v/>
      </c>
      <c r="G1960" s="6" t="str">
        <f>'申請書（複数入力用）'!K1962</f>
        <v>a052r000000jS9ZAAU</v>
      </c>
      <c r="H1960" s="12" t="e">
        <f>'申請書（複数入力用）'!N1962</f>
        <v>#N/A</v>
      </c>
      <c r="I1960" s="12" t="e">
        <f>'申請書（複数入力用）'!O1962</f>
        <v>#N/A</v>
      </c>
      <c r="J1960" s="12">
        <f>'申請書（複数入力用）'!P1962</f>
        <v>1</v>
      </c>
    </row>
    <row r="1961" spans="1:10" ht="51.6" customHeight="1" x14ac:dyDescent="0.45">
      <c r="A1961" s="6">
        <f>'申請書（複数入力用）'!A1963</f>
        <v>1957</v>
      </c>
      <c r="B1961" s="13">
        <f>'申請書（複数入力用）'!AH1963</f>
        <v>0</v>
      </c>
      <c r="C1961" s="6">
        <f>'申請書（複数入力用）'!B1963</f>
        <v>0</v>
      </c>
      <c r="D1961" s="6">
        <f>'申請書（複数入力用）'!D1963</f>
        <v>0</v>
      </c>
      <c r="E1961" s="14">
        <f>'申請書（複数入力用）'!H1963</f>
        <v>0</v>
      </c>
      <c r="F1961" s="11" t="str">
        <f>'申請書（複数入力用）'!J1963</f>
        <v/>
      </c>
      <c r="G1961" s="6" t="str">
        <f>'申請書（複数入力用）'!K1963</f>
        <v>a052r000000jS9ZAAU</v>
      </c>
      <c r="H1961" s="12" t="e">
        <f>'申請書（複数入力用）'!N1963</f>
        <v>#N/A</v>
      </c>
      <c r="I1961" s="12" t="e">
        <f>'申請書（複数入力用）'!O1963</f>
        <v>#N/A</v>
      </c>
      <c r="J1961" s="12">
        <f>'申請書（複数入力用）'!P1963</f>
        <v>1</v>
      </c>
    </row>
    <row r="1962" spans="1:10" ht="51.6" customHeight="1" x14ac:dyDescent="0.45">
      <c r="A1962" s="6">
        <f>'申請書（複数入力用）'!A1964</f>
        <v>1958</v>
      </c>
      <c r="B1962" s="13">
        <f>'申請書（複数入力用）'!AH1964</f>
        <v>0</v>
      </c>
      <c r="C1962" s="6">
        <f>'申請書（複数入力用）'!B1964</f>
        <v>0</v>
      </c>
      <c r="D1962" s="6">
        <f>'申請書（複数入力用）'!D1964</f>
        <v>0</v>
      </c>
      <c r="E1962" s="14">
        <f>'申請書（複数入力用）'!H1964</f>
        <v>0</v>
      </c>
      <c r="F1962" s="11" t="str">
        <f>'申請書（複数入力用）'!J1964</f>
        <v/>
      </c>
      <c r="G1962" s="6" t="str">
        <f>'申請書（複数入力用）'!K1964</f>
        <v>a052r000000jS9ZAAU</v>
      </c>
      <c r="H1962" s="12" t="e">
        <f>'申請書（複数入力用）'!N1964</f>
        <v>#N/A</v>
      </c>
      <c r="I1962" s="12" t="e">
        <f>'申請書（複数入力用）'!O1964</f>
        <v>#N/A</v>
      </c>
      <c r="J1962" s="12">
        <f>'申請書（複数入力用）'!P1964</f>
        <v>1</v>
      </c>
    </row>
    <row r="1963" spans="1:10" ht="51.6" customHeight="1" x14ac:dyDescent="0.45">
      <c r="A1963" s="6">
        <f>'申請書（複数入力用）'!A1965</f>
        <v>1959</v>
      </c>
      <c r="B1963" s="13">
        <f>'申請書（複数入力用）'!AH1965</f>
        <v>0</v>
      </c>
      <c r="C1963" s="6">
        <f>'申請書（複数入力用）'!B1965</f>
        <v>0</v>
      </c>
      <c r="D1963" s="6">
        <f>'申請書（複数入力用）'!D1965</f>
        <v>0</v>
      </c>
      <c r="E1963" s="14">
        <f>'申請書（複数入力用）'!H1965</f>
        <v>0</v>
      </c>
      <c r="F1963" s="11" t="str">
        <f>'申請書（複数入力用）'!J1965</f>
        <v/>
      </c>
      <c r="G1963" s="6" t="str">
        <f>'申請書（複数入力用）'!K1965</f>
        <v>a052r000000jS9ZAAU</v>
      </c>
      <c r="H1963" s="12" t="e">
        <f>'申請書（複数入力用）'!N1965</f>
        <v>#N/A</v>
      </c>
      <c r="I1963" s="12" t="e">
        <f>'申請書（複数入力用）'!O1965</f>
        <v>#N/A</v>
      </c>
      <c r="J1963" s="12">
        <f>'申請書（複数入力用）'!P1965</f>
        <v>1</v>
      </c>
    </row>
    <row r="1964" spans="1:10" ht="51.6" customHeight="1" x14ac:dyDescent="0.45">
      <c r="A1964" s="6">
        <f>'申請書（複数入力用）'!A1966</f>
        <v>1960</v>
      </c>
      <c r="B1964" s="13">
        <f>'申請書（複数入力用）'!AH1966</f>
        <v>0</v>
      </c>
      <c r="C1964" s="6">
        <f>'申請書（複数入力用）'!B1966</f>
        <v>0</v>
      </c>
      <c r="D1964" s="6">
        <f>'申請書（複数入力用）'!D1966</f>
        <v>0</v>
      </c>
      <c r="E1964" s="14">
        <f>'申請書（複数入力用）'!H1966</f>
        <v>0</v>
      </c>
      <c r="F1964" s="11" t="str">
        <f>'申請書（複数入力用）'!J1966</f>
        <v/>
      </c>
      <c r="G1964" s="6" t="str">
        <f>'申請書（複数入力用）'!K1966</f>
        <v>a052r000000jS9ZAAU</v>
      </c>
      <c r="H1964" s="12" t="e">
        <f>'申請書（複数入力用）'!N1966</f>
        <v>#N/A</v>
      </c>
      <c r="I1964" s="12" t="e">
        <f>'申請書（複数入力用）'!O1966</f>
        <v>#N/A</v>
      </c>
      <c r="J1964" s="12">
        <f>'申請書（複数入力用）'!P1966</f>
        <v>1</v>
      </c>
    </row>
    <row r="1965" spans="1:10" ht="51.6" customHeight="1" x14ac:dyDescent="0.45">
      <c r="A1965" s="6">
        <f>'申請書（複数入力用）'!A1967</f>
        <v>1961</v>
      </c>
      <c r="B1965" s="13">
        <f>'申請書（複数入力用）'!AH1967</f>
        <v>0</v>
      </c>
      <c r="C1965" s="6">
        <f>'申請書（複数入力用）'!B1967</f>
        <v>0</v>
      </c>
      <c r="D1965" s="6">
        <f>'申請書（複数入力用）'!D1967</f>
        <v>0</v>
      </c>
      <c r="E1965" s="14">
        <f>'申請書（複数入力用）'!H1967</f>
        <v>0</v>
      </c>
      <c r="F1965" s="11" t="str">
        <f>'申請書（複数入力用）'!J1967</f>
        <v/>
      </c>
      <c r="G1965" s="6" t="str">
        <f>'申請書（複数入力用）'!K1967</f>
        <v>a052r000000jS9ZAAU</v>
      </c>
      <c r="H1965" s="12" t="e">
        <f>'申請書（複数入力用）'!N1967</f>
        <v>#N/A</v>
      </c>
      <c r="I1965" s="12" t="e">
        <f>'申請書（複数入力用）'!O1967</f>
        <v>#N/A</v>
      </c>
      <c r="J1965" s="12">
        <f>'申請書（複数入力用）'!P1967</f>
        <v>1</v>
      </c>
    </row>
    <row r="1966" spans="1:10" ht="51.6" customHeight="1" x14ac:dyDescent="0.45">
      <c r="A1966" s="6">
        <f>'申請書（複数入力用）'!A1968</f>
        <v>1962</v>
      </c>
      <c r="B1966" s="13">
        <f>'申請書（複数入力用）'!AH1968</f>
        <v>0</v>
      </c>
      <c r="C1966" s="6">
        <f>'申請書（複数入力用）'!B1968</f>
        <v>0</v>
      </c>
      <c r="D1966" s="6">
        <f>'申請書（複数入力用）'!D1968</f>
        <v>0</v>
      </c>
      <c r="E1966" s="14">
        <f>'申請書（複数入力用）'!H1968</f>
        <v>0</v>
      </c>
      <c r="F1966" s="11" t="str">
        <f>'申請書（複数入力用）'!J1968</f>
        <v/>
      </c>
      <c r="G1966" s="6" t="str">
        <f>'申請書（複数入力用）'!K1968</f>
        <v>a052r000000jS9ZAAU</v>
      </c>
      <c r="H1966" s="12" t="e">
        <f>'申請書（複数入力用）'!N1968</f>
        <v>#N/A</v>
      </c>
      <c r="I1966" s="12" t="e">
        <f>'申請書（複数入力用）'!O1968</f>
        <v>#N/A</v>
      </c>
      <c r="J1966" s="12">
        <f>'申請書（複数入力用）'!P1968</f>
        <v>1</v>
      </c>
    </row>
    <row r="1967" spans="1:10" ht="51.6" customHeight="1" x14ac:dyDescent="0.45">
      <c r="A1967" s="6">
        <f>'申請書（複数入力用）'!A1969</f>
        <v>1963</v>
      </c>
      <c r="B1967" s="13">
        <f>'申請書（複数入力用）'!AH1969</f>
        <v>0</v>
      </c>
      <c r="C1967" s="6">
        <f>'申請書（複数入力用）'!B1969</f>
        <v>0</v>
      </c>
      <c r="D1967" s="6">
        <f>'申請書（複数入力用）'!D1969</f>
        <v>0</v>
      </c>
      <c r="E1967" s="14">
        <f>'申請書（複数入力用）'!H1969</f>
        <v>0</v>
      </c>
      <c r="F1967" s="11" t="str">
        <f>'申請書（複数入力用）'!J1969</f>
        <v/>
      </c>
      <c r="G1967" s="6" t="str">
        <f>'申請書（複数入力用）'!K1969</f>
        <v>a052r000000jS9ZAAU</v>
      </c>
      <c r="H1967" s="12" t="e">
        <f>'申請書（複数入力用）'!N1969</f>
        <v>#N/A</v>
      </c>
      <c r="I1967" s="12" t="e">
        <f>'申請書（複数入力用）'!O1969</f>
        <v>#N/A</v>
      </c>
      <c r="J1967" s="12">
        <f>'申請書（複数入力用）'!P1969</f>
        <v>1</v>
      </c>
    </row>
    <row r="1968" spans="1:10" ht="51.6" customHeight="1" x14ac:dyDescent="0.45">
      <c r="A1968" s="6">
        <f>'申請書（複数入力用）'!A1970</f>
        <v>1964</v>
      </c>
      <c r="B1968" s="13">
        <f>'申請書（複数入力用）'!AH1970</f>
        <v>0</v>
      </c>
      <c r="C1968" s="6">
        <f>'申請書（複数入力用）'!B1970</f>
        <v>0</v>
      </c>
      <c r="D1968" s="6">
        <f>'申請書（複数入力用）'!D1970</f>
        <v>0</v>
      </c>
      <c r="E1968" s="14">
        <f>'申請書（複数入力用）'!H1970</f>
        <v>0</v>
      </c>
      <c r="F1968" s="11" t="str">
        <f>'申請書（複数入力用）'!J1970</f>
        <v/>
      </c>
      <c r="G1968" s="6" t="str">
        <f>'申請書（複数入力用）'!K1970</f>
        <v>a052r000000jS9ZAAU</v>
      </c>
      <c r="H1968" s="12" t="e">
        <f>'申請書（複数入力用）'!N1970</f>
        <v>#N/A</v>
      </c>
      <c r="I1968" s="12" t="e">
        <f>'申請書（複数入力用）'!O1970</f>
        <v>#N/A</v>
      </c>
      <c r="J1968" s="12">
        <f>'申請書（複数入力用）'!P1970</f>
        <v>1</v>
      </c>
    </row>
    <row r="1969" spans="1:10" ht="51.6" customHeight="1" x14ac:dyDescent="0.45">
      <c r="A1969" s="6">
        <f>'申請書（複数入力用）'!A1971</f>
        <v>1965</v>
      </c>
      <c r="B1969" s="13">
        <f>'申請書（複数入力用）'!AH1971</f>
        <v>0</v>
      </c>
      <c r="C1969" s="6">
        <f>'申請書（複数入力用）'!B1971</f>
        <v>0</v>
      </c>
      <c r="D1969" s="6">
        <f>'申請書（複数入力用）'!D1971</f>
        <v>0</v>
      </c>
      <c r="E1969" s="14">
        <f>'申請書（複数入力用）'!H1971</f>
        <v>0</v>
      </c>
      <c r="F1969" s="11" t="str">
        <f>'申請書（複数入力用）'!J1971</f>
        <v/>
      </c>
      <c r="G1969" s="6" t="str">
        <f>'申請書（複数入力用）'!K1971</f>
        <v>a052r000000jS9ZAAU</v>
      </c>
      <c r="H1969" s="12" t="e">
        <f>'申請書（複数入力用）'!N1971</f>
        <v>#N/A</v>
      </c>
      <c r="I1969" s="12" t="e">
        <f>'申請書（複数入力用）'!O1971</f>
        <v>#N/A</v>
      </c>
      <c r="J1969" s="12">
        <f>'申請書（複数入力用）'!P1971</f>
        <v>1</v>
      </c>
    </row>
    <row r="1970" spans="1:10" ht="51.6" customHeight="1" x14ac:dyDescent="0.45">
      <c r="A1970" s="6">
        <f>'申請書（複数入力用）'!A1972</f>
        <v>1966</v>
      </c>
      <c r="B1970" s="13">
        <f>'申請書（複数入力用）'!AH1972</f>
        <v>0</v>
      </c>
      <c r="C1970" s="6">
        <f>'申請書（複数入力用）'!B1972</f>
        <v>0</v>
      </c>
      <c r="D1970" s="6">
        <f>'申請書（複数入力用）'!D1972</f>
        <v>0</v>
      </c>
      <c r="E1970" s="14">
        <f>'申請書（複数入力用）'!H1972</f>
        <v>0</v>
      </c>
      <c r="F1970" s="11" t="str">
        <f>'申請書（複数入力用）'!J1972</f>
        <v/>
      </c>
      <c r="G1970" s="6" t="str">
        <f>'申請書（複数入力用）'!K1972</f>
        <v>a052r000000jS9ZAAU</v>
      </c>
      <c r="H1970" s="12" t="e">
        <f>'申請書（複数入力用）'!N1972</f>
        <v>#N/A</v>
      </c>
      <c r="I1970" s="12" t="e">
        <f>'申請書（複数入力用）'!O1972</f>
        <v>#N/A</v>
      </c>
      <c r="J1970" s="12">
        <f>'申請書（複数入力用）'!P1972</f>
        <v>1</v>
      </c>
    </row>
    <row r="1971" spans="1:10" ht="51.6" customHeight="1" x14ac:dyDescent="0.45">
      <c r="A1971" s="6">
        <f>'申請書（複数入力用）'!A1973</f>
        <v>1967</v>
      </c>
      <c r="B1971" s="13">
        <f>'申請書（複数入力用）'!AH1973</f>
        <v>0</v>
      </c>
      <c r="C1971" s="6">
        <f>'申請書（複数入力用）'!B1973</f>
        <v>0</v>
      </c>
      <c r="D1971" s="6">
        <f>'申請書（複数入力用）'!D1973</f>
        <v>0</v>
      </c>
      <c r="E1971" s="14">
        <f>'申請書（複数入力用）'!H1973</f>
        <v>0</v>
      </c>
      <c r="F1971" s="11" t="str">
        <f>'申請書（複数入力用）'!J1973</f>
        <v/>
      </c>
      <c r="G1971" s="6" t="str">
        <f>'申請書（複数入力用）'!K1973</f>
        <v>a052r000000jS9ZAAU</v>
      </c>
      <c r="H1971" s="12" t="e">
        <f>'申請書（複数入力用）'!N1973</f>
        <v>#N/A</v>
      </c>
      <c r="I1971" s="12" t="e">
        <f>'申請書（複数入力用）'!O1973</f>
        <v>#N/A</v>
      </c>
      <c r="J1971" s="12">
        <f>'申請書（複数入力用）'!P1973</f>
        <v>1</v>
      </c>
    </row>
    <row r="1972" spans="1:10" ht="51.6" customHeight="1" x14ac:dyDescent="0.45">
      <c r="A1972" s="6">
        <f>'申請書（複数入力用）'!A1974</f>
        <v>1968</v>
      </c>
      <c r="B1972" s="13">
        <f>'申請書（複数入力用）'!AH1974</f>
        <v>0</v>
      </c>
      <c r="C1972" s="6">
        <f>'申請書（複数入力用）'!B1974</f>
        <v>0</v>
      </c>
      <c r="D1972" s="6">
        <f>'申請書（複数入力用）'!D1974</f>
        <v>0</v>
      </c>
      <c r="E1972" s="14">
        <f>'申請書（複数入力用）'!H1974</f>
        <v>0</v>
      </c>
      <c r="F1972" s="11" t="str">
        <f>'申請書（複数入力用）'!J1974</f>
        <v/>
      </c>
      <c r="G1972" s="6" t="str">
        <f>'申請書（複数入力用）'!K1974</f>
        <v>a052r000000jS9ZAAU</v>
      </c>
      <c r="H1972" s="12" t="e">
        <f>'申請書（複数入力用）'!N1974</f>
        <v>#N/A</v>
      </c>
      <c r="I1972" s="12" t="e">
        <f>'申請書（複数入力用）'!O1974</f>
        <v>#N/A</v>
      </c>
      <c r="J1972" s="12">
        <f>'申請書（複数入力用）'!P1974</f>
        <v>1</v>
      </c>
    </row>
    <row r="1973" spans="1:10" ht="51.6" customHeight="1" x14ac:dyDescent="0.45">
      <c r="A1973" s="6">
        <f>'申請書（複数入力用）'!A1975</f>
        <v>1969</v>
      </c>
      <c r="B1973" s="13">
        <f>'申請書（複数入力用）'!AH1975</f>
        <v>0</v>
      </c>
      <c r="C1973" s="6">
        <f>'申請書（複数入力用）'!B1975</f>
        <v>0</v>
      </c>
      <c r="D1973" s="6">
        <f>'申請書（複数入力用）'!D1975</f>
        <v>0</v>
      </c>
      <c r="E1973" s="14">
        <f>'申請書（複数入力用）'!H1975</f>
        <v>0</v>
      </c>
      <c r="F1973" s="11" t="str">
        <f>'申請書（複数入力用）'!J1975</f>
        <v/>
      </c>
      <c r="G1973" s="6" t="str">
        <f>'申請書（複数入力用）'!K1975</f>
        <v>a052r000000jS9ZAAU</v>
      </c>
      <c r="H1973" s="12" t="e">
        <f>'申請書（複数入力用）'!N1975</f>
        <v>#N/A</v>
      </c>
      <c r="I1973" s="12" t="e">
        <f>'申請書（複数入力用）'!O1975</f>
        <v>#N/A</v>
      </c>
      <c r="J1973" s="12">
        <f>'申請書（複数入力用）'!P1975</f>
        <v>1</v>
      </c>
    </row>
    <row r="1974" spans="1:10" ht="51.6" customHeight="1" x14ac:dyDescent="0.45">
      <c r="A1974" s="6">
        <f>'申請書（複数入力用）'!A1976</f>
        <v>1970</v>
      </c>
      <c r="B1974" s="13">
        <f>'申請書（複数入力用）'!AH1976</f>
        <v>0</v>
      </c>
      <c r="C1974" s="6">
        <f>'申請書（複数入力用）'!B1976</f>
        <v>0</v>
      </c>
      <c r="D1974" s="6">
        <f>'申請書（複数入力用）'!D1976</f>
        <v>0</v>
      </c>
      <c r="E1974" s="14">
        <f>'申請書（複数入力用）'!H1976</f>
        <v>0</v>
      </c>
      <c r="F1974" s="11" t="str">
        <f>'申請書（複数入力用）'!J1976</f>
        <v/>
      </c>
      <c r="G1974" s="6" t="str">
        <f>'申請書（複数入力用）'!K1976</f>
        <v>a052r000000jS9ZAAU</v>
      </c>
      <c r="H1974" s="12" t="e">
        <f>'申請書（複数入力用）'!N1976</f>
        <v>#N/A</v>
      </c>
      <c r="I1974" s="12" t="e">
        <f>'申請書（複数入力用）'!O1976</f>
        <v>#N/A</v>
      </c>
      <c r="J1974" s="12">
        <f>'申請書（複数入力用）'!P1976</f>
        <v>1</v>
      </c>
    </row>
    <row r="1975" spans="1:10" ht="51.6" customHeight="1" x14ac:dyDescent="0.45">
      <c r="A1975" s="6">
        <f>'申請書（複数入力用）'!A1977</f>
        <v>1971</v>
      </c>
      <c r="B1975" s="13">
        <f>'申請書（複数入力用）'!AH1977</f>
        <v>0</v>
      </c>
      <c r="C1975" s="6">
        <f>'申請書（複数入力用）'!B1977</f>
        <v>0</v>
      </c>
      <c r="D1975" s="6">
        <f>'申請書（複数入力用）'!D1977</f>
        <v>0</v>
      </c>
      <c r="E1975" s="14">
        <f>'申請書（複数入力用）'!H1977</f>
        <v>0</v>
      </c>
      <c r="F1975" s="11" t="str">
        <f>'申請書（複数入力用）'!J1977</f>
        <v/>
      </c>
      <c r="G1975" s="6" t="str">
        <f>'申請書（複数入力用）'!K1977</f>
        <v>a052r000000jS9ZAAU</v>
      </c>
      <c r="H1975" s="12" t="e">
        <f>'申請書（複数入力用）'!N1977</f>
        <v>#N/A</v>
      </c>
      <c r="I1975" s="12" t="e">
        <f>'申請書（複数入力用）'!O1977</f>
        <v>#N/A</v>
      </c>
      <c r="J1975" s="12">
        <f>'申請書（複数入力用）'!P1977</f>
        <v>1</v>
      </c>
    </row>
    <row r="1976" spans="1:10" ht="51.6" customHeight="1" x14ac:dyDescent="0.45">
      <c r="A1976" s="6">
        <f>'申請書（複数入力用）'!A1978</f>
        <v>1972</v>
      </c>
      <c r="B1976" s="13">
        <f>'申請書（複数入力用）'!AH1978</f>
        <v>0</v>
      </c>
      <c r="C1976" s="6">
        <f>'申請書（複数入力用）'!B1978</f>
        <v>0</v>
      </c>
      <c r="D1976" s="6">
        <f>'申請書（複数入力用）'!D1978</f>
        <v>0</v>
      </c>
      <c r="E1976" s="14">
        <f>'申請書（複数入力用）'!H1978</f>
        <v>0</v>
      </c>
      <c r="F1976" s="11" t="str">
        <f>'申請書（複数入力用）'!J1978</f>
        <v/>
      </c>
      <c r="G1976" s="6" t="str">
        <f>'申請書（複数入力用）'!K1978</f>
        <v>a052r000000jS9ZAAU</v>
      </c>
      <c r="H1976" s="12" t="e">
        <f>'申請書（複数入力用）'!N1978</f>
        <v>#N/A</v>
      </c>
      <c r="I1976" s="12" t="e">
        <f>'申請書（複数入力用）'!O1978</f>
        <v>#N/A</v>
      </c>
      <c r="J1976" s="12">
        <f>'申請書（複数入力用）'!P1978</f>
        <v>1</v>
      </c>
    </row>
    <row r="1977" spans="1:10" ht="51.6" customHeight="1" x14ac:dyDescent="0.45">
      <c r="A1977" s="6">
        <f>'申請書（複数入力用）'!A1979</f>
        <v>1973</v>
      </c>
      <c r="B1977" s="13">
        <f>'申請書（複数入力用）'!AH1979</f>
        <v>0</v>
      </c>
      <c r="C1977" s="6">
        <f>'申請書（複数入力用）'!B1979</f>
        <v>0</v>
      </c>
      <c r="D1977" s="6">
        <f>'申請書（複数入力用）'!D1979</f>
        <v>0</v>
      </c>
      <c r="E1977" s="14">
        <f>'申請書（複数入力用）'!H1979</f>
        <v>0</v>
      </c>
      <c r="F1977" s="11" t="str">
        <f>'申請書（複数入力用）'!J1979</f>
        <v/>
      </c>
      <c r="G1977" s="6" t="str">
        <f>'申請書（複数入力用）'!K1979</f>
        <v>a052r000000jS9ZAAU</v>
      </c>
      <c r="H1977" s="12" t="e">
        <f>'申請書（複数入力用）'!N1979</f>
        <v>#N/A</v>
      </c>
      <c r="I1977" s="12" t="e">
        <f>'申請書（複数入力用）'!O1979</f>
        <v>#N/A</v>
      </c>
      <c r="J1977" s="12">
        <f>'申請書（複数入力用）'!P1979</f>
        <v>1</v>
      </c>
    </row>
    <row r="1978" spans="1:10" ht="51.6" customHeight="1" x14ac:dyDescent="0.45">
      <c r="A1978" s="6">
        <f>'申請書（複数入力用）'!A1980</f>
        <v>1974</v>
      </c>
      <c r="B1978" s="13">
        <f>'申請書（複数入力用）'!AH1980</f>
        <v>0</v>
      </c>
      <c r="C1978" s="6">
        <f>'申請書（複数入力用）'!B1980</f>
        <v>0</v>
      </c>
      <c r="D1978" s="6">
        <f>'申請書（複数入力用）'!D1980</f>
        <v>0</v>
      </c>
      <c r="E1978" s="14">
        <f>'申請書（複数入力用）'!H1980</f>
        <v>0</v>
      </c>
      <c r="F1978" s="11" t="str">
        <f>'申請書（複数入力用）'!J1980</f>
        <v/>
      </c>
      <c r="G1978" s="6" t="str">
        <f>'申請書（複数入力用）'!K1980</f>
        <v>a052r000000jS9ZAAU</v>
      </c>
      <c r="H1978" s="12" t="e">
        <f>'申請書（複数入力用）'!N1980</f>
        <v>#N/A</v>
      </c>
      <c r="I1978" s="12" t="e">
        <f>'申請書（複数入力用）'!O1980</f>
        <v>#N/A</v>
      </c>
      <c r="J1978" s="12">
        <f>'申請書（複数入力用）'!P1980</f>
        <v>1</v>
      </c>
    </row>
    <row r="1979" spans="1:10" ht="51.6" customHeight="1" x14ac:dyDescent="0.45">
      <c r="A1979" s="6">
        <f>'申請書（複数入力用）'!A1981</f>
        <v>1975</v>
      </c>
      <c r="B1979" s="13">
        <f>'申請書（複数入力用）'!AH1981</f>
        <v>0</v>
      </c>
      <c r="C1979" s="6">
        <f>'申請書（複数入力用）'!B1981</f>
        <v>0</v>
      </c>
      <c r="D1979" s="6">
        <f>'申請書（複数入力用）'!D1981</f>
        <v>0</v>
      </c>
      <c r="E1979" s="14">
        <f>'申請書（複数入力用）'!H1981</f>
        <v>0</v>
      </c>
      <c r="F1979" s="11" t="str">
        <f>'申請書（複数入力用）'!J1981</f>
        <v/>
      </c>
      <c r="G1979" s="6" t="str">
        <f>'申請書（複数入力用）'!K1981</f>
        <v>a052r000000jS9ZAAU</v>
      </c>
      <c r="H1979" s="12" t="e">
        <f>'申請書（複数入力用）'!N1981</f>
        <v>#N/A</v>
      </c>
      <c r="I1979" s="12" t="e">
        <f>'申請書（複数入力用）'!O1981</f>
        <v>#N/A</v>
      </c>
      <c r="J1979" s="12">
        <f>'申請書（複数入力用）'!P1981</f>
        <v>1</v>
      </c>
    </row>
    <row r="1980" spans="1:10" ht="51.6" customHeight="1" x14ac:dyDescent="0.45">
      <c r="A1980" s="6">
        <f>'申請書（複数入力用）'!A1982</f>
        <v>1976</v>
      </c>
      <c r="B1980" s="13">
        <f>'申請書（複数入力用）'!AH1982</f>
        <v>0</v>
      </c>
      <c r="C1980" s="6">
        <f>'申請書（複数入力用）'!B1982</f>
        <v>0</v>
      </c>
      <c r="D1980" s="6">
        <f>'申請書（複数入力用）'!D1982</f>
        <v>0</v>
      </c>
      <c r="E1980" s="14">
        <f>'申請書（複数入力用）'!H1982</f>
        <v>0</v>
      </c>
      <c r="F1980" s="11" t="str">
        <f>'申請書（複数入力用）'!J1982</f>
        <v/>
      </c>
      <c r="G1980" s="6" t="str">
        <f>'申請書（複数入力用）'!K1982</f>
        <v>a052r000000jS9ZAAU</v>
      </c>
      <c r="H1980" s="12" t="e">
        <f>'申請書（複数入力用）'!N1982</f>
        <v>#N/A</v>
      </c>
      <c r="I1980" s="12" t="e">
        <f>'申請書（複数入力用）'!O1982</f>
        <v>#N/A</v>
      </c>
      <c r="J1980" s="12">
        <f>'申請書（複数入力用）'!P1982</f>
        <v>1</v>
      </c>
    </row>
    <row r="1981" spans="1:10" ht="51.6" customHeight="1" x14ac:dyDescent="0.45">
      <c r="A1981" s="6">
        <f>'申請書（複数入力用）'!A1983</f>
        <v>1977</v>
      </c>
      <c r="B1981" s="13">
        <f>'申請書（複数入力用）'!AH1983</f>
        <v>0</v>
      </c>
      <c r="C1981" s="6">
        <f>'申請書（複数入力用）'!B1983</f>
        <v>0</v>
      </c>
      <c r="D1981" s="6">
        <f>'申請書（複数入力用）'!D1983</f>
        <v>0</v>
      </c>
      <c r="E1981" s="14">
        <f>'申請書（複数入力用）'!H1983</f>
        <v>0</v>
      </c>
      <c r="F1981" s="11" t="str">
        <f>'申請書（複数入力用）'!J1983</f>
        <v/>
      </c>
      <c r="G1981" s="6" t="str">
        <f>'申請書（複数入力用）'!K1983</f>
        <v>a052r000000jS9ZAAU</v>
      </c>
      <c r="H1981" s="12" t="e">
        <f>'申請書（複数入力用）'!N1983</f>
        <v>#N/A</v>
      </c>
      <c r="I1981" s="12" t="e">
        <f>'申請書（複数入力用）'!O1983</f>
        <v>#N/A</v>
      </c>
      <c r="J1981" s="12">
        <f>'申請書（複数入力用）'!P1983</f>
        <v>1</v>
      </c>
    </row>
    <row r="1982" spans="1:10" ht="51.6" customHeight="1" x14ac:dyDescent="0.45">
      <c r="A1982" s="6">
        <f>'申請書（複数入力用）'!A1984</f>
        <v>1978</v>
      </c>
      <c r="B1982" s="13">
        <f>'申請書（複数入力用）'!AH1984</f>
        <v>0</v>
      </c>
      <c r="C1982" s="6">
        <f>'申請書（複数入力用）'!B1984</f>
        <v>0</v>
      </c>
      <c r="D1982" s="6">
        <f>'申請書（複数入力用）'!D1984</f>
        <v>0</v>
      </c>
      <c r="E1982" s="14">
        <f>'申請書（複数入力用）'!H1984</f>
        <v>0</v>
      </c>
      <c r="F1982" s="11" t="str">
        <f>'申請書（複数入力用）'!J1984</f>
        <v/>
      </c>
      <c r="G1982" s="6" t="str">
        <f>'申請書（複数入力用）'!K1984</f>
        <v>a052r000000jS9ZAAU</v>
      </c>
      <c r="H1982" s="12" t="e">
        <f>'申請書（複数入力用）'!N1984</f>
        <v>#N/A</v>
      </c>
      <c r="I1982" s="12" t="e">
        <f>'申請書（複数入力用）'!O1984</f>
        <v>#N/A</v>
      </c>
      <c r="J1982" s="12">
        <f>'申請書（複数入力用）'!P1984</f>
        <v>1</v>
      </c>
    </row>
    <row r="1983" spans="1:10" ht="51.6" customHeight="1" x14ac:dyDescent="0.45">
      <c r="A1983" s="6">
        <f>'申請書（複数入力用）'!A1985</f>
        <v>1979</v>
      </c>
      <c r="B1983" s="13">
        <f>'申請書（複数入力用）'!AH1985</f>
        <v>0</v>
      </c>
      <c r="C1983" s="6">
        <f>'申請書（複数入力用）'!B1985</f>
        <v>0</v>
      </c>
      <c r="D1983" s="6">
        <f>'申請書（複数入力用）'!D1985</f>
        <v>0</v>
      </c>
      <c r="E1983" s="14">
        <f>'申請書（複数入力用）'!H1985</f>
        <v>0</v>
      </c>
      <c r="F1983" s="11" t="str">
        <f>'申請書（複数入力用）'!J1985</f>
        <v/>
      </c>
      <c r="G1983" s="6" t="str">
        <f>'申請書（複数入力用）'!K1985</f>
        <v>a052r000000jS9ZAAU</v>
      </c>
      <c r="H1983" s="12" t="e">
        <f>'申請書（複数入力用）'!N1985</f>
        <v>#N/A</v>
      </c>
      <c r="I1983" s="12" t="e">
        <f>'申請書（複数入力用）'!O1985</f>
        <v>#N/A</v>
      </c>
      <c r="J1983" s="12">
        <f>'申請書（複数入力用）'!P1985</f>
        <v>1</v>
      </c>
    </row>
    <row r="1984" spans="1:10" ht="51.6" customHeight="1" x14ac:dyDescent="0.45">
      <c r="A1984" s="6">
        <f>'申請書（複数入力用）'!A1986</f>
        <v>1980</v>
      </c>
      <c r="B1984" s="13">
        <f>'申請書（複数入力用）'!AH1986</f>
        <v>0</v>
      </c>
      <c r="C1984" s="6">
        <f>'申請書（複数入力用）'!B1986</f>
        <v>0</v>
      </c>
      <c r="D1984" s="6">
        <f>'申請書（複数入力用）'!D1986</f>
        <v>0</v>
      </c>
      <c r="E1984" s="14">
        <f>'申請書（複数入力用）'!H1986</f>
        <v>0</v>
      </c>
      <c r="F1984" s="11" t="str">
        <f>'申請書（複数入力用）'!J1986</f>
        <v/>
      </c>
      <c r="G1984" s="6" t="str">
        <f>'申請書（複数入力用）'!K1986</f>
        <v>a052r000000jS9ZAAU</v>
      </c>
      <c r="H1984" s="12" t="e">
        <f>'申請書（複数入力用）'!N1986</f>
        <v>#N/A</v>
      </c>
      <c r="I1984" s="12" t="e">
        <f>'申請書（複数入力用）'!O1986</f>
        <v>#N/A</v>
      </c>
      <c r="J1984" s="12">
        <f>'申請書（複数入力用）'!P1986</f>
        <v>1</v>
      </c>
    </row>
    <row r="1985" spans="1:10" ht="51.6" customHeight="1" x14ac:dyDescent="0.45">
      <c r="A1985" s="6">
        <f>'申請書（複数入力用）'!A1987</f>
        <v>1981</v>
      </c>
      <c r="B1985" s="13">
        <f>'申請書（複数入力用）'!AH1987</f>
        <v>0</v>
      </c>
      <c r="C1985" s="6">
        <f>'申請書（複数入力用）'!B1987</f>
        <v>0</v>
      </c>
      <c r="D1985" s="6">
        <f>'申請書（複数入力用）'!D1987</f>
        <v>0</v>
      </c>
      <c r="E1985" s="14">
        <f>'申請書（複数入力用）'!H1987</f>
        <v>0</v>
      </c>
      <c r="F1985" s="11" t="str">
        <f>'申請書（複数入力用）'!J1987</f>
        <v/>
      </c>
      <c r="G1985" s="6" t="str">
        <f>'申請書（複数入力用）'!K1987</f>
        <v>a052r000000jS9ZAAU</v>
      </c>
      <c r="H1985" s="12" t="e">
        <f>'申請書（複数入力用）'!N1987</f>
        <v>#N/A</v>
      </c>
      <c r="I1985" s="12" t="e">
        <f>'申請書（複数入力用）'!O1987</f>
        <v>#N/A</v>
      </c>
      <c r="J1985" s="12">
        <f>'申請書（複数入力用）'!P1987</f>
        <v>1</v>
      </c>
    </row>
    <row r="1986" spans="1:10" ht="51.6" customHeight="1" x14ac:dyDescent="0.45">
      <c r="A1986" s="6">
        <f>'申請書（複数入力用）'!A1988</f>
        <v>1982</v>
      </c>
      <c r="B1986" s="13">
        <f>'申請書（複数入力用）'!AH1988</f>
        <v>0</v>
      </c>
      <c r="C1986" s="6">
        <f>'申請書（複数入力用）'!B1988</f>
        <v>0</v>
      </c>
      <c r="D1986" s="6">
        <f>'申請書（複数入力用）'!D1988</f>
        <v>0</v>
      </c>
      <c r="E1986" s="14">
        <f>'申請書（複数入力用）'!H1988</f>
        <v>0</v>
      </c>
      <c r="F1986" s="11" t="str">
        <f>'申請書（複数入力用）'!J1988</f>
        <v/>
      </c>
      <c r="G1986" s="6" t="str">
        <f>'申請書（複数入力用）'!K1988</f>
        <v>a052r000000jS9ZAAU</v>
      </c>
      <c r="H1986" s="12" t="e">
        <f>'申請書（複数入力用）'!N1988</f>
        <v>#N/A</v>
      </c>
      <c r="I1986" s="12" t="e">
        <f>'申請書（複数入力用）'!O1988</f>
        <v>#N/A</v>
      </c>
      <c r="J1986" s="12">
        <f>'申請書（複数入力用）'!P1988</f>
        <v>1</v>
      </c>
    </row>
    <row r="1987" spans="1:10" ht="51.6" customHeight="1" x14ac:dyDescent="0.45">
      <c r="A1987" s="6">
        <f>'申請書（複数入力用）'!A1989</f>
        <v>1983</v>
      </c>
      <c r="B1987" s="13">
        <f>'申請書（複数入力用）'!AH1989</f>
        <v>0</v>
      </c>
      <c r="C1987" s="6">
        <f>'申請書（複数入力用）'!B1989</f>
        <v>0</v>
      </c>
      <c r="D1987" s="6">
        <f>'申請書（複数入力用）'!D1989</f>
        <v>0</v>
      </c>
      <c r="E1987" s="14">
        <f>'申請書（複数入力用）'!H1989</f>
        <v>0</v>
      </c>
      <c r="F1987" s="11" t="str">
        <f>'申請書（複数入力用）'!J1989</f>
        <v/>
      </c>
      <c r="G1987" s="6" t="str">
        <f>'申請書（複数入力用）'!K1989</f>
        <v>a052r000000jS9ZAAU</v>
      </c>
      <c r="H1987" s="12" t="e">
        <f>'申請書（複数入力用）'!N1989</f>
        <v>#N/A</v>
      </c>
      <c r="I1987" s="12" t="e">
        <f>'申請書（複数入力用）'!O1989</f>
        <v>#N/A</v>
      </c>
      <c r="J1987" s="12">
        <f>'申請書（複数入力用）'!P1989</f>
        <v>1</v>
      </c>
    </row>
    <row r="1988" spans="1:10" ht="51.6" customHeight="1" x14ac:dyDescent="0.45">
      <c r="A1988" s="6">
        <f>'申請書（複数入力用）'!A1990</f>
        <v>1984</v>
      </c>
      <c r="B1988" s="13">
        <f>'申請書（複数入力用）'!AH1990</f>
        <v>0</v>
      </c>
      <c r="C1988" s="6">
        <f>'申請書（複数入力用）'!B1990</f>
        <v>0</v>
      </c>
      <c r="D1988" s="6">
        <f>'申請書（複数入力用）'!D1990</f>
        <v>0</v>
      </c>
      <c r="E1988" s="14">
        <f>'申請書（複数入力用）'!H1990</f>
        <v>0</v>
      </c>
      <c r="F1988" s="11" t="str">
        <f>'申請書（複数入力用）'!J1990</f>
        <v/>
      </c>
      <c r="G1988" s="6" t="str">
        <f>'申請書（複数入力用）'!K1990</f>
        <v>a052r000000jS9ZAAU</v>
      </c>
      <c r="H1988" s="12" t="e">
        <f>'申請書（複数入力用）'!N1990</f>
        <v>#N/A</v>
      </c>
      <c r="I1988" s="12" t="e">
        <f>'申請書（複数入力用）'!O1990</f>
        <v>#N/A</v>
      </c>
      <c r="J1988" s="12">
        <f>'申請書（複数入力用）'!P1990</f>
        <v>1</v>
      </c>
    </row>
    <row r="1989" spans="1:10" ht="51.6" customHeight="1" x14ac:dyDescent="0.45">
      <c r="A1989" s="6">
        <f>'申請書（複数入力用）'!A1991</f>
        <v>1985</v>
      </c>
      <c r="B1989" s="13">
        <f>'申請書（複数入力用）'!AH1991</f>
        <v>0</v>
      </c>
      <c r="C1989" s="6">
        <f>'申請書（複数入力用）'!B1991</f>
        <v>0</v>
      </c>
      <c r="D1989" s="6">
        <f>'申請書（複数入力用）'!D1991</f>
        <v>0</v>
      </c>
      <c r="E1989" s="14">
        <f>'申請書（複数入力用）'!H1991</f>
        <v>0</v>
      </c>
      <c r="F1989" s="11" t="str">
        <f>'申請書（複数入力用）'!J1991</f>
        <v/>
      </c>
      <c r="G1989" s="6" t="str">
        <f>'申請書（複数入力用）'!K1991</f>
        <v>a052r000000jS9ZAAU</v>
      </c>
      <c r="H1989" s="12" t="e">
        <f>'申請書（複数入力用）'!N1991</f>
        <v>#N/A</v>
      </c>
      <c r="I1989" s="12" t="e">
        <f>'申請書（複数入力用）'!O1991</f>
        <v>#N/A</v>
      </c>
      <c r="J1989" s="12">
        <f>'申請書（複数入力用）'!P1991</f>
        <v>1</v>
      </c>
    </row>
    <row r="1990" spans="1:10" ht="51.6" customHeight="1" x14ac:dyDescent="0.45">
      <c r="A1990" s="6">
        <f>'申請書（複数入力用）'!A1992</f>
        <v>1986</v>
      </c>
      <c r="B1990" s="13">
        <f>'申請書（複数入力用）'!AH1992</f>
        <v>0</v>
      </c>
      <c r="C1990" s="6">
        <f>'申請書（複数入力用）'!B1992</f>
        <v>0</v>
      </c>
      <c r="D1990" s="6">
        <f>'申請書（複数入力用）'!D1992</f>
        <v>0</v>
      </c>
      <c r="E1990" s="14">
        <f>'申請書（複数入力用）'!H1992</f>
        <v>0</v>
      </c>
      <c r="F1990" s="11" t="str">
        <f>'申請書（複数入力用）'!J1992</f>
        <v/>
      </c>
      <c r="G1990" s="6" t="str">
        <f>'申請書（複数入力用）'!K1992</f>
        <v>a052r000000jS9ZAAU</v>
      </c>
      <c r="H1990" s="12" t="e">
        <f>'申請書（複数入力用）'!N1992</f>
        <v>#N/A</v>
      </c>
      <c r="I1990" s="12" t="e">
        <f>'申請書（複数入力用）'!O1992</f>
        <v>#N/A</v>
      </c>
      <c r="J1990" s="12">
        <f>'申請書（複数入力用）'!P1992</f>
        <v>1</v>
      </c>
    </row>
    <row r="1991" spans="1:10" ht="51.6" customHeight="1" x14ac:dyDescent="0.45">
      <c r="A1991" s="6">
        <f>'申請書（複数入力用）'!A1993</f>
        <v>1987</v>
      </c>
      <c r="B1991" s="13">
        <f>'申請書（複数入力用）'!AH1993</f>
        <v>0</v>
      </c>
      <c r="C1991" s="6">
        <f>'申請書（複数入力用）'!B1993</f>
        <v>0</v>
      </c>
      <c r="D1991" s="6">
        <f>'申請書（複数入力用）'!D1993</f>
        <v>0</v>
      </c>
      <c r="E1991" s="14">
        <f>'申請書（複数入力用）'!H1993</f>
        <v>0</v>
      </c>
      <c r="F1991" s="11" t="str">
        <f>'申請書（複数入力用）'!J1993</f>
        <v/>
      </c>
      <c r="G1991" s="6" t="str">
        <f>'申請書（複数入力用）'!K1993</f>
        <v>a052r000000jS9ZAAU</v>
      </c>
      <c r="H1991" s="12" t="e">
        <f>'申請書（複数入力用）'!N1993</f>
        <v>#N/A</v>
      </c>
      <c r="I1991" s="12" t="e">
        <f>'申請書（複数入力用）'!O1993</f>
        <v>#N/A</v>
      </c>
      <c r="J1991" s="12">
        <f>'申請書（複数入力用）'!P1993</f>
        <v>1</v>
      </c>
    </row>
    <row r="1992" spans="1:10" ht="51.6" customHeight="1" x14ac:dyDescent="0.45">
      <c r="A1992" s="6">
        <f>'申請書（複数入力用）'!A1994</f>
        <v>1988</v>
      </c>
      <c r="B1992" s="13">
        <f>'申請書（複数入力用）'!AH1994</f>
        <v>0</v>
      </c>
      <c r="C1992" s="6">
        <f>'申請書（複数入力用）'!B1994</f>
        <v>0</v>
      </c>
      <c r="D1992" s="6">
        <f>'申請書（複数入力用）'!D1994</f>
        <v>0</v>
      </c>
      <c r="E1992" s="14">
        <f>'申請書（複数入力用）'!H1994</f>
        <v>0</v>
      </c>
      <c r="F1992" s="11" t="str">
        <f>'申請書（複数入力用）'!J1994</f>
        <v/>
      </c>
      <c r="G1992" s="6" t="str">
        <f>'申請書（複数入力用）'!K1994</f>
        <v>a052r000000jS9ZAAU</v>
      </c>
      <c r="H1992" s="12" t="e">
        <f>'申請書（複数入力用）'!N1994</f>
        <v>#N/A</v>
      </c>
      <c r="I1992" s="12" t="e">
        <f>'申請書（複数入力用）'!O1994</f>
        <v>#N/A</v>
      </c>
      <c r="J1992" s="12">
        <f>'申請書（複数入力用）'!P1994</f>
        <v>1</v>
      </c>
    </row>
    <row r="1993" spans="1:10" ht="51.6" customHeight="1" x14ac:dyDescent="0.45">
      <c r="A1993" s="6">
        <f>'申請書（複数入力用）'!A1995</f>
        <v>1989</v>
      </c>
      <c r="B1993" s="13">
        <f>'申請書（複数入力用）'!AH1995</f>
        <v>0</v>
      </c>
      <c r="C1993" s="6">
        <f>'申請書（複数入力用）'!B1995</f>
        <v>0</v>
      </c>
      <c r="D1993" s="6">
        <f>'申請書（複数入力用）'!D1995</f>
        <v>0</v>
      </c>
      <c r="E1993" s="14">
        <f>'申請書（複数入力用）'!H1995</f>
        <v>0</v>
      </c>
      <c r="F1993" s="11" t="str">
        <f>'申請書（複数入力用）'!J1995</f>
        <v/>
      </c>
      <c r="G1993" s="6" t="str">
        <f>'申請書（複数入力用）'!K1995</f>
        <v>a052r000000jS9ZAAU</v>
      </c>
      <c r="H1993" s="12" t="e">
        <f>'申請書（複数入力用）'!N1995</f>
        <v>#N/A</v>
      </c>
      <c r="I1993" s="12" t="e">
        <f>'申請書（複数入力用）'!O1995</f>
        <v>#N/A</v>
      </c>
      <c r="J1993" s="12">
        <f>'申請書（複数入力用）'!P1995</f>
        <v>1</v>
      </c>
    </row>
    <row r="1994" spans="1:10" ht="51.6" customHeight="1" x14ac:dyDescent="0.45">
      <c r="A1994" s="6">
        <f>'申請書（複数入力用）'!A1996</f>
        <v>1990</v>
      </c>
      <c r="B1994" s="13">
        <f>'申請書（複数入力用）'!AH1996</f>
        <v>0</v>
      </c>
      <c r="C1994" s="6">
        <f>'申請書（複数入力用）'!B1996</f>
        <v>0</v>
      </c>
      <c r="D1994" s="6">
        <f>'申請書（複数入力用）'!D1996</f>
        <v>0</v>
      </c>
      <c r="E1994" s="14">
        <f>'申請書（複数入力用）'!H1996</f>
        <v>0</v>
      </c>
      <c r="F1994" s="11" t="str">
        <f>'申請書（複数入力用）'!J1996</f>
        <v/>
      </c>
      <c r="G1994" s="6" t="str">
        <f>'申請書（複数入力用）'!K1996</f>
        <v>a052r000000jS9ZAAU</v>
      </c>
      <c r="H1994" s="12" t="e">
        <f>'申請書（複数入力用）'!N1996</f>
        <v>#N/A</v>
      </c>
      <c r="I1994" s="12" t="e">
        <f>'申請書（複数入力用）'!O1996</f>
        <v>#N/A</v>
      </c>
      <c r="J1994" s="12">
        <f>'申請書（複数入力用）'!P1996</f>
        <v>1</v>
      </c>
    </row>
    <row r="1995" spans="1:10" ht="51.6" customHeight="1" x14ac:dyDescent="0.45">
      <c r="A1995" s="6">
        <f>'申請書（複数入力用）'!A1997</f>
        <v>1991</v>
      </c>
      <c r="B1995" s="13">
        <f>'申請書（複数入力用）'!AH1997</f>
        <v>0</v>
      </c>
      <c r="C1995" s="6">
        <f>'申請書（複数入力用）'!B1997</f>
        <v>0</v>
      </c>
      <c r="D1995" s="6">
        <f>'申請書（複数入力用）'!D1997</f>
        <v>0</v>
      </c>
      <c r="E1995" s="14">
        <f>'申請書（複数入力用）'!H1997</f>
        <v>0</v>
      </c>
      <c r="F1995" s="11" t="str">
        <f>'申請書（複数入力用）'!J1997</f>
        <v/>
      </c>
      <c r="G1995" s="6" t="str">
        <f>'申請書（複数入力用）'!K1997</f>
        <v>a052r000000jS9ZAAU</v>
      </c>
      <c r="H1995" s="12" t="e">
        <f>'申請書（複数入力用）'!N1997</f>
        <v>#N/A</v>
      </c>
      <c r="I1995" s="12" t="e">
        <f>'申請書（複数入力用）'!O1997</f>
        <v>#N/A</v>
      </c>
      <c r="J1995" s="12">
        <f>'申請書（複数入力用）'!P1997</f>
        <v>1</v>
      </c>
    </row>
    <row r="1996" spans="1:10" ht="51.6" customHeight="1" x14ac:dyDescent="0.45">
      <c r="A1996" s="6">
        <f>'申請書（複数入力用）'!A1998</f>
        <v>1992</v>
      </c>
      <c r="B1996" s="13">
        <f>'申請書（複数入力用）'!AH1998</f>
        <v>0</v>
      </c>
      <c r="C1996" s="6">
        <f>'申請書（複数入力用）'!B1998</f>
        <v>0</v>
      </c>
      <c r="D1996" s="6">
        <f>'申請書（複数入力用）'!D1998</f>
        <v>0</v>
      </c>
      <c r="E1996" s="14">
        <f>'申請書（複数入力用）'!H1998</f>
        <v>0</v>
      </c>
      <c r="F1996" s="11" t="str">
        <f>'申請書（複数入力用）'!J1998</f>
        <v/>
      </c>
      <c r="G1996" s="6" t="str">
        <f>'申請書（複数入力用）'!K1998</f>
        <v>a052r000000jS9ZAAU</v>
      </c>
      <c r="H1996" s="12" t="e">
        <f>'申請書（複数入力用）'!N1998</f>
        <v>#N/A</v>
      </c>
      <c r="I1996" s="12" t="e">
        <f>'申請書（複数入力用）'!O1998</f>
        <v>#N/A</v>
      </c>
      <c r="J1996" s="12">
        <f>'申請書（複数入力用）'!P1998</f>
        <v>1</v>
      </c>
    </row>
    <row r="1997" spans="1:10" ht="51.6" customHeight="1" x14ac:dyDescent="0.45">
      <c r="A1997" s="6">
        <f>'申請書（複数入力用）'!A1999</f>
        <v>1993</v>
      </c>
      <c r="B1997" s="13">
        <f>'申請書（複数入力用）'!AH1999</f>
        <v>0</v>
      </c>
      <c r="C1997" s="6">
        <f>'申請書（複数入力用）'!B1999</f>
        <v>0</v>
      </c>
      <c r="D1997" s="6">
        <f>'申請書（複数入力用）'!D1999</f>
        <v>0</v>
      </c>
      <c r="E1997" s="14">
        <f>'申請書（複数入力用）'!H1999</f>
        <v>0</v>
      </c>
      <c r="F1997" s="11" t="str">
        <f>'申請書（複数入力用）'!J1999</f>
        <v/>
      </c>
      <c r="G1997" s="6" t="str">
        <f>'申請書（複数入力用）'!K1999</f>
        <v>a052r000000jS9ZAAU</v>
      </c>
      <c r="H1997" s="12" t="e">
        <f>'申請書（複数入力用）'!N1999</f>
        <v>#N/A</v>
      </c>
      <c r="I1997" s="12" t="e">
        <f>'申請書（複数入力用）'!O1999</f>
        <v>#N/A</v>
      </c>
      <c r="J1997" s="12">
        <f>'申請書（複数入力用）'!P1999</f>
        <v>1</v>
      </c>
    </row>
    <row r="1998" spans="1:10" ht="51.6" customHeight="1" x14ac:dyDescent="0.45">
      <c r="A1998" s="6">
        <f>'申請書（複数入力用）'!A2000</f>
        <v>1994</v>
      </c>
      <c r="B1998" s="13">
        <f>'申請書（複数入力用）'!AH2000</f>
        <v>0</v>
      </c>
      <c r="C1998" s="6">
        <f>'申請書（複数入力用）'!B2000</f>
        <v>0</v>
      </c>
      <c r="D1998" s="6">
        <f>'申請書（複数入力用）'!D2000</f>
        <v>0</v>
      </c>
      <c r="E1998" s="14">
        <f>'申請書（複数入力用）'!H2000</f>
        <v>0</v>
      </c>
      <c r="F1998" s="11" t="str">
        <f>'申請書（複数入力用）'!J2000</f>
        <v/>
      </c>
      <c r="G1998" s="6" t="str">
        <f>'申請書（複数入力用）'!K2000</f>
        <v>a052r000000jS9ZAAU</v>
      </c>
      <c r="H1998" s="12" t="e">
        <f>'申請書（複数入力用）'!N2000</f>
        <v>#N/A</v>
      </c>
      <c r="I1998" s="12" t="e">
        <f>'申請書（複数入力用）'!O2000</f>
        <v>#N/A</v>
      </c>
      <c r="J1998" s="12">
        <f>'申請書（複数入力用）'!P2000</f>
        <v>1</v>
      </c>
    </row>
    <row r="1999" spans="1:10" ht="51.6" customHeight="1" x14ac:dyDescent="0.45">
      <c r="A1999" s="6">
        <f>'申請書（複数入力用）'!A2001</f>
        <v>1995</v>
      </c>
      <c r="B1999" s="13">
        <f>'申請書（複数入力用）'!AH2001</f>
        <v>0</v>
      </c>
      <c r="C1999" s="6">
        <f>'申請書（複数入力用）'!B2001</f>
        <v>0</v>
      </c>
      <c r="D1999" s="6">
        <f>'申請書（複数入力用）'!D2001</f>
        <v>0</v>
      </c>
      <c r="E1999" s="14">
        <f>'申請書（複数入力用）'!H2001</f>
        <v>0</v>
      </c>
      <c r="F1999" s="11" t="str">
        <f>'申請書（複数入力用）'!J2001</f>
        <v/>
      </c>
      <c r="G1999" s="6" t="str">
        <f>'申請書（複数入力用）'!K2001</f>
        <v>a052r000000jS9ZAAU</v>
      </c>
      <c r="H1999" s="12" t="e">
        <f>'申請書（複数入力用）'!N2001</f>
        <v>#N/A</v>
      </c>
      <c r="I1999" s="12" t="e">
        <f>'申請書（複数入力用）'!O2001</f>
        <v>#N/A</v>
      </c>
      <c r="J1999" s="12">
        <f>'申請書（複数入力用）'!P2001</f>
        <v>1</v>
      </c>
    </row>
    <row r="2000" spans="1:10" ht="51.6" customHeight="1" x14ac:dyDescent="0.45">
      <c r="A2000" s="6">
        <f>'申請書（複数入力用）'!A2002</f>
        <v>1996</v>
      </c>
      <c r="B2000" s="13">
        <f>'申請書（複数入力用）'!AH2002</f>
        <v>0</v>
      </c>
      <c r="C2000" s="6">
        <f>'申請書（複数入力用）'!B2002</f>
        <v>0</v>
      </c>
      <c r="D2000" s="6">
        <f>'申請書（複数入力用）'!D2002</f>
        <v>0</v>
      </c>
      <c r="E2000" s="14">
        <f>'申請書（複数入力用）'!H2002</f>
        <v>0</v>
      </c>
      <c r="F2000" s="11" t="str">
        <f>'申請書（複数入力用）'!J2002</f>
        <v/>
      </c>
      <c r="G2000" s="6" t="str">
        <f>'申請書（複数入力用）'!K2002</f>
        <v>a052r000000jS9ZAAU</v>
      </c>
      <c r="H2000" s="12" t="e">
        <f>'申請書（複数入力用）'!N2002</f>
        <v>#N/A</v>
      </c>
      <c r="I2000" s="12" t="e">
        <f>'申請書（複数入力用）'!O2002</f>
        <v>#N/A</v>
      </c>
      <c r="J2000" s="12">
        <f>'申請書（複数入力用）'!P2002</f>
        <v>1</v>
      </c>
    </row>
    <row r="2001" spans="1:10" ht="51.6" customHeight="1" x14ac:dyDescent="0.45">
      <c r="A2001" s="6">
        <f>'申請書（複数入力用）'!A2003</f>
        <v>1997</v>
      </c>
      <c r="B2001" s="13">
        <f>'申請書（複数入力用）'!AH2003</f>
        <v>0</v>
      </c>
      <c r="C2001" s="6">
        <f>'申請書（複数入力用）'!B2003</f>
        <v>0</v>
      </c>
      <c r="D2001" s="6">
        <f>'申請書（複数入力用）'!D2003</f>
        <v>0</v>
      </c>
      <c r="E2001" s="14">
        <f>'申請書（複数入力用）'!H2003</f>
        <v>0</v>
      </c>
      <c r="F2001" s="11" t="str">
        <f>'申請書（複数入力用）'!J2003</f>
        <v/>
      </c>
      <c r="G2001" s="6" t="str">
        <f>'申請書（複数入力用）'!K2003</f>
        <v>a052r000000jS9ZAAU</v>
      </c>
      <c r="H2001" s="12" t="e">
        <f>'申請書（複数入力用）'!N2003</f>
        <v>#N/A</v>
      </c>
      <c r="I2001" s="12" t="e">
        <f>'申請書（複数入力用）'!O2003</f>
        <v>#N/A</v>
      </c>
      <c r="J2001" s="12">
        <f>'申請書（複数入力用）'!P2003</f>
        <v>1</v>
      </c>
    </row>
    <row r="2002" spans="1:10" ht="51.6" customHeight="1" x14ac:dyDescent="0.45">
      <c r="A2002" s="6">
        <f>'申請書（複数入力用）'!A2004</f>
        <v>1998</v>
      </c>
      <c r="B2002" s="13">
        <f>'申請書（複数入力用）'!AH2004</f>
        <v>0</v>
      </c>
      <c r="C2002" s="6">
        <f>'申請書（複数入力用）'!B2004</f>
        <v>0</v>
      </c>
      <c r="D2002" s="6">
        <f>'申請書（複数入力用）'!D2004</f>
        <v>0</v>
      </c>
      <c r="E2002" s="14">
        <f>'申請書（複数入力用）'!H2004</f>
        <v>0</v>
      </c>
      <c r="F2002" s="11" t="str">
        <f>'申請書（複数入力用）'!J2004</f>
        <v/>
      </c>
      <c r="G2002" s="6" t="str">
        <f>'申請書（複数入力用）'!K2004</f>
        <v>a052r000000jS9ZAAU</v>
      </c>
      <c r="H2002" s="12" t="e">
        <f>'申請書（複数入力用）'!N2004</f>
        <v>#N/A</v>
      </c>
      <c r="I2002" s="12" t="e">
        <f>'申請書（複数入力用）'!O2004</f>
        <v>#N/A</v>
      </c>
      <c r="J2002" s="12">
        <f>'申請書（複数入力用）'!P2004</f>
        <v>1</v>
      </c>
    </row>
    <row r="2003" spans="1:10" ht="51.6" customHeight="1" x14ac:dyDescent="0.45">
      <c r="A2003" s="6">
        <f>'申請書（複数入力用）'!A2005</f>
        <v>1999</v>
      </c>
      <c r="B2003" s="13">
        <f>'申請書（複数入力用）'!AH2005</f>
        <v>0</v>
      </c>
      <c r="C2003" s="6">
        <f>'申請書（複数入力用）'!B2005</f>
        <v>0</v>
      </c>
      <c r="D2003" s="6">
        <f>'申請書（複数入力用）'!D2005</f>
        <v>0</v>
      </c>
      <c r="E2003" s="14">
        <f>'申請書（複数入力用）'!H2005</f>
        <v>0</v>
      </c>
      <c r="F2003" s="11" t="str">
        <f>'申請書（複数入力用）'!J2005</f>
        <v/>
      </c>
      <c r="G2003" s="6" t="str">
        <f>'申請書（複数入力用）'!K2005</f>
        <v>a052r000000jS9ZAAU</v>
      </c>
      <c r="H2003" s="12" t="e">
        <f>'申請書（複数入力用）'!N2005</f>
        <v>#N/A</v>
      </c>
      <c r="I2003" s="12" t="e">
        <f>'申請書（複数入力用）'!O2005</f>
        <v>#N/A</v>
      </c>
      <c r="J2003" s="12">
        <f>'申請書（複数入力用）'!P2005</f>
        <v>1</v>
      </c>
    </row>
    <row r="2004" spans="1:10" ht="51.6" customHeight="1" x14ac:dyDescent="0.45">
      <c r="A2004" s="6">
        <f>'申請書（複数入力用）'!A2006</f>
        <v>2000</v>
      </c>
      <c r="B2004" s="13">
        <f>'申請書（複数入力用）'!AH2006</f>
        <v>0</v>
      </c>
      <c r="C2004" s="6">
        <f>'申請書（複数入力用）'!B2006</f>
        <v>0</v>
      </c>
      <c r="D2004" s="6">
        <f>'申請書（複数入力用）'!D2006</f>
        <v>0</v>
      </c>
      <c r="E2004" s="14">
        <f>'申請書（複数入力用）'!H2006</f>
        <v>0</v>
      </c>
      <c r="F2004" s="11" t="str">
        <f>'申請書（複数入力用）'!J2006</f>
        <v/>
      </c>
      <c r="G2004" s="6" t="str">
        <f>'申請書（複数入力用）'!K2006</f>
        <v>a052r000000jS9ZAAU</v>
      </c>
      <c r="H2004" s="12" t="e">
        <f>'申請書（複数入力用）'!N2006</f>
        <v>#N/A</v>
      </c>
      <c r="I2004" s="12" t="e">
        <f>'申請書（複数入力用）'!O2006</f>
        <v>#N/A</v>
      </c>
      <c r="J2004" s="12">
        <f>'申請書（複数入力用）'!P2006</f>
        <v>1</v>
      </c>
    </row>
    <row r="2005" spans="1:10" ht="51.6" customHeight="1" x14ac:dyDescent="0.45">
      <c r="A2005" s="6">
        <f>'申請書（複数入力用）'!A2007</f>
        <v>2001</v>
      </c>
      <c r="B2005" s="13">
        <f>'申請書（複数入力用）'!AH2007</f>
        <v>0</v>
      </c>
      <c r="C2005" s="6">
        <f>'申請書（複数入力用）'!B2007</f>
        <v>0</v>
      </c>
      <c r="D2005" s="6">
        <f>'申請書（複数入力用）'!D2007</f>
        <v>0</v>
      </c>
      <c r="E2005" s="14">
        <f>'申請書（複数入力用）'!H2007</f>
        <v>0</v>
      </c>
      <c r="F2005" s="11" t="str">
        <f>'申請書（複数入力用）'!J2007</f>
        <v/>
      </c>
      <c r="G2005" s="6" t="str">
        <f>'申請書（複数入力用）'!K2007</f>
        <v>a052r000000jS9ZAAU</v>
      </c>
      <c r="H2005" s="12" t="e">
        <f>'申請書（複数入力用）'!N2007</f>
        <v>#N/A</v>
      </c>
      <c r="I2005" s="12" t="e">
        <f>'申請書（複数入力用）'!O2007</f>
        <v>#N/A</v>
      </c>
      <c r="J2005" s="12">
        <f>'申請書（複数入力用）'!P2007</f>
        <v>1</v>
      </c>
    </row>
    <row r="2006" spans="1:10" ht="51.6" customHeight="1" x14ac:dyDescent="0.45">
      <c r="A2006" s="6">
        <f>'申請書（複数入力用）'!A2008</f>
        <v>2002</v>
      </c>
      <c r="B2006" s="13">
        <f>'申請書（複数入力用）'!AH2008</f>
        <v>0</v>
      </c>
      <c r="C2006" s="6">
        <f>'申請書（複数入力用）'!B2008</f>
        <v>0</v>
      </c>
      <c r="D2006" s="6">
        <f>'申請書（複数入力用）'!D2008</f>
        <v>0</v>
      </c>
      <c r="E2006" s="14">
        <f>'申請書（複数入力用）'!H2008</f>
        <v>0</v>
      </c>
      <c r="F2006" s="11" t="str">
        <f>'申請書（複数入力用）'!J2008</f>
        <v/>
      </c>
      <c r="G2006" s="6" t="str">
        <f>'申請書（複数入力用）'!K2008</f>
        <v>a052r000000jS9ZAAU</v>
      </c>
      <c r="H2006" s="12" t="e">
        <f>'申請書（複数入力用）'!N2008</f>
        <v>#N/A</v>
      </c>
      <c r="I2006" s="12" t="e">
        <f>'申請書（複数入力用）'!O2008</f>
        <v>#N/A</v>
      </c>
      <c r="J2006" s="12">
        <f>'申請書（複数入力用）'!P2008</f>
        <v>1</v>
      </c>
    </row>
    <row r="2007" spans="1:10" ht="51.6" customHeight="1" x14ac:dyDescent="0.45">
      <c r="A2007" s="6">
        <f>'申請書（複数入力用）'!A2009</f>
        <v>2003</v>
      </c>
      <c r="B2007" s="13">
        <f>'申請書（複数入力用）'!AH2009</f>
        <v>0</v>
      </c>
      <c r="C2007" s="6">
        <f>'申請書（複数入力用）'!B2009</f>
        <v>0</v>
      </c>
      <c r="D2007" s="6">
        <f>'申請書（複数入力用）'!D2009</f>
        <v>0</v>
      </c>
      <c r="E2007" s="14">
        <f>'申請書（複数入力用）'!H2009</f>
        <v>0</v>
      </c>
      <c r="F2007" s="11" t="str">
        <f>'申請書（複数入力用）'!J2009</f>
        <v/>
      </c>
      <c r="G2007" s="6" t="str">
        <f>'申請書（複数入力用）'!K2009</f>
        <v>a052r000000jS9ZAAU</v>
      </c>
      <c r="H2007" s="12" t="e">
        <f>'申請書（複数入力用）'!N2009</f>
        <v>#N/A</v>
      </c>
      <c r="I2007" s="12" t="e">
        <f>'申請書（複数入力用）'!O2009</f>
        <v>#N/A</v>
      </c>
      <c r="J2007" s="12">
        <f>'申請書（複数入力用）'!P2009</f>
        <v>1</v>
      </c>
    </row>
    <row r="2008" spans="1:10" ht="51.6" customHeight="1" x14ac:dyDescent="0.45">
      <c r="A2008" s="6">
        <f>'申請書（複数入力用）'!A2010</f>
        <v>2004</v>
      </c>
      <c r="B2008" s="13">
        <f>'申請書（複数入力用）'!AH2010</f>
        <v>0</v>
      </c>
      <c r="C2008" s="6">
        <f>'申請書（複数入力用）'!B2010</f>
        <v>0</v>
      </c>
      <c r="D2008" s="6">
        <f>'申請書（複数入力用）'!D2010</f>
        <v>0</v>
      </c>
      <c r="E2008" s="14">
        <f>'申請書（複数入力用）'!H2010</f>
        <v>0</v>
      </c>
      <c r="F2008" s="11" t="str">
        <f>'申請書（複数入力用）'!J2010</f>
        <v/>
      </c>
      <c r="G2008" s="6" t="str">
        <f>'申請書（複数入力用）'!K2010</f>
        <v>a052r000000jS9ZAAU</v>
      </c>
      <c r="H2008" s="12" t="e">
        <f>'申請書（複数入力用）'!N2010</f>
        <v>#N/A</v>
      </c>
      <c r="I2008" s="12" t="e">
        <f>'申請書（複数入力用）'!O2010</f>
        <v>#N/A</v>
      </c>
      <c r="J2008" s="12">
        <f>'申請書（複数入力用）'!P2010</f>
        <v>1</v>
      </c>
    </row>
    <row r="2009" spans="1:10" ht="51.6" customHeight="1" x14ac:dyDescent="0.45">
      <c r="A2009" s="6">
        <f>'申請書（複数入力用）'!A2011</f>
        <v>2005</v>
      </c>
      <c r="B2009" s="13">
        <f>'申請書（複数入力用）'!AH2011</f>
        <v>0</v>
      </c>
      <c r="C2009" s="6">
        <f>'申請書（複数入力用）'!B2011</f>
        <v>0</v>
      </c>
      <c r="D2009" s="6">
        <f>'申請書（複数入力用）'!D2011</f>
        <v>0</v>
      </c>
      <c r="E2009" s="14">
        <f>'申請書（複数入力用）'!H2011</f>
        <v>0</v>
      </c>
      <c r="F2009" s="11" t="str">
        <f>'申請書（複数入力用）'!J2011</f>
        <v/>
      </c>
      <c r="G2009" s="6" t="str">
        <f>'申請書（複数入力用）'!K2011</f>
        <v>a052r000000jS9ZAAU</v>
      </c>
      <c r="H2009" s="12" t="e">
        <f>'申請書（複数入力用）'!N2011</f>
        <v>#N/A</v>
      </c>
      <c r="I2009" s="12" t="e">
        <f>'申請書（複数入力用）'!O2011</f>
        <v>#N/A</v>
      </c>
      <c r="J2009" s="12">
        <f>'申請書（複数入力用）'!P2011</f>
        <v>1</v>
      </c>
    </row>
    <row r="2010" spans="1:10" ht="51.6" customHeight="1" x14ac:dyDescent="0.45">
      <c r="A2010" s="6">
        <f>'申請書（複数入力用）'!A2012</f>
        <v>2006</v>
      </c>
      <c r="B2010" s="13">
        <f>'申請書（複数入力用）'!AH2012</f>
        <v>0</v>
      </c>
      <c r="C2010" s="6">
        <f>'申請書（複数入力用）'!B2012</f>
        <v>0</v>
      </c>
      <c r="D2010" s="6">
        <f>'申請書（複数入力用）'!D2012</f>
        <v>0</v>
      </c>
      <c r="E2010" s="14">
        <f>'申請書（複数入力用）'!H2012</f>
        <v>0</v>
      </c>
      <c r="F2010" s="11" t="str">
        <f>'申請書（複数入力用）'!J2012</f>
        <v/>
      </c>
      <c r="G2010" s="6" t="str">
        <f>'申請書（複数入力用）'!K2012</f>
        <v>a052r000000jS9ZAAU</v>
      </c>
      <c r="H2010" s="12" t="e">
        <f>'申請書（複数入力用）'!N2012</f>
        <v>#N/A</v>
      </c>
      <c r="I2010" s="12" t="e">
        <f>'申請書（複数入力用）'!O2012</f>
        <v>#N/A</v>
      </c>
      <c r="J2010" s="12">
        <f>'申請書（複数入力用）'!P2012</f>
        <v>1</v>
      </c>
    </row>
    <row r="2011" spans="1:10" ht="51.6" customHeight="1" x14ac:dyDescent="0.45">
      <c r="A2011" s="6">
        <f>'申請書（複数入力用）'!A2013</f>
        <v>2007</v>
      </c>
      <c r="B2011" s="13">
        <f>'申請書（複数入力用）'!AH2013</f>
        <v>0</v>
      </c>
      <c r="C2011" s="6">
        <f>'申請書（複数入力用）'!B2013</f>
        <v>0</v>
      </c>
      <c r="D2011" s="6">
        <f>'申請書（複数入力用）'!D2013</f>
        <v>0</v>
      </c>
      <c r="E2011" s="14">
        <f>'申請書（複数入力用）'!H2013</f>
        <v>0</v>
      </c>
      <c r="F2011" s="11" t="str">
        <f>'申請書（複数入力用）'!J2013</f>
        <v/>
      </c>
      <c r="G2011" s="6" t="str">
        <f>'申請書（複数入力用）'!K2013</f>
        <v>a052r000000jS9ZAAU</v>
      </c>
      <c r="H2011" s="12" t="e">
        <f>'申請書（複数入力用）'!N2013</f>
        <v>#N/A</v>
      </c>
      <c r="I2011" s="12" t="e">
        <f>'申請書（複数入力用）'!O2013</f>
        <v>#N/A</v>
      </c>
      <c r="J2011" s="12">
        <f>'申請書（複数入力用）'!P2013</f>
        <v>1</v>
      </c>
    </row>
    <row r="2012" spans="1:10" ht="51.6" customHeight="1" x14ac:dyDescent="0.45">
      <c r="A2012" s="6">
        <f>'申請書（複数入力用）'!A2014</f>
        <v>2008</v>
      </c>
      <c r="B2012" s="13">
        <f>'申請書（複数入力用）'!AH2014</f>
        <v>0</v>
      </c>
      <c r="C2012" s="6">
        <f>'申請書（複数入力用）'!B2014</f>
        <v>0</v>
      </c>
      <c r="D2012" s="6">
        <f>'申請書（複数入力用）'!D2014</f>
        <v>0</v>
      </c>
      <c r="E2012" s="14">
        <f>'申請書（複数入力用）'!H2014</f>
        <v>0</v>
      </c>
      <c r="F2012" s="11" t="str">
        <f>'申請書（複数入力用）'!J2014</f>
        <v/>
      </c>
      <c r="G2012" s="6" t="str">
        <f>'申請書（複数入力用）'!K2014</f>
        <v>a052r000000jS9ZAAU</v>
      </c>
      <c r="H2012" s="12" t="e">
        <f>'申請書（複数入力用）'!N2014</f>
        <v>#N/A</v>
      </c>
      <c r="I2012" s="12" t="e">
        <f>'申請書（複数入力用）'!O2014</f>
        <v>#N/A</v>
      </c>
      <c r="J2012" s="12">
        <f>'申請書（複数入力用）'!P2014</f>
        <v>1</v>
      </c>
    </row>
    <row r="2013" spans="1:10" ht="51.6" customHeight="1" x14ac:dyDescent="0.45">
      <c r="A2013" s="6">
        <f>'申請書（複数入力用）'!A2015</f>
        <v>2009</v>
      </c>
      <c r="B2013" s="13">
        <f>'申請書（複数入力用）'!AH2015</f>
        <v>0</v>
      </c>
      <c r="C2013" s="6">
        <f>'申請書（複数入力用）'!B2015</f>
        <v>0</v>
      </c>
      <c r="D2013" s="6">
        <f>'申請書（複数入力用）'!D2015</f>
        <v>0</v>
      </c>
      <c r="E2013" s="14">
        <f>'申請書（複数入力用）'!H2015</f>
        <v>0</v>
      </c>
      <c r="F2013" s="11" t="str">
        <f>'申請書（複数入力用）'!J2015</f>
        <v/>
      </c>
      <c r="G2013" s="6" t="str">
        <f>'申請書（複数入力用）'!K2015</f>
        <v>a052r000000jS9ZAAU</v>
      </c>
      <c r="H2013" s="12" t="e">
        <f>'申請書（複数入力用）'!N2015</f>
        <v>#N/A</v>
      </c>
      <c r="I2013" s="12" t="e">
        <f>'申請書（複数入力用）'!O2015</f>
        <v>#N/A</v>
      </c>
      <c r="J2013" s="12">
        <f>'申請書（複数入力用）'!P2015</f>
        <v>1</v>
      </c>
    </row>
    <row r="2014" spans="1:10" ht="51.6" customHeight="1" x14ac:dyDescent="0.45">
      <c r="A2014" s="6">
        <f>'申請書（複数入力用）'!A2016</f>
        <v>2010</v>
      </c>
      <c r="B2014" s="13">
        <f>'申請書（複数入力用）'!AH2016</f>
        <v>0</v>
      </c>
      <c r="C2014" s="6">
        <f>'申請書（複数入力用）'!B2016</f>
        <v>0</v>
      </c>
      <c r="D2014" s="6">
        <f>'申請書（複数入力用）'!D2016</f>
        <v>0</v>
      </c>
      <c r="E2014" s="14">
        <f>'申請書（複数入力用）'!H2016</f>
        <v>0</v>
      </c>
      <c r="F2014" s="11" t="str">
        <f>'申請書（複数入力用）'!J2016</f>
        <v/>
      </c>
      <c r="G2014" s="6" t="str">
        <f>'申請書（複数入力用）'!K2016</f>
        <v>a052r000000jS9ZAAU</v>
      </c>
      <c r="H2014" s="12" t="e">
        <f>'申請書（複数入力用）'!N2016</f>
        <v>#N/A</v>
      </c>
      <c r="I2014" s="12" t="e">
        <f>'申請書（複数入力用）'!O2016</f>
        <v>#N/A</v>
      </c>
      <c r="J2014" s="12">
        <f>'申請書（複数入力用）'!P2016</f>
        <v>1</v>
      </c>
    </row>
    <row r="2015" spans="1:10" ht="51.6" customHeight="1" x14ac:dyDescent="0.45">
      <c r="A2015" s="6">
        <f>'申請書（複数入力用）'!A2017</f>
        <v>2011</v>
      </c>
      <c r="B2015" s="13">
        <f>'申請書（複数入力用）'!AH2017</f>
        <v>0</v>
      </c>
      <c r="C2015" s="6">
        <f>'申請書（複数入力用）'!B2017</f>
        <v>0</v>
      </c>
      <c r="D2015" s="6">
        <f>'申請書（複数入力用）'!D2017</f>
        <v>0</v>
      </c>
      <c r="E2015" s="14">
        <f>'申請書（複数入力用）'!H2017</f>
        <v>0</v>
      </c>
      <c r="F2015" s="11" t="str">
        <f>'申請書（複数入力用）'!J2017</f>
        <v/>
      </c>
      <c r="G2015" s="6" t="str">
        <f>'申請書（複数入力用）'!K2017</f>
        <v>a052r000000jS9ZAAU</v>
      </c>
      <c r="H2015" s="12" t="e">
        <f>'申請書（複数入力用）'!N2017</f>
        <v>#N/A</v>
      </c>
      <c r="I2015" s="12" t="e">
        <f>'申請書（複数入力用）'!O2017</f>
        <v>#N/A</v>
      </c>
      <c r="J2015" s="12">
        <f>'申請書（複数入力用）'!P2017</f>
        <v>1</v>
      </c>
    </row>
    <row r="2016" spans="1:10" ht="51.6" customHeight="1" x14ac:dyDescent="0.45">
      <c r="A2016" s="6">
        <f>'申請書（複数入力用）'!A2018</f>
        <v>2012</v>
      </c>
      <c r="B2016" s="13">
        <f>'申請書（複数入力用）'!AH2018</f>
        <v>0</v>
      </c>
      <c r="C2016" s="6">
        <f>'申請書（複数入力用）'!B2018</f>
        <v>0</v>
      </c>
      <c r="D2016" s="6">
        <f>'申請書（複数入力用）'!D2018</f>
        <v>0</v>
      </c>
      <c r="E2016" s="14">
        <f>'申請書（複数入力用）'!H2018</f>
        <v>0</v>
      </c>
      <c r="F2016" s="11" t="str">
        <f>'申請書（複数入力用）'!J2018</f>
        <v/>
      </c>
      <c r="G2016" s="6" t="str">
        <f>'申請書（複数入力用）'!K2018</f>
        <v>a052r000000jS9ZAAU</v>
      </c>
      <c r="H2016" s="12" t="e">
        <f>'申請書（複数入力用）'!N2018</f>
        <v>#N/A</v>
      </c>
      <c r="I2016" s="12" t="e">
        <f>'申請書（複数入力用）'!O2018</f>
        <v>#N/A</v>
      </c>
      <c r="J2016" s="12">
        <f>'申請書（複数入力用）'!P2018</f>
        <v>1</v>
      </c>
    </row>
    <row r="2017" spans="1:10" ht="51.6" customHeight="1" x14ac:dyDescent="0.45">
      <c r="A2017" s="6">
        <f>'申請書（複数入力用）'!A2019</f>
        <v>2013</v>
      </c>
      <c r="B2017" s="13">
        <f>'申請書（複数入力用）'!AH2019</f>
        <v>0</v>
      </c>
      <c r="C2017" s="6">
        <f>'申請書（複数入力用）'!B2019</f>
        <v>0</v>
      </c>
      <c r="D2017" s="6">
        <f>'申請書（複数入力用）'!D2019</f>
        <v>0</v>
      </c>
      <c r="E2017" s="14">
        <f>'申請書（複数入力用）'!H2019</f>
        <v>0</v>
      </c>
      <c r="F2017" s="11" t="str">
        <f>'申請書（複数入力用）'!J2019</f>
        <v/>
      </c>
      <c r="G2017" s="6" t="str">
        <f>'申請書（複数入力用）'!K2019</f>
        <v>a052r000000jS9ZAAU</v>
      </c>
      <c r="H2017" s="12" t="e">
        <f>'申請書（複数入力用）'!N2019</f>
        <v>#N/A</v>
      </c>
      <c r="I2017" s="12" t="e">
        <f>'申請書（複数入力用）'!O2019</f>
        <v>#N/A</v>
      </c>
      <c r="J2017" s="12">
        <f>'申請書（複数入力用）'!P2019</f>
        <v>1</v>
      </c>
    </row>
    <row r="2018" spans="1:10" ht="51.6" customHeight="1" x14ac:dyDescent="0.45">
      <c r="A2018" s="6">
        <f>'申請書（複数入力用）'!A2020</f>
        <v>2014</v>
      </c>
      <c r="B2018" s="13">
        <f>'申請書（複数入力用）'!AH2020</f>
        <v>0</v>
      </c>
      <c r="C2018" s="6">
        <f>'申請書（複数入力用）'!B2020</f>
        <v>0</v>
      </c>
      <c r="D2018" s="6">
        <f>'申請書（複数入力用）'!D2020</f>
        <v>0</v>
      </c>
      <c r="E2018" s="14">
        <f>'申請書（複数入力用）'!H2020</f>
        <v>0</v>
      </c>
      <c r="F2018" s="11" t="str">
        <f>'申請書（複数入力用）'!J2020</f>
        <v/>
      </c>
      <c r="G2018" s="6" t="str">
        <f>'申請書（複数入力用）'!K2020</f>
        <v>a052r000000jS9ZAAU</v>
      </c>
      <c r="H2018" s="12" t="e">
        <f>'申請書（複数入力用）'!N2020</f>
        <v>#N/A</v>
      </c>
      <c r="I2018" s="12" t="e">
        <f>'申請書（複数入力用）'!O2020</f>
        <v>#N/A</v>
      </c>
      <c r="J2018" s="12">
        <f>'申請書（複数入力用）'!P2020</f>
        <v>1</v>
      </c>
    </row>
    <row r="2019" spans="1:10" ht="51.6" customHeight="1" x14ac:dyDescent="0.45">
      <c r="A2019" s="6">
        <f>'申請書（複数入力用）'!A2021</f>
        <v>2015</v>
      </c>
      <c r="B2019" s="13">
        <f>'申請書（複数入力用）'!AH2021</f>
        <v>0</v>
      </c>
      <c r="C2019" s="6">
        <f>'申請書（複数入力用）'!B2021</f>
        <v>0</v>
      </c>
      <c r="D2019" s="6">
        <f>'申請書（複数入力用）'!D2021</f>
        <v>0</v>
      </c>
      <c r="E2019" s="14">
        <f>'申請書（複数入力用）'!H2021</f>
        <v>0</v>
      </c>
      <c r="F2019" s="11" t="str">
        <f>'申請書（複数入力用）'!J2021</f>
        <v/>
      </c>
      <c r="G2019" s="6" t="str">
        <f>'申請書（複数入力用）'!K2021</f>
        <v>a052r000000jS9ZAAU</v>
      </c>
      <c r="H2019" s="12" t="e">
        <f>'申請書（複数入力用）'!N2021</f>
        <v>#N/A</v>
      </c>
      <c r="I2019" s="12" t="e">
        <f>'申請書（複数入力用）'!O2021</f>
        <v>#N/A</v>
      </c>
      <c r="J2019" s="12">
        <f>'申請書（複数入力用）'!P2021</f>
        <v>1</v>
      </c>
    </row>
    <row r="2020" spans="1:10" ht="51.6" customHeight="1" x14ac:dyDescent="0.45">
      <c r="A2020" s="6">
        <f>'申請書（複数入力用）'!A2022</f>
        <v>2016</v>
      </c>
      <c r="B2020" s="13">
        <f>'申請書（複数入力用）'!AH2022</f>
        <v>0</v>
      </c>
      <c r="C2020" s="6">
        <f>'申請書（複数入力用）'!B2022</f>
        <v>0</v>
      </c>
      <c r="D2020" s="6">
        <f>'申請書（複数入力用）'!D2022</f>
        <v>0</v>
      </c>
      <c r="E2020" s="14">
        <f>'申請書（複数入力用）'!H2022</f>
        <v>0</v>
      </c>
      <c r="F2020" s="11" t="str">
        <f>'申請書（複数入力用）'!J2022</f>
        <v/>
      </c>
      <c r="G2020" s="6" t="str">
        <f>'申請書（複数入力用）'!K2022</f>
        <v>a052r000000jS9ZAAU</v>
      </c>
      <c r="H2020" s="12" t="e">
        <f>'申請書（複数入力用）'!N2022</f>
        <v>#N/A</v>
      </c>
      <c r="I2020" s="12" t="e">
        <f>'申請書（複数入力用）'!O2022</f>
        <v>#N/A</v>
      </c>
      <c r="J2020" s="12">
        <f>'申請書（複数入力用）'!P2022</f>
        <v>1</v>
      </c>
    </row>
    <row r="2021" spans="1:10" ht="51.6" customHeight="1" x14ac:dyDescent="0.45">
      <c r="A2021" s="6">
        <f>'申請書（複数入力用）'!A2023</f>
        <v>2017</v>
      </c>
      <c r="B2021" s="13">
        <f>'申請書（複数入力用）'!AH2023</f>
        <v>0</v>
      </c>
      <c r="C2021" s="6">
        <f>'申請書（複数入力用）'!B2023</f>
        <v>0</v>
      </c>
      <c r="D2021" s="6">
        <f>'申請書（複数入力用）'!D2023</f>
        <v>0</v>
      </c>
      <c r="E2021" s="14">
        <f>'申請書（複数入力用）'!H2023</f>
        <v>0</v>
      </c>
      <c r="F2021" s="11" t="str">
        <f>'申請書（複数入力用）'!J2023</f>
        <v/>
      </c>
      <c r="G2021" s="6" t="str">
        <f>'申請書（複数入力用）'!K2023</f>
        <v>a052r000000jS9ZAAU</v>
      </c>
      <c r="H2021" s="12" t="e">
        <f>'申請書（複数入力用）'!N2023</f>
        <v>#N/A</v>
      </c>
      <c r="I2021" s="12" t="e">
        <f>'申請書（複数入力用）'!O2023</f>
        <v>#N/A</v>
      </c>
      <c r="J2021" s="12">
        <f>'申請書（複数入力用）'!P2023</f>
        <v>1</v>
      </c>
    </row>
    <row r="2022" spans="1:10" ht="51.6" customHeight="1" x14ac:dyDescent="0.45">
      <c r="A2022" s="6">
        <f>'申請書（複数入力用）'!A2024</f>
        <v>2018</v>
      </c>
      <c r="B2022" s="13">
        <f>'申請書（複数入力用）'!AH2024</f>
        <v>0</v>
      </c>
      <c r="C2022" s="6">
        <f>'申請書（複数入力用）'!B2024</f>
        <v>0</v>
      </c>
      <c r="D2022" s="6">
        <f>'申請書（複数入力用）'!D2024</f>
        <v>0</v>
      </c>
      <c r="E2022" s="14">
        <f>'申請書（複数入力用）'!H2024</f>
        <v>0</v>
      </c>
      <c r="F2022" s="11" t="str">
        <f>'申請書（複数入力用）'!J2024</f>
        <v/>
      </c>
      <c r="G2022" s="6" t="str">
        <f>'申請書（複数入力用）'!K2024</f>
        <v>a052r000000jS9ZAAU</v>
      </c>
      <c r="H2022" s="12" t="e">
        <f>'申請書（複数入力用）'!N2024</f>
        <v>#N/A</v>
      </c>
      <c r="I2022" s="12" t="e">
        <f>'申請書（複数入力用）'!O2024</f>
        <v>#N/A</v>
      </c>
      <c r="J2022" s="12">
        <f>'申請書（複数入力用）'!P2024</f>
        <v>1</v>
      </c>
    </row>
    <row r="2023" spans="1:10" ht="51.6" customHeight="1" x14ac:dyDescent="0.45">
      <c r="A2023" s="6">
        <f>'申請書（複数入力用）'!A2025</f>
        <v>2019</v>
      </c>
      <c r="B2023" s="13">
        <f>'申請書（複数入力用）'!AH2025</f>
        <v>0</v>
      </c>
      <c r="C2023" s="6">
        <f>'申請書（複数入力用）'!B2025</f>
        <v>0</v>
      </c>
      <c r="D2023" s="6">
        <f>'申請書（複数入力用）'!D2025</f>
        <v>0</v>
      </c>
      <c r="E2023" s="14">
        <f>'申請書（複数入力用）'!H2025</f>
        <v>0</v>
      </c>
      <c r="F2023" s="11" t="str">
        <f>'申請書（複数入力用）'!J2025</f>
        <v/>
      </c>
      <c r="G2023" s="6" t="str">
        <f>'申請書（複数入力用）'!K2025</f>
        <v>a052r000000jS9ZAAU</v>
      </c>
      <c r="H2023" s="12" t="e">
        <f>'申請書（複数入力用）'!N2025</f>
        <v>#N/A</v>
      </c>
      <c r="I2023" s="12" t="e">
        <f>'申請書（複数入力用）'!O2025</f>
        <v>#N/A</v>
      </c>
      <c r="J2023" s="12">
        <f>'申請書（複数入力用）'!P2025</f>
        <v>1</v>
      </c>
    </row>
    <row r="2024" spans="1:10" ht="51.6" customHeight="1" x14ac:dyDescent="0.45">
      <c r="A2024" s="6">
        <f>'申請書（複数入力用）'!A2026</f>
        <v>2020</v>
      </c>
      <c r="B2024" s="13">
        <f>'申請書（複数入力用）'!AH2026</f>
        <v>0</v>
      </c>
      <c r="C2024" s="6">
        <f>'申請書（複数入力用）'!B2026</f>
        <v>0</v>
      </c>
      <c r="D2024" s="6">
        <f>'申請書（複数入力用）'!D2026</f>
        <v>0</v>
      </c>
      <c r="E2024" s="14">
        <f>'申請書（複数入力用）'!H2026</f>
        <v>0</v>
      </c>
      <c r="F2024" s="11" t="str">
        <f>'申請書（複数入力用）'!J2026</f>
        <v/>
      </c>
      <c r="G2024" s="6" t="str">
        <f>'申請書（複数入力用）'!K2026</f>
        <v>a052r000000jS9ZAAU</v>
      </c>
      <c r="H2024" s="12" t="e">
        <f>'申請書（複数入力用）'!N2026</f>
        <v>#N/A</v>
      </c>
      <c r="I2024" s="12" t="e">
        <f>'申請書（複数入力用）'!O2026</f>
        <v>#N/A</v>
      </c>
      <c r="J2024" s="12">
        <f>'申請書（複数入力用）'!P2026</f>
        <v>1</v>
      </c>
    </row>
    <row r="2025" spans="1:10" ht="51.6" customHeight="1" x14ac:dyDescent="0.45">
      <c r="A2025" s="6">
        <f>'申請書（複数入力用）'!A2027</f>
        <v>2021</v>
      </c>
      <c r="B2025" s="13">
        <f>'申請書（複数入力用）'!AH2027</f>
        <v>0</v>
      </c>
      <c r="C2025" s="6">
        <f>'申請書（複数入力用）'!B2027</f>
        <v>0</v>
      </c>
      <c r="D2025" s="6">
        <f>'申請書（複数入力用）'!D2027</f>
        <v>0</v>
      </c>
      <c r="E2025" s="14">
        <f>'申請書（複数入力用）'!H2027</f>
        <v>0</v>
      </c>
      <c r="F2025" s="11" t="str">
        <f>'申請書（複数入力用）'!J2027</f>
        <v/>
      </c>
      <c r="G2025" s="6" t="str">
        <f>'申請書（複数入力用）'!K2027</f>
        <v>a052r000000jS9ZAAU</v>
      </c>
      <c r="H2025" s="12" t="e">
        <f>'申請書（複数入力用）'!N2027</f>
        <v>#N/A</v>
      </c>
      <c r="I2025" s="12" t="e">
        <f>'申請書（複数入力用）'!O2027</f>
        <v>#N/A</v>
      </c>
      <c r="J2025" s="12">
        <f>'申請書（複数入力用）'!P2027</f>
        <v>1</v>
      </c>
    </row>
    <row r="2026" spans="1:10" ht="51.6" customHeight="1" x14ac:dyDescent="0.45">
      <c r="A2026" s="6">
        <f>'申請書（複数入力用）'!A2028</f>
        <v>2022</v>
      </c>
      <c r="B2026" s="13">
        <f>'申請書（複数入力用）'!AH2028</f>
        <v>0</v>
      </c>
      <c r="C2026" s="6">
        <f>'申請書（複数入力用）'!B2028</f>
        <v>0</v>
      </c>
      <c r="D2026" s="6">
        <f>'申請書（複数入力用）'!D2028</f>
        <v>0</v>
      </c>
      <c r="E2026" s="14">
        <f>'申請書（複数入力用）'!H2028</f>
        <v>0</v>
      </c>
      <c r="F2026" s="11" t="str">
        <f>'申請書（複数入力用）'!J2028</f>
        <v/>
      </c>
      <c r="G2026" s="6" t="str">
        <f>'申請書（複数入力用）'!K2028</f>
        <v>a052r000000jS9ZAAU</v>
      </c>
      <c r="H2026" s="12" t="e">
        <f>'申請書（複数入力用）'!N2028</f>
        <v>#N/A</v>
      </c>
      <c r="I2026" s="12" t="e">
        <f>'申請書（複数入力用）'!O2028</f>
        <v>#N/A</v>
      </c>
      <c r="J2026" s="12">
        <f>'申請書（複数入力用）'!P2028</f>
        <v>1</v>
      </c>
    </row>
    <row r="2027" spans="1:10" ht="51.6" customHeight="1" x14ac:dyDescent="0.45">
      <c r="A2027" s="6">
        <f>'申請書（複数入力用）'!A2029</f>
        <v>2023</v>
      </c>
      <c r="B2027" s="13">
        <f>'申請書（複数入力用）'!AH2029</f>
        <v>0</v>
      </c>
      <c r="C2027" s="6">
        <f>'申請書（複数入力用）'!B2029</f>
        <v>0</v>
      </c>
      <c r="D2027" s="6">
        <f>'申請書（複数入力用）'!D2029</f>
        <v>0</v>
      </c>
      <c r="E2027" s="14">
        <f>'申請書（複数入力用）'!H2029</f>
        <v>0</v>
      </c>
      <c r="F2027" s="11" t="str">
        <f>'申請書（複数入力用）'!J2029</f>
        <v/>
      </c>
      <c r="G2027" s="6" t="str">
        <f>'申請書（複数入力用）'!K2029</f>
        <v>a052r000000jS9ZAAU</v>
      </c>
      <c r="H2027" s="12" t="e">
        <f>'申請書（複数入力用）'!N2029</f>
        <v>#N/A</v>
      </c>
      <c r="I2027" s="12" t="e">
        <f>'申請書（複数入力用）'!O2029</f>
        <v>#N/A</v>
      </c>
      <c r="J2027" s="12">
        <f>'申請書（複数入力用）'!P2029</f>
        <v>1</v>
      </c>
    </row>
    <row r="2028" spans="1:10" ht="51.6" customHeight="1" x14ac:dyDescent="0.45">
      <c r="A2028" s="6">
        <f>'申請書（複数入力用）'!A2030</f>
        <v>2024</v>
      </c>
      <c r="B2028" s="13">
        <f>'申請書（複数入力用）'!AH2030</f>
        <v>0</v>
      </c>
      <c r="C2028" s="6">
        <f>'申請書（複数入力用）'!B2030</f>
        <v>0</v>
      </c>
      <c r="D2028" s="6">
        <f>'申請書（複数入力用）'!D2030</f>
        <v>0</v>
      </c>
      <c r="E2028" s="14">
        <f>'申請書（複数入力用）'!H2030</f>
        <v>0</v>
      </c>
      <c r="F2028" s="11" t="str">
        <f>'申請書（複数入力用）'!J2030</f>
        <v/>
      </c>
      <c r="G2028" s="6" t="str">
        <f>'申請書（複数入力用）'!K2030</f>
        <v>a052r000000jS9ZAAU</v>
      </c>
      <c r="H2028" s="12" t="e">
        <f>'申請書（複数入力用）'!N2030</f>
        <v>#N/A</v>
      </c>
      <c r="I2028" s="12" t="e">
        <f>'申請書（複数入力用）'!O2030</f>
        <v>#N/A</v>
      </c>
      <c r="J2028" s="12">
        <f>'申請書（複数入力用）'!P2030</f>
        <v>1</v>
      </c>
    </row>
    <row r="2029" spans="1:10" ht="51.6" customHeight="1" x14ac:dyDescent="0.45">
      <c r="A2029" s="6">
        <f>'申請書（複数入力用）'!A2031</f>
        <v>2025</v>
      </c>
      <c r="B2029" s="13">
        <f>'申請書（複数入力用）'!AH2031</f>
        <v>0</v>
      </c>
      <c r="C2029" s="6">
        <f>'申請書（複数入力用）'!B2031</f>
        <v>0</v>
      </c>
      <c r="D2029" s="6">
        <f>'申請書（複数入力用）'!D2031</f>
        <v>0</v>
      </c>
      <c r="E2029" s="14">
        <f>'申請書（複数入力用）'!H2031</f>
        <v>0</v>
      </c>
      <c r="F2029" s="11" t="str">
        <f>'申請書（複数入力用）'!J2031</f>
        <v/>
      </c>
      <c r="G2029" s="6" t="str">
        <f>'申請書（複数入力用）'!K2031</f>
        <v>a052r000000jS9ZAAU</v>
      </c>
      <c r="H2029" s="12" t="e">
        <f>'申請書（複数入力用）'!N2031</f>
        <v>#N/A</v>
      </c>
      <c r="I2029" s="12" t="e">
        <f>'申請書（複数入力用）'!O2031</f>
        <v>#N/A</v>
      </c>
      <c r="J2029" s="12">
        <f>'申請書（複数入力用）'!P2031</f>
        <v>1</v>
      </c>
    </row>
    <row r="2030" spans="1:10" ht="51.6" customHeight="1" x14ac:dyDescent="0.45">
      <c r="A2030" s="6">
        <f>'申請書（複数入力用）'!A2032</f>
        <v>2026</v>
      </c>
      <c r="B2030" s="13">
        <f>'申請書（複数入力用）'!AH2032</f>
        <v>0</v>
      </c>
      <c r="C2030" s="6">
        <f>'申請書（複数入力用）'!B2032</f>
        <v>0</v>
      </c>
      <c r="D2030" s="6">
        <f>'申請書（複数入力用）'!D2032</f>
        <v>0</v>
      </c>
      <c r="E2030" s="14">
        <f>'申請書（複数入力用）'!H2032</f>
        <v>0</v>
      </c>
      <c r="F2030" s="11" t="str">
        <f>'申請書（複数入力用）'!J2032</f>
        <v/>
      </c>
      <c r="G2030" s="6" t="str">
        <f>'申請書（複数入力用）'!K2032</f>
        <v>a052r000000jS9ZAAU</v>
      </c>
      <c r="H2030" s="12" t="e">
        <f>'申請書（複数入力用）'!N2032</f>
        <v>#N/A</v>
      </c>
      <c r="I2030" s="12" t="e">
        <f>'申請書（複数入力用）'!O2032</f>
        <v>#N/A</v>
      </c>
      <c r="J2030" s="12">
        <f>'申請書（複数入力用）'!P2032</f>
        <v>1</v>
      </c>
    </row>
    <row r="2031" spans="1:10" ht="51.6" customHeight="1" x14ac:dyDescent="0.45">
      <c r="A2031" s="6">
        <f>'申請書（複数入力用）'!A2033</f>
        <v>2027</v>
      </c>
      <c r="B2031" s="13">
        <f>'申請書（複数入力用）'!AH2033</f>
        <v>0</v>
      </c>
      <c r="C2031" s="6">
        <f>'申請書（複数入力用）'!B2033</f>
        <v>0</v>
      </c>
      <c r="D2031" s="6">
        <f>'申請書（複数入力用）'!D2033</f>
        <v>0</v>
      </c>
      <c r="E2031" s="14">
        <f>'申請書（複数入力用）'!H2033</f>
        <v>0</v>
      </c>
      <c r="F2031" s="11" t="str">
        <f>'申請書（複数入力用）'!J2033</f>
        <v/>
      </c>
      <c r="G2031" s="6" t="str">
        <f>'申請書（複数入力用）'!K2033</f>
        <v>a052r000000jS9ZAAU</v>
      </c>
      <c r="H2031" s="12" t="e">
        <f>'申請書（複数入力用）'!N2033</f>
        <v>#N/A</v>
      </c>
      <c r="I2031" s="12" t="e">
        <f>'申請書（複数入力用）'!O2033</f>
        <v>#N/A</v>
      </c>
      <c r="J2031" s="12">
        <f>'申請書（複数入力用）'!P2033</f>
        <v>1</v>
      </c>
    </row>
    <row r="2032" spans="1:10" ht="51.6" customHeight="1" x14ac:dyDescent="0.45">
      <c r="A2032" s="6">
        <f>'申請書（複数入力用）'!A2034</f>
        <v>2028</v>
      </c>
      <c r="B2032" s="13">
        <f>'申請書（複数入力用）'!AH2034</f>
        <v>0</v>
      </c>
      <c r="C2032" s="6">
        <f>'申請書（複数入力用）'!B2034</f>
        <v>0</v>
      </c>
      <c r="D2032" s="6">
        <f>'申請書（複数入力用）'!D2034</f>
        <v>0</v>
      </c>
      <c r="E2032" s="14">
        <f>'申請書（複数入力用）'!H2034</f>
        <v>0</v>
      </c>
      <c r="F2032" s="11" t="str">
        <f>'申請書（複数入力用）'!J2034</f>
        <v/>
      </c>
      <c r="G2032" s="6" t="str">
        <f>'申請書（複数入力用）'!K2034</f>
        <v>a052r000000jS9ZAAU</v>
      </c>
      <c r="H2032" s="12" t="e">
        <f>'申請書（複数入力用）'!N2034</f>
        <v>#N/A</v>
      </c>
      <c r="I2032" s="12" t="e">
        <f>'申請書（複数入力用）'!O2034</f>
        <v>#N/A</v>
      </c>
      <c r="J2032" s="12">
        <f>'申請書（複数入力用）'!P2034</f>
        <v>1</v>
      </c>
    </row>
    <row r="2033" spans="1:10" ht="51.6" customHeight="1" x14ac:dyDescent="0.45">
      <c r="A2033" s="6">
        <f>'申請書（複数入力用）'!A2035</f>
        <v>2029</v>
      </c>
      <c r="B2033" s="13">
        <f>'申請書（複数入力用）'!AH2035</f>
        <v>0</v>
      </c>
      <c r="C2033" s="6">
        <f>'申請書（複数入力用）'!B2035</f>
        <v>0</v>
      </c>
      <c r="D2033" s="6">
        <f>'申請書（複数入力用）'!D2035</f>
        <v>0</v>
      </c>
      <c r="E2033" s="14">
        <f>'申請書（複数入力用）'!H2035</f>
        <v>0</v>
      </c>
      <c r="F2033" s="11" t="str">
        <f>'申請書（複数入力用）'!J2035</f>
        <v/>
      </c>
      <c r="G2033" s="6" t="str">
        <f>'申請書（複数入力用）'!K2035</f>
        <v>a052r000000jS9ZAAU</v>
      </c>
      <c r="H2033" s="12" t="e">
        <f>'申請書（複数入力用）'!N2035</f>
        <v>#N/A</v>
      </c>
      <c r="I2033" s="12" t="e">
        <f>'申請書（複数入力用）'!O2035</f>
        <v>#N/A</v>
      </c>
      <c r="J2033" s="12">
        <f>'申請書（複数入力用）'!P2035</f>
        <v>1</v>
      </c>
    </row>
    <row r="2034" spans="1:10" ht="51.6" customHeight="1" x14ac:dyDescent="0.45">
      <c r="A2034" s="6">
        <f>'申請書（複数入力用）'!A2036</f>
        <v>2030</v>
      </c>
      <c r="B2034" s="13">
        <f>'申請書（複数入力用）'!AH2036</f>
        <v>0</v>
      </c>
      <c r="C2034" s="6">
        <f>'申請書（複数入力用）'!B2036</f>
        <v>0</v>
      </c>
      <c r="D2034" s="6">
        <f>'申請書（複数入力用）'!D2036</f>
        <v>0</v>
      </c>
      <c r="E2034" s="14">
        <f>'申請書（複数入力用）'!H2036</f>
        <v>0</v>
      </c>
      <c r="F2034" s="11" t="str">
        <f>'申請書（複数入力用）'!J2036</f>
        <v/>
      </c>
      <c r="G2034" s="6" t="str">
        <f>'申請書（複数入力用）'!K2036</f>
        <v>a052r000000jS9ZAAU</v>
      </c>
      <c r="H2034" s="12" t="e">
        <f>'申請書（複数入力用）'!N2036</f>
        <v>#N/A</v>
      </c>
      <c r="I2034" s="12" t="e">
        <f>'申請書（複数入力用）'!O2036</f>
        <v>#N/A</v>
      </c>
      <c r="J2034" s="12">
        <f>'申請書（複数入力用）'!P2036</f>
        <v>1</v>
      </c>
    </row>
    <row r="2035" spans="1:10" ht="51.6" customHeight="1" x14ac:dyDescent="0.45">
      <c r="A2035" s="6">
        <f>'申請書（複数入力用）'!A2037</f>
        <v>2031</v>
      </c>
      <c r="B2035" s="13">
        <f>'申請書（複数入力用）'!AH2037</f>
        <v>0</v>
      </c>
      <c r="C2035" s="6">
        <f>'申請書（複数入力用）'!B2037</f>
        <v>0</v>
      </c>
      <c r="D2035" s="6">
        <f>'申請書（複数入力用）'!D2037</f>
        <v>0</v>
      </c>
      <c r="E2035" s="14">
        <f>'申請書（複数入力用）'!H2037</f>
        <v>0</v>
      </c>
      <c r="F2035" s="11" t="str">
        <f>'申請書（複数入力用）'!J2037</f>
        <v/>
      </c>
      <c r="G2035" s="6" t="str">
        <f>'申請書（複数入力用）'!K2037</f>
        <v>a052r000000jS9ZAAU</v>
      </c>
      <c r="H2035" s="12" t="e">
        <f>'申請書（複数入力用）'!N2037</f>
        <v>#N/A</v>
      </c>
      <c r="I2035" s="12" t="e">
        <f>'申請書（複数入力用）'!O2037</f>
        <v>#N/A</v>
      </c>
      <c r="J2035" s="12">
        <f>'申請書（複数入力用）'!P2037</f>
        <v>1</v>
      </c>
    </row>
    <row r="2036" spans="1:10" ht="51.6" customHeight="1" x14ac:dyDescent="0.45">
      <c r="A2036" s="6">
        <f>'申請書（複数入力用）'!A2038</f>
        <v>2032</v>
      </c>
      <c r="B2036" s="13">
        <f>'申請書（複数入力用）'!AH2038</f>
        <v>0</v>
      </c>
      <c r="C2036" s="6">
        <f>'申請書（複数入力用）'!B2038</f>
        <v>0</v>
      </c>
      <c r="D2036" s="6">
        <f>'申請書（複数入力用）'!D2038</f>
        <v>0</v>
      </c>
      <c r="E2036" s="14">
        <f>'申請書（複数入力用）'!H2038</f>
        <v>0</v>
      </c>
      <c r="F2036" s="11" t="str">
        <f>'申請書（複数入力用）'!J2038</f>
        <v/>
      </c>
      <c r="G2036" s="6" t="str">
        <f>'申請書（複数入力用）'!K2038</f>
        <v>a052r000000jS9ZAAU</v>
      </c>
      <c r="H2036" s="12" t="e">
        <f>'申請書（複数入力用）'!N2038</f>
        <v>#N/A</v>
      </c>
      <c r="I2036" s="12" t="e">
        <f>'申請書（複数入力用）'!O2038</f>
        <v>#N/A</v>
      </c>
      <c r="J2036" s="12">
        <f>'申請書（複数入力用）'!P2038</f>
        <v>1</v>
      </c>
    </row>
    <row r="2037" spans="1:10" ht="51.6" customHeight="1" x14ac:dyDescent="0.45">
      <c r="A2037" s="6">
        <f>'申請書（複数入力用）'!A2039</f>
        <v>2033</v>
      </c>
      <c r="B2037" s="13">
        <f>'申請書（複数入力用）'!AH2039</f>
        <v>0</v>
      </c>
      <c r="C2037" s="6">
        <f>'申請書（複数入力用）'!B2039</f>
        <v>0</v>
      </c>
      <c r="D2037" s="6">
        <f>'申請書（複数入力用）'!D2039</f>
        <v>0</v>
      </c>
      <c r="E2037" s="14">
        <f>'申請書（複数入力用）'!H2039</f>
        <v>0</v>
      </c>
      <c r="F2037" s="11" t="str">
        <f>'申請書（複数入力用）'!J2039</f>
        <v/>
      </c>
      <c r="G2037" s="6" t="str">
        <f>'申請書（複数入力用）'!K2039</f>
        <v>a052r000000jS9ZAAU</v>
      </c>
      <c r="H2037" s="12" t="e">
        <f>'申請書（複数入力用）'!N2039</f>
        <v>#N/A</v>
      </c>
      <c r="I2037" s="12" t="e">
        <f>'申請書（複数入力用）'!O2039</f>
        <v>#N/A</v>
      </c>
      <c r="J2037" s="12">
        <f>'申請書（複数入力用）'!P2039</f>
        <v>1</v>
      </c>
    </row>
    <row r="2038" spans="1:10" ht="51.6" customHeight="1" x14ac:dyDescent="0.45">
      <c r="A2038" s="6">
        <f>'申請書（複数入力用）'!A2040</f>
        <v>2034</v>
      </c>
      <c r="B2038" s="13">
        <f>'申請書（複数入力用）'!AH2040</f>
        <v>0</v>
      </c>
      <c r="C2038" s="6">
        <f>'申請書（複数入力用）'!B2040</f>
        <v>0</v>
      </c>
      <c r="D2038" s="6">
        <f>'申請書（複数入力用）'!D2040</f>
        <v>0</v>
      </c>
      <c r="E2038" s="14">
        <f>'申請書（複数入力用）'!H2040</f>
        <v>0</v>
      </c>
      <c r="F2038" s="11" t="str">
        <f>'申請書（複数入力用）'!J2040</f>
        <v/>
      </c>
      <c r="G2038" s="6" t="str">
        <f>'申請書（複数入力用）'!K2040</f>
        <v>a052r000000jS9ZAAU</v>
      </c>
      <c r="H2038" s="12" t="e">
        <f>'申請書（複数入力用）'!N2040</f>
        <v>#N/A</v>
      </c>
      <c r="I2038" s="12" t="e">
        <f>'申請書（複数入力用）'!O2040</f>
        <v>#N/A</v>
      </c>
      <c r="J2038" s="12">
        <f>'申請書（複数入力用）'!P2040</f>
        <v>1</v>
      </c>
    </row>
    <row r="2039" spans="1:10" ht="51.6" customHeight="1" x14ac:dyDescent="0.45">
      <c r="A2039" s="6">
        <f>'申請書（複数入力用）'!A2041</f>
        <v>2035</v>
      </c>
      <c r="B2039" s="13">
        <f>'申請書（複数入力用）'!AH2041</f>
        <v>0</v>
      </c>
      <c r="C2039" s="6">
        <f>'申請書（複数入力用）'!B2041</f>
        <v>0</v>
      </c>
      <c r="D2039" s="6">
        <f>'申請書（複数入力用）'!D2041</f>
        <v>0</v>
      </c>
      <c r="E2039" s="14">
        <f>'申請書（複数入力用）'!H2041</f>
        <v>0</v>
      </c>
      <c r="F2039" s="11" t="str">
        <f>'申請書（複数入力用）'!J2041</f>
        <v/>
      </c>
      <c r="G2039" s="6" t="str">
        <f>'申請書（複数入力用）'!K2041</f>
        <v>a052r000000jS9ZAAU</v>
      </c>
      <c r="H2039" s="12" t="e">
        <f>'申請書（複数入力用）'!N2041</f>
        <v>#N/A</v>
      </c>
      <c r="I2039" s="12" t="e">
        <f>'申請書（複数入力用）'!O2041</f>
        <v>#N/A</v>
      </c>
      <c r="J2039" s="12">
        <f>'申請書（複数入力用）'!P2041</f>
        <v>1</v>
      </c>
    </row>
    <row r="2040" spans="1:10" ht="51.6" customHeight="1" x14ac:dyDescent="0.45">
      <c r="A2040" s="6">
        <f>'申請書（複数入力用）'!A2042</f>
        <v>2036</v>
      </c>
      <c r="B2040" s="13">
        <f>'申請書（複数入力用）'!AH2042</f>
        <v>0</v>
      </c>
      <c r="C2040" s="6">
        <f>'申請書（複数入力用）'!B2042</f>
        <v>0</v>
      </c>
      <c r="D2040" s="6">
        <f>'申請書（複数入力用）'!D2042</f>
        <v>0</v>
      </c>
      <c r="E2040" s="14">
        <f>'申請書（複数入力用）'!H2042</f>
        <v>0</v>
      </c>
      <c r="F2040" s="11" t="str">
        <f>'申請書（複数入力用）'!J2042</f>
        <v/>
      </c>
      <c r="G2040" s="6" t="str">
        <f>'申請書（複数入力用）'!K2042</f>
        <v>a052r000000jS9ZAAU</v>
      </c>
      <c r="H2040" s="12" t="e">
        <f>'申請書（複数入力用）'!N2042</f>
        <v>#N/A</v>
      </c>
      <c r="I2040" s="12" t="e">
        <f>'申請書（複数入力用）'!O2042</f>
        <v>#N/A</v>
      </c>
      <c r="J2040" s="12">
        <f>'申請書（複数入力用）'!P2042</f>
        <v>1</v>
      </c>
    </row>
    <row r="2041" spans="1:10" ht="51.6" customHeight="1" x14ac:dyDescent="0.45">
      <c r="A2041" s="6">
        <f>'申請書（複数入力用）'!A2043</f>
        <v>2037</v>
      </c>
      <c r="B2041" s="13">
        <f>'申請書（複数入力用）'!AH2043</f>
        <v>0</v>
      </c>
      <c r="C2041" s="6">
        <f>'申請書（複数入力用）'!B2043</f>
        <v>0</v>
      </c>
      <c r="D2041" s="6">
        <f>'申請書（複数入力用）'!D2043</f>
        <v>0</v>
      </c>
      <c r="E2041" s="14">
        <f>'申請書（複数入力用）'!H2043</f>
        <v>0</v>
      </c>
      <c r="F2041" s="11" t="str">
        <f>'申請書（複数入力用）'!J2043</f>
        <v/>
      </c>
      <c r="G2041" s="6" t="str">
        <f>'申請書（複数入力用）'!K2043</f>
        <v>a052r000000jS9ZAAU</v>
      </c>
      <c r="H2041" s="12" t="e">
        <f>'申請書（複数入力用）'!N2043</f>
        <v>#N/A</v>
      </c>
      <c r="I2041" s="12" t="e">
        <f>'申請書（複数入力用）'!O2043</f>
        <v>#N/A</v>
      </c>
      <c r="J2041" s="12">
        <f>'申請書（複数入力用）'!P2043</f>
        <v>1</v>
      </c>
    </row>
    <row r="2042" spans="1:10" ht="51.6" customHeight="1" x14ac:dyDescent="0.45">
      <c r="A2042" s="6">
        <f>'申請書（複数入力用）'!A2044</f>
        <v>2038</v>
      </c>
      <c r="B2042" s="13">
        <f>'申請書（複数入力用）'!AH2044</f>
        <v>0</v>
      </c>
      <c r="C2042" s="6">
        <f>'申請書（複数入力用）'!B2044</f>
        <v>0</v>
      </c>
      <c r="D2042" s="6">
        <f>'申請書（複数入力用）'!D2044</f>
        <v>0</v>
      </c>
      <c r="E2042" s="14">
        <f>'申請書（複数入力用）'!H2044</f>
        <v>0</v>
      </c>
      <c r="F2042" s="11" t="str">
        <f>'申請書（複数入力用）'!J2044</f>
        <v/>
      </c>
      <c r="G2042" s="6" t="str">
        <f>'申請書（複数入力用）'!K2044</f>
        <v>a052r000000jS9ZAAU</v>
      </c>
      <c r="H2042" s="12" t="e">
        <f>'申請書（複数入力用）'!N2044</f>
        <v>#N/A</v>
      </c>
      <c r="I2042" s="12" t="e">
        <f>'申請書（複数入力用）'!O2044</f>
        <v>#N/A</v>
      </c>
      <c r="J2042" s="12">
        <f>'申請書（複数入力用）'!P2044</f>
        <v>1</v>
      </c>
    </row>
    <row r="2043" spans="1:10" ht="51.6" customHeight="1" x14ac:dyDescent="0.45">
      <c r="A2043" s="6">
        <f>'申請書（複数入力用）'!A2045</f>
        <v>2039</v>
      </c>
      <c r="B2043" s="13">
        <f>'申請書（複数入力用）'!AH2045</f>
        <v>0</v>
      </c>
      <c r="C2043" s="6">
        <f>'申請書（複数入力用）'!B2045</f>
        <v>0</v>
      </c>
      <c r="D2043" s="6">
        <f>'申請書（複数入力用）'!D2045</f>
        <v>0</v>
      </c>
      <c r="E2043" s="14">
        <f>'申請書（複数入力用）'!H2045</f>
        <v>0</v>
      </c>
      <c r="F2043" s="11" t="str">
        <f>'申請書（複数入力用）'!J2045</f>
        <v/>
      </c>
      <c r="G2043" s="6" t="str">
        <f>'申請書（複数入力用）'!K2045</f>
        <v>a052r000000jS9ZAAU</v>
      </c>
      <c r="H2043" s="12" t="e">
        <f>'申請書（複数入力用）'!N2045</f>
        <v>#N/A</v>
      </c>
      <c r="I2043" s="12" t="e">
        <f>'申請書（複数入力用）'!O2045</f>
        <v>#N/A</v>
      </c>
      <c r="J2043" s="12">
        <f>'申請書（複数入力用）'!P2045</f>
        <v>1</v>
      </c>
    </row>
    <row r="2044" spans="1:10" ht="51.6" customHeight="1" x14ac:dyDescent="0.45">
      <c r="A2044" s="6">
        <f>'申請書（複数入力用）'!A2046</f>
        <v>2040</v>
      </c>
      <c r="B2044" s="13">
        <f>'申請書（複数入力用）'!AH2046</f>
        <v>0</v>
      </c>
      <c r="C2044" s="6">
        <f>'申請書（複数入力用）'!B2046</f>
        <v>0</v>
      </c>
      <c r="D2044" s="6">
        <f>'申請書（複数入力用）'!D2046</f>
        <v>0</v>
      </c>
      <c r="E2044" s="14">
        <f>'申請書（複数入力用）'!H2046</f>
        <v>0</v>
      </c>
      <c r="F2044" s="11" t="str">
        <f>'申請書（複数入力用）'!J2046</f>
        <v/>
      </c>
      <c r="G2044" s="6" t="str">
        <f>'申請書（複数入力用）'!K2046</f>
        <v>a052r000000jS9ZAAU</v>
      </c>
      <c r="H2044" s="12" t="e">
        <f>'申請書（複数入力用）'!N2046</f>
        <v>#N/A</v>
      </c>
      <c r="I2044" s="12" t="e">
        <f>'申請書（複数入力用）'!O2046</f>
        <v>#N/A</v>
      </c>
      <c r="J2044" s="12">
        <f>'申請書（複数入力用）'!P2046</f>
        <v>1</v>
      </c>
    </row>
    <row r="2045" spans="1:10" ht="51.6" customHeight="1" x14ac:dyDescent="0.45">
      <c r="A2045" s="6">
        <f>'申請書（複数入力用）'!A2047</f>
        <v>2041</v>
      </c>
      <c r="B2045" s="13">
        <f>'申請書（複数入力用）'!AH2047</f>
        <v>0</v>
      </c>
      <c r="C2045" s="6">
        <f>'申請書（複数入力用）'!B2047</f>
        <v>0</v>
      </c>
      <c r="D2045" s="6">
        <f>'申請書（複数入力用）'!D2047</f>
        <v>0</v>
      </c>
      <c r="E2045" s="14">
        <f>'申請書（複数入力用）'!H2047</f>
        <v>0</v>
      </c>
      <c r="F2045" s="11" t="str">
        <f>'申請書（複数入力用）'!J2047</f>
        <v/>
      </c>
      <c r="G2045" s="6" t="str">
        <f>'申請書（複数入力用）'!K2047</f>
        <v>a052r000000jS9ZAAU</v>
      </c>
      <c r="H2045" s="12" t="e">
        <f>'申請書（複数入力用）'!N2047</f>
        <v>#N/A</v>
      </c>
      <c r="I2045" s="12" t="e">
        <f>'申請書（複数入力用）'!O2047</f>
        <v>#N/A</v>
      </c>
      <c r="J2045" s="12">
        <f>'申請書（複数入力用）'!P2047</f>
        <v>1</v>
      </c>
    </row>
    <row r="2046" spans="1:10" ht="51.6" customHeight="1" x14ac:dyDescent="0.45">
      <c r="A2046" s="6">
        <f>'申請書（複数入力用）'!A2048</f>
        <v>2042</v>
      </c>
      <c r="B2046" s="13">
        <f>'申請書（複数入力用）'!AH2048</f>
        <v>0</v>
      </c>
      <c r="C2046" s="6">
        <f>'申請書（複数入力用）'!B2048</f>
        <v>0</v>
      </c>
      <c r="D2046" s="6">
        <f>'申請書（複数入力用）'!D2048</f>
        <v>0</v>
      </c>
      <c r="E2046" s="14">
        <f>'申請書（複数入力用）'!H2048</f>
        <v>0</v>
      </c>
      <c r="F2046" s="11" t="str">
        <f>'申請書（複数入力用）'!J2048</f>
        <v/>
      </c>
      <c r="G2046" s="6" t="str">
        <f>'申請書（複数入力用）'!K2048</f>
        <v>a052r000000jS9ZAAU</v>
      </c>
      <c r="H2046" s="12" t="e">
        <f>'申請書（複数入力用）'!N2048</f>
        <v>#N/A</v>
      </c>
      <c r="I2046" s="12" t="e">
        <f>'申請書（複数入力用）'!O2048</f>
        <v>#N/A</v>
      </c>
      <c r="J2046" s="12">
        <f>'申請書（複数入力用）'!P2048</f>
        <v>1</v>
      </c>
    </row>
    <row r="2047" spans="1:10" ht="51.6" customHeight="1" x14ac:dyDescent="0.45">
      <c r="A2047" s="6">
        <f>'申請書（複数入力用）'!A2049</f>
        <v>2043</v>
      </c>
      <c r="B2047" s="13">
        <f>'申請書（複数入力用）'!AH2049</f>
        <v>0</v>
      </c>
      <c r="C2047" s="6">
        <f>'申請書（複数入力用）'!B2049</f>
        <v>0</v>
      </c>
      <c r="D2047" s="6">
        <f>'申請書（複数入力用）'!D2049</f>
        <v>0</v>
      </c>
      <c r="E2047" s="14">
        <f>'申請書（複数入力用）'!H2049</f>
        <v>0</v>
      </c>
      <c r="F2047" s="11" t="str">
        <f>'申請書（複数入力用）'!J2049</f>
        <v/>
      </c>
      <c r="G2047" s="6" t="str">
        <f>'申請書（複数入力用）'!K2049</f>
        <v>a052r000000jS9ZAAU</v>
      </c>
      <c r="H2047" s="12" t="e">
        <f>'申請書（複数入力用）'!N2049</f>
        <v>#N/A</v>
      </c>
      <c r="I2047" s="12" t="e">
        <f>'申請書（複数入力用）'!O2049</f>
        <v>#N/A</v>
      </c>
      <c r="J2047" s="12">
        <f>'申請書（複数入力用）'!P2049</f>
        <v>1</v>
      </c>
    </row>
    <row r="2048" spans="1:10" ht="51.6" customHeight="1" x14ac:dyDescent="0.45">
      <c r="A2048" s="6">
        <f>'申請書（複数入力用）'!A2050</f>
        <v>2044</v>
      </c>
      <c r="B2048" s="13">
        <f>'申請書（複数入力用）'!AH2050</f>
        <v>0</v>
      </c>
      <c r="C2048" s="6">
        <f>'申請書（複数入力用）'!B2050</f>
        <v>0</v>
      </c>
      <c r="D2048" s="6">
        <f>'申請書（複数入力用）'!D2050</f>
        <v>0</v>
      </c>
      <c r="E2048" s="14">
        <f>'申請書（複数入力用）'!H2050</f>
        <v>0</v>
      </c>
      <c r="F2048" s="11" t="str">
        <f>'申請書（複数入力用）'!J2050</f>
        <v/>
      </c>
      <c r="G2048" s="6" t="str">
        <f>'申請書（複数入力用）'!K2050</f>
        <v>a052r000000jS9ZAAU</v>
      </c>
      <c r="H2048" s="12" t="e">
        <f>'申請書（複数入力用）'!N2050</f>
        <v>#N/A</v>
      </c>
      <c r="I2048" s="12" t="e">
        <f>'申請書（複数入力用）'!O2050</f>
        <v>#N/A</v>
      </c>
      <c r="J2048" s="12">
        <f>'申請書（複数入力用）'!P2050</f>
        <v>1</v>
      </c>
    </row>
    <row r="2049" spans="1:10" ht="51.6" customHeight="1" x14ac:dyDescent="0.45">
      <c r="A2049" s="6">
        <f>'申請書（複数入力用）'!A2051</f>
        <v>2045</v>
      </c>
      <c r="B2049" s="13">
        <f>'申請書（複数入力用）'!AH2051</f>
        <v>0</v>
      </c>
      <c r="C2049" s="6">
        <f>'申請書（複数入力用）'!B2051</f>
        <v>0</v>
      </c>
      <c r="D2049" s="6">
        <f>'申請書（複数入力用）'!D2051</f>
        <v>0</v>
      </c>
      <c r="E2049" s="14">
        <f>'申請書（複数入力用）'!H2051</f>
        <v>0</v>
      </c>
      <c r="F2049" s="11" t="str">
        <f>'申請書（複数入力用）'!J2051</f>
        <v/>
      </c>
      <c r="G2049" s="6" t="str">
        <f>'申請書（複数入力用）'!K2051</f>
        <v>a052r000000jS9ZAAU</v>
      </c>
      <c r="H2049" s="12" t="e">
        <f>'申請書（複数入力用）'!N2051</f>
        <v>#N/A</v>
      </c>
      <c r="I2049" s="12" t="e">
        <f>'申請書（複数入力用）'!O2051</f>
        <v>#N/A</v>
      </c>
      <c r="J2049" s="12">
        <f>'申請書（複数入力用）'!P2051</f>
        <v>1</v>
      </c>
    </row>
    <row r="2050" spans="1:10" ht="51.6" customHeight="1" x14ac:dyDescent="0.45">
      <c r="A2050" s="6">
        <f>'申請書（複数入力用）'!A2052</f>
        <v>2046</v>
      </c>
      <c r="B2050" s="13">
        <f>'申請書（複数入力用）'!AH2052</f>
        <v>0</v>
      </c>
      <c r="C2050" s="6">
        <f>'申請書（複数入力用）'!B2052</f>
        <v>0</v>
      </c>
      <c r="D2050" s="6">
        <f>'申請書（複数入力用）'!D2052</f>
        <v>0</v>
      </c>
      <c r="E2050" s="14">
        <f>'申請書（複数入力用）'!H2052</f>
        <v>0</v>
      </c>
      <c r="F2050" s="11" t="str">
        <f>'申請書（複数入力用）'!J2052</f>
        <v/>
      </c>
      <c r="G2050" s="6" t="str">
        <f>'申請書（複数入力用）'!K2052</f>
        <v>a052r000000jS9ZAAU</v>
      </c>
      <c r="H2050" s="12" t="e">
        <f>'申請書（複数入力用）'!N2052</f>
        <v>#N/A</v>
      </c>
      <c r="I2050" s="12" t="e">
        <f>'申請書（複数入力用）'!O2052</f>
        <v>#N/A</v>
      </c>
      <c r="J2050" s="12">
        <f>'申請書（複数入力用）'!P2052</f>
        <v>1</v>
      </c>
    </row>
    <row r="2051" spans="1:10" ht="51.6" customHeight="1" x14ac:dyDescent="0.45">
      <c r="A2051" s="6">
        <f>'申請書（複数入力用）'!A2053</f>
        <v>2047</v>
      </c>
      <c r="B2051" s="13">
        <f>'申請書（複数入力用）'!AH2053</f>
        <v>0</v>
      </c>
      <c r="C2051" s="6">
        <f>'申請書（複数入力用）'!B2053</f>
        <v>0</v>
      </c>
      <c r="D2051" s="6">
        <f>'申請書（複数入力用）'!D2053</f>
        <v>0</v>
      </c>
      <c r="E2051" s="14">
        <f>'申請書（複数入力用）'!H2053</f>
        <v>0</v>
      </c>
      <c r="F2051" s="11" t="str">
        <f>'申請書（複数入力用）'!J2053</f>
        <v/>
      </c>
      <c r="G2051" s="6" t="str">
        <f>'申請書（複数入力用）'!K2053</f>
        <v>a052r000000jS9ZAAU</v>
      </c>
      <c r="H2051" s="12" t="e">
        <f>'申請書（複数入力用）'!N2053</f>
        <v>#N/A</v>
      </c>
      <c r="I2051" s="12" t="e">
        <f>'申請書（複数入力用）'!O2053</f>
        <v>#N/A</v>
      </c>
      <c r="J2051" s="12">
        <f>'申請書（複数入力用）'!P2053</f>
        <v>1</v>
      </c>
    </row>
    <row r="2052" spans="1:10" ht="51.6" customHeight="1" x14ac:dyDescent="0.45">
      <c r="A2052" s="6">
        <f>'申請書（複数入力用）'!A2054</f>
        <v>2048</v>
      </c>
      <c r="B2052" s="13">
        <f>'申請書（複数入力用）'!AH2054</f>
        <v>0</v>
      </c>
      <c r="C2052" s="6">
        <f>'申請書（複数入力用）'!B2054</f>
        <v>0</v>
      </c>
      <c r="D2052" s="6">
        <f>'申請書（複数入力用）'!D2054</f>
        <v>0</v>
      </c>
      <c r="E2052" s="14">
        <f>'申請書（複数入力用）'!H2054</f>
        <v>0</v>
      </c>
      <c r="F2052" s="11" t="str">
        <f>'申請書（複数入力用）'!J2054</f>
        <v/>
      </c>
      <c r="G2052" s="6" t="str">
        <f>'申請書（複数入力用）'!K2054</f>
        <v>a052r000000jS9ZAAU</v>
      </c>
      <c r="H2052" s="12" t="e">
        <f>'申請書（複数入力用）'!N2054</f>
        <v>#N/A</v>
      </c>
      <c r="I2052" s="12" t="e">
        <f>'申請書（複数入力用）'!O2054</f>
        <v>#N/A</v>
      </c>
      <c r="J2052" s="12">
        <f>'申請書（複数入力用）'!P2054</f>
        <v>1</v>
      </c>
    </row>
    <row r="2053" spans="1:10" ht="51.6" customHeight="1" x14ac:dyDescent="0.45">
      <c r="A2053" s="6">
        <f>'申請書（複数入力用）'!A2055</f>
        <v>2049</v>
      </c>
      <c r="B2053" s="13">
        <f>'申請書（複数入力用）'!AH2055</f>
        <v>0</v>
      </c>
      <c r="C2053" s="6">
        <f>'申請書（複数入力用）'!B2055</f>
        <v>0</v>
      </c>
      <c r="D2053" s="6">
        <f>'申請書（複数入力用）'!D2055</f>
        <v>0</v>
      </c>
      <c r="E2053" s="14">
        <f>'申請書（複数入力用）'!H2055</f>
        <v>0</v>
      </c>
      <c r="F2053" s="11" t="str">
        <f>'申請書（複数入力用）'!J2055</f>
        <v/>
      </c>
      <c r="G2053" s="6" t="str">
        <f>'申請書（複数入力用）'!K2055</f>
        <v>a052r000000jS9ZAAU</v>
      </c>
      <c r="H2053" s="12" t="e">
        <f>'申請書（複数入力用）'!N2055</f>
        <v>#N/A</v>
      </c>
      <c r="I2053" s="12" t="e">
        <f>'申請書（複数入力用）'!O2055</f>
        <v>#N/A</v>
      </c>
      <c r="J2053" s="12">
        <f>'申請書（複数入力用）'!P2055</f>
        <v>1</v>
      </c>
    </row>
    <row r="2054" spans="1:10" ht="51.6" customHeight="1" x14ac:dyDescent="0.45">
      <c r="A2054" s="6">
        <f>'申請書（複数入力用）'!A2056</f>
        <v>2050</v>
      </c>
      <c r="B2054" s="13">
        <f>'申請書（複数入力用）'!AH2056</f>
        <v>0</v>
      </c>
      <c r="C2054" s="6">
        <f>'申請書（複数入力用）'!B2056</f>
        <v>0</v>
      </c>
      <c r="D2054" s="6">
        <f>'申請書（複数入力用）'!D2056</f>
        <v>0</v>
      </c>
      <c r="E2054" s="14">
        <f>'申請書（複数入力用）'!H2056</f>
        <v>0</v>
      </c>
      <c r="F2054" s="11" t="str">
        <f>'申請書（複数入力用）'!J2056</f>
        <v/>
      </c>
      <c r="G2054" s="6" t="str">
        <f>'申請書（複数入力用）'!K2056</f>
        <v>a052r000000jS9ZAAU</v>
      </c>
      <c r="H2054" s="12" t="e">
        <f>'申請書（複数入力用）'!N2056</f>
        <v>#N/A</v>
      </c>
      <c r="I2054" s="12" t="e">
        <f>'申請書（複数入力用）'!O2056</f>
        <v>#N/A</v>
      </c>
      <c r="J2054" s="12">
        <f>'申請書（複数入力用）'!P2056</f>
        <v>1</v>
      </c>
    </row>
    <row r="2055" spans="1:10" ht="51.6" customHeight="1" x14ac:dyDescent="0.45">
      <c r="A2055" s="6">
        <f>'申請書（複数入力用）'!A2057</f>
        <v>2051</v>
      </c>
      <c r="B2055" s="13">
        <f>'申請書（複数入力用）'!AH2057</f>
        <v>0</v>
      </c>
      <c r="C2055" s="6">
        <f>'申請書（複数入力用）'!B2057</f>
        <v>0</v>
      </c>
      <c r="D2055" s="6">
        <f>'申請書（複数入力用）'!D2057</f>
        <v>0</v>
      </c>
      <c r="E2055" s="14">
        <f>'申請書（複数入力用）'!H2057</f>
        <v>0</v>
      </c>
      <c r="F2055" s="11" t="str">
        <f>'申請書（複数入力用）'!J2057</f>
        <v/>
      </c>
      <c r="G2055" s="6" t="str">
        <f>'申請書（複数入力用）'!K2057</f>
        <v>a052r000000jS9ZAAU</v>
      </c>
      <c r="H2055" s="12" t="e">
        <f>'申請書（複数入力用）'!N2057</f>
        <v>#N/A</v>
      </c>
      <c r="I2055" s="12" t="e">
        <f>'申請書（複数入力用）'!O2057</f>
        <v>#N/A</v>
      </c>
      <c r="J2055" s="12">
        <f>'申請書（複数入力用）'!P2057</f>
        <v>1</v>
      </c>
    </row>
    <row r="2056" spans="1:10" ht="51.6" customHeight="1" x14ac:dyDescent="0.45">
      <c r="A2056" s="6">
        <f>'申請書（複数入力用）'!A2058</f>
        <v>2052</v>
      </c>
      <c r="B2056" s="13">
        <f>'申請書（複数入力用）'!AH2058</f>
        <v>0</v>
      </c>
      <c r="C2056" s="6">
        <f>'申請書（複数入力用）'!B2058</f>
        <v>0</v>
      </c>
      <c r="D2056" s="6">
        <f>'申請書（複数入力用）'!D2058</f>
        <v>0</v>
      </c>
      <c r="E2056" s="14">
        <f>'申請書（複数入力用）'!H2058</f>
        <v>0</v>
      </c>
      <c r="F2056" s="11" t="str">
        <f>'申請書（複数入力用）'!J2058</f>
        <v/>
      </c>
      <c r="G2056" s="6" t="str">
        <f>'申請書（複数入力用）'!K2058</f>
        <v>a052r000000jS9ZAAU</v>
      </c>
      <c r="H2056" s="12" t="e">
        <f>'申請書（複数入力用）'!N2058</f>
        <v>#N/A</v>
      </c>
      <c r="I2056" s="12" t="e">
        <f>'申請書（複数入力用）'!O2058</f>
        <v>#N/A</v>
      </c>
      <c r="J2056" s="12">
        <f>'申請書（複数入力用）'!P2058</f>
        <v>1</v>
      </c>
    </row>
    <row r="2057" spans="1:10" ht="51.6" customHeight="1" x14ac:dyDescent="0.45">
      <c r="A2057" s="6">
        <f>'申請書（複数入力用）'!A2059</f>
        <v>2053</v>
      </c>
      <c r="B2057" s="13">
        <f>'申請書（複数入力用）'!AH2059</f>
        <v>0</v>
      </c>
      <c r="C2057" s="6">
        <f>'申請書（複数入力用）'!B2059</f>
        <v>0</v>
      </c>
      <c r="D2057" s="6">
        <f>'申請書（複数入力用）'!D2059</f>
        <v>0</v>
      </c>
      <c r="E2057" s="14">
        <f>'申請書（複数入力用）'!H2059</f>
        <v>0</v>
      </c>
      <c r="F2057" s="11" t="str">
        <f>'申請書（複数入力用）'!J2059</f>
        <v/>
      </c>
      <c r="G2057" s="6" t="str">
        <f>'申請書（複数入力用）'!K2059</f>
        <v>a052r000000jS9ZAAU</v>
      </c>
      <c r="H2057" s="12" t="e">
        <f>'申請書（複数入力用）'!N2059</f>
        <v>#N/A</v>
      </c>
      <c r="I2057" s="12" t="e">
        <f>'申請書（複数入力用）'!O2059</f>
        <v>#N/A</v>
      </c>
      <c r="J2057" s="12">
        <f>'申請書（複数入力用）'!P2059</f>
        <v>1</v>
      </c>
    </row>
    <row r="2058" spans="1:10" ht="51.6" customHeight="1" x14ac:dyDescent="0.45">
      <c r="A2058" s="6">
        <f>'申請書（複数入力用）'!A2060</f>
        <v>2054</v>
      </c>
      <c r="B2058" s="13">
        <f>'申請書（複数入力用）'!AH2060</f>
        <v>0</v>
      </c>
      <c r="C2058" s="6">
        <f>'申請書（複数入力用）'!B2060</f>
        <v>0</v>
      </c>
      <c r="D2058" s="6">
        <f>'申請書（複数入力用）'!D2060</f>
        <v>0</v>
      </c>
      <c r="E2058" s="14">
        <f>'申請書（複数入力用）'!H2060</f>
        <v>0</v>
      </c>
      <c r="F2058" s="11" t="str">
        <f>'申請書（複数入力用）'!J2060</f>
        <v/>
      </c>
      <c r="G2058" s="6" t="str">
        <f>'申請書（複数入力用）'!K2060</f>
        <v>a052r000000jS9ZAAU</v>
      </c>
      <c r="H2058" s="12" t="e">
        <f>'申請書（複数入力用）'!N2060</f>
        <v>#N/A</v>
      </c>
      <c r="I2058" s="12" t="e">
        <f>'申請書（複数入力用）'!O2060</f>
        <v>#N/A</v>
      </c>
      <c r="J2058" s="12">
        <f>'申請書（複数入力用）'!P2060</f>
        <v>1</v>
      </c>
    </row>
    <row r="2059" spans="1:10" ht="51.6" customHeight="1" x14ac:dyDescent="0.45">
      <c r="A2059" s="6">
        <f>'申請書（複数入力用）'!A2061</f>
        <v>2055</v>
      </c>
      <c r="B2059" s="13">
        <f>'申請書（複数入力用）'!AH2061</f>
        <v>0</v>
      </c>
      <c r="C2059" s="6">
        <f>'申請書（複数入力用）'!B2061</f>
        <v>0</v>
      </c>
      <c r="D2059" s="6">
        <f>'申請書（複数入力用）'!D2061</f>
        <v>0</v>
      </c>
      <c r="E2059" s="14">
        <f>'申請書（複数入力用）'!H2061</f>
        <v>0</v>
      </c>
      <c r="F2059" s="11" t="str">
        <f>'申請書（複数入力用）'!J2061</f>
        <v/>
      </c>
      <c r="G2059" s="6" t="str">
        <f>'申請書（複数入力用）'!K2061</f>
        <v>a052r000000jS9ZAAU</v>
      </c>
      <c r="H2059" s="12" t="e">
        <f>'申請書（複数入力用）'!N2061</f>
        <v>#N/A</v>
      </c>
      <c r="I2059" s="12" t="e">
        <f>'申請書（複数入力用）'!O2061</f>
        <v>#N/A</v>
      </c>
      <c r="J2059" s="12">
        <f>'申請書（複数入力用）'!P2061</f>
        <v>1</v>
      </c>
    </row>
    <row r="2060" spans="1:10" ht="51.6" customHeight="1" x14ac:dyDescent="0.45">
      <c r="A2060" s="6">
        <f>'申請書（複数入力用）'!A2062</f>
        <v>2056</v>
      </c>
      <c r="B2060" s="13">
        <f>'申請書（複数入力用）'!AH2062</f>
        <v>0</v>
      </c>
      <c r="C2060" s="6">
        <f>'申請書（複数入力用）'!B2062</f>
        <v>0</v>
      </c>
      <c r="D2060" s="6">
        <f>'申請書（複数入力用）'!D2062</f>
        <v>0</v>
      </c>
      <c r="E2060" s="14">
        <f>'申請書（複数入力用）'!H2062</f>
        <v>0</v>
      </c>
      <c r="F2060" s="11" t="str">
        <f>'申請書（複数入力用）'!J2062</f>
        <v/>
      </c>
      <c r="G2060" s="6" t="str">
        <f>'申請書（複数入力用）'!K2062</f>
        <v>a052r000000jS9ZAAU</v>
      </c>
      <c r="H2060" s="12" t="e">
        <f>'申請書（複数入力用）'!N2062</f>
        <v>#N/A</v>
      </c>
      <c r="I2060" s="12" t="e">
        <f>'申請書（複数入力用）'!O2062</f>
        <v>#N/A</v>
      </c>
      <c r="J2060" s="12">
        <f>'申請書（複数入力用）'!P2062</f>
        <v>1</v>
      </c>
    </row>
    <row r="2061" spans="1:10" ht="51.6" customHeight="1" x14ac:dyDescent="0.45">
      <c r="A2061" s="6">
        <f>'申請書（複数入力用）'!A2063</f>
        <v>2057</v>
      </c>
      <c r="B2061" s="13">
        <f>'申請書（複数入力用）'!AH2063</f>
        <v>0</v>
      </c>
      <c r="C2061" s="6">
        <f>'申請書（複数入力用）'!B2063</f>
        <v>0</v>
      </c>
      <c r="D2061" s="6">
        <f>'申請書（複数入力用）'!D2063</f>
        <v>0</v>
      </c>
      <c r="E2061" s="14">
        <f>'申請書（複数入力用）'!H2063</f>
        <v>0</v>
      </c>
      <c r="F2061" s="11" t="str">
        <f>'申請書（複数入力用）'!J2063</f>
        <v/>
      </c>
      <c r="G2061" s="6" t="str">
        <f>'申請書（複数入力用）'!K2063</f>
        <v>a052r000000jS9ZAAU</v>
      </c>
      <c r="H2061" s="12" t="e">
        <f>'申請書（複数入力用）'!N2063</f>
        <v>#N/A</v>
      </c>
      <c r="I2061" s="12" t="e">
        <f>'申請書（複数入力用）'!O2063</f>
        <v>#N/A</v>
      </c>
      <c r="J2061" s="12">
        <f>'申請書（複数入力用）'!P2063</f>
        <v>1</v>
      </c>
    </row>
    <row r="2062" spans="1:10" ht="51.6" customHeight="1" x14ac:dyDescent="0.45">
      <c r="A2062" s="6">
        <f>'申請書（複数入力用）'!A2064</f>
        <v>2058</v>
      </c>
      <c r="B2062" s="13">
        <f>'申請書（複数入力用）'!AH2064</f>
        <v>0</v>
      </c>
      <c r="C2062" s="6">
        <f>'申請書（複数入力用）'!B2064</f>
        <v>0</v>
      </c>
      <c r="D2062" s="6">
        <f>'申請書（複数入力用）'!D2064</f>
        <v>0</v>
      </c>
      <c r="E2062" s="14">
        <f>'申請書（複数入力用）'!H2064</f>
        <v>0</v>
      </c>
      <c r="F2062" s="11" t="str">
        <f>'申請書（複数入力用）'!J2064</f>
        <v/>
      </c>
      <c r="G2062" s="6" t="str">
        <f>'申請書（複数入力用）'!K2064</f>
        <v>a052r000000jS9ZAAU</v>
      </c>
      <c r="H2062" s="12" t="e">
        <f>'申請書（複数入力用）'!N2064</f>
        <v>#N/A</v>
      </c>
      <c r="I2062" s="12" t="e">
        <f>'申請書（複数入力用）'!O2064</f>
        <v>#N/A</v>
      </c>
      <c r="J2062" s="12">
        <f>'申請書（複数入力用）'!P2064</f>
        <v>1</v>
      </c>
    </row>
    <row r="2063" spans="1:10" ht="51.6" customHeight="1" x14ac:dyDescent="0.45">
      <c r="A2063" s="6">
        <f>'申請書（複数入力用）'!A2065</f>
        <v>2059</v>
      </c>
      <c r="B2063" s="13">
        <f>'申請書（複数入力用）'!AH2065</f>
        <v>0</v>
      </c>
      <c r="C2063" s="6">
        <f>'申請書（複数入力用）'!B2065</f>
        <v>0</v>
      </c>
      <c r="D2063" s="6">
        <f>'申請書（複数入力用）'!D2065</f>
        <v>0</v>
      </c>
      <c r="E2063" s="14">
        <f>'申請書（複数入力用）'!H2065</f>
        <v>0</v>
      </c>
      <c r="F2063" s="11" t="str">
        <f>'申請書（複数入力用）'!J2065</f>
        <v/>
      </c>
      <c r="G2063" s="6" t="str">
        <f>'申請書（複数入力用）'!K2065</f>
        <v>a052r000000jS9ZAAU</v>
      </c>
      <c r="H2063" s="12" t="e">
        <f>'申請書（複数入力用）'!N2065</f>
        <v>#N/A</v>
      </c>
      <c r="I2063" s="12" t="e">
        <f>'申請書（複数入力用）'!O2065</f>
        <v>#N/A</v>
      </c>
      <c r="J2063" s="12">
        <f>'申請書（複数入力用）'!P2065</f>
        <v>1</v>
      </c>
    </row>
    <row r="2064" spans="1:10" ht="51.6" customHeight="1" x14ac:dyDescent="0.45">
      <c r="A2064" s="6">
        <f>'申請書（複数入力用）'!A2066</f>
        <v>2060</v>
      </c>
      <c r="B2064" s="13">
        <f>'申請書（複数入力用）'!AH2066</f>
        <v>0</v>
      </c>
      <c r="C2064" s="6">
        <f>'申請書（複数入力用）'!B2066</f>
        <v>0</v>
      </c>
      <c r="D2064" s="6">
        <f>'申請書（複数入力用）'!D2066</f>
        <v>0</v>
      </c>
      <c r="E2064" s="14">
        <f>'申請書（複数入力用）'!H2066</f>
        <v>0</v>
      </c>
      <c r="F2064" s="11" t="str">
        <f>'申請書（複数入力用）'!J2066</f>
        <v/>
      </c>
      <c r="G2064" s="6" t="str">
        <f>'申請書（複数入力用）'!K2066</f>
        <v>a052r000000jS9ZAAU</v>
      </c>
      <c r="H2064" s="12" t="e">
        <f>'申請書（複数入力用）'!N2066</f>
        <v>#N/A</v>
      </c>
      <c r="I2064" s="12" t="e">
        <f>'申請書（複数入力用）'!O2066</f>
        <v>#N/A</v>
      </c>
      <c r="J2064" s="12">
        <f>'申請書（複数入力用）'!P2066</f>
        <v>1</v>
      </c>
    </row>
    <row r="2065" spans="1:10" ht="51.6" customHeight="1" x14ac:dyDescent="0.45">
      <c r="A2065" s="6">
        <f>'申請書（複数入力用）'!A2067</f>
        <v>2061</v>
      </c>
      <c r="B2065" s="13">
        <f>'申請書（複数入力用）'!AH2067</f>
        <v>0</v>
      </c>
      <c r="C2065" s="6">
        <f>'申請書（複数入力用）'!B2067</f>
        <v>0</v>
      </c>
      <c r="D2065" s="6">
        <f>'申請書（複数入力用）'!D2067</f>
        <v>0</v>
      </c>
      <c r="E2065" s="14">
        <f>'申請書（複数入力用）'!H2067</f>
        <v>0</v>
      </c>
      <c r="F2065" s="11" t="str">
        <f>'申請書（複数入力用）'!J2067</f>
        <v/>
      </c>
      <c r="G2065" s="6" t="str">
        <f>'申請書（複数入力用）'!K2067</f>
        <v>a052r000000jS9ZAAU</v>
      </c>
      <c r="H2065" s="12" t="e">
        <f>'申請書（複数入力用）'!N2067</f>
        <v>#N/A</v>
      </c>
      <c r="I2065" s="12" t="e">
        <f>'申請書（複数入力用）'!O2067</f>
        <v>#N/A</v>
      </c>
      <c r="J2065" s="12">
        <f>'申請書（複数入力用）'!P2067</f>
        <v>1</v>
      </c>
    </row>
    <row r="2066" spans="1:10" ht="51.6" customHeight="1" x14ac:dyDescent="0.45">
      <c r="A2066" s="6">
        <f>'申請書（複数入力用）'!A2068</f>
        <v>2062</v>
      </c>
      <c r="B2066" s="13">
        <f>'申請書（複数入力用）'!AH2068</f>
        <v>0</v>
      </c>
      <c r="C2066" s="6">
        <f>'申請書（複数入力用）'!B2068</f>
        <v>0</v>
      </c>
      <c r="D2066" s="6">
        <f>'申請書（複数入力用）'!D2068</f>
        <v>0</v>
      </c>
      <c r="E2066" s="14">
        <f>'申請書（複数入力用）'!H2068</f>
        <v>0</v>
      </c>
      <c r="F2066" s="11" t="str">
        <f>'申請書（複数入力用）'!J2068</f>
        <v/>
      </c>
      <c r="G2066" s="6" t="str">
        <f>'申請書（複数入力用）'!K2068</f>
        <v>a052r000000jS9ZAAU</v>
      </c>
      <c r="H2066" s="12" t="e">
        <f>'申請書（複数入力用）'!N2068</f>
        <v>#N/A</v>
      </c>
      <c r="I2066" s="12" t="e">
        <f>'申請書（複数入力用）'!O2068</f>
        <v>#N/A</v>
      </c>
      <c r="J2066" s="12">
        <f>'申請書（複数入力用）'!P2068</f>
        <v>1</v>
      </c>
    </row>
    <row r="2067" spans="1:10" ht="51.6" customHeight="1" x14ac:dyDescent="0.45">
      <c r="A2067" s="6">
        <f>'申請書（複数入力用）'!A2069</f>
        <v>2063</v>
      </c>
      <c r="B2067" s="13">
        <f>'申請書（複数入力用）'!AH2069</f>
        <v>0</v>
      </c>
      <c r="C2067" s="6">
        <f>'申請書（複数入力用）'!B2069</f>
        <v>0</v>
      </c>
      <c r="D2067" s="6">
        <f>'申請書（複数入力用）'!D2069</f>
        <v>0</v>
      </c>
      <c r="E2067" s="14">
        <f>'申請書（複数入力用）'!H2069</f>
        <v>0</v>
      </c>
      <c r="F2067" s="11" t="str">
        <f>'申請書（複数入力用）'!J2069</f>
        <v/>
      </c>
      <c r="G2067" s="6" t="str">
        <f>'申請書（複数入力用）'!K2069</f>
        <v>a052r000000jS9ZAAU</v>
      </c>
      <c r="H2067" s="12" t="e">
        <f>'申請書（複数入力用）'!N2069</f>
        <v>#N/A</v>
      </c>
      <c r="I2067" s="12" t="e">
        <f>'申請書（複数入力用）'!O2069</f>
        <v>#N/A</v>
      </c>
      <c r="J2067" s="12">
        <f>'申請書（複数入力用）'!P2069</f>
        <v>1</v>
      </c>
    </row>
    <row r="2068" spans="1:10" ht="51.6" customHeight="1" x14ac:dyDescent="0.45">
      <c r="A2068" s="6">
        <f>'申請書（複数入力用）'!A2070</f>
        <v>2064</v>
      </c>
      <c r="B2068" s="13">
        <f>'申請書（複数入力用）'!AH2070</f>
        <v>0</v>
      </c>
      <c r="C2068" s="6">
        <f>'申請書（複数入力用）'!B2070</f>
        <v>0</v>
      </c>
      <c r="D2068" s="6">
        <f>'申請書（複数入力用）'!D2070</f>
        <v>0</v>
      </c>
      <c r="E2068" s="14">
        <f>'申請書（複数入力用）'!H2070</f>
        <v>0</v>
      </c>
      <c r="F2068" s="11" t="str">
        <f>'申請書（複数入力用）'!J2070</f>
        <v/>
      </c>
      <c r="G2068" s="6" t="str">
        <f>'申請書（複数入力用）'!K2070</f>
        <v>a052r000000jS9ZAAU</v>
      </c>
      <c r="H2068" s="12" t="e">
        <f>'申請書（複数入力用）'!N2070</f>
        <v>#N/A</v>
      </c>
      <c r="I2068" s="12" t="e">
        <f>'申請書（複数入力用）'!O2070</f>
        <v>#N/A</v>
      </c>
      <c r="J2068" s="12">
        <f>'申請書（複数入力用）'!P2070</f>
        <v>1</v>
      </c>
    </row>
    <row r="2069" spans="1:10" ht="51.6" customHeight="1" x14ac:dyDescent="0.45">
      <c r="A2069" s="6">
        <f>'申請書（複数入力用）'!A2071</f>
        <v>2065</v>
      </c>
      <c r="B2069" s="13">
        <f>'申請書（複数入力用）'!AH2071</f>
        <v>0</v>
      </c>
      <c r="C2069" s="6">
        <f>'申請書（複数入力用）'!B2071</f>
        <v>0</v>
      </c>
      <c r="D2069" s="6">
        <f>'申請書（複数入力用）'!D2071</f>
        <v>0</v>
      </c>
      <c r="E2069" s="14">
        <f>'申請書（複数入力用）'!H2071</f>
        <v>0</v>
      </c>
      <c r="F2069" s="11" t="str">
        <f>'申請書（複数入力用）'!J2071</f>
        <v/>
      </c>
      <c r="G2069" s="6" t="str">
        <f>'申請書（複数入力用）'!K2071</f>
        <v>a052r000000jS9ZAAU</v>
      </c>
      <c r="H2069" s="12" t="e">
        <f>'申請書（複数入力用）'!N2071</f>
        <v>#N/A</v>
      </c>
      <c r="I2069" s="12" t="e">
        <f>'申請書（複数入力用）'!O2071</f>
        <v>#N/A</v>
      </c>
      <c r="J2069" s="12">
        <f>'申請書（複数入力用）'!P2071</f>
        <v>1</v>
      </c>
    </row>
    <row r="2070" spans="1:10" ht="51.6" customHeight="1" x14ac:dyDescent="0.45">
      <c r="A2070" s="6">
        <f>'申請書（複数入力用）'!A2072</f>
        <v>2066</v>
      </c>
      <c r="B2070" s="13">
        <f>'申請書（複数入力用）'!AH2072</f>
        <v>0</v>
      </c>
      <c r="C2070" s="6">
        <f>'申請書（複数入力用）'!B2072</f>
        <v>0</v>
      </c>
      <c r="D2070" s="6">
        <f>'申請書（複数入力用）'!D2072</f>
        <v>0</v>
      </c>
      <c r="E2070" s="14">
        <f>'申請書（複数入力用）'!H2072</f>
        <v>0</v>
      </c>
      <c r="F2070" s="11" t="str">
        <f>'申請書（複数入力用）'!J2072</f>
        <v/>
      </c>
      <c r="G2070" s="6" t="str">
        <f>'申請書（複数入力用）'!K2072</f>
        <v>a052r000000jS9ZAAU</v>
      </c>
      <c r="H2070" s="12" t="e">
        <f>'申請書（複数入力用）'!N2072</f>
        <v>#N/A</v>
      </c>
      <c r="I2070" s="12" t="e">
        <f>'申請書（複数入力用）'!O2072</f>
        <v>#N/A</v>
      </c>
      <c r="J2070" s="12">
        <f>'申請書（複数入力用）'!P2072</f>
        <v>1</v>
      </c>
    </row>
    <row r="2071" spans="1:10" ht="51.6" customHeight="1" x14ac:dyDescent="0.45">
      <c r="A2071" s="6">
        <f>'申請書（複数入力用）'!A2073</f>
        <v>2067</v>
      </c>
      <c r="B2071" s="13">
        <f>'申請書（複数入力用）'!AH2073</f>
        <v>0</v>
      </c>
      <c r="C2071" s="6">
        <f>'申請書（複数入力用）'!B2073</f>
        <v>0</v>
      </c>
      <c r="D2071" s="6">
        <f>'申請書（複数入力用）'!D2073</f>
        <v>0</v>
      </c>
      <c r="E2071" s="14">
        <f>'申請書（複数入力用）'!H2073</f>
        <v>0</v>
      </c>
      <c r="F2071" s="11" t="str">
        <f>'申請書（複数入力用）'!J2073</f>
        <v/>
      </c>
      <c r="G2071" s="6" t="str">
        <f>'申請書（複数入力用）'!K2073</f>
        <v>a052r000000jS9ZAAU</v>
      </c>
      <c r="H2071" s="12" t="e">
        <f>'申請書（複数入力用）'!N2073</f>
        <v>#N/A</v>
      </c>
      <c r="I2071" s="12" t="e">
        <f>'申請書（複数入力用）'!O2073</f>
        <v>#N/A</v>
      </c>
      <c r="J2071" s="12">
        <f>'申請書（複数入力用）'!P2073</f>
        <v>1</v>
      </c>
    </row>
    <row r="2072" spans="1:10" ht="51.6" customHeight="1" x14ac:dyDescent="0.45">
      <c r="A2072" s="6">
        <f>'申請書（複数入力用）'!A2074</f>
        <v>2068</v>
      </c>
      <c r="B2072" s="13">
        <f>'申請書（複数入力用）'!AH2074</f>
        <v>0</v>
      </c>
      <c r="C2072" s="6">
        <f>'申請書（複数入力用）'!B2074</f>
        <v>0</v>
      </c>
      <c r="D2072" s="6">
        <f>'申請書（複数入力用）'!D2074</f>
        <v>0</v>
      </c>
      <c r="E2072" s="14">
        <f>'申請書（複数入力用）'!H2074</f>
        <v>0</v>
      </c>
      <c r="F2072" s="11" t="str">
        <f>'申請書（複数入力用）'!J2074</f>
        <v/>
      </c>
      <c r="G2072" s="6" t="str">
        <f>'申請書（複数入力用）'!K2074</f>
        <v>a052r000000jS9ZAAU</v>
      </c>
      <c r="H2072" s="12" t="e">
        <f>'申請書（複数入力用）'!N2074</f>
        <v>#N/A</v>
      </c>
      <c r="I2072" s="12" t="e">
        <f>'申請書（複数入力用）'!O2074</f>
        <v>#N/A</v>
      </c>
      <c r="J2072" s="12">
        <f>'申請書（複数入力用）'!P2074</f>
        <v>1</v>
      </c>
    </row>
    <row r="2073" spans="1:10" ht="51.6" customHeight="1" x14ac:dyDescent="0.45">
      <c r="A2073" s="6">
        <f>'申請書（複数入力用）'!A2075</f>
        <v>2069</v>
      </c>
      <c r="B2073" s="13">
        <f>'申請書（複数入力用）'!AH2075</f>
        <v>0</v>
      </c>
      <c r="C2073" s="6">
        <f>'申請書（複数入力用）'!B2075</f>
        <v>0</v>
      </c>
      <c r="D2073" s="6">
        <f>'申請書（複数入力用）'!D2075</f>
        <v>0</v>
      </c>
      <c r="E2073" s="14">
        <f>'申請書（複数入力用）'!H2075</f>
        <v>0</v>
      </c>
      <c r="F2073" s="11" t="str">
        <f>'申請書（複数入力用）'!J2075</f>
        <v/>
      </c>
      <c r="G2073" s="6" t="str">
        <f>'申請書（複数入力用）'!K2075</f>
        <v>a052r000000jS9ZAAU</v>
      </c>
      <c r="H2073" s="12" t="e">
        <f>'申請書（複数入力用）'!N2075</f>
        <v>#N/A</v>
      </c>
      <c r="I2073" s="12" t="e">
        <f>'申請書（複数入力用）'!O2075</f>
        <v>#N/A</v>
      </c>
      <c r="J2073" s="12">
        <f>'申請書（複数入力用）'!P2075</f>
        <v>1</v>
      </c>
    </row>
    <row r="2074" spans="1:10" ht="51.6" customHeight="1" x14ac:dyDescent="0.45">
      <c r="A2074" s="6">
        <f>'申請書（複数入力用）'!A2076</f>
        <v>2070</v>
      </c>
      <c r="B2074" s="13">
        <f>'申請書（複数入力用）'!AH2076</f>
        <v>0</v>
      </c>
      <c r="C2074" s="6">
        <f>'申請書（複数入力用）'!B2076</f>
        <v>0</v>
      </c>
      <c r="D2074" s="6">
        <f>'申請書（複数入力用）'!D2076</f>
        <v>0</v>
      </c>
      <c r="E2074" s="14">
        <f>'申請書（複数入力用）'!H2076</f>
        <v>0</v>
      </c>
      <c r="F2074" s="11" t="str">
        <f>'申請書（複数入力用）'!J2076</f>
        <v/>
      </c>
      <c r="G2074" s="6" t="str">
        <f>'申請書（複数入力用）'!K2076</f>
        <v>a052r000000jS9ZAAU</v>
      </c>
      <c r="H2074" s="12" t="e">
        <f>'申請書（複数入力用）'!N2076</f>
        <v>#N/A</v>
      </c>
      <c r="I2074" s="12" t="e">
        <f>'申請書（複数入力用）'!O2076</f>
        <v>#N/A</v>
      </c>
      <c r="J2074" s="12">
        <f>'申請書（複数入力用）'!P2076</f>
        <v>1</v>
      </c>
    </row>
    <row r="2075" spans="1:10" ht="51.6" customHeight="1" x14ac:dyDescent="0.45">
      <c r="A2075" s="6">
        <f>'申請書（複数入力用）'!A2077</f>
        <v>2071</v>
      </c>
      <c r="B2075" s="13">
        <f>'申請書（複数入力用）'!AH2077</f>
        <v>0</v>
      </c>
      <c r="C2075" s="6">
        <f>'申請書（複数入力用）'!B2077</f>
        <v>0</v>
      </c>
      <c r="D2075" s="6">
        <f>'申請書（複数入力用）'!D2077</f>
        <v>0</v>
      </c>
      <c r="E2075" s="14">
        <f>'申請書（複数入力用）'!H2077</f>
        <v>0</v>
      </c>
      <c r="F2075" s="11" t="str">
        <f>'申請書（複数入力用）'!J2077</f>
        <v/>
      </c>
      <c r="G2075" s="6" t="str">
        <f>'申請書（複数入力用）'!K2077</f>
        <v>a052r000000jS9ZAAU</v>
      </c>
      <c r="H2075" s="12" t="e">
        <f>'申請書（複数入力用）'!N2077</f>
        <v>#N/A</v>
      </c>
      <c r="I2075" s="12" t="e">
        <f>'申請書（複数入力用）'!O2077</f>
        <v>#N/A</v>
      </c>
      <c r="J2075" s="12">
        <f>'申請書（複数入力用）'!P2077</f>
        <v>1</v>
      </c>
    </row>
    <row r="2076" spans="1:10" ht="51.6" customHeight="1" x14ac:dyDescent="0.45">
      <c r="A2076" s="6">
        <f>'申請書（複数入力用）'!A2078</f>
        <v>2072</v>
      </c>
      <c r="B2076" s="13">
        <f>'申請書（複数入力用）'!AH2078</f>
        <v>0</v>
      </c>
      <c r="C2076" s="6">
        <f>'申請書（複数入力用）'!B2078</f>
        <v>0</v>
      </c>
      <c r="D2076" s="6">
        <f>'申請書（複数入力用）'!D2078</f>
        <v>0</v>
      </c>
      <c r="E2076" s="14">
        <f>'申請書（複数入力用）'!H2078</f>
        <v>0</v>
      </c>
      <c r="F2076" s="11" t="str">
        <f>'申請書（複数入力用）'!J2078</f>
        <v/>
      </c>
      <c r="G2076" s="6" t="str">
        <f>'申請書（複数入力用）'!K2078</f>
        <v>a052r000000jS9ZAAU</v>
      </c>
      <c r="H2076" s="12" t="e">
        <f>'申請書（複数入力用）'!N2078</f>
        <v>#N/A</v>
      </c>
      <c r="I2076" s="12" t="e">
        <f>'申請書（複数入力用）'!O2078</f>
        <v>#N/A</v>
      </c>
      <c r="J2076" s="12">
        <f>'申請書（複数入力用）'!P2078</f>
        <v>1</v>
      </c>
    </row>
    <row r="2077" spans="1:10" ht="51.6" customHeight="1" x14ac:dyDescent="0.45">
      <c r="A2077" s="6">
        <f>'申請書（複数入力用）'!A2079</f>
        <v>2073</v>
      </c>
      <c r="B2077" s="13">
        <f>'申請書（複数入力用）'!AH2079</f>
        <v>0</v>
      </c>
      <c r="C2077" s="6">
        <f>'申請書（複数入力用）'!B2079</f>
        <v>0</v>
      </c>
      <c r="D2077" s="6">
        <f>'申請書（複数入力用）'!D2079</f>
        <v>0</v>
      </c>
      <c r="E2077" s="14">
        <f>'申請書（複数入力用）'!H2079</f>
        <v>0</v>
      </c>
      <c r="F2077" s="11" t="str">
        <f>'申請書（複数入力用）'!J2079</f>
        <v/>
      </c>
      <c r="G2077" s="6" t="str">
        <f>'申請書（複数入力用）'!K2079</f>
        <v>a052r000000jS9ZAAU</v>
      </c>
      <c r="H2077" s="12" t="e">
        <f>'申請書（複数入力用）'!N2079</f>
        <v>#N/A</v>
      </c>
      <c r="I2077" s="12" t="e">
        <f>'申請書（複数入力用）'!O2079</f>
        <v>#N/A</v>
      </c>
      <c r="J2077" s="12">
        <f>'申請書（複数入力用）'!P2079</f>
        <v>1</v>
      </c>
    </row>
    <row r="2078" spans="1:10" ht="51.6" customHeight="1" x14ac:dyDescent="0.45">
      <c r="A2078" s="6">
        <f>'申請書（複数入力用）'!A2080</f>
        <v>2074</v>
      </c>
      <c r="B2078" s="13">
        <f>'申請書（複数入力用）'!AH2080</f>
        <v>0</v>
      </c>
      <c r="C2078" s="6">
        <f>'申請書（複数入力用）'!B2080</f>
        <v>0</v>
      </c>
      <c r="D2078" s="6">
        <f>'申請書（複数入力用）'!D2080</f>
        <v>0</v>
      </c>
      <c r="E2078" s="14">
        <f>'申請書（複数入力用）'!H2080</f>
        <v>0</v>
      </c>
      <c r="F2078" s="11" t="str">
        <f>'申請書（複数入力用）'!J2080</f>
        <v/>
      </c>
      <c r="G2078" s="6" t="str">
        <f>'申請書（複数入力用）'!K2080</f>
        <v>a052r000000jS9ZAAU</v>
      </c>
      <c r="H2078" s="12" t="e">
        <f>'申請書（複数入力用）'!N2080</f>
        <v>#N/A</v>
      </c>
      <c r="I2078" s="12" t="e">
        <f>'申請書（複数入力用）'!O2080</f>
        <v>#N/A</v>
      </c>
      <c r="J2078" s="12">
        <f>'申請書（複数入力用）'!P2080</f>
        <v>1</v>
      </c>
    </row>
    <row r="2079" spans="1:10" ht="51.6" customHeight="1" x14ac:dyDescent="0.45">
      <c r="A2079" s="6">
        <f>'申請書（複数入力用）'!A2081</f>
        <v>2075</v>
      </c>
      <c r="B2079" s="13">
        <f>'申請書（複数入力用）'!AH2081</f>
        <v>0</v>
      </c>
      <c r="C2079" s="6">
        <f>'申請書（複数入力用）'!B2081</f>
        <v>0</v>
      </c>
      <c r="D2079" s="6">
        <f>'申請書（複数入力用）'!D2081</f>
        <v>0</v>
      </c>
      <c r="E2079" s="14">
        <f>'申請書（複数入力用）'!H2081</f>
        <v>0</v>
      </c>
      <c r="F2079" s="11" t="str">
        <f>'申請書（複数入力用）'!J2081</f>
        <v/>
      </c>
      <c r="G2079" s="6" t="str">
        <f>'申請書（複数入力用）'!K2081</f>
        <v>a052r000000jS9ZAAU</v>
      </c>
      <c r="H2079" s="12" t="e">
        <f>'申請書（複数入力用）'!N2081</f>
        <v>#N/A</v>
      </c>
      <c r="I2079" s="12" t="e">
        <f>'申請書（複数入力用）'!O2081</f>
        <v>#N/A</v>
      </c>
      <c r="J2079" s="12">
        <f>'申請書（複数入力用）'!P2081</f>
        <v>1</v>
      </c>
    </row>
    <row r="2080" spans="1:10" ht="51.6" customHeight="1" x14ac:dyDescent="0.45">
      <c r="A2080" s="6">
        <f>'申請書（複数入力用）'!A2082</f>
        <v>2076</v>
      </c>
      <c r="B2080" s="13">
        <f>'申請書（複数入力用）'!AH2082</f>
        <v>0</v>
      </c>
      <c r="C2080" s="6">
        <f>'申請書（複数入力用）'!B2082</f>
        <v>0</v>
      </c>
      <c r="D2080" s="6">
        <f>'申請書（複数入力用）'!D2082</f>
        <v>0</v>
      </c>
      <c r="E2080" s="14">
        <f>'申請書（複数入力用）'!H2082</f>
        <v>0</v>
      </c>
      <c r="F2080" s="11" t="str">
        <f>'申請書（複数入力用）'!J2082</f>
        <v/>
      </c>
      <c r="G2080" s="6" t="str">
        <f>'申請書（複数入力用）'!K2082</f>
        <v>a052r000000jS9ZAAU</v>
      </c>
      <c r="H2080" s="12" t="e">
        <f>'申請書（複数入力用）'!N2082</f>
        <v>#N/A</v>
      </c>
      <c r="I2080" s="12" t="e">
        <f>'申請書（複数入力用）'!O2082</f>
        <v>#N/A</v>
      </c>
      <c r="J2080" s="12">
        <f>'申請書（複数入力用）'!P2082</f>
        <v>1</v>
      </c>
    </row>
    <row r="2081" spans="1:10" ht="51.6" customHeight="1" x14ac:dyDescent="0.45">
      <c r="A2081" s="6">
        <f>'申請書（複数入力用）'!A2083</f>
        <v>2077</v>
      </c>
      <c r="B2081" s="13">
        <f>'申請書（複数入力用）'!AH2083</f>
        <v>0</v>
      </c>
      <c r="C2081" s="6">
        <f>'申請書（複数入力用）'!B2083</f>
        <v>0</v>
      </c>
      <c r="D2081" s="6">
        <f>'申請書（複数入力用）'!D2083</f>
        <v>0</v>
      </c>
      <c r="E2081" s="14">
        <f>'申請書（複数入力用）'!H2083</f>
        <v>0</v>
      </c>
      <c r="F2081" s="11" t="str">
        <f>'申請書（複数入力用）'!J2083</f>
        <v/>
      </c>
      <c r="G2081" s="6" t="str">
        <f>'申請書（複数入力用）'!K2083</f>
        <v>a052r000000jS9ZAAU</v>
      </c>
      <c r="H2081" s="12" t="e">
        <f>'申請書（複数入力用）'!N2083</f>
        <v>#N/A</v>
      </c>
      <c r="I2081" s="12" t="e">
        <f>'申請書（複数入力用）'!O2083</f>
        <v>#N/A</v>
      </c>
      <c r="J2081" s="12">
        <f>'申請書（複数入力用）'!P2083</f>
        <v>1</v>
      </c>
    </row>
    <row r="2082" spans="1:10" ht="51.6" customHeight="1" x14ac:dyDescent="0.45">
      <c r="A2082" s="6">
        <f>'申請書（複数入力用）'!A2084</f>
        <v>2078</v>
      </c>
      <c r="B2082" s="13">
        <f>'申請書（複数入力用）'!AH2084</f>
        <v>0</v>
      </c>
      <c r="C2082" s="6">
        <f>'申請書（複数入力用）'!B2084</f>
        <v>0</v>
      </c>
      <c r="D2082" s="6">
        <f>'申請書（複数入力用）'!D2084</f>
        <v>0</v>
      </c>
      <c r="E2082" s="14">
        <f>'申請書（複数入力用）'!H2084</f>
        <v>0</v>
      </c>
      <c r="F2082" s="11" t="str">
        <f>'申請書（複数入力用）'!J2084</f>
        <v/>
      </c>
      <c r="G2082" s="6" t="str">
        <f>'申請書（複数入力用）'!K2084</f>
        <v>a052r000000jS9ZAAU</v>
      </c>
      <c r="H2082" s="12" t="e">
        <f>'申請書（複数入力用）'!N2084</f>
        <v>#N/A</v>
      </c>
      <c r="I2082" s="12" t="e">
        <f>'申請書（複数入力用）'!O2084</f>
        <v>#N/A</v>
      </c>
      <c r="J2082" s="12">
        <f>'申請書（複数入力用）'!P2084</f>
        <v>1</v>
      </c>
    </row>
    <row r="2083" spans="1:10" ht="51.6" customHeight="1" x14ac:dyDescent="0.45">
      <c r="A2083" s="6">
        <f>'申請書（複数入力用）'!A2085</f>
        <v>2079</v>
      </c>
      <c r="B2083" s="13">
        <f>'申請書（複数入力用）'!AH2085</f>
        <v>0</v>
      </c>
      <c r="C2083" s="6">
        <f>'申請書（複数入力用）'!B2085</f>
        <v>0</v>
      </c>
      <c r="D2083" s="6">
        <f>'申請書（複数入力用）'!D2085</f>
        <v>0</v>
      </c>
      <c r="E2083" s="14">
        <f>'申請書（複数入力用）'!H2085</f>
        <v>0</v>
      </c>
      <c r="F2083" s="11" t="str">
        <f>'申請書（複数入力用）'!J2085</f>
        <v/>
      </c>
      <c r="G2083" s="6" t="str">
        <f>'申請書（複数入力用）'!K2085</f>
        <v>a052r000000jS9ZAAU</v>
      </c>
      <c r="H2083" s="12" t="e">
        <f>'申請書（複数入力用）'!N2085</f>
        <v>#N/A</v>
      </c>
      <c r="I2083" s="12" t="e">
        <f>'申請書（複数入力用）'!O2085</f>
        <v>#N/A</v>
      </c>
      <c r="J2083" s="12">
        <f>'申請書（複数入力用）'!P2085</f>
        <v>1</v>
      </c>
    </row>
    <row r="2084" spans="1:10" ht="51.6" customHeight="1" x14ac:dyDescent="0.45">
      <c r="A2084" s="6">
        <f>'申請書（複数入力用）'!A2086</f>
        <v>2080</v>
      </c>
      <c r="B2084" s="13">
        <f>'申請書（複数入力用）'!AH2086</f>
        <v>0</v>
      </c>
      <c r="C2084" s="6">
        <f>'申請書（複数入力用）'!B2086</f>
        <v>0</v>
      </c>
      <c r="D2084" s="6">
        <f>'申請書（複数入力用）'!D2086</f>
        <v>0</v>
      </c>
      <c r="E2084" s="14">
        <f>'申請書（複数入力用）'!H2086</f>
        <v>0</v>
      </c>
      <c r="F2084" s="11" t="str">
        <f>'申請書（複数入力用）'!J2086</f>
        <v/>
      </c>
      <c r="G2084" s="6" t="str">
        <f>'申請書（複数入力用）'!K2086</f>
        <v>a052r000000jS9ZAAU</v>
      </c>
      <c r="H2084" s="12" t="e">
        <f>'申請書（複数入力用）'!N2086</f>
        <v>#N/A</v>
      </c>
      <c r="I2084" s="12" t="e">
        <f>'申請書（複数入力用）'!O2086</f>
        <v>#N/A</v>
      </c>
      <c r="J2084" s="12">
        <f>'申請書（複数入力用）'!P2086</f>
        <v>1</v>
      </c>
    </row>
    <row r="2085" spans="1:10" ht="51.6" customHeight="1" x14ac:dyDescent="0.45">
      <c r="A2085" s="6">
        <f>'申請書（複数入力用）'!A2087</f>
        <v>2081</v>
      </c>
      <c r="B2085" s="13">
        <f>'申請書（複数入力用）'!AH2087</f>
        <v>0</v>
      </c>
      <c r="C2085" s="6">
        <f>'申請書（複数入力用）'!B2087</f>
        <v>0</v>
      </c>
      <c r="D2085" s="6">
        <f>'申請書（複数入力用）'!D2087</f>
        <v>0</v>
      </c>
      <c r="E2085" s="14">
        <f>'申請書（複数入力用）'!H2087</f>
        <v>0</v>
      </c>
      <c r="F2085" s="11" t="str">
        <f>'申請書（複数入力用）'!J2087</f>
        <v/>
      </c>
      <c r="G2085" s="6" t="str">
        <f>'申請書（複数入力用）'!K2087</f>
        <v>a052r000000jS9ZAAU</v>
      </c>
      <c r="H2085" s="12" t="e">
        <f>'申請書（複数入力用）'!N2087</f>
        <v>#N/A</v>
      </c>
      <c r="I2085" s="12" t="e">
        <f>'申請書（複数入力用）'!O2087</f>
        <v>#N/A</v>
      </c>
      <c r="J2085" s="12">
        <f>'申請書（複数入力用）'!P2087</f>
        <v>1</v>
      </c>
    </row>
    <row r="2086" spans="1:10" ht="51.6" customHeight="1" x14ac:dyDescent="0.45">
      <c r="A2086" s="6">
        <f>'申請書（複数入力用）'!A2088</f>
        <v>2082</v>
      </c>
      <c r="B2086" s="13">
        <f>'申請書（複数入力用）'!AH2088</f>
        <v>0</v>
      </c>
      <c r="C2086" s="6">
        <f>'申請書（複数入力用）'!B2088</f>
        <v>0</v>
      </c>
      <c r="D2086" s="6">
        <f>'申請書（複数入力用）'!D2088</f>
        <v>0</v>
      </c>
      <c r="E2086" s="14">
        <f>'申請書（複数入力用）'!H2088</f>
        <v>0</v>
      </c>
      <c r="F2086" s="11" t="str">
        <f>'申請書（複数入力用）'!J2088</f>
        <v/>
      </c>
      <c r="G2086" s="6" t="str">
        <f>'申請書（複数入力用）'!K2088</f>
        <v>a052r000000jS9ZAAU</v>
      </c>
      <c r="H2086" s="12" t="e">
        <f>'申請書（複数入力用）'!N2088</f>
        <v>#N/A</v>
      </c>
      <c r="I2086" s="12" t="e">
        <f>'申請書（複数入力用）'!O2088</f>
        <v>#N/A</v>
      </c>
      <c r="J2086" s="12">
        <f>'申請書（複数入力用）'!P2088</f>
        <v>1</v>
      </c>
    </row>
    <row r="2087" spans="1:10" ht="51.6" customHeight="1" x14ac:dyDescent="0.45">
      <c r="A2087" s="6">
        <f>'申請書（複数入力用）'!A2089</f>
        <v>2083</v>
      </c>
      <c r="B2087" s="13">
        <f>'申請書（複数入力用）'!AH2089</f>
        <v>0</v>
      </c>
      <c r="C2087" s="6">
        <f>'申請書（複数入力用）'!B2089</f>
        <v>0</v>
      </c>
      <c r="D2087" s="6">
        <f>'申請書（複数入力用）'!D2089</f>
        <v>0</v>
      </c>
      <c r="E2087" s="14">
        <f>'申請書（複数入力用）'!H2089</f>
        <v>0</v>
      </c>
      <c r="F2087" s="11" t="str">
        <f>'申請書（複数入力用）'!J2089</f>
        <v/>
      </c>
      <c r="G2087" s="6" t="str">
        <f>'申請書（複数入力用）'!K2089</f>
        <v>a052r000000jS9ZAAU</v>
      </c>
      <c r="H2087" s="12" t="e">
        <f>'申請書（複数入力用）'!N2089</f>
        <v>#N/A</v>
      </c>
      <c r="I2087" s="12" t="e">
        <f>'申請書（複数入力用）'!O2089</f>
        <v>#N/A</v>
      </c>
      <c r="J2087" s="12">
        <f>'申請書（複数入力用）'!P2089</f>
        <v>1</v>
      </c>
    </row>
    <row r="2088" spans="1:10" ht="51.6" customHeight="1" x14ac:dyDescent="0.45">
      <c r="A2088" s="6">
        <f>'申請書（複数入力用）'!A2090</f>
        <v>2084</v>
      </c>
      <c r="B2088" s="13">
        <f>'申請書（複数入力用）'!AH2090</f>
        <v>0</v>
      </c>
      <c r="C2088" s="6">
        <f>'申請書（複数入力用）'!B2090</f>
        <v>0</v>
      </c>
      <c r="D2088" s="6">
        <f>'申請書（複数入力用）'!D2090</f>
        <v>0</v>
      </c>
      <c r="E2088" s="14">
        <f>'申請書（複数入力用）'!H2090</f>
        <v>0</v>
      </c>
      <c r="F2088" s="11" t="str">
        <f>'申請書（複数入力用）'!J2090</f>
        <v/>
      </c>
      <c r="G2088" s="6" t="str">
        <f>'申請書（複数入力用）'!K2090</f>
        <v>a052r000000jS9ZAAU</v>
      </c>
      <c r="H2088" s="12" t="e">
        <f>'申請書（複数入力用）'!N2090</f>
        <v>#N/A</v>
      </c>
      <c r="I2088" s="12" t="e">
        <f>'申請書（複数入力用）'!O2090</f>
        <v>#N/A</v>
      </c>
      <c r="J2088" s="12">
        <f>'申請書（複数入力用）'!P2090</f>
        <v>1</v>
      </c>
    </row>
    <row r="2089" spans="1:10" ht="51.6" customHeight="1" x14ac:dyDescent="0.45">
      <c r="A2089" s="6">
        <f>'申請書（複数入力用）'!A2091</f>
        <v>2085</v>
      </c>
      <c r="B2089" s="13">
        <f>'申請書（複数入力用）'!AH2091</f>
        <v>0</v>
      </c>
      <c r="C2089" s="6">
        <f>'申請書（複数入力用）'!B2091</f>
        <v>0</v>
      </c>
      <c r="D2089" s="6">
        <f>'申請書（複数入力用）'!D2091</f>
        <v>0</v>
      </c>
      <c r="E2089" s="14">
        <f>'申請書（複数入力用）'!H2091</f>
        <v>0</v>
      </c>
      <c r="F2089" s="11" t="str">
        <f>'申請書（複数入力用）'!J2091</f>
        <v/>
      </c>
      <c r="G2089" s="6" t="str">
        <f>'申請書（複数入力用）'!K2091</f>
        <v>a052r000000jS9ZAAU</v>
      </c>
      <c r="H2089" s="12" t="e">
        <f>'申請書（複数入力用）'!N2091</f>
        <v>#N/A</v>
      </c>
      <c r="I2089" s="12" t="e">
        <f>'申請書（複数入力用）'!O2091</f>
        <v>#N/A</v>
      </c>
      <c r="J2089" s="12">
        <f>'申請書（複数入力用）'!P2091</f>
        <v>1</v>
      </c>
    </row>
    <row r="2090" spans="1:10" ht="51.6" customHeight="1" x14ac:dyDescent="0.45">
      <c r="A2090" s="6">
        <f>'申請書（複数入力用）'!A2092</f>
        <v>2086</v>
      </c>
      <c r="B2090" s="13">
        <f>'申請書（複数入力用）'!AH2092</f>
        <v>0</v>
      </c>
      <c r="C2090" s="6">
        <f>'申請書（複数入力用）'!B2092</f>
        <v>0</v>
      </c>
      <c r="D2090" s="6">
        <f>'申請書（複数入力用）'!D2092</f>
        <v>0</v>
      </c>
      <c r="E2090" s="14">
        <f>'申請書（複数入力用）'!H2092</f>
        <v>0</v>
      </c>
      <c r="F2090" s="11" t="str">
        <f>'申請書（複数入力用）'!J2092</f>
        <v/>
      </c>
      <c r="G2090" s="6" t="str">
        <f>'申請書（複数入力用）'!K2092</f>
        <v>a052r000000jS9ZAAU</v>
      </c>
      <c r="H2090" s="12" t="e">
        <f>'申請書（複数入力用）'!N2092</f>
        <v>#N/A</v>
      </c>
      <c r="I2090" s="12" t="e">
        <f>'申請書（複数入力用）'!O2092</f>
        <v>#N/A</v>
      </c>
      <c r="J2090" s="12">
        <f>'申請書（複数入力用）'!P2092</f>
        <v>1</v>
      </c>
    </row>
    <row r="2091" spans="1:10" ht="51.6" customHeight="1" x14ac:dyDescent="0.45">
      <c r="A2091" s="6">
        <f>'申請書（複数入力用）'!A2093</f>
        <v>2087</v>
      </c>
      <c r="B2091" s="13">
        <f>'申請書（複数入力用）'!AH2093</f>
        <v>0</v>
      </c>
      <c r="C2091" s="6">
        <f>'申請書（複数入力用）'!B2093</f>
        <v>0</v>
      </c>
      <c r="D2091" s="6">
        <f>'申請書（複数入力用）'!D2093</f>
        <v>0</v>
      </c>
      <c r="E2091" s="14">
        <f>'申請書（複数入力用）'!H2093</f>
        <v>0</v>
      </c>
      <c r="F2091" s="11" t="str">
        <f>'申請書（複数入力用）'!J2093</f>
        <v/>
      </c>
      <c r="G2091" s="6" t="str">
        <f>'申請書（複数入力用）'!K2093</f>
        <v>a052r000000jS9ZAAU</v>
      </c>
      <c r="H2091" s="12" t="e">
        <f>'申請書（複数入力用）'!N2093</f>
        <v>#N/A</v>
      </c>
      <c r="I2091" s="12" t="e">
        <f>'申請書（複数入力用）'!O2093</f>
        <v>#N/A</v>
      </c>
      <c r="J2091" s="12">
        <f>'申請書（複数入力用）'!P2093</f>
        <v>1</v>
      </c>
    </row>
    <row r="2092" spans="1:10" ht="51.6" customHeight="1" x14ac:dyDescent="0.45">
      <c r="A2092" s="6">
        <f>'申請書（複数入力用）'!A2094</f>
        <v>2088</v>
      </c>
      <c r="B2092" s="13">
        <f>'申請書（複数入力用）'!AH2094</f>
        <v>0</v>
      </c>
      <c r="C2092" s="6">
        <f>'申請書（複数入力用）'!B2094</f>
        <v>0</v>
      </c>
      <c r="D2092" s="6">
        <f>'申請書（複数入力用）'!D2094</f>
        <v>0</v>
      </c>
      <c r="E2092" s="14">
        <f>'申請書（複数入力用）'!H2094</f>
        <v>0</v>
      </c>
      <c r="F2092" s="11" t="str">
        <f>'申請書（複数入力用）'!J2094</f>
        <v/>
      </c>
      <c r="G2092" s="6" t="str">
        <f>'申請書（複数入力用）'!K2094</f>
        <v>a052r000000jS9ZAAU</v>
      </c>
      <c r="H2092" s="12" t="e">
        <f>'申請書（複数入力用）'!N2094</f>
        <v>#N/A</v>
      </c>
      <c r="I2092" s="12" t="e">
        <f>'申請書（複数入力用）'!O2094</f>
        <v>#N/A</v>
      </c>
      <c r="J2092" s="12">
        <f>'申請書（複数入力用）'!P2094</f>
        <v>1</v>
      </c>
    </row>
    <row r="2093" spans="1:10" ht="51.6" customHeight="1" x14ac:dyDescent="0.45">
      <c r="A2093" s="6">
        <f>'申請書（複数入力用）'!A2095</f>
        <v>2089</v>
      </c>
      <c r="B2093" s="13">
        <f>'申請書（複数入力用）'!AH2095</f>
        <v>0</v>
      </c>
      <c r="C2093" s="6">
        <f>'申請書（複数入力用）'!B2095</f>
        <v>0</v>
      </c>
      <c r="D2093" s="6">
        <f>'申請書（複数入力用）'!D2095</f>
        <v>0</v>
      </c>
      <c r="E2093" s="14">
        <f>'申請書（複数入力用）'!H2095</f>
        <v>0</v>
      </c>
      <c r="F2093" s="11" t="str">
        <f>'申請書（複数入力用）'!J2095</f>
        <v/>
      </c>
      <c r="G2093" s="6" t="str">
        <f>'申請書（複数入力用）'!K2095</f>
        <v>a052r000000jS9ZAAU</v>
      </c>
      <c r="H2093" s="12" t="e">
        <f>'申請書（複数入力用）'!N2095</f>
        <v>#N/A</v>
      </c>
      <c r="I2093" s="12" t="e">
        <f>'申請書（複数入力用）'!O2095</f>
        <v>#N/A</v>
      </c>
      <c r="J2093" s="12">
        <f>'申請書（複数入力用）'!P2095</f>
        <v>1</v>
      </c>
    </row>
    <row r="2094" spans="1:10" ht="51.6" customHeight="1" x14ac:dyDescent="0.45">
      <c r="A2094" s="6">
        <f>'申請書（複数入力用）'!A2096</f>
        <v>2090</v>
      </c>
      <c r="B2094" s="13">
        <f>'申請書（複数入力用）'!AH2096</f>
        <v>0</v>
      </c>
      <c r="C2094" s="6">
        <f>'申請書（複数入力用）'!B2096</f>
        <v>0</v>
      </c>
      <c r="D2094" s="6">
        <f>'申請書（複数入力用）'!D2096</f>
        <v>0</v>
      </c>
      <c r="E2094" s="14">
        <f>'申請書（複数入力用）'!H2096</f>
        <v>0</v>
      </c>
      <c r="F2094" s="11" t="str">
        <f>'申請書（複数入力用）'!J2096</f>
        <v/>
      </c>
      <c r="G2094" s="6" t="str">
        <f>'申請書（複数入力用）'!K2096</f>
        <v>a052r000000jS9ZAAU</v>
      </c>
      <c r="H2094" s="12" t="e">
        <f>'申請書（複数入力用）'!N2096</f>
        <v>#N/A</v>
      </c>
      <c r="I2094" s="12" t="e">
        <f>'申請書（複数入力用）'!O2096</f>
        <v>#N/A</v>
      </c>
      <c r="J2094" s="12">
        <f>'申請書（複数入力用）'!P2096</f>
        <v>1</v>
      </c>
    </row>
    <row r="2095" spans="1:10" ht="51.6" customHeight="1" x14ac:dyDescent="0.45">
      <c r="A2095" s="6">
        <f>'申請書（複数入力用）'!A2097</f>
        <v>2091</v>
      </c>
      <c r="B2095" s="13">
        <f>'申請書（複数入力用）'!AH2097</f>
        <v>0</v>
      </c>
      <c r="C2095" s="6">
        <f>'申請書（複数入力用）'!B2097</f>
        <v>0</v>
      </c>
      <c r="D2095" s="6">
        <f>'申請書（複数入力用）'!D2097</f>
        <v>0</v>
      </c>
      <c r="E2095" s="14">
        <f>'申請書（複数入力用）'!H2097</f>
        <v>0</v>
      </c>
      <c r="F2095" s="11" t="str">
        <f>'申請書（複数入力用）'!J2097</f>
        <v/>
      </c>
      <c r="G2095" s="6" t="str">
        <f>'申請書（複数入力用）'!K2097</f>
        <v>a052r000000jS9ZAAU</v>
      </c>
      <c r="H2095" s="12" t="e">
        <f>'申請書（複数入力用）'!N2097</f>
        <v>#N/A</v>
      </c>
      <c r="I2095" s="12" t="e">
        <f>'申請書（複数入力用）'!O2097</f>
        <v>#N/A</v>
      </c>
      <c r="J2095" s="12">
        <f>'申請書（複数入力用）'!P2097</f>
        <v>1</v>
      </c>
    </row>
    <row r="2096" spans="1:10" ht="51.6" customHeight="1" x14ac:dyDescent="0.45">
      <c r="A2096" s="6">
        <f>'申請書（複数入力用）'!A2098</f>
        <v>2092</v>
      </c>
      <c r="B2096" s="13">
        <f>'申請書（複数入力用）'!AH2098</f>
        <v>0</v>
      </c>
      <c r="C2096" s="6">
        <f>'申請書（複数入力用）'!B2098</f>
        <v>0</v>
      </c>
      <c r="D2096" s="6">
        <f>'申請書（複数入力用）'!D2098</f>
        <v>0</v>
      </c>
      <c r="E2096" s="14">
        <f>'申請書（複数入力用）'!H2098</f>
        <v>0</v>
      </c>
      <c r="F2096" s="11" t="str">
        <f>'申請書（複数入力用）'!J2098</f>
        <v/>
      </c>
      <c r="G2096" s="6" t="str">
        <f>'申請書（複数入力用）'!K2098</f>
        <v>a052r000000jS9ZAAU</v>
      </c>
      <c r="H2096" s="12" t="e">
        <f>'申請書（複数入力用）'!N2098</f>
        <v>#N/A</v>
      </c>
      <c r="I2096" s="12" t="e">
        <f>'申請書（複数入力用）'!O2098</f>
        <v>#N/A</v>
      </c>
      <c r="J2096" s="12">
        <f>'申請書（複数入力用）'!P2098</f>
        <v>1</v>
      </c>
    </row>
    <row r="2097" spans="1:10" ht="51.6" customHeight="1" x14ac:dyDescent="0.45">
      <c r="A2097" s="6">
        <f>'申請書（複数入力用）'!A2099</f>
        <v>2093</v>
      </c>
      <c r="B2097" s="13">
        <f>'申請書（複数入力用）'!AH2099</f>
        <v>0</v>
      </c>
      <c r="C2097" s="6">
        <f>'申請書（複数入力用）'!B2099</f>
        <v>0</v>
      </c>
      <c r="D2097" s="6">
        <f>'申請書（複数入力用）'!D2099</f>
        <v>0</v>
      </c>
      <c r="E2097" s="14">
        <f>'申請書（複数入力用）'!H2099</f>
        <v>0</v>
      </c>
      <c r="F2097" s="11" t="str">
        <f>'申請書（複数入力用）'!J2099</f>
        <v/>
      </c>
      <c r="G2097" s="6" t="str">
        <f>'申請書（複数入力用）'!K2099</f>
        <v>a052r000000jS9ZAAU</v>
      </c>
      <c r="H2097" s="12" t="e">
        <f>'申請書（複数入力用）'!N2099</f>
        <v>#N/A</v>
      </c>
      <c r="I2097" s="12" t="e">
        <f>'申請書（複数入力用）'!O2099</f>
        <v>#N/A</v>
      </c>
      <c r="J2097" s="12">
        <f>'申請書（複数入力用）'!P2099</f>
        <v>1</v>
      </c>
    </row>
    <row r="2098" spans="1:10" ht="51.6" customHeight="1" x14ac:dyDescent="0.45">
      <c r="A2098" s="6">
        <f>'申請書（複数入力用）'!A2100</f>
        <v>2094</v>
      </c>
      <c r="B2098" s="13">
        <f>'申請書（複数入力用）'!AH2100</f>
        <v>0</v>
      </c>
      <c r="C2098" s="6">
        <f>'申請書（複数入力用）'!B2100</f>
        <v>0</v>
      </c>
      <c r="D2098" s="6">
        <f>'申請書（複数入力用）'!D2100</f>
        <v>0</v>
      </c>
      <c r="E2098" s="14">
        <f>'申請書（複数入力用）'!H2100</f>
        <v>0</v>
      </c>
      <c r="F2098" s="11" t="str">
        <f>'申請書（複数入力用）'!J2100</f>
        <v/>
      </c>
      <c r="G2098" s="6" t="str">
        <f>'申請書（複数入力用）'!K2100</f>
        <v>a052r000000jS9ZAAU</v>
      </c>
      <c r="H2098" s="12" t="e">
        <f>'申請書（複数入力用）'!N2100</f>
        <v>#N/A</v>
      </c>
      <c r="I2098" s="12" t="e">
        <f>'申請書（複数入力用）'!O2100</f>
        <v>#N/A</v>
      </c>
      <c r="J2098" s="12">
        <f>'申請書（複数入力用）'!P2100</f>
        <v>1</v>
      </c>
    </row>
    <row r="2099" spans="1:10" ht="51.6" customHeight="1" x14ac:dyDescent="0.45">
      <c r="A2099" s="6">
        <f>'申請書（複数入力用）'!A2101</f>
        <v>2095</v>
      </c>
      <c r="B2099" s="13">
        <f>'申請書（複数入力用）'!AH2101</f>
        <v>0</v>
      </c>
      <c r="C2099" s="6">
        <f>'申請書（複数入力用）'!B2101</f>
        <v>0</v>
      </c>
      <c r="D2099" s="6">
        <f>'申請書（複数入力用）'!D2101</f>
        <v>0</v>
      </c>
      <c r="E2099" s="14">
        <f>'申請書（複数入力用）'!H2101</f>
        <v>0</v>
      </c>
      <c r="F2099" s="11" t="str">
        <f>'申請書（複数入力用）'!J2101</f>
        <v/>
      </c>
      <c r="G2099" s="6" t="str">
        <f>'申請書（複数入力用）'!K2101</f>
        <v>a052r000000jS9ZAAU</v>
      </c>
      <c r="H2099" s="12" t="e">
        <f>'申請書（複数入力用）'!N2101</f>
        <v>#N/A</v>
      </c>
      <c r="I2099" s="12" t="e">
        <f>'申請書（複数入力用）'!O2101</f>
        <v>#N/A</v>
      </c>
      <c r="J2099" s="12">
        <f>'申請書（複数入力用）'!P2101</f>
        <v>1</v>
      </c>
    </row>
    <row r="2100" spans="1:10" ht="51.6" customHeight="1" x14ac:dyDescent="0.45">
      <c r="A2100" s="6">
        <f>'申請書（複数入力用）'!A2102</f>
        <v>2096</v>
      </c>
      <c r="B2100" s="13">
        <f>'申請書（複数入力用）'!AH2102</f>
        <v>0</v>
      </c>
      <c r="C2100" s="6">
        <f>'申請書（複数入力用）'!B2102</f>
        <v>0</v>
      </c>
      <c r="D2100" s="6">
        <f>'申請書（複数入力用）'!D2102</f>
        <v>0</v>
      </c>
      <c r="E2100" s="14">
        <f>'申請書（複数入力用）'!H2102</f>
        <v>0</v>
      </c>
      <c r="F2100" s="11" t="str">
        <f>'申請書（複数入力用）'!J2102</f>
        <v/>
      </c>
      <c r="G2100" s="6" t="str">
        <f>'申請書（複数入力用）'!K2102</f>
        <v>a052r000000jS9ZAAU</v>
      </c>
      <c r="H2100" s="12" t="e">
        <f>'申請書（複数入力用）'!N2102</f>
        <v>#N/A</v>
      </c>
      <c r="I2100" s="12" t="e">
        <f>'申請書（複数入力用）'!O2102</f>
        <v>#N/A</v>
      </c>
      <c r="J2100" s="12">
        <f>'申請書（複数入力用）'!P2102</f>
        <v>1</v>
      </c>
    </row>
    <row r="2101" spans="1:10" ht="51.6" customHeight="1" x14ac:dyDescent="0.45">
      <c r="A2101" s="6">
        <f>'申請書（複数入力用）'!A2103</f>
        <v>2097</v>
      </c>
      <c r="B2101" s="13">
        <f>'申請書（複数入力用）'!AH2103</f>
        <v>0</v>
      </c>
      <c r="C2101" s="6">
        <f>'申請書（複数入力用）'!B2103</f>
        <v>0</v>
      </c>
      <c r="D2101" s="6">
        <f>'申請書（複数入力用）'!D2103</f>
        <v>0</v>
      </c>
      <c r="E2101" s="14">
        <f>'申請書（複数入力用）'!H2103</f>
        <v>0</v>
      </c>
      <c r="F2101" s="11" t="str">
        <f>'申請書（複数入力用）'!J2103</f>
        <v/>
      </c>
      <c r="G2101" s="6" t="str">
        <f>'申請書（複数入力用）'!K2103</f>
        <v>a052r000000jS9ZAAU</v>
      </c>
      <c r="H2101" s="12" t="e">
        <f>'申請書（複数入力用）'!N2103</f>
        <v>#N/A</v>
      </c>
      <c r="I2101" s="12" t="e">
        <f>'申請書（複数入力用）'!O2103</f>
        <v>#N/A</v>
      </c>
      <c r="J2101" s="12">
        <f>'申請書（複数入力用）'!P2103</f>
        <v>1</v>
      </c>
    </row>
    <row r="2102" spans="1:10" ht="51.6" customHeight="1" x14ac:dyDescent="0.45">
      <c r="A2102" s="6">
        <f>'申請書（複数入力用）'!A2104</f>
        <v>2098</v>
      </c>
      <c r="B2102" s="13">
        <f>'申請書（複数入力用）'!AH2104</f>
        <v>0</v>
      </c>
      <c r="C2102" s="6">
        <f>'申請書（複数入力用）'!B2104</f>
        <v>0</v>
      </c>
      <c r="D2102" s="6">
        <f>'申請書（複数入力用）'!D2104</f>
        <v>0</v>
      </c>
      <c r="E2102" s="14">
        <f>'申請書（複数入力用）'!H2104</f>
        <v>0</v>
      </c>
      <c r="F2102" s="11" t="str">
        <f>'申請書（複数入力用）'!J2104</f>
        <v/>
      </c>
      <c r="G2102" s="6" t="str">
        <f>'申請書（複数入力用）'!K2104</f>
        <v>a052r000000jS9ZAAU</v>
      </c>
      <c r="H2102" s="12" t="e">
        <f>'申請書（複数入力用）'!N2104</f>
        <v>#N/A</v>
      </c>
      <c r="I2102" s="12" t="e">
        <f>'申請書（複数入力用）'!O2104</f>
        <v>#N/A</v>
      </c>
      <c r="J2102" s="12">
        <f>'申請書（複数入力用）'!P2104</f>
        <v>1</v>
      </c>
    </row>
    <row r="2103" spans="1:10" ht="51.6" customHeight="1" x14ac:dyDescent="0.45">
      <c r="A2103" s="6">
        <f>'申請書（複数入力用）'!A2105</f>
        <v>2099</v>
      </c>
      <c r="B2103" s="13">
        <f>'申請書（複数入力用）'!AH2105</f>
        <v>0</v>
      </c>
      <c r="C2103" s="6">
        <f>'申請書（複数入力用）'!B2105</f>
        <v>0</v>
      </c>
      <c r="D2103" s="6">
        <f>'申請書（複数入力用）'!D2105</f>
        <v>0</v>
      </c>
      <c r="E2103" s="14">
        <f>'申請書（複数入力用）'!H2105</f>
        <v>0</v>
      </c>
      <c r="F2103" s="11" t="str">
        <f>'申請書（複数入力用）'!J2105</f>
        <v/>
      </c>
      <c r="G2103" s="6" t="str">
        <f>'申請書（複数入力用）'!K2105</f>
        <v>a052r000000jS9ZAAU</v>
      </c>
      <c r="H2103" s="12" t="e">
        <f>'申請書（複数入力用）'!N2105</f>
        <v>#N/A</v>
      </c>
      <c r="I2103" s="12" t="e">
        <f>'申請書（複数入力用）'!O2105</f>
        <v>#N/A</v>
      </c>
      <c r="J2103" s="12">
        <f>'申請書（複数入力用）'!P2105</f>
        <v>1</v>
      </c>
    </row>
    <row r="2104" spans="1:10" ht="51.6" customHeight="1" x14ac:dyDescent="0.45">
      <c r="A2104" s="6">
        <f>'申請書（複数入力用）'!A2106</f>
        <v>2100</v>
      </c>
      <c r="B2104" s="13">
        <f>'申請書（複数入力用）'!AH2106</f>
        <v>0</v>
      </c>
      <c r="C2104" s="6">
        <f>'申請書（複数入力用）'!B2106</f>
        <v>0</v>
      </c>
      <c r="D2104" s="6">
        <f>'申請書（複数入力用）'!D2106</f>
        <v>0</v>
      </c>
      <c r="E2104" s="14">
        <f>'申請書（複数入力用）'!H2106</f>
        <v>0</v>
      </c>
      <c r="F2104" s="11" t="str">
        <f>'申請書（複数入力用）'!J2106</f>
        <v/>
      </c>
      <c r="G2104" s="6" t="str">
        <f>'申請書（複数入力用）'!K2106</f>
        <v>a052r000000jS9ZAAU</v>
      </c>
      <c r="H2104" s="12" t="e">
        <f>'申請書（複数入力用）'!N2106</f>
        <v>#N/A</v>
      </c>
      <c r="I2104" s="12" t="e">
        <f>'申請書（複数入力用）'!O2106</f>
        <v>#N/A</v>
      </c>
      <c r="J2104" s="12">
        <f>'申請書（複数入力用）'!P2106</f>
        <v>1</v>
      </c>
    </row>
    <row r="2105" spans="1:10" ht="51.6" customHeight="1" x14ac:dyDescent="0.45">
      <c r="A2105" s="6">
        <f>'申請書（複数入力用）'!A2107</f>
        <v>2101</v>
      </c>
      <c r="B2105" s="13">
        <f>'申請書（複数入力用）'!AH2107</f>
        <v>0</v>
      </c>
      <c r="C2105" s="6">
        <f>'申請書（複数入力用）'!B2107</f>
        <v>0</v>
      </c>
      <c r="D2105" s="6">
        <f>'申請書（複数入力用）'!D2107</f>
        <v>0</v>
      </c>
      <c r="E2105" s="14">
        <f>'申請書（複数入力用）'!H2107</f>
        <v>0</v>
      </c>
      <c r="F2105" s="11" t="str">
        <f>'申請書（複数入力用）'!J2107</f>
        <v/>
      </c>
      <c r="G2105" s="6" t="str">
        <f>'申請書（複数入力用）'!K2107</f>
        <v>a052r000000jS9ZAAU</v>
      </c>
      <c r="H2105" s="12" t="e">
        <f>'申請書（複数入力用）'!N2107</f>
        <v>#N/A</v>
      </c>
      <c r="I2105" s="12" t="e">
        <f>'申請書（複数入力用）'!O2107</f>
        <v>#N/A</v>
      </c>
      <c r="J2105" s="12">
        <f>'申請書（複数入力用）'!P2107</f>
        <v>1</v>
      </c>
    </row>
    <row r="2106" spans="1:10" ht="51.6" customHeight="1" x14ac:dyDescent="0.45">
      <c r="A2106" s="6">
        <f>'申請書（複数入力用）'!A2108</f>
        <v>2102</v>
      </c>
      <c r="B2106" s="13">
        <f>'申請書（複数入力用）'!AH2108</f>
        <v>0</v>
      </c>
      <c r="C2106" s="6">
        <f>'申請書（複数入力用）'!B2108</f>
        <v>0</v>
      </c>
      <c r="D2106" s="6">
        <f>'申請書（複数入力用）'!D2108</f>
        <v>0</v>
      </c>
      <c r="E2106" s="14">
        <f>'申請書（複数入力用）'!H2108</f>
        <v>0</v>
      </c>
      <c r="F2106" s="11" t="str">
        <f>'申請書（複数入力用）'!J2108</f>
        <v/>
      </c>
      <c r="G2106" s="6" t="str">
        <f>'申請書（複数入力用）'!K2108</f>
        <v>a052r000000jS9ZAAU</v>
      </c>
      <c r="H2106" s="12" t="e">
        <f>'申請書（複数入力用）'!N2108</f>
        <v>#N/A</v>
      </c>
      <c r="I2106" s="12" t="e">
        <f>'申請書（複数入力用）'!O2108</f>
        <v>#N/A</v>
      </c>
      <c r="J2106" s="12">
        <f>'申請書（複数入力用）'!P2108</f>
        <v>1</v>
      </c>
    </row>
    <row r="2107" spans="1:10" ht="51.6" customHeight="1" x14ac:dyDescent="0.45">
      <c r="A2107" s="6">
        <f>'申請書（複数入力用）'!A2109</f>
        <v>2103</v>
      </c>
      <c r="B2107" s="13">
        <f>'申請書（複数入力用）'!AH2109</f>
        <v>0</v>
      </c>
      <c r="C2107" s="6">
        <f>'申請書（複数入力用）'!B2109</f>
        <v>0</v>
      </c>
      <c r="D2107" s="6">
        <f>'申請書（複数入力用）'!D2109</f>
        <v>0</v>
      </c>
      <c r="E2107" s="14">
        <f>'申請書（複数入力用）'!H2109</f>
        <v>0</v>
      </c>
      <c r="F2107" s="11" t="str">
        <f>'申請書（複数入力用）'!J2109</f>
        <v/>
      </c>
      <c r="G2107" s="6" t="str">
        <f>'申請書（複数入力用）'!K2109</f>
        <v>a052r000000jS9ZAAU</v>
      </c>
      <c r="H2107" s="12" t="e">
        <f>'申請書（複数入力用）'!N2109</f>
        <v>#N/A</v>
      </c>
      <c r="I2107" s="12" t="e">
        <f>'申請書（複数入力用）'!O2109</f>
        <v>#N/A</v>
      </c>
      <c r="J2107" s="12">
        <f>'申請書（複数入力用）'!P2109</f>
        <v>1</v>
      </c>
    </row>
    <row r="2108" spans="1:10" ht="51.6" customHeight="1" x14ac:dyDescent="0.45">
      <c r="A2108" s="6">
        <f>'申請書（複数入力用）'!A2110</f>
        <v>2104</v>
      </c>
      <c r="B2108" s="13">
        <f>'申請書（複数入力用）'!AH2110</f>
        <v>0</v>
      </c>
      <c r="C2108" s="6">
        <f>'申請書（複数入力用）'!B2110</f>
        <v>0</v>
      </c>
      <c r="D2108" s="6">
        <f>'申請書（複数入力用）'!D2110</f>
        <v>0</v>
      </c>
      <c r="E2108" s="14">
        <f>'申請書（複数入力用）'!H2110</f>
        <v>0</v>
      </c>
      <c r="F2108" s="11" t="str">
        <f>'申請書（複数入力用）'!J2110</f>
        <v/>
      </c>
      <c r="G2108" s="6" t="str">
        <f>'申請書（複数入力用）'!K2110</f>
        <v>a052r000000jS9ZAAU</v>
      </c>
      <c r="H2108" s="12" t="e">
        <f>'申請書（複数入力用）'!N2110</f>
        <v>#N/A</v>
      </c>
      <c r="I2108" s="12" t="e">
        <f>'申請書（複数入力用）'!O2110</f>
        <v>#N/A</v>
      </c>
      <c r="J2108" s="12">
        <f>'申請書（複数入力用）'!P2110</f>
        <v>1</v>
      </c>
    </row>
    <row r="2109" spans="1:10" ht="51.6" customHeight="1" x14ac:dyDescent="0.45">
      <c r="A2109" s="6">
        <f>'申請書（複数入力用）'!A2111</f>
        <v>2105</v>
      </c>
      <c r="B2109" s="13">
        <f>'申請書（複数入力用）'!AH2111</f>
        <v>0</v>
      </c>
      <c r="C2109" s="6">
        <f>'申請書（複数入力用）'!B2111</f>
        <v>0</v>
      </c>
      <c r="D2109" s="6">
        <f>'申請書（複数入力用）'!D2111</f>
        <v>0</v>
      </c>
      <c r="E2109" s="14">
        <f>'申請書（複数入力用）'!H2111</f>
        <v>0</v>
      </c>
      <c r="F2109" s="11" t="str">
        <f>'申請書（複数入力用）'!J2111</f>
        <v/>
      </c>
      <c r="G2109" s="6" t="str">
        <f>'申請書（複数入力用）'!K2111</f>
        <v>a052r000000jS9ZAAU</v>
      </c>
      <c r="H2109" s="12" t="e">
        <f>'申請書（複数入力用）'!N2111</f>
        <v>#N/A</v>
      </c>
      <c r="I2109" s="12" t="e">
        <f>'申請書（複数入力用）'!O2111</f>
        <v>#N/A</v>
      </c>
      <c r="J2109" s="12">
        <f>'申請書（複数入力用）'!P2111</f>
        <v>1</v>
      </c>
    </row>
    <row r="2110" spans="1:10" ht="51.6" customHeight="1" x14ac:dyDescent="0.45">
      <c r="A2110" s="6">
        <f>'申請書（複数入力用）'!A2112</f>
        <v>2106</v>
      </c>
      <c r="B2110" s="13">
        <f>'申請書（複数入力用）'!AH2112</f>
        <v>0</v>
      </c>
      <c r="C2110" s="6">
        <f>'申請書（複数入力用）'!B2112</f>
        <v>0</v>
      </c>
      <c r="D2110" s="6">
        <f>'申請書（複数入力用）'!D2112</f>
        <v>0</v>
      </c>
      <c r="E2110" s="14">
        <f>'申請書（複数入力用）'!H2112</f>
        <v>0</v>
      </c>
      <c r="F2110" s="11" t="str">
        <f>'申請書（複数入力用）'!J2112</f>
        <v/>
      </c>
      <c r="G2110" s="6" t="str">
        <f>'申請書（複数入力用）'!K2112</f>
        <v>a052r000000jS9ZAAU</v>
      </c>
      <c r="H2110" s="12" t="e">
        <f>'申請書（複数入力用）'!N2112</f>
        <v>#N/A</v>
      </c>
      <c r="I2110" s="12" t="e">
        <f>'申請書（複数入力用）'!O2112</f>
        <v>#N/A</v>
      </c>
      <c r="J2110" s="12">
        <f>'申請書（複数入力用）'!P2112</f>
        <v>1</v>
      </c>
    </row>
    <row r="2111" spans="1:10" ht="51.6" customHeight="1" x14ac:dyDescent="0.45">
      <c r="A2111" s="6">
        <f>'申請書（複数入力用）'!A2113</f>
        <v>2107</v>
      </c>
      <c r="B2111" s="13">
        <f>'申請書（複数入力用）'!AH2113</f>
        <v>0</v>
      </c>
      <c r="C2111" s="6">
        <f>'申請書（複数入力用）'!B2113</f>
        <v>0</v>
      </c>
      <c r="D2111" s="6">
        <f>'申請書（複数入力用）'!D2113</f>
        <v>0</v>
      </c>
      <c r="E2111" s="14">
        <f>'申請書（複数入力用）'!H2113</f>
        <v>0</v>
      </c>
      <c r="F2111" s="11" t="str">
        <f>'申請書（複数入力用）'!J2113</f>
        <v/>
      </c>
      <c r="G2111" s="6" t="str">
        <f>'申請書（複数入力用）'!K2113</f>
        <v>a052r000000jS9ZAAU</v>
      </c>
      <c r="H2111" s="12" t="e">
        <f>'申請書（複数入力用）'!N2113</f>
        <v>#N/A</v>
      </c>
      <c r="I2111" s="12" t="e">
        <f>'申請書（複数入力用）'!O2113</f>
        <v>#N/A</v>
      </c>
      <c r="J2111" s="12">
        <f>'申請書（複数入力用）'!P2113</f>
        <v>1</v>
      </c>
    </row>
    <row r="2112" spans="1:10" ht="51.6" customHeight="1" x14ac:dyDescent="0.45">
      <c r="A2112" s="6">
        <f>'申請書（複数入力用）'!A2114</f>
        <v>2108</v>
      </c>
      <c r="B2112" s="13">
        <f>'申請書（複数入力用）'!AH2114</f>
        <v>0</v>
      </c>
      <c r="C2112" s="6">
        <f>'申請書（複数入力用）'!B2114</f>
        <v>0</v>
      </c>
      <c r="D2112" s="6">
        <f>'申請書（複数入力用）'!D2114</f>
        <v>0</v>
      </c>
      <c r="E2112" s="14">
        <f>'申請書（複数入力用）'!H2114</f>
        <v>0</v>
      </c>
      <c r="F2112" s="11" t="str">
        <f>'申請書（複数入力用）'!J2114</f>
        <v/>
      </c>
      <c r="G2112" s="6" t="str">
        <f>'申請書（複数入力用）'!K2114</f>
        <v>a052r000000jS9ZAAU</v>
      </c>
      <c r="H2112" s="12" t="e">
        <f>'申請書（複数入力用）'!N2114</f>
        <v>#N/A</v>
      </c>
      <c r="I2112" s="12" t="e">
        <f>'申請書（複数入力用）'!O2114</f>
        <v>#N/A</v>
      </c>
      <c r="J2112" s="12">
        <f>'申請書（複数入力用）'!P2114</f>
        <v>1</v>
      </c>
    </row>
    <row r="2113" spans="1:10" ht="51.6" customHeight="1" x14ac:dyDescent="0.45">
      <c r="A2113" s="6">
        <f>'申請書（複数入力用）'!A2115</f>
        <v>2109</v>
      </c>
      <c r="B2113" s="13">
        <f>'申請書（複数入力用）'!AH2115</f>
        <v>0</v>
      </c>
      <c r="C2113" s="6">
        <f>'申請書（複数入力用）'!B2115</f>
        <v>0</v>
      </c>
      <c r="D2113" s="6">
        <f>'申請書（複数入力用）'!D2115</f>
        <v>0</v>
      </c>
      <c r="E2113" s="14">
        <f>'申請書（複数入力用）'!H2115</f>
        <v>0</v>
      </c>
      <c r="F2113" s="11" t="str">
        <f>'申請書（複数入力用）'!J2115</f>
        <v/>
      </c>
      <c r="G2113" s="6" t="str">
        <f>'申請書（複数入力用）'!K2115</f>
        <v>a052r000000jS9ZAAU</v>
      </c>
      <c r="H2113" s="12" t="e">
        <f>'申請書（複数入力用）'!N2115</f>
        <v>#N/A</v>
      </c>
      <c r="I2113" s="12" t="e">
        <f>'申請書（複数入力用）'!O2115</f>
        <v>#N/A</v>
      </c>
      <c r="J2113" s="12">
        <f>'申請書（複数入力用）'!P2115</f>
        <v>1</v>
      </c>
    </row>
    <row r="2114" spans="1:10" ht="51.6" customHeight="1" x14ac:dyDescent="0.45">
      <c r="A2114" s="6">
        <f>'申請書（複数入力用）'!A2116</f>
        <v>2110</v>
      </c>
      <c r="B2114" s="13">
        <f>'申請書（複数入力用）'!AH2116</f>
        <v>0</v>
      </c>
      <c r="C2114" s="6">
        <f>'申請書（複数入力用）'!B2116</f>
        <v>0</v>
      </c>
      <c r="D2114" s="6">
        <f>'申請書（複数入力用）'!D2116</f>
        <v>0</v>
      </c>
      <c r="E2114" s="14">
        <f>'申請書（複数入力用）'!H2116</f>
        <v>0</v>
      </c>
      <c r="F2114" s="11" t="str">
        <f>'申請書（複数入力用）'!J2116</f>
        <v/>
      </c>
      <c r="G2114" s="6" t="str">
        <f>'申請書（複数入力用）'!K2116</f>
        <v>a052r000000jS9ZAAU</v>
      </c>
      <c r="H2114" s="12" t="e">
        <f>'申請書（複数入力用）'!N2116</f>
        <v>#N/A</v>
      </c>
      <c r="I2114" s="12" t="e">
        <f>'申請書（複数入力用）'!O2116</f>
        <v>#N/A</v>
      </c>
      <c r="J2114" s="12">
        <f>'申請書（複数入力用）'!P2116</f>
        <v>1</v>
      </c>
    </row>
    <row r="2115" spans="1:10" ht="51.6" customHeight="1" x14ac:dyDescent="0.45">
      <c r="A2115" s="6">
        <f>'申請書（複数入力用）'!A2117</f>
        <v>2111</v>
      </c>
      <c r="B2115" s="13">
        <f>'申請書（複数入力用）'!AH2117</f>
        <v>0</v>
      </c>
      <c r="C2115" s="6">
        <f>'申請書（複数入力用）'!B2117</f>
        <v>0</v>
      </c>
      <c r="D2115" s="6">
        <f>'申請書（複数入力用）'!D2117</f>
        <v>0</v>
      </c>
      <c r="E2115" s="14">
        <f>'申請書（複数入力用）'!H2117</f>
        <v>0</v>
      </c>
      <c r="F2115" s="11" t="str">
        <f>'申請書（複数入力用）'!J2117</f>
        <v/>
      </c>
      <c r="G2115" s="6" t="str">
        <f>'申請書（複数入力用）'!K2117</f>
        <v>a052r000000jS9ZAAU</v>
      </c>
      <c r="H2115" s="12" t="e">
        <f>'申請書（複数入力用）'!N2117</f>
        <v>#N/A</v>
      </c>
      <c r="I2115" s="12" t="e">
        <f>'申請書（複数入力用）'!O2117</f>
        <v>#N/A</v>
      </c>
      <c r="J2115" s="12">
        <f>'申請書（複数入力用）'!P2117</f>
        <v>1</v>
      </c>
    </row>
    <row r="2116" spans="1:10" ht="51.6" customHeight="1" x14ac:dyDescent="0.45">
      <c r="A2116" s="6">
        <f>'申請書（複数入力用）'!A2118</f>
        <v>2112</v>
      </c>
      <c r="B2116" s="13">
        <f>'申請書（複数入力用）'!AH2118</f>
        <v>0</v>
      </c>
      <c r="C2116" s="6">
        <f>'申請書（複数入力用）'!B2118</f>
        <v>0</v>
      </c>
      <c r="D2116" s="6">
        <f>'申請書（複数入力用）'!D2118</f>
        <v>0</v>
      </c>
      <c r="E2116" s="14">
        <f>'申請書（複数入力用）'!H2118</f>
        <v>0</v>
      </c>
      <c r="F2116" s="11" t="str">
        <f>'申請書（複数入力用）'!J2118</f>
        <v/>
      </c>
      <c r="G2116" s="6" t="str">
        <f>'申請書（複数入力用）'!K2118</f>
        <v>a052r000000jS9ZAAU</v>
      </c>
      <c r="H2116" s="12" t="e">
        <f>'申請書（複数入力用）'!N2118</f>
        <v>#N/A</v>
      </c>
      <c r="I2116" s="12" t="e">
        <f>'申請書（複数入力用）'!O2118</f>
        <v>#N/A</v>
      </c>
      <c r="J2116" s="12">
        <f>'申請書（複数入力用）'!P2118</f>
        <v>1</v>
      </c>
    </row>
    <row r="2117" spans="1:10" ht="51.6" customHeight="1" x14ac:dyDescent="0.45">
      <c r="A2117" s="6">
        <f>'申請書（複数入力用）'!A2119</f>
        <v>2113</v>
      </c>
      <c r="B2117" s="13">
        <f>'申請書（複数入力用）'!AH2119</f>
        <v>0</v>
      </c>
      <c r="C2117" s="6">
        <f>'申請書（複数入力用）'!B2119</f>
        <v>0</v>
      </c>
      <c r="D2117" s="6">
        <f>'申請書（複数入力用）'!D2119</f>
        <v>0</v>
      </c>
      <c r="E2117" s="14">
        <f>'申請書（複数入力用）'!H2119</f>
        <v>0</v>
      </c>
      <c r="F2117" s="11" t="str">
        <f>'申請書（複数入力用）'!J2119</f>
        <v/>
      </c>
      <c r="G2117" s="6" t="str">
        <f>'申請書（複数入力用）'!K2119</f>
        <v>a052r000000jS9ZAAU</v>
      </c>
      <c r="H2117" s="12" t="e">
        <f>'申請書（複数入力用）'!N2119</f>
        <v>#N/A</v>
      </c>
      <c r="I2117" s="12" t="e">
        <f>'申請書（複数入力用）'!O2119</f>
        <v>#N/A</v>
      </c>
      <c r="J2117" s="12">
        <f>'申請書（複数入力用）'!P2119</f>
        <v>1</v>
      </c>
    </row>
    <row r="2118" spans="1:10" ht="51.6" customHeight="1" x14ac:dyDescent="0.45">
      <c r="A2118" s="6">
        <f>'申請書（複数入力用）'!A2120</f>
        <v>2114</v>
      </c>
      <c r="B2118" s="13">
        <f>'申請書（複数入力用）'!AH2120</f>
        <v>0</v>
      </c>
      <c r="C2118" s="6">
        <f>'申請書（複数入力用）'!B2120</f>
        <v>0</v>
      </c>
      <c r="D2118" s="6">
        <f>'申請書（複数入力用）'!D2120</f>
        <v>0</v>
      </c>
      <c r="E2118" s="14">
        <f>'申請書（複数入力用）'!H2120</f>
        <v>0</v>
      </c>
      <c r="F2118" s="11" t="str">
        <f>'申請書（複数入力用）'!J2120</f>
        <v/>
      </c>
      <c r="G2118" s="6" t="str">
        <f>'申請書（複数入力用）'!K2120</f>
        <v>a052r000000jS9ZAAU</v>
      </c>
      <c r="H2118" s="12" t="e">
        <f>'申請書（複数入力用）'!N2120</f>
        <v>#N/A</v>
      </c>
      <c r="I2118" s="12" t="e">
        <f>'申請書（複数入力用）'!O2120</f>
        <v>#N/A</v>
      </c>
      <c r="J2118" s="12">
        <f>'申請書（複数入力用）'!P2120</f>
        <v>1</v>
      </c>
    </row>
    <row r="2119" spans="1:10" ht="51.6" customHeight="1" x14ac:dyDescent="0.45">
      <c r="A2119" s="6">
        <f>'申請書（複数入力用）'!A2121</f>
        <v>2115</v>
      </c>
      <c r="B2119" s="13">
        <f>'申請書（複数入力用）'!AH2121</f>
        <v>0</v>
      </c>
      <c r="C2119" s="6">
        <f>'申請書（複数入力用）'!B2121</f>
        <v>0</v>
      </c>
      <c r="D2119" s="6">
        <f>'申請書（複数入力用）'!D2121</f>
        <v>0</v>
      </c>
      <c r="E2119" s="14">
        <f>'申請書（複数入力用）'!H2121</f>
        <v>0</v>
      </c>
      <c r="F2119" s="11" t="str">
        <f>'申請書（複数入力用）'!J2121</f>
        <v/>
      </c>
      <c r="G2119" s="6" t="str">
        <f>'申請書（複数入力用）'!K2121</f>
        <v>a052r000000jS9ZAAU</v>
      </c>
      <c r="H2119" s="12" t="e">
        <f>'申請書（複数入力用）'!N2121</f>
        <v>#N/A</v>
      </c>
      <c r="I2119" s="12" t="e">
        <f>'申請書（複数入力用）'!O2121</f>
        <v>#N/A</v>
      </c>
      <c r="J2119" s="12">
        <f>'申請書（複数入力用）'!P2121</f>
        <v>1</v>
      </c>
    </row>
    <row r="2120" spans="1:10" ht="51.6" customHeight="1" x14ac:dyDescent="0.45">
      <c r="A2120" s="6">
        <f>'申請書（複数入力用）'!A2122</f>
        <v>2116</v>
      </c>
      <c r="B2120" s="13">
        <f>'申請書（複数入力用）'!AH2122</f>
        <v>0</v>
      </c>
      <c r="C2120" s="6">
        <f>'申請書（複数入力用）'!B2122</f>
        <v>0</v>
      </c>
      <c r="D2120" s="6">
        <f>'申請書（複数入力用）'!D2122</f>
        <v>0</v>
      </c>
      <c r="E2120" s="14">
        <f>'申請書（複数入力用）'!H2122</f>
        <v>0</v>
      </c>
      <c r="F2120" s="11" t="str">
        <f>'申請書（複数入力用）'!J2122</f>
        <v/>
      </c>
      <c r="G2120" s="6" t="str">
        <f>'申請書（複数入力用）'!K2122</f>
        <v>a052r000000jS9ZAAU</v>
      </c>
      <c r="H2120" s="12" t="e">
        <f>'申請書（複数入力用）'!N2122</f>
        <v>#N/A</v>
      </c>
      <c r="I2120" s="12" t="e">
        <f>'申請書（複数入力用）'!O2122</f>
        <v>#N/A</v>
      </c>
      <c r="J2120" s="12">
        <f>'申請書（複数入力用）'!P2122</f>
        <v>1</v>
      </c>
    </row>
    <row r="2121" spans="1:10" ht="51.6" customHeight="1" x14ac:dyDescent="0.45">
      <c r="A2121" s="6">
        <f>'申請書（複数入力用）'!A2123</f>
        <v>2117</v>
      </c>
      <c r="B2121" s="13">
        <f>'申請書（複数入力用）'!AH2123</f>
        <v>0</v>
      </c>
      <c r="C2121" s="6">
        <f>'申請書（複数入力用）'!B2123</f>
        <v>0</v>
      </c>
      <c r="D2121" s="6">
        <f>'申請書（複数入力用）'!D2123</f>
        <v>0</v>
      </c>
      <c r="E2121" s="14">
        <f>'申請書（複数入力用）'!H2123</f>
        <v>0</v>
      </c>
      <c r="F2121" s="11" t="str">
        <f>'申請書（複数入力用）'!J2123</f>
        <v/>
      </c>
      <c r="G2121" s="6" t="str">
        <f>'申請書（複数入力用）'!K2123</f>
        <v>a052r000000jS9ZAAU</v>
      </c>
      <c r="H2121" s="12" t="e">
        <f>'申請書（複数入力用）'!N2123</f>
        <v>#N/A</v>
      </c>
      <c r="I2121" s="12" t="e">
        <f>'申請書（複数入力用）'!O2123</f>
        <v>#N/A</v>
      </c>
      <c r="J2121" s="12">
        <f>'申請書（複数入力用）'!P2123</f>
        <v>1</v>
      </c>
    </row>
    <row r="2122" spans="1:10" ht="51.6" customHeight="1" x14ac:dyDescent="0.45">
      <c r="A2122" s="6">
        <f>'申請書（複数入力用）'!A2124</f>
        <v>2118</v>
      </c>
      <c r="B2122" s="13">
        <f>'申請書（複数入力用）'!AH2124</f>
        <v>0</v>
      </c>
      <c r="C2122" s="6">
        <f>'申請書（複数入力用）'!B2124</f>
        <v>0</v>
      </c>
      <c r="D2122" s="6">
        <f>'申請書（複数入力用）'!D2124</f>
        <v>0</v>
      </c>
      <c r="E2122" s="14">
        <f>'申請書（複数入力用）'!H2124</f>
        <v>0</v>
      </c>
      <c r="F2122" s="11" t="str">
        <f>'申請書（複数入力用）'!J2124</f>
        <v/>
      </c>
      <c r="G2122" s="6" t="str">
        <f>'申請書（複数入力用）'!K2124</f>
        <v>a052r000000jS9ZAAU</v>
      </c>
      <c r="H2122" s="12" t="e">
        <f>'申請書（複数入力用）'!N2124</f>
        <v>#N/A</v>
      </c>
      <c r="I2122" s="12" t="e">
        <f>'申請書（複数入力用）'!O2124</f>
        <v>#N/A</v>
      </c>
      <c r="J2122" s="12">
        <f>'申請書（複数入力用）'!P2124</f>
        <v>1</v>
      </c>
    </row>
    <row r="2123" spans="1:10" ht="51.6" customHeight="1" x14ac:dyDescent="0.45">
      <c r="A2123" s="6">
        <f>'申請書（複数入力用）'!A2125</f>
        <v>2119</v>
      </c>
      <c r="B2123" s="13">
        <f>'申請書（複数入力用）'!AH2125</f>
        <v>0</v>
      </c>
      <c r="C2123" s="6">
        <f>'申請書（複数入力用）'!B2125</f>
        <v>0</v>
      </c>
      <c r="D2123" s="6">
        <f>'申請書（複数入力用）'!D2125</f>
        <v>0</v>
      </c>
      <c r="E2123" s="14">
        <f>'申請書（複数入力用）'!H2125</f>
        <v>0</v>
      </c>
      <c r="F2123" s="11" t="str">
        <f>'申請書（複数入力用）'!J2125</f>
        <v/>
      </c>
      <c r="G2123" s="6" t="str">
        <f>'申請書（複数入力用）'!K2125</f>
        <v>a052r000000jS9ZAAU</v>
      </c>
      <c r="H2123" s="12" t="e">
        <f>'申請書（複数入力用）'!N2125</f>
        <v>#N/A</v>
      </c>
      <c r="I2123" s="12" t="e">
        <f>'申請書（複数入力用）'!O2125</f>
        <v>#N/A</v>
      </c>
      <c r="J2123" s="12">
        <f>'申請書（複数入力用）'!P2125</f>
        <v>1</v>
      </c>
    </row>
    <row r="2124" spans="1:10" ht="51.6" customHeight="1" x14ac:dyDescent="0.45">
      <c r="A2124" s="6">
        <f>'申請書（複数入力用）'!A2126</f>
        <v>2120</v>
      </c>
      <c r="B2124" s="13">
        <f>'申請書（複数入力用）'!AH2126</f>
        <v>0</v>
      </c>
      <c r="C2124" s="6">
        <f>'申請書（複数入力用）'!B2126</f>
        <v>0</v>
      </c>
      <c r="D2124" s="6">
        <f>'申請書（複数入力用）'!D2126</f>
        <v>0</v>
      </c>
      <c r="E2124" s="14">
        <f>'申請書（複数入力用）'!H2126</f>
        <v>0</v>
      </c>
      <c r="F2124" s="11" t="str">
        <f>'申請書（複数入力用）'!J2126</f>
        <v/>
      </c>
      <c r="G2124" s="6" t="str">
        <f>'申請書（複数入力用）'!K2126</f>
        <v>a052r000000jS9ZAAU</v>
      </c>
      <c r="H2124" s="12" t="e">
        <f>'申請書（複数入力用）'!N2126</f>
        <v>#N/A</v>
      </c>
      <c r="I2124" s="12" t="e">
        <f>'申請書（複数入力用）'!O2126</f>
        <v>#N/A</v>
      </c>
      <c r="J2124" s="12">
        <f>'申請書（複数入力用）'!P2126</f>
        <v>1</v>
      </c>
    </row>
    <row r="2125" spans="1:10" ht="51.6" customHeight="1" x14ac:dyDescent="0.45">
      <c r="A2125" s="6">
        <f>'申請書（複数入力用）'!A2127</f>
        <v>2121</v>
      </c>
      <c r="B2125" s="13">
        <f>'申請書（複数入力用）'!AH2127</f>
        <v>0</v>
      </c>
      <c r="C2125" s="6">
        <f>'申請書（複数入力用）'!B2127</f>
        <v>0</v>
      </c>
      <c r="D2125" s="6">
        <f>'申請書（複数入力用）'!D2127</f>
        <v>0</v>
      </c>
      <c r="E2125" s="14">
        <f>'申請書（複数入力用）'!H2127</f>
        <v>0</v>
      </c>
      <c r="F2125" s="11" t="str">
        <f>'申請書（複数入力用）'!J2127</f>
        <v/>
      </c>
      <c r="G2125" s="6" t="str">
        <f>'申請書（複数入力用）'!K2127</f>
        <v>a052r000000jS9ZAAU</v>
      </c>
      <c r="H2125" s="12" t="e">
        <f>'申請書（複数入力用）'!N2127</f>
        <v>#N/A</v>
      </c>
      <c r="I2125" s="12" t="e">
        <f>'申請書（複数入力用）'!O2127</f>
        <v>#N/A</v>
      </c>
      <c r="J2125" s="12">
        <f>'申請書（複数入力用）'!P2127</f>
        <v>1</v>
      </c>
    </row>
    <row r="2126" spans="1:10" ht="51.6" customHeight="1" x14ac:dyDescent="0.45">
      <c r="A2126" s="6">
        <f>'申請書（複数入力用）'!A2128</f>
        <v>2122</v>
      </c>
      <c r="B2126" s="13">
        <f>'申請書（複数入力用）'!AH2128</f>
        <v>0</v>
      </c>
      <c r="C2126" s="6">
        <f>'申請書（複数入力用）'!B2128</f>
        <v>0</v>
      </c>
      <c r="D2126" s="6">
        <f>'申請書（複数入力用）'!D2128</f>
        <v>0</v>
      </c>
      <c r="E2126" s="14">
        <f>'申請書（複数入力用）'!H2128</f>
        <v>0</v>
      </c>
      <c r="F2126" s="11" t="str">
        <f>'申請書（複数入力用）'!J2128</f>
        <v/>
      </c>
      <c r="G2126" s="6" t="str">
        <f>'申請書（複数入力用）'!K2128</f>
        <v>a052r000000jS9ZAAU</v>
      </c>
      <c r="H2126" s="12" t="e">
        <f>'申請書（複数入力用）'!N2128</f>
        <v>#N/A</v>
      </c>
      <c r="I2126" s="12" t="e">
        <f>'申請書（複数入力用）'!O2128</f>
        <v>#N/A</v>
      </c>
      <c r="J2126" s="12">
        <f>'申請書（複数入力用）'!P2128</f>
        <v>1</v>
      </c>
    </row>
    <row r="2127" spans="1:10" ht="51.6" customHeight="1" x14ac:dyDescent="0.45">
      <c r="A2127" s="6">
        <f>'申請書（複数入力用）'!A2129</f>
        <v>2123</v>
      </c>
      <c r="B2127" s="13">
        <f>'申請書（複数入力用）'!AH2129</f>
        <v>0</v>
      </c>
      <c r="C2127" s="6">
        <f>'申請書（複数入力用）'!B2129</f>
        <v>0</v>
      </c>
      <c r="D2127" s="6">
        <f>'申請書（複数入力用）'!D2129</f>
        <v>0</v>
      </c>
      <c r="E2127" s="14">
        <f>'申請書（複数入力用）'!H2129</f>
        <v>0</v>
      </c>
      <c r="F2127" s="11" t="str">
        <f>'申請書（複数入力用）'!J2129</f>
        <v/>
      </c>
      <c r="G2127" s="6" t="str">
        <f>'申請書（複数入力用）'!K2129</f>
        <v>a052r000000jS9ZAAU</v>
      </c>
      <c r="H2127" s="12" t="e">
        <f>'申請書（複数入力用）'!N2129</f>
        <v>#N/A</v>
      </c>
      <c r="I2127" s="12" t="e">
        <f>'申請書（複数入力用）'!O2129</f>
        <v>#N/A</v>
      </c>
      <c r="J2127" s="12">
        <f>'申請書（複数入力用）'!P2129</f>
        <v>1</v>
      </c>
    </row>
    <row r="2128" spans="1:10" ht="51.6" customHeight="1" x14ac:dyDescent="0.45">
      <c r="A2128" s="6">
        <f>'申請書（複数入力用）'!A2130</f>
        <v>2124</v>
      </c>
      <c r="B2128" s="13">
        <f>'申請書（複数入力用）'!AH2130</f>
        <v>0</v>
      </c>
      <c r="C2128" s="6">
        <f>'申請書（複数入力用）'!B2130</f>
        <v>0</v>
      </c>
      <c r="D2128" s="6">
        <f>'申請書（複数入力用）'!D2130</f>
        <v>0</v>
      </c>
      <c r="E2128" s="14">
        <f>'申請書（複数入力用）'!H2130</f>
        <v>0</v>
      </c>
      <c r="F2128" s="11" t="str">
        <f>'申請書（複数入力用）'!J2130</f>
        <v/>
      </c>
      <c r="G2128" s="6" t="str">
        <f>'申請書（複数入力用）'!K2130</f>
        <v>a052r000000jS9ZAAU</v>
      </c>
      <c r="H2128" s="12" t="e">
        <f>'申請書（複数入力用）'!N2130</f>
        <v>#N/A</v>
      </c>
      <c r="I2128" s="12" t="e">
        <f>'申請書（複数入力用）'!O2130</f>
        <v>#N/A</v>
      </c>
      <c r="J2128" s="12">
        <f>'申請書（複数入力用）'!P2130</f>
        <v>1</v>
      </c>
    </row>
    <row r="2129" spans="1:10" ht="51.6" customHeight="1" x14ac:dyDescent="0.45">
      <c r="A2129" s="6">
        <f>'申請書（複数入力用）'!A2131</f>
        <v>2125</v>
      </c>
      <c r="B2129" s="13">
        <f>'申請書（複数入力用）'!AH2131</f>
        <v>0</v>
      </c>
      <c r="C2129" s="6">
        <f>'申請書（複数入力用）'!B2131</f>
        <v>0</v>
      </c>
      <c r="D2129" s="6">
        <f>'申請書（複数入力用）'!D2131</f>
        <v>0</v>
      </c>
      <c r="E2129" s="14">
        <f>'申請書（複数入力用）'!H2131</f>
        <v>0</v>
      </c>
      <c r="F2129" s="11" t="str">
        <f>'申請書（複数入力用）'!J2131</f>
        <v/>
      </c>
      <c r="G2129" s="6" t="str">
        <f>'申請書（複数入力用）'!K2131</f>
        <v>a052r000000jS9ZAAU</v>
      </c>
      <c r="H2129" s="12" t="e">
        <f>'申請書（複数入力用）'!N2131</f>
        <v>#N/A</v>
      </c>
      <c r="I2129" s="12" t="e">
        <f>'申請書（複数入力用）'!O2131</f>
        <v>#N/A</v>
      </c>
      <c r="J2129" s="12">
        <f>'申請書（複数入力用）'!P2131</f>
        <v>1</v>
      </c>
    </row>
    <row r="2130" spans="1:10" ht="51.6" customHeight="1" x14ac:dyDescent="0.45">
      <c r="A2130" s="6">
        <f>'申請書（複数入力用）'!A2132</f>
        <v>2126</v>
      </c>
      <c r="B2130" s="13">
        <f>'申請書（複数入力用）'!AH2132</f>
        <v>0</v>
      </c>
      <c r="C2130" s="6">
        <f>'申請書（複数入力用）'!B2132</f>
        <v>0</v>
      </c>
      <c r="D2130" s="6">
        <f>'申請書（複数入力用）'!D2132</f>
        <v>0</v>
      </c>
      <c r="E2130" s="14">
        <f>'申請書（複数入力用）'!H2132</f>
        <v>0</v>
      </c>
      <c r="F2130" s="11" t="str">
        <f>'申請書（複数入力用）'!J2132</f>
        <v/>
      </c>
      <c r="G2130" s="6" t="str">
        <f>'申請書（複数入力用）'!K2132</f>
        <v>a052r000000jS9ZAAU</v>
      </c>
      <c r="H2130" s="12" t="e">
        <f>'申請書（複数入力用）'!N2132</f>
        <v>#N/A</v>
      </c>
      <c r="I2130" s="12" t="e">
        <f>'申請書（複数入力用）'!O2132</f>
        <v>#N/A</v>
      </c>
      <c r="J2130" s="12">
        <f>'申請書（複数入力用）'!P2132</f>
        <v>1</v>
      </c>
    </row>
    <row r="2131" spans="1:10" ht="51.6" customHeight="1" x14ac:dyDescent="0.45">
      <c r="A2131" s="6">
        <f>'申請書（複数入力用）'!A2133</f>
        <v>2127</v>
      </c>
      <c r="B2131" s="13">
        <f>'申請書（複数入力用）'!AH2133</f>
        <v>0</v>
      </c>
      <c r="C2131" s="6">
        <f>'申請書（複数入力用）'!B2133</f>
        <v>0</v>
      </c>
      <c r="D2131" s="6">
        <f>'申請書（複数入力用）'!D2133</f>
        <v>0</v>
      </c>
      <c r="E2131" s="14">
        <f>'申請書（複数入力用）'!H2133</f>
        <v>0</v>
      </c>
      <c r="F2131" s="11" t="str">
        <f>'申請書（複数入力用）'!J2133</f>
        <v/>
      </c>
      <c r="G2131" s="6" t="str">
        <f>'申請書（複数入力用）'!K2133</f>
        <v>a052r000000jS9ZAAU</v>
      </c>
      <c r="H2131" s="12" t="e">
        <f>'申請書（複数入力用）'!N2133</f>
        <v>#N/A</v>
      </c>
      <c r="I2131" s="12" t="e">
        <f>'申請書（複数入力用）'!O2133</f>
        <v>#N/A</v>
      </c>
      <c r="J2131" s="12">
        <f>'申請書（複数入力用）'!P2133</f>
        <v>1</v>
      </c>
    </row>
    <row r="2132" spans="1:10" ht="51.6" customHeight="1" x14ac:dyDescent="0.45">
      <c r="A2132" s="6">
        <f>'申請書（複数入力用）'!A2134</f>
        <v>2128</v>
      </c>
      <c r="B2132" s="13">
        <f>'申請書（複数入力用）'!AH2134</f>
        <v>0</v>
      </c>
      <c r="C2132" s="6">
        <f>'申請書（複数入力用）'!B2134</f>
        <v>0</v>
      </c>
      <c r="D2132" s="6">
        <f>'申請書（複数入力用）'!D2134</f>
        <v>0</v>
      </c>
      <c r="E2132" s="14">
        <f>'申請書（複数入力用）'!H2134</f>
        <v>0</v>
      </c>
      <c r="F2132" s="11" t="str">
        <f>'申請書（複数入力用）'!J2134</f>
        <v/>
      </c>
      <c r="G2132" s="6" t="str">
        <f>'申請書（複数入力用）'!K2134</f>
        <v>a052r000000jS9ZAAU</v>
      </c>
      <c r="H2132" s="12" t="e">
        <f>'申請書（複数入力用）'!N2134</f>
        <v>#N/A</v>
      </c>
      <c r="I2132" s="12" t="e">
        <f>'申請書（複数入力用）'!O2134</f>
        <v>#N/A</v>
      </c>
      <c r="J2132" s="12">
        <f>'申請書（複数入力用）'!P2134</f>
        <v>1</v>
      </c>
    </row>
    <row r="2133" spans="1:10" ht="51.6" customHeight="1" x14ac:dyDescent="0.45">
      <c r="A2133" s="6">
        <f>'申請書（複数入力用）'!A2135</f>
        <v>2129</v>
      </c>
      <c r="B2133" s="13">
        <f>'申請書（複数入力用）'!AH2135</f>
        <v>0</v>
      </c>
      <c r="C2133" s="6">
        <f>'申請書（複数入力用）'!B2135</f>
        <v>0</v>
      </c>
      <c r="D2133" s="6">
        <f>'申請書（複数入力用）'!D2135</f>
        <v>0</v>
      </c>
      <c r="E2133" s="14">
        <f>'申請書（複数入力用）'!H2135</f>
        <v>0</v>
      </c>
      <c r="F2133" s="11" t="str">
        <f>'申請書（複数入力用）'!J2135</f>
        <v/>
      </c>
      <c r="G2133" s="6" t="str">
        <f>'申請書（複数入力用）'!K2135</f>
        <v>a052r000000jS9ZAAU</v>
      </c>
      <c r="H2133" s="12" t="e">
        <f>'申請書（複数入力用）'!N2135</f>
        <v>#N/A</v>
      </c>
      <c r="I2133" s="12" t="e">
        <f>'申請書（複数入力用）'!O2135</f>
        <v>#N/A</v>
      </c>
      <c r="J2133" s="12">
        <f>'申請書（複数入力用）'!P2135</f>
        <v>1</v>
      </c>
    </row>
    <row r="2134" spans="1:10" ht="51.6" customHeight="1" x14ac:dyDescent="0.45">
      <c r="A2134" s="6">
        <f>'申請書（複数入力用）'!A2136</f>
        <v>2130</v>
      </c>
      <c r="B2134" s="13">
        <f>'申請書（複数入力用）'!AH2136</f>
        <v>0</v>
      </c>
      <c r="C2134" s="6">
        <f>'申請書（複数入力用）'!B2136</f>
        <v>0</v>
      </c>
      <c r="D2134" s="6">
        <f>'申請書（複数入力用）'!D2136</f>
        <v>0</v>
      </c>
      <c r="E2134" s="14">
        <f>'申請書（複数入力用）'!H2136</f>
        <v>0</v>
      </c>
      <c r="F2134" s="11" t="str">
        <f>'申請書（複数入力用）'!J2136</f>
        <v/>
      </c>
      <c r="G2134" s="6" t="str">
        <f>'申請書（複数入力用）'!K2136</f>
        <v>a052r000000jS9ZAAU</v>
      </c>
      <c r="H2134" s="12" t="e">
        <f>'申請書（複数入力用）'!N2136</f>
        <v>#N/A</v>
      </c>
      <c r="I2134" s="12" t="e">
        <f>'申請書（複数入力用）'!O2136</f>
        <v>#N/A</v>
      </c>
      <c r="J2134" s="12">
        <f>'申請書（複数入力用）'!P2136</f>
        <v>1</v>
      </c>
    </row>
    <row r="2135" spans="1:10" ht="51.6" customHeight="1" x14ac:dyDescent="0.45">
      <c r="A2135" s="6">
        <f>'申請書（複数入力用）'!A2137</f>
        <v>2131</v>
      </c>
      <c r="B2135" s="13">
        <f>'申請書（複数入力用）'!AH2137</f>
        <v>0</v>
      </c>
      <c r="C2135" s="6">
        <f>'申請書（複数入力用）'!B2137</f>
        <v>0</v>
      </c>
      <c r="D2135" s="6">
        <f>'申請書（複数入力用）'!D2137</f>
        <v>0</v>
      </c>
      <c r="E2135" s="14">
        <f>'申請書（複数入力用）'!H2137</f>
        <v>0</v>
      </c>
      <c r="F2135" s="11" t="str">
        <f>'申請書（複数入力用）'!J2137</f>
        <v/>
      </c>
      <c r="G2135" s="6" t="str">
        <f>'申請書（複数入力用）'!K2137</f>
        <v>a052r000000jS9ZAAU</v>
      </c>
      <c r="H2135" s="12" t="e">
        <f>'申請書（複数入力用）'!N2137</f>
        <v>#N/A</v>
      </c>
      <c r="I2135" s="12" t="e">
        <f>'申請書（複数入力用）'!O2137</f>
        <v>#N/A</v>
      </c>
      <c r="J2135" s="12">
        <f>'申請書（複数入力用）'!P2137</f>
        <v>1</v>
      </c>
    </row>
    <row r="2136" spans="1:10" ht="51.6" customHeight="1" x14ac:dyDescent="0.45">
      <c r="A2136" s="6">
        <f>'申請書（複数入力用）'!A2138</f>
        <v>2132</v>
      </c>
      <c r="B2136" s="13">
        <f>'申請書（複数入力用）'!AH2138</f>
        <v>0</v>
      </c>
      <c r="C2136" s="6">
        <f>'申請書（複数入力用）'!B2138</f>
        <v>0</v>
      </c>
      <c r="D2136" s="6">
        <f>'申請書（複数入力用）'!D2138</f>
        <v>0</v>
      </c>
      <c r="E2136" s="14">
        <f>'申請書（複数入力用）'!H2138</f>
        <v>0</v>
      </c>
      <c r="F2136" s="11" t="str">
        <f>'申請書（複数入力用）'!J2138</f>
        <v/>
      </c>
      <c r="G2136" s="6" t="str">
        <f>'申請書（複数入力用）'!K2138</f>
        <v>a052r000000jS9ZAAU</v>
      </c>
      <c r="H2136" s="12" t="e">
        <f>'申請書（複数入力用）'!N2138</f>
        <v>#N/A</v>
      </c>
      <c r="I2136" s="12" t="e">
        <f>'申請書（複数入力用）'!O2138</f>
        <v>#N/A</v>
      </c>
      <c r="J2136" s="12">
        <f>'申請書（複数入力用）'!P2138</f>
        <v>1</v>
      </c>
    </row>
    <row r="2137" spans="1:10" ht="51.6" customHeight="1" x14ac:dyDescent="0.45">
      <c r="A2137" s="6">
        <f>'申請書（複数入力用）'!A2139</f>
        <v>2133</v>
      </c>
      <c r="B2137" s="13">
        <f>'申請書（複数入力用）'!AH2139</f>
        <v>0</v>
      </c>
      <c r="C2137" s="6">
        <f>'申請書（複数入力用）'!B2139</f>
        <v>0</v>
      </c>
      <c r="D2137" s="6">
        <f>'申請書（複数入力用）'!D2139</f>
        <v>0</v>
      </c>
      <c r="E2137" s="14">
        <f>'申請書（複数入力用）'!H2139</f>
        <v>0</v>
      </c>
      <c r="F2137" s="11" t="str">
        <f>'申請書（複数入力用）'!J2139</f>
        <v/>
      </c>
      <c r="G2137" s="6" t="str">
        <f>'申請書（複数入力用）'!K2139</f>
        <v>a052r000000jS9ZAAU</v>
      </c>
      <c r="H2137" s="12" t="e">
        <f>'申請書（複数入力用）'!N2139</f>
        <v>#N/A</v>
      </c>
      <c r="I2137" s="12" t="e">
        <f>'申請書（複数入力用）'!O2139</f>
        <v>#N/A</v>
      </c>
      <c r="J2137" s="12">
        <f>'申請書（複数入力用）'!P2139</f>
        <v>1</v>
      </c>
    </row>
    <row r="2138" spans="1:10" ht="51.6" customHeight="1" x14ac:dyDescent="0.45">
      <c r="A2138" s="6">
        <f>'申請書（複数入力用）'!A2140</f>
        <v>2134</v>
      </c>
      <c r="B2138" s="13">
        <f>'申請書（複数入力用）'!AH2140</f>
        <v>0</v>
      </c>
      <c r="C2138" s="6">
        <f>'申請書（複数入力用）'!B2140</f>
        <v>0</v>
      </c>
      <c r="D2138" s="6">
        <f>'申請書（複数入力用）'!D2140</f>
        <v>0</v>
      </c>
      <c r="E2138" s="14">
        <f>'申請書（複数入力用）'!H2140</f>
        <v>0</v>
      </c>
      <c r="F2138" s="11" t="str">
        <f>'申請書（複数入力用）'!J2140</f>
        <v/>
      </c>
      <c r="G2138" s="6" t="str">
        <f>'申請書（複数入力用）'!K2140</f>
        <v>a052r000000jS9ZAAU</v>
      </c>
      <c r="H2138" s="12" t="e">
        <f>'申請書（複数入力用）'!N2140</f>
        <v>#N/A</v>
      </c>
      <c r="I2138" s="12" t="e">
        <f>'申請書（複数入力用）'!O2140</f>
        <v>#N/A</v>
      </c>
      <c r="J2138" s="12">
        <f>'申請書（複数入力用）'!P2140</f>
        <v>1</v>
      </c>
    </row>
    <row r="2139" spans="1:10" ht="51.6" customHeight="1" x14ac:dyDescent="0.45">
      <c r="A2139" s="6">
        <f>'申請書（複数入力用）'!A2141</f>
        <v>2135</v>
      </c>
      <c r="B2139" s="13">
        <f>'申請書（複数入力用）'!AH2141</f>
        <v>0</v>
      </c>
      <c r="C2139" s="6">
        <f>'申請書（複数入力用）'!B2141</f>
        <v>0</v>
      </c>
      <c r="D2139" s="6">
        <f>'申請書（複数入力用）'!D2141</f>
        <v>0</v>
      </c>
      <c r="E2139" s="14">
        <f>'申請書（複数入力用）'!H2141</f>
        <v>0</v>
      </c>
      <c r="F2139" s="11" t="str">
        <f>'申請書（複数入力用）'!J2141</f>
        <v/>
      </c>
      <c r="G2139" s="6" t="str">
        <f>'申請書（複数入力用）'!K2141</f>
        <v>a052r000000jS9ZAAU</v>
      </c>
      <c r="H2139" s="12" t="e">
        <f>'申請書（複数入力用）'!N2141</f>
        <v>#N/A</v>
      </c>
      <c r="I2139" s="12" t="e">
        <f>'申請書（複数入力用）'!O2141</f>
        <v>#N/A</v>
      </c>
      <c r="J2139" s="12">
        <f>'申請書（複数入力用）'!P2141</f>
        <v>1</v>
      </c>
    </row>
    <row r="2140" spans="1:10" ht="51.6" customHeight="1" x14ac:dyDescent="0.45">
      <c r="A2140" s="6">
        <f>'申請書（複数入力用）'!A2142</f>
        <v>2136</v>
      </c>
      <c r="B2140" s="13">
        <f>'申請書（複数入力用）'!AH2142</f>
        <v>0</v>
      </c>
      <c r="C2140" s="6">
        <f>'申請書（複数入力用）'!B2142</f>
        <v>0</v>
      </c>
      <c r="D2140" s="6">
        <f>'申請書（複数入力用）'!D2142</f>
        <v>0</v>
      </c>
      <c r="E2140" s="14">
        <f>'申請書（複数入力用）'!H2142</f>
        <v>0</v>
      </c>
      <c r="F2140" s="11" t="str">
        <f>'申請書（複数入力用）'!J2142</f>
        <v/>
      </c>
      <c r="G2140" s="6" t="str">
        <f>'申請書（複数入力用）'!K2142</f>
        <v>a052r000000jS9ZAAU</v>
      </c>
      <c r="H2140" s="12" t="e">
        <f>'申請書（複数入力用）'!N2142</f>
        <v>#N/A</v>
      </c>
      <c r="I2140" s="12" t="e">
        <f>'申請書（複数入力用）'!O2142</f>
        <v>#N/A</v>
      </c>
      <c r="J2140" s="12">
        <f>'申請書（複数入力用）'!P2142</f>
        <v>1</v>
      </c>
    </row>
    <row r="2141" spans="1:10" ht="51.6" customHeight="1" x14ac:dyDescent="0.45">
      <c r="A2141" s="6">
        <f>'申請書（複数入力用）'!A2143</f>
        <v>2137</v>
      </c>
      <c r="B2141" s="13">
        <f>'申請書（複数入力用）'!AH2143</f>
        <v>0</v>
      </c>
      <c r="C2141" s="6">
        <f>'申請書（複数入力用）'!B2143</f>
        <v>0</v>
      </c>
      <c r="D2141" s="6">
        <f>'申請書（複数入力用）'!D2143</f>
        <v>0</v>
      </c>
      <c r="E2141" s="14">
        <f>'申請書（複数入力用）'!H2143</f>
        <v>0</v>
      </c>
      <c r="F2141" s="11" t="str">
        <f>'申請書（複数入力用）'!J2143</f>
        <v/>
      </c>
      <c r="G2141" s="6" t="str">
        <f>'申請書（複数入力用）'!K2143</f>
        <v>a052r000000jS9ZAAU</v>
      </c>
      <c r="H2141" s="12" t="e">
        <f>'申請書（複数入力用）'!N2143</f>
        <v>#N/A</v>
      </c>
      <c r="I2141" s="12" t="e">
        <f>'申請書（複数入力用）'!O2143</f>
        <v>#N/A</v>
      </c>
      <c r="J2141" s="12">
        <f>'申請書（複数入力用）'!P2143</f>
        <v>1</v>
      </c>
    </row>
    <row r="2142" spans="1:10" ht="51.6" customHeight="1" x14ac:dyDescent="0.45">
      <c r="A2142" s="6">
        <f>'申請書（複数入力用）'!A2144</f>
        <v>2138</v>
      </c>
      <c r="B2142" s="13">
        <f>'申請書（複数入力用）'!AH2144</f>
        <v>0</v>
      </c>
      <c r="C2142" s="6">
        <f>'申請書（複数入力用）'!B2144</f>
        <v>0</v>
      </c>
      <c r="D2142" s="6">
        <f>'申請書（複数入力用）'!D2144</f>
        <v>0</v>
      </c>
      <c r="E2142" s="14">
        <f>'申請書（複数入力用）'!H2144</f>
        <v>0</v>
      </c>
      <c r="F2142" s="11" t="str">
        <f>'申請書（複数入力用）'!J2144</f>
        <v/>
      </c>
      <c r="G2142" s="6" t="str">
        <f>'申請書（複数入力用）'!K2144</f>
        <v>a052r000000jS9ZAAU</v>
      </c>
      <c r="H2142" s="12" t="e">
        <f>'申請書（複数入力用）'!N2144</f>
        <v>#N/A</v>
      </c>
      <c r="I2142" s="12" t="e">
        <f>'申請書（複数入力用）'!O2144</f>
        <v>#N/A</v>
      </c>
      <c r="J2142" s="12">
        <f>'申請書（複数入力用）'!P2144</f>
        <v>1</v>
      </c>
    </row>
    <row r="2143" spans="1:10" ht="51.6" customHeight="1" x14ac:dyDescent="0.45">
      <c r="A2143" s="6">
        <f>'申請書（複数入力用）'!A2145</f>
        <v>2139</v>
      </c>
      <c r="B2143" s="13">
        <f>'申請書（複数入力用）'!AH2145</f>
        <v>0</v>
      </c>
      <c r="C2143" s="6">
        <f>'申請書（複数入力用）'!B2145</f>
        <v>0</v>
      </c>
      <c r="D2143" s="6">
        <f>'申請書（複数入力用）'!D2145</f>
        <v>0</v>
      </c>
      <c r="E2143" s="14">
        <f>'申請書（複数入力用）'!H2145</f>
        <v>0</v>
      </c>
      <c r="F2143" s="11" t="str">
        <f>'申請書（複数入力用）'!J2145</f>
        <v/>
      </c>
      <c r="G2143" s="6" t="str">
        <f>'申請書（複数入力用）'!K2145</f>
        <v>a052r000000jS9ZAAU</v>
      </c>
      <c r="H2143" s="12" t="e">
        <f>'申請書（複数入力用）'!N2145</f>
        <v>#N/A</v>
      </c>
      <c r="I2143" s="12" t="e">
        <f>'申請書（複数入力用）'!O2145</f>
        <v>#N/A</v>
      </c>
      <c r="J2143" s="12">
        <f>'申請書（複数入力用）'!P2145</f>
        <v>1</v>
      </c>
    </row>
    <row r="2144" spans="1:10" ht="51.6" customHeight="1" x14ac:dyDescent="0.45">
      <c r="A2144" s="6">
        <f>'申請書（複数入力用）'!A2146</f>
        <v>2140</v>
      </c>
      <c r="B2144" s="13">
        <f>'申請書（複数入力用）'!AH2146</f>
        <v>0</v>
      </c>
      <c r="C2144" s="6">
        <f>'申請書（複数入力用）'!B2146</f>
        <v>0</v>
      </c>
      <c r="D2144" s="6">
        <f>'申請書（複数入力用）'!D2146</f>
        <v>0</v>
      </c>
      <c r="E2144" s="14">
        <f>'申請書（複数入力用）'!H2146</f>
        <v>0</v>
      </c>
      <c r="F2144" s="11" t="str">
        <f>'申請書（複数入力用）'!J2146</f>
        <v/>
      </c>
      <c r="G2144" s="6" t="str">
        <f>'申請書（複数入力用）'!K2146</f>
        <v>a052r000000jS9ZAAU</v>
      </c>
      <c r="H2144" s="12" t="e">
        <f>'申請書（複数入力用）'!N2146</f>
        <v>#N/A</v>
      </c>
      <c r="I2144" s="12" t="e">
        <f>'申請書（複数入力用）'!O2146</f>
        <v>#N/A</v>
      </c>
      <c r="J2144" s="12">
        <f>'申請書（複数入力用）'!P2146</f>
        <v>1</v>
      </c>
    </row>
    <row r="2145" spans="1:10" ht="51.6" customHeight="1" x14ac:dyDescent="0.45">
      <c r="A2145" s="6">
        <f>'申請書（複数入力用）'!A2147</f>
        <v>2141</v>
      </c>
      <c r="B2145" s="13">
        <f>'申請書（複数入力用）'!AH2147</f>
        <v>0</v>
      </c>
      <c r="C2145" s="6">
        <f>'申請書（複数入力用）'!B2147</f>
        <v>0</v>
      </c>
      <c r="D2145" s="6">
        <f>'申請書（複数入力用）'!D2147</f>
        <v>0</v>
      </c>
      <c r="E2145" s="14">
        <f>'申請書（複数入力用）'!H2147</f>
        <v>0</v>
      </c>
      <c r="F2145" s="11" t="str">
        <f>'申請書（複数入力用）'!J2147</f>
        <v/>
      </c>
      <c r="G2145" s="6" t="str">
        <f>'申請書（複数入力用）'!K2147</f>
        <v>a052r000000jS9ZAAU</v>
      </c>
      <c r="H2145" s="12" t="e">
        <f>'申請書（複数入力用）'!N2147</f>
        <v>#N/A</v>
      </c>
      <c r="I2145" s="12" t="e">
        <f>'申請書（複数入力用）'!O2147</f>
        <v>#N/A</v>
      </c>
      <c r="J2145" s="12">
        <f>'申請書（複数入力用）'!P2147</f>
        <v>1</v>
      </c>
    </row>
    <row r="2146" spans="1:10" ht="51.6" customHeight="1" x14ac:dyDescent="0.45">
      <c r="A2146" s="6">
        <f>'申請書（複数入力用）'!A2148</f>
        <v>2142</v>
      </c>
      <c r="B2146" s="13">
        <f>'申請書（複数入力用）'!AH2148</f>
        <v>0</v>
      </c>
      <c r="C2146" s="6">
        <f>'申請書（複数入力用）'!B2148</f>
        <v>0</v>
      </c>
      <c r="D2146" s="6">
        <f>'申請書（複数入力用）'!D2148</f>
        <v>0</v>
      </c>
      <c r="E2146" s="14">
        <f>'申請書（複数入力用）'!H2148</f>
        <v>0</v>
      </c>
      <c r="F2146" s="11" t="str">
        <f>'申請書（複数入力用）'!J2148</f>
        <v/>
      </c>
      <c r="G2146" s="6" t="str">
        <f>'申請書（複数入力用）'!K2148</f>
        <v>a052r000000jS9ZAAU</v>
      </c>
      <c r="H2146" s="12" t="e">
        <f>'申請書（複数入力用）'!N2148</f>
        <v>#N/A</v>
      </c>
      <c r="I2146" s="12" t="e">
        <f>'申請書（複数入力用）'!O2148</f>
        <v>#N/A</v>
      </c>
      <c r="J2146" s="12">
        <f>'申請書（複数入力用）'!P2148</f>
        <v>1</v>
      </c>
    </row>
    <row r="2147" spans="1:10" ht="51.6" customHeight="1" x14ac:dyDescent="0.45">
      <c r="A2147" s="6">
        <f>'申請書（複数入力用）'!A2149</f>
        <v>2143</v>
      </c>
      <c r="B2147" s="13">
        <f>'申請書（複数入力用）'!AH2149</f>
        <v>0</v>
      </c>
      <c r="C2147" s="6">
        <f>'申請書（複数入力用）'!B2149</f>
        <v>0</v>
      </c>
      <c r="D2147" s="6">
        <f>'申請書（複数入力用）'!D2149</f>
        <v>0</v>
      </c>
      <c r="E2147" s="14">
        <f>'申請書（複数入力用）'!H2149</f>
        <v>0</v>
      </c>
      <c r="F2147" s="11" t="str">
        <f>'申請書（複数入力用）'!J2149</f>
        <v/>
      </c>
      <c r="G2147" s="6" t="str">
        <f>'申請書（複数入力用）'!K2149</f>
        <v>a052r000000jS9ZAAU</v>
      </c>
      <c r="H2147" s="12" t="e">
        <f>'申請書（複数入力用）'!N2149</f>
        <v>#N/A</v>
      </c>
      <c r="I2147" s="12" t="e">
        <f>'申請書（複数入力用）'!O2149</f>
        <v>#N/A</v>
      </c>
      <c r="J2147" s="12">
        <f>'申請書（複数入力用）'!P2149</f>
        <v>1</v>
      </c>
    </row>
    <row r="2148" spans="1:10" ht="51.6" customHeight="1" x14ac:dyDescent="0.45">
      <c r="A2148" s="6">
        <f>'申請書（複数入力用）'!A2150</f>
        <v>2144</v>
      </c>
      <c r="B2148" s="13">
        <f>'申請書（複数入力用）'!AH2150</f>
        <v>0</v>
      </c>
      <c r="C2148" s="6">
        <f>'申請書（複数入力用）'!B2150</f>
        <v>0</v>
      </c>
      <c r="D2148" s="6">
        <f>'申請書（複数入力用）'!D2150</f>
        <v>0</v>
      </c>
      <c r="E2148" s="14">
        <f>'申請書（複数入力用）'!H2150</f>
        <v>0</v>
      </c>
      <c r="F2148" s="11" t="str">
        <f>'申請書（複数入力用）'!J2150</f>
        <v/>
      </c>
      <c r="G2148" s="6" t="str">
        <f>'申請書（複数入力用）'!K2150</f>
        <v>a052r000000jS9ZAAU</v>
      </c>
      <c r="H2148" s="12" t="e">
        <f>'申請書（複数入力用）'!N2150</f>
        <v>#N/A</v>
      </c>
      <c r="I2148" s="12" t="e">
        <f>'申請書（複数入力用）'!O2150</f>
        <v>#N/A</v>
      </c>
      <c r="J2148" s="12">
        <f>'申請書（複数入力用）'!P2150</f>
        <v>1</v>
      </c>
    </row>
    <row r="2149" spans="1:10" ht="51.6" customHeight="1" x14ac:dyDescent="0.45">
      <c r="A2149" s="6">
        <f>'申請書（複数入力用）'!A2151</f>
        <v>2145</v>
      </c>
      <c r="B2149" s="13">
        <f>'申請書（複数入力用）'!AH2151</f>
        <v>0</v>
      </c>
      <c r="C2149" s="6">
        <f>'申請書（複数入力用）'!B2151</f>
        <v>0</v>
      </c>
      <c r="D2149" s="6">
        <f>'申請書（複数入力用）'!D2151</f>
        <v>0</v>
      </c>
      <c r="E2149" s="14">
        <f>'申請書（複数入力用）'!H2151</f>
        <v>0</v>
      </c>
      <c r="F2149" s="11" t="str">
        <f>'申請書（複数入力用）'!J2151</f>
        <v/>
      </c>
      <c r="G2149" s="6" t="str">
        <f>'申請書（複数入力用）'!K2151</f>
        <v>a052r000000jS9ZAAU</v>
      </c>
      <c r="H2149" s="12" t="e">
        <f>'申請書（複数入力用）'!N2151</f>
        <v>#N/A</v>
      </c>
      <c r="I2149" s="12" t="e">
        <f>'申請書（複数入力用）'!O2151</f>
        <v>#N/A</v>
      </c>
      <c r="J2149" s="12">
        <f>'申請書（複数入力用）'!P2151</f>
        <v>1</v>
      </c>
    </row>
    <row r="2150" spans="1:10" ht="51.6" customHeight="1" x14ac:dyDescent="0.45">
      <c r="A2150" s="6">
        <f>'申請書（複数入力用）'!A2152</f>
        <v>2146</v>
      </c>
      <c r="B2150" s="13">
        <f>'申請書（複数入力用）'!AH2152</f>
        <v>0</v>
      </c>
      <c r="C2150" s="6">
        <f>'申請書（複数入力用）'!B2152</f>
        <v>0</v>
      </c>
      <c r="D2150" s="6">
        <f>'申請書（複数入力用）'!D2152</f>
        <v>0</v>
      </c>
      <c r="E2150" s="14">
        <f>'申請書（複数入力用）'!H2152</f>
        <v>0</v>
      </c>
      <c r="F2150" s="11" t="str">
        <f>'申請書（複数入力用）'!J2152</f>
        <v/>
      </c>
      <c r="G2150" s="6" t="str">
        <f>'申請書（複数入力用）'!K2152</f>
        <v>a052r000000jS9ZAAU</v>
      </c>
      <c r="H2150" s="12" t="e">
        <f>'申請書（複数入力用）'!N2152</f>
        <v>#N/A</v>
      </c>
      <c r="I2150" s="12" t="e">
        <f>'申請書（複数入力用）'!O2152</f>
        <v>#N/A</v>
      </c>
      <c r="J2150" s="12">
        <f>'申請書（複数入力用）'!P2152</f>
        <v>1</v>
      </c>
    </row>
    <row r="2151" spans="1:10" ht="51.6" customHeight="1" x14ac:dyDescent="0.45">
      <c r="A2151" s="6">
        <f>'申請書（複数入力用）'!A2153</f>
        <v>2147</v>
      </c>
      <c r="B2151" s="13">
        <f>'申請書（複数入力用）'!AH2153</f>
        <v>0</v>
      </c>
      <c r="C2151" s="6">
        <f>'申請書（複数入力用）'!B2153</f>
        <v>0</v>
      </c>
      <c r="D2151" s="6">
        <f>'申請書（複数入力用）'!D2153</f>
        <v>0</v>
      </c>
      <c r="E2151" s="14">
        <f>'申請書（複数入力用）'!H2153</f>
        <v>0</v>
      </c>
      <c r="F2151" s="11" t="str">
        <f>'申請書（複数入力用）'!J2153</f>
        <v/>
      </c>
      <c r="G2151" s="6" t="str">
        <f>'申請書（複数入力用）'!K2153</f>
        <v>a052r000000jS9ZAAU</v>
      </c>
      <c r="H2151" s="12" t="e">
        <f>'申請書（複数入力用）'!N2153</f>
        <v>#N/A</v>
      </c>
      <c r="I2151" s="12" t="e">
        <f>'申請書（複数入力用）'!O2153</f>
        <v>#N/A</v>
      </c>
      <c r="J2151" s="12">
        <f>'申請書（複数入力用）'!P2153</f>
        <v>1</v>
      </c>
    </row>
    <row r="2152" spans="1:10" ht="51.6" customHeight="1" x14ac:dyDescent="0.45">
      <c r="A2152" s="6">
        <f>'申請書（複数入力用）'!A2154</f>
        <v>2148</v>
      </c>
      <c r="B2152" s="13">
        <f>'申請書（複数入力用）'!AH2154</f>
        <v>0</v>
      </c>
      <c r="C2152" s="6">
        <f>'申請書（複数入力用）'!B2154</f>
        <v>0</v>
      </c>
      <c r="D2152" s="6">
        <f>'申請書（複数入力用）'!D2154</f>
        <v>0</v>
      </c>
      <c r="E2152" s="14">
        <f>'申請書（複数入力用）'!H2154</f>
        <v>0</v>
      </c>
      <c r="F2152" s="11" t="str">
        <f>'申請書（複数入力用）'!J2154</f>
        <v/>
      </c>
      <c r="G2152" s="6" t="str">
        <f>'申請書（複数入力用）'!K2154</f>
        <v>a052r000000jS9ZAAU</v>
      </c>
      <c r="H2152" s="12" t="e">
        <f>'申請書（複数入力用）'!N2154</f>
        <v>#N/A</v>
      </c>
      <c r="I2152" s="12" t="e">
        <f>'申請書（複数入力用）'!O2154</f>
        <v>#N/A</v>
      </c>
      <c r="J2152" s="12">
        <f>'申請書（複数入力用）'!P2154</f>
        <v>1</v>
      </c>
    </row>
    <row r="2153" spans="1:10" ht="51.6" customHeight="1" x14ac:dyDescent="0.45">
      <c r="A2153" s="6">
        <f>'申請書（複数入力用）'!A2155</f>
        <v>2149</v>
      </c>
      <c r="B2153" s="13">
        <f>'申請書（複数入力用）'!AH2155</f>
        <v>0</v>
      </c>
      <c r="C2153" s="6">
        <f>'申請書（複数入力用）'!B2155</f>
        <v>0</v>
      </c>
      <c r="D2153" s="6">
        <f>'申請書（複数入力用）'!D2155</f>
        <v>0</v>
      </c>
      <c r="E2153" s="14">
        <f>'申請書（複数入力用）'!H2155</f>
        <v>0</v>
      </c>
      <c r="F2153" s="11" t="str">
        <f>'申請書（複数入力用）'!J2155</f>
        <v/>
      </c>
      <c r="G2153" s="6" t="str">
        <f>'申請書（複数入力用）'!K2155</f>
        <v>a052r000000jS9ZAAU</v>
      </c>
      <c r="H2153" s="12" t="e">
        <f>'申請書（複数入力用）'!N2155</f>
        <v>#N/A</v>
      </c>
      <c r="I2153" s="12" t="e">
        <f>'申請書（複数入力用）'!O2155</f>
        <v>#N/A</v>
      </c>
      <c r="J2153" s="12">
        <f>'申請書（複数入力用）'!P2155</f>
        <v>1</v>
      </c>
    </row>
    <row r="2154" spans="1:10" ht="51.6" customHeight="1" x14ac:dyDescent="0.45">
      <c r="A2154" s="6">
        <f>'申請書（複数入力用）'!A2156</f>
        <v>2150</v>
      </c>
      <c r="B2154" s="13">
        <f>'申請書（複数入力用）'!AH2156</f>
        <v>0</v>
      </c>
      <c r="C2154" s="6">
        <f>'申請書（複数入力用）'!B2156</f>
        <v>0</v>
      </c>
      <c r="D2154" s="6">
        <f>'申請書（複数入力用）'!D2156</f>
        <v>0</v>
      </c>
      <c r="E2154" s="14">
        <f>'申請書（複数入力用）'!H2156</f>
        <v>0</v>
      </c>
      <c r="F2154" s="11" t="str">
        <f>'申請書（複数入力用）'!J2156</f>
        <v/>
      </c>
      <c r="G2154" s="6" t="str">
        <f>'申請書（複数入力用）'!K2156</f>
        <v>a052r000000jS9ZAAU</v>
      </c>
      <c r="H2154" s="12" t="e">
        <f>'申請書（複数入力用）'!N2156</f>
        <v>#N/A</v>
      </c>
      <c r="I2154" s="12" t="e">
        <f>'申請書（複数入力用）'!O2156</f>
        <v>#N/A</v>
      </c>
      <c r="J2154" s="12">
        <f>'申請書（複数入力用）'!P2156</f>
        <v>1</v>
      </c>
    </row>
    <row r="2155" spans="1:10" ht="51.6" customHeight="1" x14ac:dyDescent="0.45">
      <c r="A2155" s="6">
        <f>'申請書（複数入力用）'!A2157</f>
        <v>2151</v>
      </c>
      <c r="B2155" s="13">
        <f>'申請書（複数入力用）'!AH2157</f>
        <v>0</v>
      </c>
      <c r="C2155" s="6">
        <f>'申請書（複数入力用）'!B2157</f>
        <v>0</v>
      </c>
      <c r="D2155" s="6">
        <f>'申請書（複数入力用）'!D2157</f>
        <v>0</v>
      </c>
      <c r="E2155" s="14">
        <f>'申請書（複数入力用）'!H2157</f>
        <v>0</v>
      </c>
      <c r="F2155" s="11" t="str">
        <f>'申請書（複数入力用）'!J2157</f>
        <v/>
      </c>
      <c r="G2155" s="6" t="str">
        <f>'申請書（複数入力用）'!K2157</f>
        <v>a052r000000jS9ZAAU</v>
      </c>
      <c r="H2155" s="12" t="e">
        <f>'申請書（複数入力用）'!N2157</f>
        <v>#N/A</v>
      </c>
      <c r="I2155" s="12" t="e">
        <f>'申請書（複数入力用）'!O2157</f>
        <v>#N/A</v>
      </c>
      <c r="J2155" s="12">
        <f>'申請書（複数入力用）'!P2157</f>
        <v>1</v>
      </c>
    </row>
    <row r="2156" spans="1:10" ht="51.6" customHeight="1" x14ac:dyDescent="0.45">
      <c r="A2156" s="6">
        <f>'申請書（複数入力用）'!A2158</f>
        <v>2152</v>
      </c>
      <c r="B2156" s="13">
        <f>'申請書（複数入力用）'!AH2158</f>
        <v>0</v>
      </c>
      <c r="C2156" s="6">
        <f>'申請書（複数入力用）'!B2158</f>
        <v>0</v>
      </c>
      <c r="D2156" s="6">
        <f>'申請書（複数入力用）'!D2158</f>
        <v>0</v>
      </c>
      <c r="E2156" s="14">
        <f>'申請書（複数入力用）'!H2158</f>
        <v>0</v>
      </c>
      <c r="F2156" s="11" t="str">
        <f>'申請書（複数入力用）'!J2158</f>
        <v/>
      </c>
      <c r="G2156" s="6" t="str">
        <f>'申請書（複数入力用）'!K2158</f>
        <v>a052r000000jS9ZAAU</v>
      </c>
      <c r="H2156" s="12" t="e">
        <f>'申請書（複数入力用）'!N2158</f>
        <v>#N/A</v>
      </c>
      <c r="I2156" s="12" t="e">
        <f>'申請書（複数入力用）'!O2158</f>
        <v>#N/A</v>
      </c>
      <c r="J2156" s="12">
        <f>'申請書（複数入力用）'!P2158</f>
        <v>1</v>
      </c>
    </row>
    <row r="2157" spans="1:10" ht="51.6" customHeight="1" x14ac:dyDescent="0.45">
      <c r="A2157" s="6">
        <f>'申請書（複数入力用）'!A2159</f>
        <v>2153</v>
      </c>
      <c r="B2157" s="13">
        <f>'申請書（複数入力用）'!AH2159</f>
        <v>0</v>
      </c>
      <c r="C2157" s="6">
        <f>'申請書（複数入力用）'!B2159</f>
        <v>0</v>
      </c>
      <c r="D2157" s="6">
        <f>'申請書（複数入力用）'!D2159</f>
        <v>0</v>
      </c>
      <c r="E2157" s="14">
        <f>'申請書（複数入力用）'!H2159</f>
        <v>0</v>
      </c>
      <c r="F2157" s="11" t="str">
        <f>'申請書（複数入力用）'!J2159</f>
        <v/>
      </c>
      <c r="G2157" s="6" t="str">
        <f>'申請書（複数入力用）'!K2159</f>
        <v>a052r000000jS9ZAAU</v>
      </c>
      <c r="H2157" s="12" t="e">
        <f>'申請書（複数入力用）'!N2159</f>
        <v>#N/A</v>
      </c>
      <c r="I2157" s="12" t="e">
        <f>'申請書（複数入力用）'!O2159</f>
        <v>#N/A</v>
      </c>
      <c r="J2157" s="12">
        <f>'申請書（複数入力用）'!P2159</f>
        <v>1</v>
      </c>
    </row>
    <row r="2158" spans="1:10" ht="51.6" customHeight="1" x14ac:dyDescent="0.45">
      <c r="A2158" s="6">
        <f>'申請書（複数入力用）'!A2160</f>
        <v>2154</v>
      </c>
      <c r="B2158" s="13">
        <f>'申請書（複数入力用）'!AH2160</f>
        <v>0</v>
      </c>
      <c r="C2158" s="6">
        <f>'申請書（複数入力用）'!B2160</f>
        <v>0</v>
      </c>
      <c r="D2158" s="6">
        <f>'申請書（複数入力用）'!D2160</f>
        <v>0</v>
      </c>
      <c r="E2158" s="14">
        <f>'申請書（複数入力用）'!H2160</f>
        <v>0</v>
      </c>
      <c r="F2158" s="11" t="str">
        <f>'申請書（複数入力用）'!J2160</f>
        <v/>
      </c>
      <c r="G2158" s="6" t="str">
        <f>'申請書（複数入力用）'!K2160</f>
        <v>a052r000000jS9ZAAU</v>
      </c>
      <c r="H2158" s="12" t="e">
        <f>'申請書（複数入力用）'!N2160</f>
        <v>#N/A</v>
      </c>
      <c r="I2158" s="12" t="e">
        <f>'申請書（複数入力用）'!O2160</f>
        <v>#N/A</v>
      </c>
      <c r="J2158" s="12">
        <f>'申請書（複数入力用）'!P2160</f>
        <v>1</v>
      </c>
    </row>
    <row r="2159" spans="1:10" ht="51.6" customHeight="1" x14ac:dyDescent="0.45">
      <c r="A2159" s="6">
        <f>'申請書（複数入力用）'!A2161</f>
        <v>2155</v>
      </c>
      <c r="B2159" s="13">
        <f>'申請書（複数入力用）'!AH2161</f>
        <v>0</v>
      </c>
      <c r="C2159" s="6">
        <f>'申請書（複数入力用）'!B2161</f>
        <v>0</v>
      </c>
      <c r="D2159" s="6">
        <f>'申請書（複数入力用）'!D2161</f>
        <v>0</v>
      </c>
      <c r="E2159" s="14">
        <f>'申請書（複数入力用）'!H2161</f>
        <v>0</v>
      </c>
      <c r="F2159" s="11" t="str">
        <f>'申請書（複数入力用）'!J2161</f>
        <v/>
      </c>
      <c r="G2159" s="6" t="str">
        <f>'申請書（複数入力用）'!K2161</f>
        <v>a052r000000jS9ZAAU</v>
      </c>
      <c r="H2159" s="12" t="e">
        <f>'申請書（複数入力用）'!N2161</f>
        <v>#N/A</v>
      </c>
      <c r="I2159" s="12" t="e">
        <f>'申請書（複数入力用）'!O2161</f>
        <v>#N/A</v>
      </c>
      <c r="J2159" s="12">
        <f>'申請書（複数入力用）'!P2161</f>
        <v>1</v>
      </c>
    </row>
    <row r="2160" spans="1:10" ht="51.6" customHeight="1" x14ac:dyDescent="0.45">
      <c r="A2160" s="6">
        <f>'申請書（複数入力用）'!A2162</f>
        <v>2156</v>
      </c>
      <c r="B2160" s="13">
        <f>'申請書（複数入力用）'!AH2162</f>
        <v>0</v>
      </c>
      <c r="C2160" s="6">
        <f>'申請書（複数入力用）'!B2162</f>
        <v>0</v>
      </c>
      <c r="D2160" s="6">
        <f>'申請書（複数入力用）'!D2162</f>
        <v>0</v>
      </c>
      <c r="E2160" s="14">
        <f>'申請書（複数入力用）'!H2162</f>
        <v>0</v>
      </c>
      <c r="F2160" s="11" t="str">
        <f>'申請書（複数入力用）'!J2162</f>
        <v/>
      </c>
      <c r="G2160" s="6" t="str">
        <f>'申請書（複数入力用）'!K2162</f>
        <v>a052r000000jS9ZAAU</v>
      </c>
      <c r="H2160" s="12" t="e">
        <f>'申請書（複数入力用）'!N2162</f>
        <v>#N/A</v>
      </c>
      <c r="I2160" s="12" t="e">
        <f>'申請書（複数入力用）'!O2162</f>
        <v>#N/A</v>
      </c>
      <c r="J2160" s="12">
        <f>'申請書（複数入力用）'!P2162</f>
        <v>1</v>
      </c>
    </row>
    <row r="2161" spans="1:10" ht="51.6" customHeight="1" x14ac:dyDescent="0.45">
      <c r="A2161" s="6">
        <f>'申請書（複数入力用）'!A2163</f>
        <v>2157</v>
      </c>
      <c r="B2161" s="13">
        <f>'申請書（複数入力用）'!AH2163</f>
        <v>0</v>
      </c>
      <c r="C2161" s="6">
        <f>'申請書（複数入力用）'!B2163</f>
        <v>0</v>
      </c>
      <c r="D2161" s="6">
        <f>'申請書（複数入力用）'!D2163</f>
        <v>0</v>
      </c>
      <c r="E2161" s="14">
        <f>'申請書（複数入力用）'!H2163</f>
        <v>0</v>
      </c>
      <c r="F2161" s="11" t="str">
        <f>'申請書（複数入力用）'!J2163</f>
        <v/>
      </c>
      <c r="G2161" s="6" t="str">
        <f>'申請書（複数入力用）'!K2163</f>
        <v>a052r000000jS9ZAAU</v>
      </c>
      <c r="H2161" s="12" t="e">
        <f>'申請書（複数入力用）'!N2163</f>
        <v>#N/A</v>
      </c>
      <c r="I2161" s="12" t="e">
        <f>'申請書（複数入力用）'!O2163</f>
        <v>#N/A</v>
      </c>
      <c r="J2161" s="12">
        <f>'申請書（複数入力用）'!P2163</f>
        <v>1</v>
      </c>
    </row>
    <row r="2162" spans="1:10" ht="51.6" customHeight="1" x14ac:dyDescent="0.45">
      <c r="A2162" s="6">
        <f>'申請書（複数入力用）'!A2164</f>
        <v>2158</v>
      </c>
      <c r="B2162" s="13">
        <f>'申請書（複数入力用）'!AH2164</f>
        <v>0</v>
      </c>
      <c r="C2162" s="6">
        <f>'申請書（複数入力用）'!B2164</f>
        <v>0</v>
      </c>
      <c r="D2162" s="6">
        <f>'申請書（複数入力用）'!D2164</f>
        <v>0</v>
      </c>
      <c r="E2162" s="14">
        <f>'申請書（複数入力用）'!H2164</f>
        <v>0</v>
      </c>
      <c r="F2162" s="11" t="str">
        <f>'申請書（複数入力用）'!J2164</f>
        <v/>
      </c>
      <c r="G2162" s="6" t="str">
        <f>'申請書（複数入力用）'!K2164</f>
        <v>a052r000000jS9ZAAU</v>
      </c>
      <c r="H2162" s="12" t="e">
        <f>'申請書（複数入力用）'!N2164</f>
        <v>#N/A</v>
      </c>
      <c r="I2162" s="12" t="e">
        <f>'申請書（複数入力用）'!O2164</f>
        <v>#N/A</v>
      </c>
      <c r="J2162" s="12">
        <f>'申請書（複数入力用）'!P2164</f>
        <v>1</v>
      </c>
    </row>
    <row r="2163" spans="1:10" ht="51.6" customHeight="1" x14ac:dyDescent="0.45">
      <c r="A2163" s="6">
        <f>'申請書（複数入力用）'!A2165</f>
        <v>2159</v>
      </c>
      <c r="B2163" s="13">
        <f>'申請書（複数入力用）'!AH2165</f>
        <v>0</v>
      </c>
      <c r="C2163" s="6">
        <f>'申請書（複数入力用）'!B2165</f>
        <v>0</v>
      </c>
      <c r="D2163" s="6">
        <f>'申請書（複数入力用）'!D2165</f>
        <v>0</v>
      </c>
      <c r="E2163" s="14">
        <f>'申請書（複数入力用）'!H2165</f>
        <v>0</v>
      </c>
      <c r="F2163" s="11" t="str">
        <f>'申請書（複数入力用）'!J2165</f>
        <v/>
      </c>
      <c r="G2163" s="6" t="str">
        <f>'申請書（複数入力用）'!K2165</f>
        <v>a052r000000jS9ZAAU</v>
      </c>
      <c r="H2163" s="12" t="e">
        <f>'申請書（複数入力用）'!N2165</f>
        <v>#N/A</v>
      </c>
      <c r="I2163" s="12" t="e">
        <f>'申請書（複数入力用）'!O2165</f>
        <v>#N/A</v>
      </c>
      <c r="J2163" s="12">
        <f>'申請書（複数入力用）'!P2165</f>
        <v>1</v>
      </c>
    </row>
    <row r="2164" spans="1:10" ht="51.6" customHeight="1" x14ac:dyDescent="0.45">
      <c r="A2164" s="6">
        <f>'申請書（複数入力用）'!A2166</f>
        <v>2160</v>
      </c>
      <c r="B2164" s="13">
        <f>'申請書（複数入力用）'!AH2166</f>
        <v>0</v>
      </c>
      <c r="C2164" s="6">
        <f>'申請書（複数入力用）'!B2166</f>
        <v>0</v>
      </c>
      <c r="D2164" s="6">
        <f>'申請書（複数入力用）'!D2166</f>
        <v>0</v>
      </c>
      <c r="E2164" s="14">
        <f>'申請書（複数入力用）'!H2166</f>
        <v>0</v>
      </c>
      <c r="F2164" s="11" t="str">
        <f>'申請書（複数入力用）'!J2166</f>
        <v/>
      </c>
      <c r="G2164" s="6" t="str">
        <f>'申請書（複数入力用）'!K2166</f>
        <v>a052r000000jS9ZAAU</v>
      </c>
      <c r="H2164" s="12" t="e">
        <f>'申請書（複数入力用）'!N2166</f>
        <v>#N/A</v>
      </c>
      <c r="I2164" s="12" t="e">
        <f>'申請書（複数入力用）'!O2166</f>
        <v>#N/A</v>
      </c>
      <c r="J2164" s="12">
        <f>'申請書（複数入力用）'!P2166</f>
        <v>1</v>
      </c>
    </row>
    <row r="2165" spans="1:10" ht="51.6" customHeight="1" x14ac:dyDescent="0.45">
      <c r="A2165" s="6">
        <f>'申請書（複数入力用）'!A2167</f>
        <v>2161</v>
      </c>
      <c r="B2165" s="13">
        <f>'申請書（複数入力用）'!AH2167</f>
        <v>0</v>
      </c>
      <c r="C2165" s="6">
        <f>'申請書（複数入力用）'!B2167</f>
        <v>0</v>
      </c>
      <c r="D2165" s="6">
        <f>'申請書（複数入力用）'!D2167</f>
        <v>0</v>
      </c>
      <c r="E2165" s="14">
        <f>'申請書（複数入力用）'!H2167</f>
        <v>0</v>
      </c>
      <c r="F2165" s="11" t="str">
        <f>'申請書（複数入力用）'!J2167</f>
        <v/>
      </c>
      <c r="G2165" s="6" t="str">
        <f>'申請書（複数入力用）'!K2167</f>
        <v>a052r000000jS9ZAAU</v>
      </c>
      <c r="H2165" s="12" t="e">
        <f>'申請書（複数入力用）'!N2167</f>
        <v>#N/A</v>
      </c>
      <c r="I2165" s="12" t="e">
        <f>'申請書（複数入力用）'!O2167</f>
        <v>#N/A</v>
      </c>
      <c r="J2165" s="12">
        <f>'申請書（複数入力用）'!P2167</f>
        <v>1</v>
      </c>
    </row>
    <row r="2166" spans="1:10" ht="51.6" customHeight="1" x14ac:dyDescent="0.45">
      <c r="A2166" s="6">
        <f>'申請書（複数入力用）'!A2168</f>
        <v>2162</v>
      </c>
      <c r="B2166" s="13">
        <f>'申請書（複数入力用）'!AH2168</f>
        <v>0</v>
      </c>
      <c r="C2166" s="6">
        <f>'申請書（複数入力用）'!B2168</f>
        <v>0</v>
      </c>
      <c r="D2166" s="6">
        <f>'申請書（複数入力用）'!D2168</f>
        <v>0</v>
      </c>
      <c r="E2166" s="14">
        <f>'申請書（複数入力用）'!H2168</f>
        <v>0</v>
      </c>
      <c r="F2166" s="11" t="str">
        <f>'申請書（複数入力用）'!J2168</f>
        <v/>
      </c>
      <c r="G2166" s="6" t="str">
        <f>'申請書（複数入力用）'!K2168</f>
        <v>a052r000000jS9ZAAU</v>
      </c>
      <c r="H2166" s="12" t="e">
        <f>'申請書（複数入力用）'!N2168</f>
        <v>#N/A</v>
      </c>
      <c r="I2166" s="12" t="e">
        <f>'申請書（複数入力用）'!O2168</f>
        <v>#N/A</v>
      </c>
      <c r="J2166" s="12">
        <f>'申請書（複数入力用）'!P2168</f>
        <v>1</v>
      </c>
    </row>
    <row r="2167" spans="1:10" ht="51.6" customHeight="1" x14ac:dyDescent="0.45">
      <c r="A2167" s="6">
        <f>'申請書（複数入力用）'!A2169</f>
        <v>2163</v>
      </c>
      <c r="B2167" s="13">
        <f>'申請書（複数入力用）'!AH2169</f>
        <v>0</v>
      </c>
      <c r="C2167" s="6">
        <f>'申請書（複数入力用）'!B2169</f>
        <v>0</v>
      </c>
      <c r="D2167" s="6">
        <f>'申請書（複数入力用）'!D2169</f>
        <v>0</v>
      </c>
      <c r="E2167" s="14">
        <f>'申請書（複数入力用）'!H2169</f>
        <v>0</v>
      </c>
      <c r="F2167" s="11" t="str">
        <f>'申請書（複数入力用）'!J2169</f>
        <v/>
      </c>
      <c r="G2167" s="6" t="str">
        <f>'申請書（複数入力用）'!K2169</f>
        <v>a052r000000jS9ZAAU</v>
      </c>
      <c r="H2167" s="12" t="e">
        <f>'申請書（複数入力用）'!N2169</f>
        <v>#N/A</v>
      </c>
      <c r="I2167" s="12" t="e">
        <f>'申請書（複数入力用）'!O2169</f>
        <v>#N/A</v>
      </c>
      <c r="J2167" s="12">
        <f>'申請書（複数入力用）'!P2169</f>
        <v>1</v>
      </c>
    </row>
    <row r="2168" spans="1:10" ht="51.6" customHeight="1" x14ac:dyDescent="0.45">
      <c r="A2168" s="6">
        <f>'申請書（複数入力用）'!A2170</f>
        <v>2164</v>
      </c>
      <c r="B2168" s="13">
        <f>'申請書（複数入力用）'!AH2170</f>
        <v>0</v>
      </c>
      <c r="C2168" s="6">
        <f>'申請書（複数入力用）'!B2170</f>
        <v>0</v>
      </c>
      <c r="D2168" s="6">
        <f>'申請書（複数入力用）'!D2170</f>
        <v>0</v>
      </c>
      <c r="E2168" s="14">
        <f>'申請書（複数入力用）'!H2170</f>
        <v>0</v>
      </c>
      <c r="F2168" s="11" t="str">
        <f>'申請書（複数入力用）'!J2170</f>
        <v/>
      </c>
      <c r="G2168" s="6" t="str">
        <f>'申請書（複数入力用）'!K2170</f>
        <v>a052r000000jS9ZAAU</v>
      </c>
      <c r="H2168" s="12" t="e">
        <f>'申請書（複数入力用）'!N2170</f>
        <v>#N/A</v>
      </c>
      <c r="I2168" s="12" t="e">
        <f>'申請書（複数入力用）'!O2170</f>
        <v>#N/A</v>
      </c>
      <c r="J2168" s="12">
        <f>'申請書（複数入力用）'!P2170</f>
        <v>1</v>
      </c>
    </row>
    <row r="2169" spans="1:10" ht="51.6" customHeight="1" x14ac:dyDescent="0.45">
      <c r="A2169" s="6">
        <f>'申請書（複数入力用）'!A2171</f>
        <v>2165</v>
      </c>
      <c r="B2169" s="13">
        <f>'申請書（複数入力用）'!AH2171</f>
        <v>0</v>
      </c>
      <c r="C2169" s="6">
        <f>'申請書（複数入力用）'!B2171</f>
        <v>0</v>
      </c>
      <c r="D2169" s="6">
        <f>'申請書（複数入力用）'!D2171</f>
        <v>0</v>
      </c>
      <c r="E2169" s="14">
        <f>'申請書（複数入力用）'!H2171</f>
        <v>0</v>
      </c>
      <c r="F2169" s="11" t="str">
        <f>'申請書（複数入力用）'!J2171</f>
        <v/>
      </c>
      <c r="G2169" s="6" t="str">
        <f>'申請書（複数入力用）'!K2171</f>
        <v>a052r000000jS9ZAAU</v>
      </c>
      <c r="H2169" s="12" t="e">
        <f>'申請書（複数入力用）'!N2171</f>
        <v>#N/A</v>
      </c>
      <c r="I2169" s="12" t="e">
        <f>'申請書（複数入力用）'!O2171</f>
        <v>#N/A</v>
      </c>
      <c r="J2169" s="12">
        <f>'申請書（複数入力用）'!P2171</f>
        <v>1</v>
      </c>
    </row>
    <row r="2170" spans="1:10" ht="51.6" customHeight="1" x14ac:dyDescent="0.45">
      <c r="A2170" s="6">
        <f>'申請書（複数入力用）'!A2172</f>
        <v>2166</v>
      </c>
      <c r="B2170" s="13">
        <f>'申請書（複数入力用）'!AH2172</f>
        <v>0</v>
      </c>
      <c r="C2170" s="6">
        <f>'申請書（複数入力用）'!B2172</f>
        <v>0</v>
      </c>
      <c r="D2170" s="6">
        <f>'申請書（複数入力用）'!D2172</f>
        <v>0</v>
      </c>
      <c r="E2170" s="14">
        <f>'申請書（複数入力用）'!H2172</f>
        <v>0</v>
      </c>
      <c r="F2170" s="11" t="str">
        <f>'申請書（複数入力用）'!J2172</f>
        <v/>
      </c>
      <c r="G2170" s="6" t="str">
        <f>'申請書（複数入力用）'!K2172</f>
        <v>a052r000000jS9ZAAU</v>
      </c>
      <c r="H2170" s="12" t="e">
        <f>'申請書（複数入力用）'!N2172</f>
        <v>#N/A</v>
      </c>
      <c r="I2170" s="12" t="e">
        <f>'申請書（複数入力用）'!O2172</f>
        <v>#N/A</v>
      </c>
      <c r="J2170" s="12">
        <f>'申請書（複数入力用）'!P2172</f>
        <v>1</v>
      </c>
    </row>
    <row r="2171" spans="1:10" ht="51.6" customHeight="1" x14ac:dyDescent="0.45">
      <c r="A2171" s="6">
        <f>'申請書（複数入力用）'!A2173</f>
        <v>2167</v>
      </c>
      <c r="B2171" s="13">
        <f>'申請書（複数入力用）'!AH2173</f>
        <v>0</v>
      </c>
      <c r="C2171" s="6">
        <f>'申請書（複数入力用）'!B2173</f>
        <v>0</v>
      </c>
      <c r="D2171" s="6">
        <f>'申請書（複数入力用）'!D2173</f>
        <v>0</v>
      </c>
      <c r="E2171" s="14">
        <f>'申請書（複数入力用）'!H2173</f>
        <v>0</v>
      </c>
      <c r="F2171" s="11" t="str">
        <f>'申請書（複数入力用）'!J2173</f>
        <v/>
      </c>
      <c r="G2171" s="6" t="str">
        <f>'申請書（複数入力用）'!K2173</f>
        <v>a052r000000jS9ZAAU</v>
      </c>
      <c r="H2171" s="12" t="e">
        <f>'申請書（複数入力用）'!N2173</f>
        <v>#N/A</v>
      </c>
      <c r="I2171" s="12" t="e">
        <f>'申請書（複数入力用）'!O2173</f>
        <v>#N/A</v>
      </c>
      <c r="J2171" s="12">
        <f>'申請書（複数入力用）'!P2173</f>
        <v>1</v>
      </c>
    </row>
    <row r="2172" spans="1:10" ht="51.6" customHeight="1" x14ac:dyDescent="0.45">
      <c r="A2172" s="6">
        <f>'申請書（複数入力用）'!A2174</f>
        <v>2168</v>
      </c>
      <c r="B2172" s="13">
        <f>'申請書（複数入力用）'!AH2174</f>
        <v>0</v>
      </c>
      <c r="C2172" s="6">
        <f>'申請書（複数入力用）'!B2174</f>
        <v>0</v>
      </c>
      <c r="D2172" s="6">
        <f>'申請書（複数入力用）'!D2174</f>
        <v>0</v>
      </c>
      <c r="E2172" s="14">
        <f>'申請書（複数入力用）'!H2174</f>
        <v>0</v>
      </c>
      <c r="F2172" s="11" t="str">
        <f>'申請書（複数入力用）'!J2174</f>
        <v/>
      </c>
      <c r="G2172" s="6" t="str">
        <f>'申請書（複数入力用）'!K2174</f>
        <v>a052r000000jS9ZAAU</v>
      </c>
      <c r="H2172" s="12" t="e">
        <f>'申請書（複数入力用）'!N2174</f>
        <v>#N/A</v>
      </c>
      <c r="I2172" s="12" t="e">
        <f>'申請書（複数入力用）'!O2174</f>
        <v>#N/A</v>
      </c>
      <c r="J2172" s="12">
        <f>'申請書（複数入力用）'!P2174</f>
        <v>1</v>
      </c>
    </row>
    <row r="2173" spans="1:10" ht="51.6" customHeight="1" x14ac:dyDescent="0.45">
      <c r="A2173" s="6">
        <f>'申請書（複数入力用）'!A2175</f>
        <v>2169</v>
      </c>
      <c r="B2173" s="13">
        <f>'申請書（複数入力用）'!AH2175</f>
        <v>0</v>
      </c>
      <c r="C2173" s="6">
        <f>'申請書（複数入力用）'!B2175</f>
        <v>0</v>
      </c>
      <c r="D2173" s="6">
        <f>'申請書（複数入力用）'!D2175</f>
        <v>0</v>
      </c>
      <c r="E2173" s="14">
        <f>'申請書（複数入力用）'!H2175</f>
        <v>0</v>
      </c>
      <c r="F2173" s="11" t="str">
        <f>'申請書（複数入力用）'!J2175</f>
        <v/>
      </c>
      <c r="G2173" s="6" t="str">
        <f>'申請書（複数入力用）'!K2175</f>
        <v>a052r000000jS9ZAAU</v>
      </c>
      <c r="H2173" s="12" t="e">
        <f>'申請書（複数入力用）'!N2175</f>
        <v>#N/A</v>
      </c>
      <c r="I2173" s="12" t="e">
        <f>'申請書（複数入力用）'!O2175</f>
        <v>#N/A</v>
      </c>
      <c r="J2173" s="12">
        <f>'申請書（複数入力用）'!P2175</f>
        <v>1</v>
      </c>
    </row>
    <row r="2174" spans="1:10" ht="51.6" customHeight="1" x14ac:dyDescent="0.45">
      <c r="A2174" s="6">
        <f>'申請書（複数入力用）'!A2176</f>
        <v>2170</v>
      </c>
      <c r="B2174" s="13">
        <f>'申請書（複数入力用）'!AH2176</f>
        <v>0</v>
      </c>
      <c r="C2174" s="6">
        <f>'申請書（複数入力用）'!B2176</f>
        <v>0</v>
      </c>
      <c r="D2174" s="6">
        <f>'申請書（複数入力用）'!D2176</f>
        <v>0</v>
      </c>
      <c r="E2174" s="14">
        <f>'申請書（複数入力用）'!H2176</f>
        <v>0</v>
      </c>
      <c r="F2174" s="11" t="str">
        <f>'申請書（複数入力用）'!J2176</f>
        <v/>
      </c>
      <c r="G2174" s="6" t="str">
        <f>'申請書（複数入力用）'!K2176</f>
        <v>a052r000000jS9ZAAU</v>
      </c>
      <c r="H2174" s="12" t="e">
        <f>'申請書（複数入力用）'!N2176</f>
        <v>#N/A</v>
      </c>
      <c r="I2174" s="12" t="e">
        <f>'申請書（複数入力用）'!O2176</f>
        <v>#N/A</v>
      </c>
      <c r="J2174" s="12">
        <f>'申請書（複数入力用）'!P2176</f>
        <v>1</v>
      </c>
    </row>
    <row r="2175" spans="1:10" ht="51.6" customHeight="1" x14ac:dyDescent="0.45">
      <c r="A2175" s="6">
        <f>'申請書（複数入力用）'!A2177</f>
        <v>2171</v>
      </c>
      <c r="B2175" s="13">
        <f>'申請書（複数入力用）'!AH2177</f>
        <v>0</v>
      </c>
      <c r="C2175" s="6">
        <f>'申請書（複数入力用）'!B2177</f>
        <v>0</v>
      </c>
      <c r="D2175" s="6">
        <f>'申請書（複数入力用）'!D2177</f>
        <v>0</v>
      </c>
      <c r="E2175" s="14">
        <f>'申請書（複数入力用）'!H2177</f>
        <v>0</v>
      </c>
      <c r="F2175" s="11" t="str">
        <f>'申請書（複数入力用）'!J2177</f>
        <v/>
      </c>
      <c r="G2175" s="6" t="str">
        <f>'申請書（複数入力用）'!K2177</f>
        <v>a052r000000jS9ZAAU</v>
      </c>
      <c r="H2175" s="12" t="e">
        <f>'申請書（複数入力用）'!N2177</f>
        <v>#N/A</v>
      </c>
      <c r="I2175" s="12" t="e">
        <f>'申請書（複数入力用）'!O2177</f>
        <v>#N/A</v>
      </c>
      <c r="J2175" s="12">
        <f>'申請書（複数入力用）'!P2177</f>
        <v>1</v>
      </c>
    </row>
    <row r="2176" spans="1:10" ht="51.6" customHeight="1" x14ac:dyDescent="0.45">
      <c r="A2176" s="6">
        <f>'申請書（複数入力用）'!A2178</f>
        <v>2172</v>
      </c>
      <c r="B2176" s="13">
        <f>'申請書（複数入力用）'!AH2178</f>
        <v>0</v>
      </c>
      <c r="C2176" s="6">
        <f>'申請書（複数入力用）'!B2178</f>
        <v>0</v>
      </c>
      <c r="D2176" s="6">
        <f>'申請書（複数入力用）'!D2178</f>
        <v>0</v>
      </c>
      <c r="E2176" s="14">
        <f>'申請書（複数入力用）'!H2178</f>
        <v>0</v>
      </c>
      <c r="F2176" s="11" t="str">
        <f>'申請書（複数入力用）'!J2178</f>
        <v/>
      </c>
      <c r="G2176" s="6" t="str">
        <f>'申請書（複数入力用）'!K2178</f>
        <v>a052r000000jS9ZAAU</v>
      </c>
      <c r="H2176" s="12" t="e">
        <f>'申請書（複数入力用）'!N2178</f>
        <v>#N/A</v>
      </c>
      <c r="I2176" s="12" t="e">
        <f>'申請書（複数入力用）'!O2178</f>
        <v>#N/A</v>
      </c>
      <c r="J2176" s="12">
        <f>'申請書（複数入力用）'!P2178</f>
        <v>1</v>
      </c>
    </row>
    <row r="2177" spans="1:10" ht="51.6" customHeight="1" x14ac:dyDescent="0.45">
      <c r="A2177" s="6">
        <f>'申請書（複数入力用）'!A2179</f>
        <v>2173</v>
      </c>
      <c r="B2177" s="13">
        <f>'申請書（複数入力用）'!AH2179</f>
        <v>0</v>
      </c>
      <c r="C2177" s="6">
        <f>'申請書（複数入力用）'!B2179</f>
        <v>0</v>
      </c>
      <c r="D2177" s="6">
        <f>'申請書（複数入力用）'!D2179</f>
        <v>0</v>
      </c>
      <c r="E2177" s="14">
        <f>'申請書（複数入力用）'!H2179</f>
        <v>0</v>
      </c>
      <c r="F2177" s="11" t="str">
        <f>'申請書（複数入力用）'!J2179</f>
        <v/>
      </c>
      <c r="G2177" s="6" t="str">
        <f>'申請書（複数入力用）'!K2179</f>
        <v>a052r000000jS9ZAAU</v>
      </c>
      <c r="H2177" s="12" t="e">
        <f>'申請書（複数入力用）'!N2179</f>
        <v>#N/A</v>
      </c>
      <c r="I2177" s="12" t="e">
        <f>'申請書（複数入力用）'!O2179</f>
        <v>#N/A</v>
      </c>
      <c r="J2177" s="12">
        <f>'申請書（複数入力用）'!P2179</f>
        <v>1</v>
      </c>
    </row>
    <row r="2178" spans="1:10" ht="51.6" customHeight="1" x14ac:dyDescent="0.45">
      <c r="A2178" s="6">
        <f>'申請書（複数入力用）'!A2180</f>
        <v>2174</v>
      </c>
      <c r="B2178" s="13">
        <f>'申請書（複数入力用）'!AH2180</f>
        <v>0</v>
      </c>
      <c r="C2178" s="6">
        <f>'申請書（複数入力用）'!B2180</f>
        <v>0</v>
      </c>
      <c r="D2178" s="6">
        <f>'申請書（複数入力用）'!D2180</f>
        <v>0</v>
      </c>
      <c r="E2178" s="14">
        <f>'申請書（複数入力用）'!H2180</f>
        <v>0</v>
      </c>
      <c r="F2178" s="11" t="str">
        <f>'申請書（複数入力用）'!J2180</f>
        <v/>
      </c>
      <c r="G2178" s="6" t="str">
        <f>'申請書（複数入力用）'!K2180</f>
        <v>a052r000000jS9ZAAU</v>
      </c>
      <c r="H2178" s="12" t="e">
        <f>'申請書（複数入力用）'!N2180</f>
        <v>#N/A</v>
      </c>
      <c r="I2178" s="12" t="e">
        <f>'申請書（複数入力用）'!O2180</f>
        <v>#N/A</v>
      </c>
      <c r="J2178" s="12">
        <f>'申請書（複数入力用）'!P2180</f>
        <v>1</v>
      </c>
    </row>
    <row r="2179" spans="1:10" ht="51.6" customHeight="1" x14ac:dyDescent="0.45">
      <c r="A2179" s="6">
        <f>'申請書（複数入力用）'!A2181</f>
        <v>2175</v>
      </c>
      <c r="B2179" s="13">
        <f>'申請書（複数入力用）'!AH2181</f>
        <v>0</v>
      </c>
      <c r="C2179" s="6">
        <f>'申請書（複数入力用）'!B2181</f>
        <v>0</v>
      </c>
      <c r="D2179" s="6">
        <f>'申請書（複数入力用）'!D2181</f>
        <v>0</v>
      </c>
      <c r="E2179" s="14">
        <f>'申請書（複数入力用）'!H2181</f>
        <v>0</v>
      </c>
      <c r="F2179" s="11" t="str">
        <f>'申請書（複数入力用）'!J2181</f>
        <v/>
      </c>
      <c r="G2179" s="6" t="str">
        <f>'申請書（複数入力用）'!K2181</f>
        <v>a052r000000jS9ZAAU</v>
      </c>
      <c r="H2179" s="12" t="e">
        <f>'申請書（複数入力用）'!N2181</f>
        <v>#N/A</v>
      </c>
      <c r="I2179" s="12" t="e">
        <f>'申請書（複数入力用）'!O2181</f>
        <v>#N/A</v>
      </c>
      <c r="J2179" s="12">
        <f>'申請書（複数入力用）'!P2181</f>
        <v>1</v>
      </c>
    </row>
    <row r="2180" spans="1:10" ht="51.6" customHeight="1" x14ac:dyDescent="0.45">
      <c r="A2180" s="6">
        <f>'申請書（複数入力用）'!A2182</f>
        <v>2176</v>
      </c>
      <c r="B2180" s="13">
        <f>'申請書（複数入力用）'!AH2182</f>
        <v>0</v>
      </c>
      <c r="C2180" s="6">
        <f>'申請書（複数入力用）'!B2182</f>
        <v>0</v>
      </c>
      <c r="D2180" s="6">
        <f>'申請書（複数入力用）'!D2182</f>
        <v>0</v>
      </c>
      <c r="E2180" s="14">
        <f>'申請書（複数入力用）'!H2182</f>
        <v>0</v>
      </c>
      <c r="F2180" s="11" t="str">
        <f>'申請書（複数入力用）'!J2182</f>
        <v/>
      </c>
      <c r="G2180" s="6" t="str">
        <f>'申請書（複数入力用）'!K2182</f>
        <v>a052r000000jS9ZAAU</v>
      </c>
      <c r="H2180" s="12" t="e">
        <f>'申請書（複数入力用）'!N2182</f>
        <v>#N/A</v>
      </c>
      <c r="I2180" s="12" t="e">
        <f>'申請書（複数入力用）'!O2182</f>
        <v>#N/A</v>
      </c>
      <c r="J2180" s="12">
        <f>'申請書（複数入力用）'!P2182</f>
        <v>1</v>
      </c>
    </row>
    <row r="2181" spans="1:10" ht="51.6" customHeight="1" x14ac:dyDescent="0.45">
      <c r="A2181" s="6">
        <f>'申請書（複数入力用）'!A2183</f>
        <v>2177</v>
      </c>
      <c r="B2181" s="13">
        <f>'申請書（複数入力用）'!AH2183</f>
        <v>0</v>
      </c>
      <c r="C2181" s="6">
        <f>'申請書（複数入力用）'!B2183</f>
        <v>0</v>
      </c>
      <c r="D2181" s="6">
        <f>'申請書（複数入力用）'!D2183</f>
        <v>0</v>
      </c>
      <c r="E2181" s="14">
        <f>'申請書（複数入力用）'!H2183</f>
        <v>0</v>
      </c>
      <c r="F2181" s="11" t="str">
        <f>'申請書（複数入力用）'!J2183</f>
        <v/>
      </c>
      <c r="G2181" s="6" t="str">
        <f>'申請書（複数入力用）'!K2183</f>
        <v>a052r000000jS9ZAAU</v>
      </c>
      <c r="H2181" s="12" t="e">
        <f>'申請書（複数入力用）'!N2183</f>
        <v>#N/A</v>
      </c>
      <c r="I2181" s="12" t="e">
        <f>'申請書（複数入力用）'!O2183</f>
        <v>#N/A</v>
      </c>
      <c r="J2181" s="12">
        <f>'申請書（複数入力用）'!P2183</f>
        <v>1</v>
      </c>
    </row>
    <row r="2182" spans="1:10" ht="51.6" customHeight="1" x14ac:dyDescent="0.45">
      <c r="A2182" s="6">
        <f>'申請書（複数入力用）'!A2184</f>
        <v>2178</v>
      </c>
      <c r="B2182" s="13">
        <f>'申請書（複数入力用）'!AH2184</f>
        <v>0</v>
      </c>
      <c r="C2182" s="6">
        <f>'申請書（複数入力用）'!B2184</f>
        <v>0</v>
      </c>
      <c r="D2182" s="6">
        <f>'申請書（複数入力用）'!D2184</f>
        <v>0</v>
      </c>
      <c r="E2182" s="14">
        <f>'申請書（複数入力用）'!H2184</f>
        <v>0</v>
      </c>
      <c r="F2182" s="11" t="str">
        <f>'申請書（複数入力用）'!J2184</f>
        <v/>
      </c>
      <c r="G2182" s="6" t="str">
        <f>'申請書（複数入力用）'!K2184</f>
        <v>a052r000000jS9ZAAU</v>
      </c>
      <c r="H2182" s="12" t="e">
        <f>'申請書（複数入力用）'!N2184</f>
        <v>#N/A</v>
      </c>
      <c r="I2182" s="12" t="e">
        <f>'申請書（複数入力用）'!O2184</f>
        <v>#N/A</v>
      </c>
      <c r="J2182" s="12">
        <f>'申請書（複数入力用）'!P2184</f>
        <v>1</v>
      </c>
    </row>
    <row r="2183" spans="1:10" ht="51.6" customHeight="1" x14ac:dyDescent="0.45">
      <c r="A2183" s="6">
        <f>'申請書（複数入力用）'!A2185</f>
        <v>2179</v>
      </c>
      <c r="B2183" s="13">
        <f>'申請書（複数入力用）'!AH2185</f>
        <v>0</v>
      </c>
      <c r="C2183" s="6">
        <f>'申請書（複数入力用）'!B2185</f>
        <v>0</v>
      </c>
      <c r="D2183" s="6">
        <f>'申請書（複数入力用）'!D2185</f>
        <v>0</v>
      </c>
      <c r="E2183" s="14">
        <f>'申請書（複数入力用）'!H2185</f>
        <v>0</v>
      </c>
      <c r="F2183" s="11" t="str">
        <f>'申請書（複数入力用）'!J2185</f>
        <v/>
      </c>
      <c r="G2183" s="6" t="str">
        <f>'申請書（複数入力用）'!K2185</f>
        <v>a052r000000jS9ZAAU</v>
      </c>
      <c r="H2183" s="12" t="e">
        <f>'申請書（複数入力用）'!N2185</f>
        <v>#N/A</v>
      </c>
      <c r="I2183" s="12" t="e">
        <f>'申請書（複数入力用）'!O2185</f>
        <v>#N/A</v>
      </c>
      <c r="J2183" s="12">
        <f>'申請書（複数入力用）'!P2185</f>
        <v>1</v>
      </c>
    </row>
    <row r="2184" spans="1:10" ht="51.6" customHeight="1" x14ac:dyDescent="0.45">
      <c r="A2184" s="6">
        <f>'申請書（複数入力用）'!A2186</f>
        <v>2180</v>
      </c>
      <c r="B2184" s="13">
        <f>'申請書（複数入力用）'!AH2186</f>
        <v>0</v>
      </c>
      <c r="C2184" s="6">
        <f>'申請書（複数入力用）'!B2186</f>
        <v>0</v>
      </c>
      <c r="D2184" s="6">
        <f>'申請書（複数入力用）'!D2186</f>
        <v>0</v>
      </c>
      <c r="E2184" s="14">
        <f>'申請書（複数入力用）'!H2186</f>
        <v>0</v>
      </c>
      <c r="F2184" s="11" t="str">
        <f>'申請書（複数入力用）'!J2186</f>
        <v/>
      </c>
      <c r="G2184" s="6" t="str">
        <f>'申請書（複数入力用）'!K2186</f>
        <v>a052r000000jS9ZAAU</v>
      </c>
      <c r="H2184" s="12" t="e">
        <f>'申請書（複数入力用）'!N2186</f>
        <v>#N/A</v>
      </c>
      <c r="I2184" s="12" t="e">
        <f>'申請書（複数入力用）'!O2186</f>
        <v>#N/A</v>
      </c>
      <c r="J2184" s="12">
        <f>'申請書（複数入力用）'!P2186</f>
        <v>1</v>
      </c>
    </row>
    <row r="2185" spans="1:10" ht="51.6" customHeight="1" x14ac:dyDescent="0.45">
      <c r="A2185" s="6">
        <f>'申請書（複数入力用）'!A2187</f>
        <v>2181</v>
      </c>
      <c r="B2185" s="13">
        <f>'申請書（複数入力用）'!AH2187</f>
        <v>0</v>
      </c>
      <c r="C2185" s="6">
        <f>'申請書（複数入力用）'!B2187</f>
        <v>0</v>
      </c>
      <c r="D2185" s="6">
        <f>'申請書（複数入力用）'!D2187</f>
        <v>0</v>
      </c>
      <c r="E2185" s="14">
        <f>'申請書（複数入力用）'!H2187</f>
        <v>0</v>
      </c>
      <c r="F2185" s="11" t="str">
        <f>'申請書（複数入力用）'!J2187</f>
        <v/>
      </c>
      <c r="G2185" s="6" t="str">
        <f>'申請書（複数入力用）'!K2187</f>
        <v>a052r000000jS9ZAAU</v>
      </c>
      <c r="H2185" s="12" t="e">
        <f>'申請書（複数入力用）'!N2187</f>
        <v>#N/A</v>
      </c>
      <c r="I2185" s="12" t="e">
        <f>'申請書（複数入力用）'!O2187</f>
        <v>#N/A</v>
      </c>
      <c r="J2185" s="12">
        <f>'申請書（複数入力用）'!P2187</f>
        <v>1</v>
      </c>
    </row>
    <row r="2186" spans="1:10" ht="51.6" customHeight="1" x14ac:dyDescent="0.45">
      <c r="A2186" s="6">
        <f>'申請書（複数入力用）'!A2188</f>
        <v>2182</v>
      </c>
      <c r="B2186" s="13">
        <f>'申請書（複数入力用）'!AH2188</f>
        <v>0</v>
      </c>
      <c r="C2186" s="6">
        <f>'申請書（複数入力用）'!B2188</f>
        <v>0</v>
      </c>
      <c r="D2186" s="6">
        <f>'申請書（複数入力用）'!D2188</f>
        <v>0</v>
      </c>
      <c r="E2186" s="14">
        <f>'申請書（複数入力用）'!H2188</f>
        <v>0</v>
      </c>
      <c r="F2186" s="11" t="str">
        <f>'申請書（複数入力用）'!J2188</f>
        <v/>
      </c>
      <c r="G2186" s="6" t="str">
        <f>'申請書（複数入力用）'!K2188</f>
        <v>a052r000000jS9ZAAU</v>
      </c>
      <c r="H2186" s="12" t="e">
        <f>'申請書（複数入力用）'!N2188</f>
        <v>#N/A</v>
      </c>
      <c r="I2186" s="12" t="e">
        <f>'申請書（複数入力用）'!O2188</f>
        <v>#N/A</v>
      </c>
      <c r="J2186" s="12">
        <f>'申請書（複数入力用）'!P2188</f>
        <v>1</v>
      </c>
    </row>
    <row r="2187" spans="1:10" ht="51.6" customHeight="1" x14ac:dyDescent="0.45">
      <c r="A2187" s="6">
        <f>'申請書（複数入力用）'!A2189</f>
        <v>2183</v>
      </c>
      <c r="B2187" s="13">
        <f>'申請書（複数入力用）'!AH2189</f>
        <v>0</v>
      </c>
      <c r="C2187" s="6">
        <f>'申請書（複数入力用）'!B2189</f>
        <v>0</v>
      </c>
      <c r="D2187" s="6">
        <f>'申請書（複数入力用）'!D2189</f>
        <v>0</v>
      </c>
      <c r="E2187" s="14">
        <f>'申請書（複数入力用）'!H2189</f>
        <v>0</v>
      </c>
      <c r="F2187" s="11" t="str">
        <f>'申請書（複数入力用）'!J2189</f>
        <v/>
      </c>
      <c r="G2187" s="6" t="str">
        <f>'申請書（複数入力用）'!K2189</f>
        <v>a052r000000jS9ZAAU</v>
      </c>
      <c r="H2187" s="12" t="e">
        <f>'申請書（複数入力用）'!N2189</f>
        <v>#N/A</v>
      </c>
      <c r="I2187" s="12" t="e">
        <f>'申請書（複数入力用）'!O2189</f>
        <v>#N/A</v>
      </c>
      <c r="J2187" s="12">
        <f>'申請書（複数入力用）'!P2189</f>
        <v>1</v>
      </c>
    </row>
    <row r="2188" spans="1:10" ht="51.6" customHeight="1" x14ac:dyDescent="0.45">
      <c r="A2188" s="6">
        <f>'申請書（複数入力用）'!A2190</f>
        <v>2184</v>
      </c>
      <c r="B2188" s="13">
        <f>'申請書（複数入力用）'!AH2190</f>
        <v>0</v>
      </c>
      <c r="C2188" s="6">
        <f>'申請書（複数入力用）'!B2190</f>
        <v>0</v>
      </c>
      <c r="D2188" s="6">
        <f>'申請書（複数入力用）'!D2190</f>
        <v>0</v>
      </c>
      <c r="E2188" s="14">
        <f>'申請書（複数入力用）'!H2190</f>
        <v>0</v>
      </c>
      <c r="F2188" s="11" t="str">
        <f>'申請書（複数入力用）'!J2190</f>
        <v/>
      </c>
      <c r="G2188" s="6" t="str">
        <f>'申請書（複数入力用）'!K2190</f>
        <v>a052r000000jS9ZAAU</v>
      </c>
      <c r="H2188" s="12" t="e">
        <f>'申請書（複数入力用）'!N2190</f>
        <v>#N/A</v>
      </c>
      <c r="I2188" s="12" t="e">
        <f>'申請書（複数入力用）'!O2190</f>
        <v>#N/A</v>
      </c>
      <c r="J2188" s="12">
        <f>'申請書（複数入力用）'!P2190</f>
        <v>1</v>
      </c>
    </row>
    <row r="2189" spans="1:10" ht="51.6" customHeight="1" x14ac:dyDescent="0.45">
      <c r="A2189" s="6">
        <f>'申請書（複数入力用）'!A2191</f>
        <v>2185</v>
      </c>
      <c r="B2189" s="13">
        <f>'申請書（複数入力用）'!AH2191</f>
        <v>0</v>
      </c>
      <c r="C2189" s="6">
        <f>'申請書（複数入力用）'!B2191</f>
        <v>0</v>
      </c>
      <c r="D2189" s="6">
        <f>'申請書（複数入力用）'!D2191</f>
        <v>0</v>
      </c>
      <c r="E2189" s="14">
        <f>'申請書（複数入力用）'!H2191</f>
        <v>0</v>
      </c>
      <c r="F2189" s="11" t="str">
        <f>'申請書（複数入力用）'!J2191</f>
        <v/>
      </c>
      <c r="G2189" s="6" t="str">
        <f>'申請書（複数入力用）'!K2191</f>
        <v>a052r000000jS9ZAAU</v>
      </c>
      <c r="H2189" s="12" t="e">
        <f>'申請書（複数入力用）'!N2191</f>
        <v>#N/A</v>
      </c>
      <c r="I2189" s="12" t="e">
        <f>'申請書（複数入力用）'!O2191</f>
        <v>#N/A</v>
      </c>
      <c r="J2189" s="12">
        <f>'申請書（複数入力用）'!P2191</f>
        <v>1</v>
      </c>
    </row>
    <row r="2190" spans="1:10" ht="51.6" customHeight="1" x14ac:dyDescent="0.45">
      <c r="A2190" s="6">
        <f>'申請書（複数入力用）'!A2192</f>
        <v>2186</v>
      </c>
      <c r="B2190" s="13">
        <f>'申請書（複数入力用）'!AH2192</f>
        <v>0</v>
      </c>
      <c r="C2190" s="6">
        <f>'申請書（複数入力用）'!B2192</f>
        <v>0</v>
      </c>
      <c r="D2190" s="6">
        <f>'申請書（複数入力用）'!D2192</f>
        <v>0</v>
      </c>
      <c r="E2190" s="14">
        <f>'申請書（複数入力用）'!H2192</f>
        <v>0</v>
      </c>
      <c r="F2190" s="11" t="str">
        <f>'申請書（複数入力用）'!J2192</f>
        <v/>
      </c>
      <c r="G2190" s="6" t="str">
        <f>'申請書（複数入力用）'!K2192</f>
        <v>a052r000000jS9ZAAU</v>
      </c>
      <c r="H2190" s="12" t="e">
        <f>'申請書（複数入力用）'!N2192</f>
        <v>#N/A</v>
      </c>
      <c r="I2190" s="12" t="e">
        <f>'申請書（複数入力用）'!O2192</f>
        <v>#N/A</v>
      </c>
      <c r="J2190" s="12">
        <f>'申請書（複数入力用）'!P2192</f>
        <v>1</v>
      </c>
    </row>
    <row r="2191" spans="1:10" ht="51.6" customHeight="1" x14ac:dyDescent="0.45">
      <c r="A2191" s="6">
        <f>'申請書（複数入力用）'!A2193</f>
        <v>2187</v>
      </c>
      <c r="B2191" s="13">
        <f>'申請書（複数入力用）'!AH2193</f>
        <v>0</v>
      </c>
      <c r="C2191" s="6">
        <f>'申請書（複数入力用）'!B2193</f>
        <v>0</v>
      </c>
      <c r="D2191" s="6">
        <f>'申請書（複数入力用）'!D2193</f>
        <v>0</v>
      </c>
      <c r="E2191" s="14">
        <f>'申請書（複数入力用）'!H2193</f>
        <v>0</v>
      </c>
      <c r="F2191" s="11" t="str">
        <f>'申請書（複数入力用）'!J2193</f>
        <v/>
      </c>
      <c r="G2191" s="6" t="str">
        <f>'申請書（複数入力用）'!K2193</f>
        <v>a052r000000jS9ZAAU</v>
      </c>
      <c r="H2191" s="12" t="e">
        <f>'申請書（複数入力用）'!N2193</f>
        <v>#N/A</v>
      </c>
      <c r="I2191" s="12" t="e">
        <f>'申請書（複数入力用）'!O2193</f>
        <v>#N/A</v>
      </c>
      <c r="J2191" s="12">
        <f>'申請書（複数入力用）'!P2193</f>
        <v>1</v>
      </c>
    </row>
    <row r="2192" spans="1:10" ht="51.6" customHeight="1" x14ac:dyDescent="0.45">
      <c r="A2192" s="6">
        <f>'申請書（複数入力用）'!A2194</f>
        <v>2188</v>
      </c>
      <c r="B2192" s="13">
        <f>'申請書（複数入力用）'!AH2194</f>
        <v>0</v>
      </c>
      <c r="C2192" s="6">
        <f>'申請書（複数入力用）'!B2194</f>
        <v>0</v>
      </c>
      <c r="D2192" s="6">
        <f>'申請書（複数入力用）'!D2194</f>
        <v>0</v>
      </c>
      <c r="E2192" s="14">
        <f>'申請書（複数入力用）'!H2194</f>
        <v>0</v>
      </c>
      <c r="F2192" s="11" t="str">
        <f>'申請書（複数入力用）'!J2194</f>
        <v/>
      </c>
      <c r="G2192" s="6" t="str">
        <f>'申請書（複数入力用）'!K2194</f>
        <v>a052r000000jS9ZAAU</v>
      </c>
      <c r="H2192" s="12" t="e">
        <f>'申請書（複数入力用）'!N2194</f>
        <v>#N/A</v>
      </c>
      <c r="I2192" s="12" t="e">
        <f>'申請書（複数入力用）'!O2194</f>
        <v>#N/A</v>
      </c>
      <c r="J2192" s="12">
        <f>'申請書（複数入力用）'!P2194</f>
        <v>1</v>
      </c>
    </row>
    <row r="2193" spans="1:10" ht="51.6" customHeight="1" x14ac:dyDescent="0.45">
      <c r="A2193" s="6">
        <f>'申請書（複数入力用）'!A2195</f>
        <v>2189</v>
      </c>
      <c r="B2193" s="13">
        <f>'申請書（複数入力用）'!AH2195</f>
        <v>0</v>
      </c>
      <c r="C2193" s="6">
        <f>'申請書（複数入力用）'!B2195</f>
        <v>0</v>
      </c>
      <c r="D2193" s="6">
        <f>'申請書（複数入力用）'!D2195</f>
        <v>0</v>
      </c>
      <c r="E2193" s="14">
        <f>'申請書（複数入力用）'!H2195</f>
        <v>0</v>
      </c>
      <c r="F2193" s="11" t="str">
        <f>'申請書（複数入力用）'!J2195</f>
        <v/>
      </c>
      <c r="G2193" s="6" t="str">
        <f>'申請書（複数入力用）'!K2195</f>
        <v>a052r000000jS9ZAAU</v>
      </c>
      <c r="H2193" s="12" t="e">
        <f>'申請書（複数入力用）'!N2195</f>
        <v>#N/A</v>
      </c>
      <c r="I2193" s="12" t="e">
        <f>'申請書（複数入力用）'!O2195</f>
        <v>#N/A</v>
      </c>
      <c r="J2193" s="12">
        <f>'申請書（複数入力用）'!P2195</f>
        <v>1</v>
      </c>
    </row>
    <row r="2194" spans="1:10" ht="51.6" customHeight="1" x14ac:dyDescent="0.45">
      <c r="A2194" s="6">
        <f>'申請書（複数入力用）'!A2196</f>
        <v>2190</v>
      </c>
      <c r="B2194" s="13">
        <f>'申請書（複数入力用）'!AH2196</f>
        <v>0</v>
      </c>
      <c r="C2194" s="6">
        <f>'申請書（複数入力用）'!B2196</f>
        <v>0</v>
      </c>
      <c r="D2194" s="6">
        <f>'申請書（複数入力用）'!D2196</f>
        <v>0</v>
      </c>
      <c r="E2194" s="14">
        <f>'申請書（複数入力用）'!H2196</f>
        <v>0</v>
      </c>
      <c r="F2194" s="11" t="str">
        <f>'申請書（複数入力用）'!J2196</f>
        <v/>
      </c>
      <c r="G2194" s="6" t="str">
        <f>'申請書（複数入力用）'!K2196</f>
        <v>a052r000000jS9ZAAU</v>
      </c>
      <c r="H2194" s="12" t="e">
        <f>'申請書（複数入力用）'!N2196</f>
        <v>#N/A</v>
      </c>
      <c r="I2194" s="12" t="e">
        <f>'申請書（複数入力用）'!O2196</f>
        <v>#N/A</v>
      </c>
      <c r="J2194" s="12">
        <f>'申請書（複数入力用）'!P2196</f>
        <v>1</v>
      </c>
    </row>
    <row r="2195" spans="1:10" ht="51.6" customHeight="1" x14ac:dyDescent="0.45">
      <c r="A2195" s="6">
        <f>'申請書（複数入力用）'!A2197</f>
        <v>2191</v>
      </c>
      <c r="B2195" s="13">
        <f>'申請書（複数入力用）'!AH2197</f>
        <v>0</v>
      </c>
      <c r="C2195" s="6">
        <f>'申請書（複数入力用）'!B2197</f>
        <v>0</v>
      </c>
      <c r="D2195" s="6">
        <f>'申請書（複数入力用）'!D2197</f>
        <v>0</v>
      </c>
      <c r="E2195" s="14">
        <f>'申請書（複数入力用）'!H2197</f>
        <v>0</v>
      </c>
      <c r="F2195" s="11" t="str">
        <f>'申請書（複数入力用）'!J2197</f>
        <v/>
      </c>
      <c r="G2195" s="6" t="str">
        <f>'申請書（複数入力用）'!K2197</f>
        <v>a052r000000jS9ZAAU</v>
      </c>
      <c r="H2195" s="12" t="e">
        <f>'申請書（複数入力用）'!N2197</f>
        <v>#N/A</v>
      </c>
      <c r="I2195" s="12" t="e">
        <f>'申請書（複数入力用）'!O2197</f>
        <v>#N/A</v>
      </c>
      <c r="J2195" s="12">
        <f>'申請書（複数入力用）'!P2197</f>
        <v>1</v>
      </c>
    </row>
    <row r="2196" spans="1:10" ht="51.6" customHeight="1" x14ac:dyDescent="0.45">
      <c r="A2196" s="6">
        <f>'申請書（複数入力用）'!A2198</f>
        <v>2192</v>
      </c>
      <c r="B2196" s="13">
        <f>'申請書（複数入力用）'!AH2198</f>
        <v>0</v>
      </c>
      <c r="C2196" s="6">
        <f>'申請書（複数入力用）'!B2198</f>
        <v>0</v>
      </c>
      <c r="D2196" s="6">
        <f>'申請書（複数入力用）'!D2198</f>
        <v>0</v>
      </c>
      <c r="E2196" s="14">
        <f>'申請書（複数入力用）'!H2198</f>
        <v>0</v>
      </c>
      <c r="F2196" s="11" t="str">
        <f>'申請書（複数入力用）'!J2198</f>
        <v/>
      </c>
      <c r="G2196" s="6" t="str">
        <f>'申請書（複数入力用）'!K2198</f>
        <v>a052r000000jS9ZAAU</v>
      </c>
      <c r="H2196" s="12" t="e">
        <f>'申請書（複数入力用）'!N2198</f>
        <v>#N/A</v>
      </c>
      <c r="I2196" s="12" t="e">
        <f>'申請書（複数入力用）'!O2198</f>
        <v>#N/A</v>
      </c>
      <c r="J2196" s="12">
        <f>'申請書（複数入力用）'!P2198</f>
        <v>1</v>
      </c>
    </row>
    <row r="2197" spans="1:10" ht="51.6" customHeight="1" x14ac:dyDescent="0.45">
      <c r="A2197" s="6">
        <f>'申請書（複数入力用）'!A2199</f>
        <v>2193</v>
      </c>
      <c r="B2197" s="13">
        <f>'申請書（複数入力用）'!AH2199</f>
        <v>0</v>
      </c>
      <c r="C2197" s="6">
        <f>'申請書（複数入力用）'!B2199</f>
        <v>0</v>
      </c>
      <c r="D2197" s="6">
        <f>'申請書（複数入力用）'!D2199</f>
        <v>0</v>
      </c>
      <c r="E2197" s="14">
        <f>'申請書（複数入力用）'!H2199</f>
        <v>0</v>
      </c>
      <c r="F2197" s="11" t="str">
        <f>'申請書（複数入力用）'!J2199</f>
        <v/>
      </c>
      <c r="G2197" s="6" t="str">
        <f>'申請書（複数入力用）'!K2199</f>
        <v>a052r000000jS9ZAAU</v>
      </c>
      <c r="H2197" s="12" t="e">
        <f>'申請書（複数入力用）'!N2199</f>
        <v>#N/A</v>
      </c>
      <c r="I2197" s="12" t="e">
        <f>'申請書（複数入力用）'!O2199</f>
        <v>#N/A</v>
      </c>
      <c r="J2197" s="12">
        <f>'申請書（複数入力用）'!P2199</f>
        <v>1</v>
      </c>
    </row>
    <row r="2198" spans="1:10" ht="51.6" customHeight="1" x14ac:dyDescent="0.45">
      <c r="A2198" s="6">
        <f>'申請書（複数入力用）'!A2200</f>
        <v>2194</v>
      </c>
      <c r="B2198" s="13">
        <f>'申請書（複数入力用）'!AH2200</f>
        <v>0</v>
      </c>
      <c r="C2198" s="6">
        <f>'申請書（複数入力用）'!B2200</f>
        <v>0</v>
      </c>
      <c r="D2198" s="6">
        <f>'申請書（複数入力用）'!D2200</f>
        <v>0</v>
      </c>
      <c r="E2198" s="14">
        <f>'申請書（複数入力用）'!H2200</f>
        <v>0</v>
      </c>
      <c r="F2198" s="11" t="str">
        <f>'申請書（複数入力用）'!J2200</f>
        <v/>
      </c>
      <c r="G2198" s="6" t="str">
        <f>'申請書（複数入力用）'!K2200</f>
        <v>a052r000000jS9ZAAU</v>
      </c>
      <c r="H2198" s="12" t="e">
        <f>'申請書（複数入力用）'!N2200</f>
        <v>#N/A</v>
      </c>
      <c r="I2198" s="12" t="e">
        <f>'申請書（複数入力用）'!O2200</f>
        <v>#N/A</v>
      </c>
      <c r="J2198" s="12">
        <f>'申請書（複数入力用）'!P2200</f>
        <v>1</v>
      </c>
    </row>
    <row r="2199" spans="1:10" ht="51.6" customHeight="1" x14ac:dyDescent="0.45">
      <c r="A2199" s="6">
        <f>'申請書（複数入力用）'!A2201</f>
        <v>2195</v>
      </c>
      <c r="B2199" s="13">
        <f>'申請書（複数入力用）'!AH2201</f>
        <v>0</v>
      </c>
      <c r="C2199" s="6">
        <f>'申請書（複数入力用）'!B2201</f>
        <v>0</v>
      </c>
      <c r="D2199" s="6">
        <f>'申請書（複数入力用）'!D2201</f>
        <v>0</v>
      </c>
      <c r="E2199" s="14">
        <f>'申請書（複数入力用）'!H2201</f>
        <v>0</v>
      </c>
      <c r="F2199" s="11" t="str">
        <f>'申請書（複数入力用）'!J2201</f>
        <v/>
      </c>
      <c r="G2199" s="6" t="str">
        <f>'申請書（複数入力用）'!K2201</f>
        <v>a052r000000jS9ZAAU</v>
      </c>
      <c r="H2199" s="12" t="e">
        <f>'申請書（複数入力用）'!N2201</f>
        <v>#N/A</v>
      </c>
      <c r="I2199" s="12" t="e">
        <f>'申請書（複数入力用）'!O2201</f>
        <v>#N/A</v>
      </c>
      <c r="J2199" s="12">
        <f>'申請書（複数入力用）'!P2201</f>
        <v>1</v>
      </c>
    </row>
    <row r="2200" spans="1:10" ht="51.6" customHeight="1" x14ac:dyDescent="0.45">
      <c r="A2200" s="6">
        <f>'申請書（複数入力用）'!A2202</f>
        <v>2196</v>
      </c>
      <c r="B2200" s="13">
        <f>'申請書（複数入力用）'!AH2202</f>
        <v>0</v>
      </c>
      <c r="C2200" s="6">
        <f>'申請書（複数入力用）'!B2202</f>
        <v>0</v>
      </c>
      <c r="D2200" s="6">
        <f>'申請書（複数入力用）'!D2202</f>
        <v>0</v>
      </c>
      <c r="E2200" s="14">
        <f>'申請書（複数入力用）'!H2202</f>
        <v>0</v>
      </c>
      <c r="F2200" s="11" t="str">
        <f>'申請書（複数入力用）'!J2202</f>
        <v/>
      </c>
      <c r="G2200" s="6" t="str">
        <f>'申請書（複数入力用）'!K2202</f>
        <v>a052r000000jS9ZAAU</v>
      </c>
      <c r="H2200" s="12" t="e">
        <f>'申請書（複数入力用）'!N2202</f>
        <v>#N/A</v>
      </c>
      <c r="I2200" s="12" t="e">
        <f>'申請書（複数入力用）'!O2202</f>
        <v>#N/A</v>
      </c>
      <c r="J2200" s="12">
        <f>'申請書（複数入力用）'!P2202</f>
        <v>1</v>
      </c>
    </row>
    <row r="2201" spans="1:10" ht="51.6" customHeight="1" x14ac:dyDescent="0.45">
      <c r="A2201" s="6">
        <f>'申請書（複数入力用）'!A2203</f>
        <v>2197</v>
      </c>
      <c r="B2201" s="13">
        <f>'申請書（複数入力用）'!AH2203</f>
        <v>0</v>
      </c>
      <c r="C2201" s="6">
        <f>'申請書（複数入力用）'!B2203</f>
        <v>0</v>
      </c>
      <c r="D2201" s="6">
        <f>'申請書（複数入力用）'!D2203</f>
        <v>0</v>
      </c>
      <c r="E2201" s="14">
        <f>'申請書（複数入力用）'!H2203</f>
        <v>0</v>
      </c>
      <c r="F2201" s="11" t="str">
        <f>'申請書（複数入力用）'!J2203</f>
        <v/>
      </c>
      <c r="G2201" s="6" t="str">
        <f>'申請書（複数入力用）'!K2203</f>
        <v>a052r000000jS9ZAAU</v>
      </c>
      <c r="H2201" s="12" t="e">
        <f>'申請書（複数入力用）'!N2203</f>
        <v>#N/A</v>
      </c>
      <c r="I2201" s="12" t="e">
        <f>'申請書（複数入力用）'!O2203</f>
        <v>#N/A</v>
      </c>
      <c r="J2201" s="12">
        <f>'申請書（複数入力用）'!P2203</f>
        <v>1</v>
      </c>
    </row>
    <row r="2202" spans="1:10" ht="51.6" customHeight="1" x14ac:dyDescent="0.45">
      <c r="A2202" s="6">
        <f>'申請書（複数入力用）'!A2204</f>
        <v>2198</v>
      </c>
      <c r="B2202" s="13">
        <f>'申請書（複数入力用）'!AH2204</f>
        <v>0</v>
      </c>
      <c r="C2202" s="6">
        <f>'申請書（複数入力用）'!B2204</f>
        <v>0</v>
      </c>
      <c r="D2202" s="6">
        <f>'申請書（複数入力用）'!D2204</f>
        <v>0</v>
      </c>
      <c r="E2202" s="14">
        <f>'申請書（複数入力用）'!H2204</f>
        <v>0</v>
      </c>
      <c r="F2202" s="11" t="str">
        <f>'申請書（複数入力用）'!J2204</f>
        <v/>
      </c>
      <c r="G2202" s="6" t="str">
        <f>'申請書（複数入力用）'!K2204</f>
        <v>a052r000000jS9ZAAU</v>
      </c>
      <c r="H2202" s="12" t="e">
        <f>'申請書（複数入力用）'!N2204</f>
        <v>#N/A</v>
      </c>
      <c r="I2202" s="12" t="e">
        <f>'申請書（複数入力用）'!O2204</f>
        <v>#N/A</v>
      </c>
      <c r="J2202" s="12">
        <f>'申請書（複数入力用）'!P2204</f>
        <v>1</v>
      </c>
    </row>
    <row r="2203" spans="1:10" ht="51.6" customHeight="1" x14ac:dyDescent="0.45">
      <c r="A2203" s="6">
        <f>'申請書（複数入力用）'!A2205</f>
        <v>2199</v>
      </c>
      <c r="B2203" s="13">
        <f>'申請書（複数入力用）'!AH2205</f>
        <v>0</v>
      </c>
      <c r="C2203" s="6">
        <f>'申請書（複数入力用）'!B2205</f>
        <v>0</v>
      </c>
      <c r="D2203" s="6">
        <f>'申請書（複数入力用）'!D2205</f>
        <v>0</v>
      </c>
      <c r="E2203" s="14">
        <f>'申請書（複数入力用）'!H2205</f>
        <v>0</v>
      </c>
      <c r="F2203" s="11" t="str">
        <f>'申請書（複数入力用）'!J2205</f>
        <v/>
      </c>
      <c r="G2203" s="6" t="str">
        <f>'申請書（複数入力用）'!K2205</f>
        <v>a052r000000jS9ZAAU</v>
      </c>
      <c r="H2203" s="12" t="e">
        <f>'申請書（複数入力用）'!N2205</f>
        <v>#N/A</v>
      </c>
      <c r="I2203" s="12" t="e">
        <f>'申請書（複数入力用）'!O2205</f>
        <v>#N/A</v>
      </c>
      <c r="J2203" s="12">
        <f>'申請書（複数入力用）'!P2205</f>
        <v>1</v>
      </c>
    </row>
    <row r="2204" spans="1:10" ht="51.6" customHeight="1" x14ac:dyDescent="0.45">
      <c r="A2204" s="6">
        <f>'申請書（複数入力用）'!A2206</f>
        <v>2200</v>
      </c>
      <c r="B2204" s="13">
        <f>'申請書（複数入力用）'!AH2206</f>
        <v>0</v>
      </c>
      <c r="C2204" s="6">
        <f>'申請書（複数入力用）'!B2206</f>
        <v>0</v>
      </c>
      <c r="D2204" s="6">
        <f>'申請書（複数入力用）'!D2206</f>
        <v>0</v>
      </c>
      <c r="E2204" s="14">
        <f>'申請書（複数入力用）'!H2206</f>
        <v>0</v>
      </c>
      <c r="F2204" s="11" t="str">
        <f>'申請書（複数入力用）'!J2206</f>
        <v/>
      </c>
      <c r="G2204" s="6" t="str">
        <f>'申請書（複数入力用）'!K2206</f>
        <v>a052r000000jS9ZAAU</v>
      </c>
      <c r="H2204" s="12" t="e">
        <f>'申請書（複数入力用）'!N2206</f>
        <v>#N/A</v>
      </c>
      <c r="I2204" s="12" t="e">
        <f>'申請書（複数入力用）'!O2206</f>
        <v>#N/A</v>
      </c>
      <c r="J2204" s="12">
        <f>'申請書（複数入力用）'!P2206</f>
        <v>1</v>
      </c>
    </row>
    <row r="2205" spans="1:10" ht="51.6" customHeight="1" x14ac:dyDescent="0.45">
      <c r="A2205" s="6">
        <f>'申請書（複数入力用）'!A2207</f>
        <v>2201</v>
      </c>
      <c r="B2205" s="13">
        <f>'申請書（複数入力用）'!AH2207</f>
        <v>0</v>
      </c>
      <c r="C2205" s="6">
        <f>'申請書（複数入力用）'!B2207</f>
        <v>0</v>
      </c>
      <c r="D2205" s="6">
        <f>'申請書（複数入力用）'!D2207</f>
        <v>0</v>
      </c>
      <c r="E2205" s="14">
        <f>'申請書（複数入力用）'!H2207</f>
        <v>0</v>
      </c>
      <c r="F2205" s="11" t="str">
        <f>'申請書（複数入力用）'!J2207</f>
        <v/>
      </c>
      <c r="G2205" s="6" t="str">
        <f>'申請書（複数入力用）'!K2207</f>
        <v>a052r000000jS9ZAAU</v>
      </c>
      <c r="H2205" s="12" t="e">
        <f>'申請書（複数入力用）'!N2207</f>
        <v>#N/A</v>
      </c>
      <c r="I2205" s="12" t="e">
        <f>'申請書（複数入力用）'!O2207</f>
        <v>#N/A</v>
      </c>
      <c r="J2205" s="12">
        <f>'申請書（複数入力用）'!P2207</f>
        <v>1</v>
      </c>
    </row>
    <row r="2206" spans="1:10" ht="51.6" customHeight="1" x14ac:dyDescent="0.45">
      <c r="A2206" s="6">
        <f>'申請書（複数入力用）'!A2208</f>
        <v>2202</v>
      </c>
      <c r="B2206" s="13">
        <f>'申請書（複数入力用）'!AH2208</f>
        <v>0</v>
      </c>
      <c r="C2206" s="6">
        <f>'申請書（複数入力用）'!B2208</f>
        <v>0</v>
      </c>
      <c r="D2206" s="6">
        <f>'申請書（複数入力用）'!D2208</f>
        <v>0</v>
      </c>
      <c r="E2206" s="14">
        <f>'申請書（複数入力用）'!H2208</f>
        <v>0</v>
      </c>
      <c r="F2206" s="11" t="str">
        <f>'申請書（複数入力用）'!J2208</f>
        <v/>
      </c>
      <c r="G2206" s="6" t="str">
        <f>'申請書（複数入力用）'!K2208</f>
        <v>a052r000000jS9ZAAU</v>
      </c>
      <c r="H2206" s="12" t="e">
        <f>'申請書（複数入力用）'!N2208</f>
        <v>#N/A</v>
      </c>
      <c r="I2206" s="12" t="e">
        <f>'申請書（複数入力用）'!O2208</f>
        <v>#N/A</v>
      </c>
      <c r="J2206" s="12">
        <f>'申請書（複数入力用）'!P2208</f>
        <v>1</v>
      </c>
    </row>
    <row r="2207" spans="1:10" ht="51.6" customHeight="1" x14ac:dyDescent="0.45">
      <c r="A2207" s="6">
        <f>'申請書（複数入力用）'!A2209</f>
        <v>2203</v>
      </c>
      <c r="B2207" s="13">
        <f>'申請書（複数入力用）'!AH2209</f>
        <v>0</v>
      </c>
      <c r="C2207" s="6">
        <f>'申請書（複数入力用）'!B2209</f>
        <v>0</v>
      </c>
      <c r="D2207" s="6">
        <f>'申請書（複数入力用）'!D2209</f>
        <v>0</v>
      </c>
      <c r="E2207" s="14">
        <f>'申請書（複数入力用）'!H2209</f>
        <v>0</v>
      </c>
      <c r="F2207" s="11" t="str">
        <f>'申請書（複数入力用）'!J2209</f>
        <v/>
      </c>
      <c r="G2207" s="6" t="str">
        <f>'申請書（複数入力用）'!K2209</f>
        <v>a052r000000jS9ZAAU</v>
      </c>
      <c r="H2207" s="12" t="e">
        <f>'申請書（複数入力用）'!N2209</f>
        <v>#N/A</v>
      </c>
      <c r="I2207" s="12" t="e">
        <f>'申請書（複数入力用）'!O2209</f>
        <v>#N/A</v>
      </c>
      <c r="J2207" s="12">
        <f>'申請書（複数入力用）'!P2209</f>
        <v>1</v>
      </c>
    </row>
    <row r="2208" spans="1:10" ht="51.6" customHeight="1" x14ac:dyDescent="0.45">
      <c r="A2208" s="6">
        <f>'申請書（複数入力用）'!A2210</f>
        <v>2204</v>
      </c>
      <c r="B2208" s="13">
        <f>'申請書（複数入力用）'!AH2210</f>
        <v>0</v>
      </c>
      <c r="C2208" s="6">
        <f>'申請書（複数入力用）'!B2210</f>
        <v>0</v>
      </c>
      <c r="D2208" s="6">
        <f>'申請書（複数入力用）'!D2210</f>
        <v>0</v>
      </c>
      <c r="E2208" s="14">
        <f>'申請書（複数入力用）'!H2210</f>
        <v>0</v>
      </c>
      <c r="F2208" s="11" t="str">
        <f>'申請書（複数入力用）'!J2210</f>
        <v/>
      </c>
      <c r="G2208" s="6" t="str">
        <f>'申請書（複数入力用）'!K2210</f>
        <v>a052r000000jS9ZAAU</v>
      </c>
      <c r="H2208" s="12" t="e">
        <f>'申請書（複数入力用）'!N2210</f>
        <v>#N/A</v>
      </c>
      <c r="I2208" s="12" t="e">
        <f>'申請書（複数入力用）'!O2210</f>
        <v>#N/A</v>
      </c>
      <c r="J2208" s="12">
        <f>'申請書（複数入力用）'!P2210</f>
        <v>1</v>
      </c>
    </row>
    <row r="2209" spans="1:10" ht="51.6" customHeight="1" x14ac:dyDescent="0.45">
      <c r="A2209" s="6">
        <f>'申請書（複数入力用）'!A2211</f>
        <v>2205</v>
      </c>
      <c r="B2209" s="13">
        <f>'申請書（複数入力用）'!AH2211</f>
        <v>0</v>
      </c>
      <c r="C2209" s="6">
        <f>'申請書（複数入力用）'!B2211</f>
        <v>0</v>
      </c>
      <c r="D2209" s="6">
        <f>'申請書（複数入力用）'!D2211</f>
        <v>0</v>
      </c>
      <c r="E2209" s="14">
        <f>'申請書（複数入力用）'!H2211</f>
        <v>0</v>
      </c>
      <c r="F2209" s="11" t="str">
        <f>'申請書（複数入力用）'!J2211</f>
        <v/>
      </c>
      <c r="G2209" s="6" t="str">
        <f>'申請書（複数入力用）'!K2211</f>
        <v>a052r000000jS9ZAAU</v>
      </c>
      <c r="H2209" s="12" t="e">
        <f>'申請書（複数入力用）'!N2211</f>
        <v>#N/A</v>
      </c>
      <c r="I2209" s="12" t="e">
        <f>'申請書（複数入力用）'!O2211</f>
        <v>#N/A</v>
      </c>
      <c r="J2209" s="12">
        <f>'申請書（複数入力用）'!P2211</f>
        <v>1</v>
      </c>
    </row>
    <row r="2210" spans="1:10" ht="51.6" customHeight="1" x14ac:dyDescent="0.45">
      <c r="A2210" s="6">
        <f>'申請書（複数入力用）'!A2212</f>
        <v>2206</v>
      </c>
      <c r="B2210" s="13">
        <f>'申請書（複数入力用）'!AH2212</f>
        <v>0</v>
      </c>
      <c r="C2210" s="6">
        <f>'申請書（複数入力用）'!B2212</f>
        <v>0</v>
      </c>
      <c r="D2210" s="6">
        <f>'申請書（複数入力用）'!D2212</f>
        <v>0</v>
      </c>
      <c r="E2210" s="14">
        <f>'申請書（複数入力用）'!H2212</f>
        <v>0</v>
      </c>
      <c r="F2210" s="11" t="str">
        <f>'申請書（複数入力用）'!J2212</f>
        <v/>
      </c>
      <c r="G2210" s="6" t="str">
        <f>'申請書（複数入力用）'!K2212</f>
        <v>a052r000000jS9ZAAU</v>
      </c>
      <c r="H2210" s="12" t="e">
        <f>'申請書（複数入力用）'!N2212</f>
        <v>#N/A</v>
      </c>
      <c r="I2210" s="12" t="e">
        <f>'申請書（複数入力用）'!O2212</f>
        <v>#N/A</v>
      </c>
      <c r="J2210" s="12">
        <f>'申請書（複数入力用）'!P2212</f>
        <v>1</v>
      </c>
    </row>
    <row r="2211" spans="1:10" ht="51.6" customHeight="1" x14ac:dyDescent="0.45">
      <c r="A2211" s="6">
        <f>'申請書（複数入力用）'!A2213</f>
        <v>2207</v>
      </c>
      <c r="B2211" s="13">
        <f>'申請書（複数入力用）'!AH2213</f>
        <v>0</v>
      </c>
      <c r="C2211" s="6">
        <f>'申請書（複数入力用）'!B2213</f>
        <v>0</v>
      </c>
      <c r="D2211" s="6">
        <f>'申請書（複数入力用）'!D2213</f>
        <v>0</v>
      </c>
      <c r="E2211" s="14">
        <f>'申請書（複数入力用）'!H2213</f>
        <v>0</v>
      </c>
      <c r="F2211" s="11" t="str">
        <f>'申請書（複数入力用）'!J2213</f>
        <v/>
      </c>
      <c r="G2211" s="6" t="str">
        <f>'申請書（複数入力用）'!K2213</f>
        <v>a052r000000jS9ZAAU</v>
      </c>
      <c r="H2211" s="12" t="e">
        <f>'申請書（複数入力用）'!N2213</f>
        <v>#N/A</v>
      </c>
      <c r="I2211" s="12" t="e">
        <f>'申請書（複数入力用）'!O2213</f>
        <v>#N/A</v>
      </c>
      <c r="J2211" s="12">
        <f>'申請書（複数入力用）'!P2213</f>
        <v>1</v>
      </c>
    </row>
    <row r="2212" spans="1:10" ht="51.6" customHeight="1" x14ac:dyDescent="0.45">
      <c r="A2212" s="6">
        <f>'申請書（複数入力用）'!A2214</f>
        <v>2208</v>
      </c>
      <c r="B2212" s="13">
        <f>'申請書（複数入力用）'!AH2214</f>
        <v>0</v>
      </c>
      <c r="C2212" s="6">
        <f>'申請書（複数入力用）'!B2214</f>
        <v>0</v>
      </c>
      <c r="D2212" s="6">
        <f>'申請書（複数入力用）'!D2214</f>
        <v>0</v>
      </c>
      <c r="E2212" s="14">
        <f>'申請書（複数入力用）'!H2214</f>
        <v>0</v>
      </c>
      <c r="F2212" s="11" t="str">
        <f>'申請書（複数入力用）'!J2214</f>
        <v/>
      </c>
      <c r="G2212" s="6" t="str">
        <f>'申請書（複数入力用）'!K2214</f>
        <v>a052r000000jS9ZAAU</v>
      </c>
      <c r="H2212" s="12" t="e">
        <f>'申請書（複数入力用）'!N2214</f>
        <v>#N/A</v>
      </c>
      <c r="I2212" s="12" t="e">
        <f>'申請書（複数入力用）'!O2214</f>
        <v>#N/A</v>
      </c>
      <c r="J2212" s="12">
        <f>'申請書（複数入力用）'!P2214</f>
        <v>1</v>
      </c>
    </row>
    <row r="2213" spans="1:10" ht="51.6" customHeight="1" x14ac:dyDescent="0.45">
      <c r="A2213" s="6">
        <f>'申請書（複数入力用）'!A2215</f>
        <v>2209</v>
      </c>
      <c r="B2213" s="13">
        <f>'申請書（複数入力用）'!AH2215</f>
        <v>0</v>
      </c>
      <c r="C2213" s="6">
        <f>'申請書（複数入力用）'!B2215</f>
        <v>0</v>
      </c>
      <c r="D2213" s="6">
        <f>'申請書（複数入力用）'!D2215</f>
        <v>0</v>
      </c>
      <c r="E2213" s="14">
        <f>'申請書（複数入力用）'!H2215</f>
        <v>0</v>
      </c>
      <c r="F2213" s="11" t="str">
        <f>'申請書（複数入力用）'!J2215</f>
        <v/>
      </c>
      <c r="G2213" s="6" t="str">
        <f>'申請書（複数入力用）'!K2215</f>
        <v>a052r000000jS9ZAAU</v>
      </c>
      <c r="H2213" s="12" t="e">
        <f>'申請書（複数入力用）'!N2215</f>
        <v>#N/A</v>
      </c>
      <c r="I2213" s="12" t="e">
        <f>'申請書（複数入力用）'!O2215</f>
        <v>#N/A</v>
      </c>
      <c r="J2213" s="12">
        <f>'申請書（複数入力用）'!P2215</f>
        <v>1</v>
      </c>
    </row>
    <row r="2214" spans="1:10" ht="51.6" customHeight="1" x14ac:dyDescent="0.45">
      <c r="A2214" s="6">
        <f>'申請書（複数入力用）'!A2216</f>
        <v>2210</v>
      </c>
      <c r="B2214" s="13">
        <f>'申請書（複数入力用）'!AH2216</f>
        <v>0</v>
      </c>
      <c r="C2214" s="6">
        <f>'申請書（複数入力用）'!B2216</f>
        <v>0</v>
      </c>
      <c r="D2214" s="6">
        <f>'申請書（複数入力用）'!D2216</f>
        <v>0</v>
      </c>
      <c r="E2214" s="14">
        <f>'申請書（複数入力用）'!H2216</f>
        <v>0</v>
      </c>
      <c r="F2214" s="11" t="str">
        <f>'申請書（複数入力用）'!J2216</f>
        <v/>
      </c>
      <c r="G2214" s="6" t="str">
        <f>'申請書（複数入力用）'!K2216</f>
        <v>a052r000000jS9ZAAU</v>
      </c>
      <c r="H2214" s="12" t="e">
        <f>'申請書（複数入力用）'!N2216</f>
        <v>#N/A</v>
      </c>
      <c r="I2214" s="12" t="e">
        <f>'申請書（複数入力用）'!O2216</f>
        <v>#N/A</v>
      </c>
      <c r="J2214" s="12">
        <f>'申請書（複数入力用）'!P2216</f>
        <v>1</v>
      </c>
    </row>
    <row r="2215" spans="1:10" ht="51.6" customHeight="1" x14ac:dyDescent="0.45">
      <c r="A2215" s="6">
        <f>'申請書（複数入力用）'!A2217</f>
        <v>2211</v>
      </c>
      <c r="B2215" s="13">
        <f>'申請書（複数入力用）'!AH2217</f>
        <v>0</v>
      </c>
      <c r="C2215" s="6">
        <f>'申請書（複数入力用）'!B2217</f>
        <v>0</v>
      </c>
      <c r="D2215" s="6">
        <f>'申請書（複数入力用）'!D2217</f>
        <v>0</v>
      </c>
      <c r="E2215" s="14">
        <f>'申請書（複数入力用）'!H2217</f>
        <v>0</v>
      </c>
      <c r="F2215" s="11" t="str">
        <f>'申請書（複数入力用）'!J2217</f>
        <v/>
      </c>
      <c r="G2215" s="6" t="str">
        <f>'申請書（複数入力用）'!K2217</f>
        <v>a052r000000jS9ZAAU</v>
      </c>
      <c r="H2215" s="12" t="e">
        <f>'申請書（複数入力用）'!N2217</f>
        <v>#N/A</v>
      </c>
      <c r="I2215" s="12" t="e">
        <f>'申請書（複数入力用）'!O2217</f>
        <v>#N/A</v>
      </c>
      <c r="J2215" s="12">
        <f>'申請書（複数入力用）'!P2217</f>
        <v>1</v>
      </c>
    </row>
    <row r="2216" spans="1:10" ht="51.6" customHeight="1" x14ac:dyDescent="0.45">
      <c r="A2216" s="6">
        <f>'申請書（複数入力用）'!A2218</f>
        <v>2212</v>
      </c>
      <c r="B2216" s="13">
        <f>'申請書（複数入力用）'!AH2218</f>
        <v>0</v>
      </c>
      <c r="C2216" s="6">
        <f>'申請書（複数入力用）'!B2218</f>
        <v>0</v>
      </c>
      <c r="D2216" s="6">
        <f>'申請書（複数入力用）'!D2218</f>
        <v>0</v>
      </c>
      <c r="E2216" s="14">
        <f>'申請書（複数入力用）'!H2218</f>
        <v>0</v>
      </c>
      <c r="F2216" s="11" t="str">
        <f>'申請書（複数入力用）'!J2218</f>
        <v/>
      </c>
      <c r="G2216" s="6" t="str">
        <f>'申請書（複数入力用）'!K2218</f>
        <v>a052r000000jS9ZAAU</v>
      </c>
      <c r="H2216" s="12" t="e">
        <f>'申請書（複数入力用）'!N2218</f>
        <v>#N/A</v>
      </c>
      <c r="I2216" s="12" t="e">
        <f>'申請書（複数入力用）'!O2218</f>
        <v>#N/A</v>
      </c>
      <c r="J2216" s="12">
        <f>'申請書（複数入力用）'!P2218</f>
        <v>1</v>
      </c>
    </row>
    <row r="2217" spans="1:10" ht="51.6" customHeight="1" x14ac:dyDescent="0.45">
      <c r="A2217" s="6">
        <f>'申請書（複数入力用）'!A2219</f>
        <v>2213</v>
      </c>
      <c r="B2217" s="13">
        <f>'申請書（複数入力用）'!AH2219</f>
        <v>0</v>
      </c>
      <c r="C2217" s="6">
        <f>'申請書（複数入力用）'!B2219</f>
        <v>0</v>
      </c>
      <c r="D2217" s="6">
        <f>'申請書（複数入力用）'!D2219</f>
        <v>0</v>
      </c>
      <c r="E2217" s="14">
        <f>'申請書（複数入力用）'!H2219</f>
        <v>0</v>
      </c>
      <c r="F2217" s="11" t="str">
        <f>'申請書（複数入力用）'!J2219</f>
        <v/>
      </c>
      <c r="G2217" s="6" t="str">
        <f>'申請書（複数入力用）'!K2219</f>
        <v>a052r000000jS9ZAAU</v>
      </c>
      <c r="H2217" s="12" t="e">
        <f>'申請書（複数入力用）'!N2219</f>
        <v>#N/A</v>
      </c>
      <c r="I2217" s="12" t="e">
        <f>'申請書（複数入力用）'!O2219</f>
        <v>#N/A</v>
      </c>
      <c r="J2217" s="12">
        <f>'申請書（複数入力用）'!P2219</f>
        <v>1</v>
      </c>
    </row>
    <row r="2218" spans="1:10" ht="51.6" customHeight="1" x14ac:dyDescent="0.45">
      <c r="A2218" s="6">
        <f>'申請書（複数入力用）'!A2220</f>
        <v>2214</v>
      </c>
      <c r="B2218" s="13">
        <f>'申請書（複数入力用）'!AH2220</f>
        <v>0</v>
      </c>
      <c r="C2218" s="6">
        <f>'申請書（複数入力用）'!B2220</f>
        <v>0</v>
      </c>
      <c r="D2218" s="6">
        <f>'申請書（複数入力用）'!D2220</f>
        <v>0</v>
      </c>
      <c r="E2218" s="14">
        <f>'申請書（複数入力用）'!H2220</f>
        <v>0</v>
      </c>
      <c r="F2218" s="11" t="str">
        <f>'申請書（複数入力用）'!J2220</f>
        <v/>
      </c>
      <c r="G2218" s="6" t="str">
        <f>'申請書（複数入力用）'!K2220</f>
        <v>a052r000000jS9ZAAU</v>
      </c>
      <c r="H2218" s="12" t="e">
        <f>'申請書（複数入力用）'!N2220</f>
        <v>#N/A</v>
      </c>
      <c r="I2218" s="12" t="e">
        <f>'申請書（複数入力用）'!O2220</f>
        <v>#N/A</v>
      </c>
      <c r="J2218" s="12">
        <f>'申請書（複数入力用）'!P2220</f>
        <v>1</v>
      </c>
    </row>
    <row r="2219" spans="1:10" ht="51.6" customHeight="1" x14ac:dyDescent="0.45">
      <c r="A2219" s="6">
        <f>'申請書（複数入力用）'!A2221</f>
        <v>2215</v>
      </c>
      <c r="B2219" s="13">
        <f>'申請書（複数入力用）'!AH2221</f>
        <v>0</v>
      </c>
      <c r="C2219" s="6">
        <f>'申請書（複数入力用）'!B2221</f>
        <v>0</v>
      </c>
      <c r="D2219" s="6">
        <f>'申請書（複数入力用）'!D2221</f>
        <v>0</v>
      </c>
      <c r="E2219" s="14">
        <f>'申請書（複数入力用）'!H2221</f>
        <v>0</v>
      </c>
      <c r="F2219" s="11" t="str">
        <f>'申請書（複数入力用）'!J2221</f>
        <v/>
      </c>
      <c r="G2219" s="6" t="str">
        <f>'申請書（複数入力用）'!K2221</f>
        <v>a052r000000jS9ZAAU</v>
      </c>
      <c r="H2219" s="12" t="e">
        <f>'申請書（複数入力用）'!N2221</f>
        <v>#N/A</v>
      </c>
      <c r="I2219" s="12" t="e">
        <f>'申請書（複数入力用）'!O2221</f>
        <v>#N/A</v>
      </c>
      <c r="J2219" s="12">
        <f>'申請書（複数入力用）'!P2221</f>
        <v>1</v>
      </c>
    </row>
    <row r="2220" spans="1:10" ht="51.6" customHeight="1" x14ac:dyDescent="0.45">
      <c r="A2220" s="6">
        <f>'申請書（複数入力用）'!A2222</f>
        <v>2216</v>
      </c>
      <c r="B2220" s="13">
        <f>'申請書（複数入力用）'!AH2222</f>
        <v>0</v>
      </c>
      <c r="C2220" s="6">
        <f>'申請書（複数入力用）'!B2222</f>
        <v>0</v>
      </c>
      <c r="D2220" s="6">
        <f>'申請書（複数入力用）'!D2222</f>
        <v>0</v>
      </c>
      <c r="E2220" s="14">
        <f>'申請書（複数入力用）'!H2222</f>
        <v>0</v>
      </c>
      <c r="F2220" s="11" t="str">
        <f>'申請書（複数入力用）'!J2222</f>
        <v/>
      </c>
      <c r="G2220" s="6" t="str">
        <f>'申請書（複数入力用）'!K2222</f>
        <v>a052r000000jS9ZAAU</v>
      </c>
      <c r="H2220" s="12" t="e">
        <f>'申請書（複数入力用）'!N2222</f>
        <v>#N/A</v>
      </c>
      <c r="I2220" s="12" t="e">
        <f>'申請書（複数入力用）'!O2222</f>
        <v>#N/A</v>
      </c>
      <c r="J2220" s="12">
        <f>'申請書（複数入力用）'!P2222</f>
        <v>1</v>
      </c>
    </row>
    <row r="2221" spans="1:10" ht="51.6" customHeight="1" x14ac:dyDescent="0.45">
      <c r="A2221" s="6">
        <f>'申請書（複数入力用）'!A2223</f>
        <v>2217</v>
      </c>
      <c r="B2221" s="13">
        <f>'申請書（複数入力用）'!AH2223</f>
        <v>0</v>
      </c>
      <c r="C2221" s="6">
        <f>'申請書（複数入力用）'!B2223</f>
        <v>0</v>
      </c>
      <c r="D2221" s="6">
        <f>'申請書（複数入力用）'!D2223</f>
        <v>0</v>
      </c>
      <c r="E2221" s="14">
        <f>'申請書（複数入力用）'!H2223</f>
        <v>0</v>
      </c>
      <c r="F2221" s="11" t="str">
        <f>'申請書（複数入力用）'!J2223</f>
        <v/>
      </c>
      <c r="G2221" s="6" t="str">
        <f>'申請書（複数入力用）'!K2223</f>
        <v>a052r000000jS9ZAAU</v>
      </c>
      <c r="H2221" s="12" t="e">
        <f>'申請書（複数入力用）'!N2223</f>
        <v>#N/A</v>
      </c>
      <c r="I2221" s="12" t="e">
        <f>'申請書（複数入力用）'!O2223</f>
        <v>#N/A</v>
      </c>
      <c r="J2221" s="12">
        <f>'申請書（複数入力用）'!P2223</f>
        <v>1</v>
      </c>
    </row>
    <row r="2222" spans="1:10" ht="51.6" customHeight="1" x14ac:dyDescent="0.45">
      <c r="A2222" s="6">
        <f>'申請書（複数入力用）'!A2224</f>
        <v>2218</v>
      </c>
      <c r="B2222" s="13">
        <f>'申請書（複数入力用）'!AH2224</f>
        <v>0</v>
      </c>
      <c r="C2222" s="6">
        <f>'申請書（複数入力用）'!B2224</f>
        <v>0</v>
      </c>
      <c r="D2222" s="6">
        <f>'申請書（複数入力用）'!D2224</f>
        <v>0</v>
      </c>
      <c r="E2222" s="14">
        <f>'申請書（複数入力用）'!H2224</f>
        <v>0</v>
      </c>
      <c r="F2222" s="11" t="str">
        <f>'申請書（複数入力用）'!J2224</f>
        <v/>
      </c>
      <c r="G2222" s="6" t="str">
        <f>'申請書（複数入力用）'!K2224</f>
        <v>a052r000000jS9ZAAU</v>
      </c>
      <c r="H2222" s="12" t="e">
        <f>'申請書（複数入力用）'!N2224</f>
        <v>#N/A</v>
      </c>
      <c r="I2222" s="12" t="e">
        <f>'申請書（複数入力用）'!O2224</f>
        <v>#N/A</v>
      </c>
      <c r="J2222" s="12">
        <f>'申請書（複数入力用）'!P2224</f>
        <v>1</v>
      </c>
    </row>
    <row r="2223" spans="1:10" ht="51.6" customHeight="1" x14ac:dyDescent="0.45">
      <c r="A2223" s="6">
        <f>'申請書（複数入力用）'!A2225</f>
        <v>2219</v>
      </c>
      <c r="B2223" s="13">
        <f>'申請書（複数入力用）'!AH2225</f>
        <v>0</v>
      </c>
      <c r="C2223" s="6">
        <f>'申請書（複数入力用）'!B2225</f>
        <v>0</v>
      </c>
      <c r="D2223" s="6">
        <f>'申請書（複数入力用）'!D2225</f>
        <v>0</v>
      </c>
      <c r="E2223" s="14">
        <f>'申請書（複数入力用）'!H2225</f>
        <v>0</v>
      </c>
      <c r="F2223" s="11" t="str">
        <f>'申請書（複数入力用）'!J2225</f>
        <v/>
      </c>
      <c r="G2223" s="6" t="str">
        <f>'申請書（複数入力用）'!K2225</f>
        <v>a052r000000jS9ZAAU</v>
      </c>
      <c r="H2223" s="12" t="e">
        <f>'申請書（複数入力用）'!N2225</f>
        <v>#N/A</v>
      </c>
      <c r="I2223" s="12" t="e">
        <f>'申請書（複数入力用）'!O2225</f>
        <v>#N/A</v>
      </c>
      <c r="J2223" s="12">
        <f>'申請書（複数入力用）'!P2225</f>
        <v>1</v>
      </c>
    </row>
    <row r="2224" spans="1:10" ht="51.6" customHeight="1" x14ac:dyDescent="0.45">
      <c r="A2224" s="6">
        <f>'申請書（複数入力用）'!A2226</f>
        <v>2220</v>
      </c>
      <c r="B2224" s="13">
        <f>'申請書（複数入力用）'!AH2226</f>
        <v>0</v>
      </c>
      <c r="C2224" s="6">
        <f>'申請書（複数入力用）'!B2226</f>
        <v>0</v>
      </c>
      <c r="D2224" s="6">
        <f>'申請書（複数入力用）'!D2226</f>
        <v>0</v>
      </c>
      <c r="E2224" s="14">
        <f>'申請書（複数入力用）'!H2226</f>
        <v>0</v>
      </c>
      <c r="F2224" s="11" t="str">
        <f>'申請書（複数入力用）'!J2226</f>
        <v/>
      </c>
      <c r="G2224" s="6" t="str">
        <f>'申請書（複数入力用）'!K2226</f>
        <v>a052r000000jS9ZAAU</v>
      </c>
      <c r="H2224" s="12" t="e">
        <f>'申請書（複数入力用）'!N2226</f>
        <v>#N/A</v>
      </c>
      <c r="I2224" s="12" t="e">
        <f>'申請書（複数入力用）'!O2226</f>
        <v>#N/A</v>
      </c>
      <c r="J2224" s="12">
        <f>'申請書（複数入力用）'!P2226</f>
        <v>1</v>
      </c>
    </row>
    <row r="2225" spans="1:10" ht="51.6" customHeight="1" x14ac:dyDescent="0.45">
      <c r="A2225" s="6">
        <f>'申請書（複数入力用）'!A2227</f>
        <v>2221</v>
      </c>
      <c r="B2225" s="13">
        <f>'申請書（複数入力用）'!AH2227</f>
        <v>0</v>
      </c>
      <c r="C2225" s="6">
        <f>'申請書（複数入力用）'!B2227</f>
        <v>0</v>
      </c>
      <c r="D2225" s="6">
        <f>'申請書（複数入力用）'!D2227</f>
        <v>0</v>
      </c>
      <c r="E2225" s="14">
        <f>'申請書（複数入力用）'!H2227</f>
        <v>0</v>
      </c>
      <c r="F2225" s="11" t="str">
        <f>'申請書（複数入力用）'!J2227</f>
        <v/>
      </c>
      <c r="G2225" s="6" t="str">
        <f>'申請書（複数入力用）'!K2227</f>
        <v>a052r000000jS9ZAAU</v>
      </c>
      <c r="H2225" s="12" t="e">
        <f>'申請書（複数入力用）'!N2227</f>
        <v>#N/A</v>
      </c>
      <c r="I2225" s="12" t="e">
        <f>'申請書（複数入力用）'!O2227</f>
        <v>#N/A</v>
      </c>
      <c r="J2225" s="12">
        <f>'申請書（複数入力用）'!P2227</f>
        <v>1</v>
      </c>
    </row>
    <row r="2226" spans="1:10" ht="51.6" customHeight="1" x14ac:dyDescent="0.45">
      <c r="A2226" s="6">
        <f>'申請書（複数入力用）'!A2228</f>
        <v>2222</v>
      </c>
      <c r="B2226" s="13">
        <f>'申請書（複数入力用）'!AH2228</f>
        <v>0</v>
      </c>
      <c r="C2226" s="6">
        <f>'申請書（複数入力用）'!B2228</f>
        <v>0</v>
      </c>
      <c r="D2226" s="6">
        <f>'申請書（複数入力用）'!D2228</f>
        <v>0</v>
      </c>
      <c r="E2226" s="14">
        <f>'申請書（複数入力用）'!H2228</f>
        <v>0</v>
      </c>
      <c r="F2226" s="11" t="str">
        <f>'申請書（複数入力用）'!J2228</f>
        <v/>
      </c>
      <c r="G2226" s="6" t="str">
        <f>'申請書（複数入力用）'!K2228</f>
        <v>a052r000000jS9ZAAU</v>
      </c>
      <c r="H2226" s="12" t="e">
        <f>'申請書（複数入力用）'!N2228</f>
        <v>#N/A</v>
      </c>
      <c r="I2226" s="12" t="e">
        <f>'申請書（複数入力用）'!O2228</f>
        <v>#N/A</v>
      </c>
      <c r="J2226" s="12">
        <f>'申請書（複数入力用）'!P2228</f>
        <v>1</v>
      </c>
    </row>
    <row r="2227" spans="1:10" ht="51.6" customHeight="1" x14ac:dyDescent="0.45">
      <c r="A2227" s="6">
        <f>'申請書（複数入力用）'!A2229</f>
        <v>2223</v>
      </c>
      <c r="B2227" s="13">
        <f>'申請書（複数入力用）'!AH2229</f>
        <v>0</v>
      </c>
      <c r="C2227" s="6">
        <f>'申請書（複数入力用）'!B2229</f>
        <v>0</v>
      </c>
      <c r="D2227" s="6">
        <f>'申請書（複数入力用）'!D2229</f>
        <v>0</v>
      </c>
      <c r="E2227" s="14">
        <f>'申請書（複数入力用）'!H2229</f>
        <v>0</v>
      </c>
      <c r="F2227" s="11" t="str">
        <f>'申請書（複数入力用）'!J2229</f>
        <v/>
      </c>
      <c r="G2227" s="6" t="str">
        <f>'申請書（複数入力用）'!K2229</f>
        <v>a052r000000jS9ZAAU</v>
      </c>
      <c r="H2227" s="12" t="e">
        <f>'申請書（複数入力用）'!N2229</f>
        <v>#N/A</v>
      </c>
      <c r="I2227" s="12" t="e">
        <f>'申請書（複数入力用）'!O2229</f>
        <v>#N/A</v>
      </c>
      <c r="J2227" s="12">
        <f>'申請書（複数入力用）'!P2229</f>
        <v>1</v>
      </c>
    </row>
    <row r="2228" spans="1:10" ht="51.6" customHeight="1" x14ac:dyDescent="0.45">
      <c r="A2228" s="6">
        <f>'申請書（複数入力用）'!A2230</f>
        <v>2224</v>
      </c>
      <c r="B2228" s="13">
        <f>'申請書（複数入力用）'!AH2230</f>
        <v>0</v>
      </c>
      <c r="C2228" s="6">
        <f>'申請書（複数入力用）'!B2230</f>
        <v>0</v>
      </c>
      <c r="D2228" s="6">
        <f>'申請書（複数入力用）'!D2230</f>
        <v>0</v>
      </c>
      <c r="E2228" s="14">
        <f>'申請書（複数入力用）'!H2230</f>
        <v>0</v>
      </c>
      <c r="F2228" s="11" t="str">
        <f>'申請書（複数入力用）'!J2230</f>
        <v/>
      </c>
      <c r="G2228" s="6" t="str">
        <f>'申請書（複数入力用）'!K2230</f>
        <v>a052r000000jS9ZAAU</v>
      </c>
      <c r="H2228" s="12" t="e">
        <f>'申請書（複数入力用）'!N2230</f>
        <v>#N/A</v>
      </c>
      <c r="I2228" s="12" t="e">
        <f>'申請書（複数入力用）'!O2230</f>
        <v>#N/A</v>
      </c>
      <c r="J2228" s="12">
        <f>'申請書（複数入力用）'!P2230</f>
        <v>1</v>
      </c>
    </row>
    <row r="2229" spans="1:10" ht="51.6" customHeight="1" x14ac:dyDescent="0.45">
      <c r="A2229" s="6">
        <f>'申請書（複数入力用）'!A2231</f>
        <v>2225</v>
      </c>
      <c r="B2229" s="13">
        <f>'申請書（複数入力用）'!AH2231</f>
        <v>0</v>
      </c>
      <c r="C2229" s="6">
        <f>'申請書（複数入力用）'!B2231</f>
        <v>0</v>
      </c>
      <c r="D2229" s="6">
        <f>'申請書（複数入力用）'!D2231</f>
        <v>0</v>
      </c>
      <c r="E2229" s="14">
        <f>'申請書（複数入力用）'!H2231</f>
        <v>0</v>
      </c>
      <c r="F2229" s="11" t="str">
        <f>'申請書（複数入力用）'!J2231</f>
        <v/>
      </c>
      <c r="G2229" s="6" t="str">
        <f>'申請書（複数入力用）'!K2231</f>
        <v>a052r000000jS9ZAAU</v>
      </c>
      <c r="H2229" s="12" t="e">
        <f>'申請書（複数入力用）'!N2231</f>
        <v>#N/A</v>
      </c>
      <c r="I2229" s="12" t="e">
        <f>'申請書（複数入力用）'!O2231</f>
        <v>#N/A</v>
      </c>
      <c r="J2229" s="12">
        <f>'申請書（複数入力用）'!P2231</f>
        <v>1</v>
      </c>
    </row>
    <row r="2230" spans="1:10" ht="51.6" customHeight="1" x14ac:dyDescent="0.45">
      <c r="A2230" s="6">
        <f>'申請書（複数入力用）'!A2232</f>
        <v>2226</v>
      </c>
      <c r="B2230" s="13">
        <f>'申請書（複数入力用）'!AH2232</f>
        <v>0</v>
      </c>
      <c r="C2230" s="6">
        <f>'申請書（複数入力用）'!B2232</f>
        <v>0</v>
      </c>
      <c r="D2230" s="6">
        <f>'申請書（複数入力用）'!D2232</f>
        <v>0</v>
      </c>
      <c r="E2230" s="14">
        <f>'申請書（複数入力用）'!H2232</f>
        <v>0</v>
      </c>
      <c r="F2230" s="11" t="str">
        <f>'申請書（複数入力用）'!J2232</f>
        <v/>
      </c>
      <c r="G2230" s="6" t="str">
        <f>'申請書（複数入力用）'!K2232</f>
        <v>a052r000000jS9ZAAU</v>
      </c>
      <c r="H2230" s="12" t="e">
        <f>'申請書（複数入力用）'!N2232</f>
        <v>#N/A</v>
      </c>
      <c r="I2230" s="12" t="e">
        <f>'申請書（複数入力用）'!O2232</f>
        <v>#N/A</v>
      </c>
      <c r="J2230" s="12">
        <f>'申請書（複数入力用）'!P2232</f>
        <v>1</v>
      </c>
    </row>
    <row r="2231" spans="1:10" ht="51.6" customHeight="1" x14ac:dyDescent="0.45">
      <c r="A2231" s="6">
        <f>'申請書（複数入力用）'!A2233</f>
        <v>2227</v>
      </c>
      <c r="B2231" s="13">
        <f>'申請書（複数入力用）'!AH2233</f>
        <v>0</v>
      </c>
      <c r="C2231" s="6">
        <f>'申請書（複数入力用）'!B2233</f>
        <v>0</v>
      </c>
      <c r="D2231" s="6">
        <f>'申請書（複数入力用）'!D2233</f>
        <v>0</v>
      </c>
      <c r="E2231" s="14">
        <f>'申請書（複数入力用）'!H2233</f>
        <v>0</v>
      </c>
      <c r="F2231" s="11" t="str">
        <f>'申請書（複数入力用）'!J2233</f>
        <v/>
      </c>
      <c r="G2231" s="6" t="str">
        <f>'申請書（複数入力用）'!K2233</f>
        <v>a052r000000jS9ZAAU</v>
      </c>
      <c r="H2231" s="12" t="e">
        <f>'申請書（複数入力用）'!N2233</f>
        <v>#N/A</v>
      </c>
      <c r="I2231" s="12" t="e">
        <f>'申請書（複数入力用）'!O2233</f>
        <v>#N/A</v>
      </c>
      <c r="J2231" s="12">
        <f>'申請書（複数入力用）'!P2233</f>
        <v>1</v>
      </c>
    </row>
    <row r="2232" spans="1:10" ht="51.6" customHeight="1" x14ac:dyDescent="0.45">
      <c r="A2232" s="6">
        <f>'申請書（複数入力用）'!A2234</f>
        <v>2228</v>
      </c>
      <c r="B2232" s="13">
        <f>'申請書（複数入力用）'!AH2234</f>
        <v>0</v>
      </c>
      <c r="C2232" s="6">
        <f>'申請書（複数入力用）'!B2234</f>
        <v>0</v>
      </c>
      <c r="D2232" s="6">
        <f>'申請書（複数入力用）'!D2234</f>
        <v>0</v>
      </c>
      <c r="E2232" s="14">
        <f>'申請書（複数入力用）'!H2234</f>
        <v>0</v>
      </c>
      <c r="F2232" s="11" t="str">
        <f>'申請書（複数入力用）'!J2234</f>
        <v/>
      </c>
      <c r="G2232" s="6" t="str">
        <f>'申請書（複数入力用）'!K2234</f>
        <v>a052r000000jS9ZAAU</v>
      </c>
      <c r="H2232" s="12" t="e">
        <f>'申請書（複数入力用）'!N2234</f>
        <v>#N/A</v>
      </c>
      <c r="I2232" s="12" t="e">
        <f>'申請書（複数入力用）'!O2234</f>
        <v>#N/A</v>
      </c>
      <c r="J2232" s="12">
        <f>'申請書（複数入力用）'!P2234</f>
        <v>1</v>
      </c>
    </row>
    <row r="2233" spans="1:10" ht="51.6" customHeight="1" x14ac:dyDescent="0.45">
      <c r="A2233" s="6">
        <f>'申請書（複数入力用）'!A2235</f>
        <v>2229</v>
      </c>
      <c r="B2233" s="13">
        <f>'申請書（複数入力用）'!AH2235</f>
        <v>0</v>
      </c>
      <c r="C2233" s="6">
        <f>'申請書（複数入力用）'!B2235</f>
        <v>0</v>
      </c>
      <c r="D2233" s="6">
        <f>'申請書（複数入力用）'!D2235</f>
        <v>0</v>
      </c>
      <c r="E2233" s="14">
        <f>'申請書（複数入力用）'!H2235</f>
        <v>0</v>
      </c>
      <c r="F2233" s="11" t="str">
        <f>'申請書（複数入力用）'!J2235</f>
        <v/>
      </c>
      <c r="G2233" s="6" t="str">
        <f>'申請書（複数入力用）'!K2235</f>
        <v>a052r000000jS9ZAAU</v>
      </c>
      <c r="H2233" s="12" t="e">
        <f>'申請書（複数入力用）'!N2235</f>
        <v>#N/A</v>
      </c>
      <c r="I2233" s="12" t="e">
        <f>'申請書（複数入力用）'!O2235</f>
        <v>#N/A</v>
      </c>
      <c r="J2233" s="12">
        <f>'申請書（複数入力用）'!P2235</f>
        <v>1</v>
      </c>
    </row>
    <row r="2234" spans="1:10" ht="51.6" customHeight="1" x14ac:dyDescent="0.45">
      <c r="A2234" s="6">
        <f>'申請書（複数入力用）'!A2236</f>
        <v>2230</v>
      </c>
      <c r="B2234" s="13">
        <f>'申請書（複数入力用）'!AH2236</f>
        <v>0</v>
      </c>
      <c r="C2234" s="6">
        <f>'申請書（複数入力用）'!B2236</f>
        <v>0</v>
      </c>
      <c r="D2234" s="6">
        <f>'申請書（複数入力用）'!D2236</f>
        <v>0</v>
      </c>
      <c r="E2234" s="14">
        <f>'申請書（複数入力用）'!H2236</f>
        <v>0</v>
      </c>
      <c r="F2234" s="11" t="str">
        <f>'申請書（複数入力用）'!J2236</f>
        <v/>
      </c>
      <c r="G2234" s="6" t="str">
        <f>'申請書（複数入力用）'!K2236</f>
        <v>a052r000000jS9ZAAU</v>
      </c>
      <c r="H2234" s="12" t="e">
        <f>'申請書（複数入力用）'!N2236</f>
        <v>#N/A</v>
      </c>
      <c r="I2234" s="12" t="e">
        <f>'申請書（複数入力用）'!O2236</f>
        <v>#N/A</v>
      </c>
      <c r="J2234" s="12">
        <f>'申請書（複数入力用）'!P2236</f>
        <v>1</v>
      </c>
    </row>
    <row r="2235" spans="1:10" ht="51.6" customHeight="1" x14ac:dyDescent="0.45">
      <c r="A2235" s="6">
        <f>'申請書（複数入力用）'!A2237</f>
        <v>2231</v>
      </c>
      <c r="B2235" s="13">
        <f>'申請書（複数入力用）'!AH2237</f>
        <v>0</v>
      </c>
      <c r="C2235" s="6">
        <f>'申請書（複数入力用）'!B2237</f>
        <v>0</v>
      </c>
      <c r="D2235" s="6">
        <f>'申請書（複数入力用）'!D2237</f>
        <v>0</v>
      </c>
      <c r="E2235" s="14">
        <f>'申請書（複数入力用）'!H2237</f>
        <v>0</v>
      </c>
      <c r="F2235" s="11" t="str">
        <f>'申請書（複数入力用）'!J2237</f>
        <v/>
      </c>
      <c r="G2235" s="6" t="str">
        <f>'申請書（複数入力用）'!K2237</f>
        <v>a052r000000jS9ZAAU</v>
      </c>
      <c r="H2235" s="12" t="e">
        <f>'申請書（複数入力用）'!N2237</f>
        <v>#N/A</v>
      </c>
      <c r="I2235" s="12" t="e">
        <f>'申請書（複数入力用）'!O2237</f>
        <v>#N/A</v>
      </c>
      <c r="J2235" s="12">
        <f>'申請書（複数入力用）'!P2237</f>
        <v>1</v>
      </c>
    </row>
    <row r="2236" spans="1:10" ht="51.6" customHeight="1" x14ac:dyDescent="0.45">
      <c r="A2236" s="6">
        <f>'申請書（複数入力用）'!A2238</f>
        <v>2232</v>
      </c>
      <c r="B2236" s="13">
        <f>'申請書（複数入力用）'!AH2238</f>
        <v>0</v>
      </c>
      <c r="C2236" s="6">
        <f>'申請書（複数入力用）'!B2238</f>
        <v>0</v>
      </c>
      <c r="D2236" s="6">
        <f>'申請書（複数入力用）'!D2238</f>
        <v>0</v>
      </c>
      <c r="E2236" s="14">
        <f>'申請書（複数入力用）'!H2238</f>
        <v>0</v>
      </c>
      <c r="F2236" s="11" t="str">
        <f>'申請書（複数入力用）'!J2238</f>
        <v/>
      </c>
      <c r="G2236" s="6" t="str">
        <f>'申請書（複数入力用）'!K2238</f>
        <v>a052r000000jS9ZAAU</v>
      </c>
      <c r="H2236" s="12" t="e">
        <f>'申請書（複数入力用）'!N2238</f>
        <v>#N/A</v>
      </c>
      <c r="I2236" s="12" t="e">
        <f>'申請書（複数入力用）'!O2238</f>
        <v>#N/A</v>
      </c>
      <c r="J2236" s="12">
        <f>'申請書（複数入力用）'!P2238</f>
        <v>1</v>
      </c>
    </row>
    <row r="2237" spans="1:10" ht="51.6" customHeight="1" x14ac:dyDescent="0.45">
      <c r="A2237" s="6">
        <f>'申請書（複数入力用）'!A2239</f>
        <v>2233</v>
      </c>
      <c r="B2237" s="13">
        <f>'申請書（複数入力用）'!AH2239</f>
        <v>0</v>
      </c>
      <c r="C2237" s="6">
        <f>'申請書（複数入力用）'!B2239</f>
        <v>0</v>
      </c>
      <c r="D2237" s="6">
        <f>'申請書（複数入力用）'!D2239</f>
        <v>0</v>
      </c>
      <c r="E2237" s="14">
        <f>'申請書（複数入力用）'!H2239</f>
        <v>0</v>
      </c>
      <c r="F2237" s="11" t="str">
        <f>'申請書（複数入力用）'!J2239</f>
        <v/>
      </c>
      <c r="G2237" s="6" t="str">
        <f>'申請書（複数入力用）'!K2239</f>
        <v>a052r000000jS9ZAAU</v>
      </c>
      <c r="H2237" s="12" t="e">
        <f>'申請書（複数入力用）'!N2239</f>
        <v>#N/A</v>
      </c>
      <c r="I2237" s="12" t="e">
        <f>'申請書（複数入力用）'!O2239</f>
        <v>#N/A</v>
      </c>
      <c r="J2237" s="12">
        <f>'申請書（複数入力用）'!P2239</f>
        <v>1</v>
      </c>
    </row>
    <row r="2238" spans="1:10" ht="51.6" customHeight="1" x14ac:dyDescent="0.45">
      <c r="A2238" s="6">
        <f>'申請書（複数入力用）'!A2240</f>
        <v>2234</v>
      </c>
      <c r="B2238" s="13">
        <f>'申請書（複数入力用）'!AH2240</f>
        <v>0</v>
      </c>
      <c r="C2238" s="6">
        <f>'申請書（複数入力用）'!B2240</f>
        <v>0</v>
      </c>
      <c r="D2238" s="6">
        <f>'申請書（複数入力用）'!D2240</f>
        <v>0</v>
      </c>
      <c r="E2238" s="14">
        <f>'申請書（複数入力用）'!H2240</f>
        <v>0</v>
      </c>
      <c r="F2238" s="11" t="str">
        <f>'申請書（複数入力用）'!J2240</f>
        <v/>
      </c>
      <c r="G2238" s="6" t="str">
        <f>'申請書（複数入力用）'!K2240</f>
        <v>a052r000000jS9ZAAU</v>
      </c>
      <c r="H2238" s="12" t="e">
        <f>'申請書（複数入力用）'!N2240</f>
        <v>#N/A</v>
      </c>
      <c r="I2238" s="12" t="e">
        <f>'申請書（複数入力用）'!O2240</f>
        <v>#N/A</v>
      </c>
      <c r="J2238" s="12">
        <f>'申請書（複数入力用）'!P2240</f>
        <v>1</v>
      </c>
    </row>
    <row r="2239" spans="1:10" ht="51.6" customHeight="1" x14ac:dyDescent="0.45">
      <c r="A2239" s="6">
        <f>'申請書（複数入力用）'!A2241</f>
        <v>2235</v>
      </c>
      <c r="B2239" s="13">
        <f>'申請書（複数入力用）'!AH2241</f>
        <v>0</v>
      </c>
      <c r="C2239" s="6">
        <f>'申請書（複数入力用）'!B2241</f>
        <v>0</v>
      </c>
      <c r="D2239" s="6">
        <f>'申請書（複数入力用）'!D2241</f>
        <v>0</v>
      </c>
      <c r="E2239" s="14">
        <f>'申請書（複数入力用）'!H2241</f>
        <v>0</v>
      </c>
      <c r="F2239" s="11" t="str">
        <f>'申請書（複数入力用）'!J2241</f>
        <v/>
      </c>
      <c r="G2239" s="6" t="str">
        <f>'申請書（複数入力用）'!K2241</f>
        <v>a052r000000jS9ZAAU</v>
      </c>
      <c r="H2239" s="12" t="e">
        <f>'申請書（複数入力用）'!N2241</f>
        <v>#N/A</v>
      </c>
      <c r="I2239" s="12" t="e">
        <f>'申請書（複数入力用）'!O2241</f>
        <v>#N/A</v>
      </c>
      <c r="J2239" s="12">
        <f>'申請書（複数入力用）'!P2241</f>
        <v>1</v>
      </c>
    </row>
    <row r="2240" spans="1:10" ht="51.6" customHeight="1" x14ac:dyDescent="0.45">
      <c r="A2240" s="6">
        <f>'申請書（複数入力用）'!A2242</f>
        <v>2236</v>
      </c>
      <c r="B2240" s="13">
        <f>'申請書（複数入力用）'!AH2242</f>
        <v>0</v>
      </c>
      <c r="C2240" s="6">
        <f>'申請書（複数入力用）'!B2242</f>
        <v>0</v>
      </c>
      <c r="D2240" s="6">
        <f>'申請書（複数入力用）'!D2242</f>
        <v>0</v>
      </c>
      <c r="E2240" s="14">
        <f>'申請書（複数入力用）'!H2242</f>
        <v>0</v>
      </c>
      <c r="F2240" s="11" t="str">
        <f>'申請書（複数入力用）'!J2242</f>
        <v/>
      </c>
      <c r="G2240" s="6" t="str">
        <f>'申請書（複数入力用）'!K2242</f>
        <v>a052r000000jS9ZAAU</v>
      </c>
      <c r="H2240" s="12" t="e">
        <f>'申請書（複数入力用）'!N2242</f>
        <v>#N/A</v>
      </c>
      <c r="I2240" s="12" t="e">
        <f>'申請書（複数入力用）'!O2242</f>
        <v>#N/A</v>
      </c>
      <c r="J2240" s="12">
        <f>'申請書（複数入力用）'!P2242</f>
        <v>1</v>
      </c>
    </row>
    <row r="2241" spans="1:10" ht="51.6" customHeight="1" x14ac:dyDescent="0.45">
      <c r="A2241" s="6">
        <f>'申請書（複数入力用）'!A2243</f>
        <v>2237</v>
      </c>
      <c r="B2241" s="13">
        <f>'申請書（複数入力用）'!AH2243</f>
        <v>0</v>
      </c>
      <c r="C2241" s="6">
        <f>'申請書（複数入力用）'!B2243</f>
        <v>0</v>
      </c>
      <c r="D2241" s="6">
        <f>'申請書（複数入力用）'!D2243</f>
        <v>0</v>
      </c>
      <c r="E2241" s="14">
        <f>'申請書（複数入力用）'!H2243</f>
        <v>0</v>
      </c>
      <c r="F2241" s="11" t="str">
        <f>'申請書（複数入力用）'!J2243</f>
        <v/>
      </c>
      <c r="G2241" s="6" t="str">
        <f>'申請書（複数入力用）'!K2243</f>
        <v>a052r000000jS9ZAAU</v>
      </c>
      <c r="H2241" s="12" t="e">
        <f>'申請書（複数入力用）'!N2243</f>
        <v>#N/A</v>
      </c>
      <c r="I2241" s="12" t="e">
        <f>'申請書（複数入力用）'!O2243</f>
        <v>#N/A</v>
      </c>
      <c r="J2241" s="12">
        <f>'申請書（複数入力用）'!P2243</f>
        <v>1</v>
      </c>
    </row>
    <row r="2242" spans="1:10" ht="51.6" customHeight="1" x14ac:dyDescent="0.45">
      <c r="A2242" s="6">
        <f>'申請書（複数入力用）'!A2244</f>
        <v>2238</v>
      </c>
      <c r="B2242" s="13">
        <f>'申請書（複数入力用）'!AH2244</f>
        <v>0</v>
      </c>
      <c r="C2242" s="6">
        <f>'申請書（複数入力用）'!B2244</f>
        <v>0</v>
      </c>
      <c r="D2242" s="6">
        <f>'申請書（複数入力用）'!D2244</f>
        <v>0</v>
      </c>
      <c r="E2242" s="14">
        <f>'申請書（複数入力用）'!H2244</f>
        <v>0</v>
      </c>
      <c r="F2242" s="11" t="str">
        <f>'申請書（複数入力用）'!J2244</f>
        <v/>
      </c>
      <c r="G2242" s="6" t="str">
        <f>'申請書（複数入力用）'!K2244</f>
        <v>a052r000000jS9ZAAU</v>
      </c>
      <c r="H2242" s="12" t="e">
        <f>'申請書（複数入力用）'!N2244</f>
        <v>#N/A</v>
      </c>
      <c r="I2242" s="12" t="e">
        <f>'申請書（複数入力用）'!O2244</f>
        <v>#N/A</v>
      </c>
      <c r="J2242" s="12">
        <f>'申請書（複数入力用）'!P2244</f>
        <v>1</v>
      </c>
    </row>
    <row r="2243" spans="1:10" ht="51.6" customHeight="1" x14ac:dyDescent="0.45">
      <c r="A2243" s="6">
        <f>'申請書（複数入力用）'!A2245</f>
        <v>2239</v>
      </c>
      <c r="B2243" s="13">
        <f>'申請書（複数入力用）'!AH2245</f>
        <v>0</v>
      </c>
      <c r="C2243" s="6">
        <f>'申請書（複数入力用）'!B2245</f>
        <v>0</v>
      </c>
      <c r="D2243" s="6">
        <f>'申請書（複数入力用）'!D2245</f>
        <v>0</v>
      </c>
      <c r="E2243" s="14">
        <f>'申請書（複数入力用）'!H2245</f>
        <v>0</v>
      </c>
      <c r="F2243" s="11" t="str">
        <f>'申請書（複数入力用）'!J2245</f>
        <v/>
      </c>
      <c r="G2243" s="6" t="str">
        <f>'申請書（複数入力用）'!K2245</f>
        <v>a052r000000jS9ZAAU</v>
      </c>
      <c r="H2243" s="12" t="e">
        <f>'申請書（複数入力用）'!N2245</f>
        <v>#N/A</v>
      </c>
      <c r="I2243" s="12" t="e">
        <f>'申請書（複数入力用）'!O2245</f>
        <v>#N/A</v>
      </c>
      <c r="J2243" s="12">
        <f>'申請書（複数入力用）'!P2245</f>
        <v>1</v>
      </c>
    </row>
    <row r="2244" spans="1:10" ht="51.6" customHeight="1" x14ac:dyDescent="0.45">
      <c r="A2244" s="6">
        <f>'申請書（複数入力用）'!A2246</f>
        <v>2240</v>
      </c>
      <c r="B2244" s="13">
        <f>'申請書（複数入力用）'!AH2246</f>
        <v>0</v>
      </c>
      <c r="C2244" s="6">
        <f>'申請書（複数入力用）'!B2246</f>
        <v>0</v>
      </c>
      <c r="D2244" s="6">
        <f>'申請書（複数入力用）'!D2246</f>
        <v>0</v>
      </c>
      <c r="E2244" s="14">
        <f>'申請書（複数入力用）'!H2246</f>
        <v>0</v>
      </c>
      <c r="F2244" s="11" t="str">
        <f>'申請書（複数入力用）'!J2246</f>
        <v/>
      </c>
      <c r="G2244" s="6" t="str">
        <f>'申請書（複数入力用）'!K2246</f>
        <v>a052r000000jS9ZAAU</v>
      </c>
      <c r="H2244" s="12" t="e">
        <f>'申請書（複数入力用）'!N2246</f>
        <v>#N/A</v>
      </c>
      <c r="I2244" s="12" t="e">
        <f>'申請書（複数入力用）'!O2246</f>
        <v>#N/A</v>
      </c>
      <c r="J2244" s="12">
        <f>'申請書（複数入力用）'!P2246</f>
        <v>1</v>
      </c>
    </row>
    <row r="2245" spans="1:10" ht="51.6" customHeight="1" x14ac:dyDescent="0.45">
      <c r="A2245" s="6">
        <f>'申請書（複数入力用）'!A2247</f>
        <v>2241</v>
      </c>
      <c r="B2245" s="13">
        <f>'申請書（複数入力用）'!AH2247</f>
        <v>0</v>
      </c>
      <c r="C2245" s="6">
        <f>'申請書（複数入力用）'!B2247</f>
        <v>0</v>
      </c>
      <c r="D2245" s="6">
        <f>'申請書（複数入力用）'!D2247</f>
        <v>0</v>
      </c>
      <c r="E2245" s="14">
        <f>'申請書（複数入力用）'!H2247</f>
        <v>0</v>
      </c>
      <c r="F2245" s="11" t="str">
        <f>'申請書（複数入力用）'!J2247</f>
        <v/>
      </c>
      <c r="G2245" s="6" t="str">
        <f>'申請書（複数入力用）'!K2247</f>
        <v>a052r000000jS9ZAAU</v>
      </c>
      <c r="H2245" s="12" t="e">
        <f>'申請書（複数入力用）'!N2247</f>
        <v>#N/A</v>
      </c>
      <c r="I2245" s="12" t="e">
        <f>'申請書（複数入力用）'!O2247</f>
        <v>#N/A</v>
      </c>
      <c r="J2245" s="12">
        <f>'申請書（複数入力用）'!P2247</f>
        <v>1</v>
      </c>
    </row>
    <row r="2246" spans="1:10" ht="51.6" customHeight="1" x14ac:dyDescent="0.45">
      <c r="A2246" s="6">
        <f>'申請書（複数入力用）'!A2248</f>
        <v>2242</v>
      </c>
      <c r="B2246" s="13">
        <f>'申請書（複数入力用）'!AH2248</f>
        <v>0</v>
      </c>
      <c r="C2246" s="6">
        <f>'申請書（複数入力用）'!B2248</f>
        <v>0</v>
      </c>
      <c r="D2246" s="6">
        <f>'申請書（複数入力用）'!D2248</f>
        <v>0</v>
      </c>
      <c r="E2246" s="14">
        <f>'申請書（複数入力用）'!H2248</f>
        <v>0</v>
      </c>
      <c r="F2246" s="11" t="str">
        <f>'申請書（複数入力用）'!J2248</f>
        <v/>
      </c>
      <c r="G2246" s="6" t="str">
        <f>'申請書（複数入力用）'!K2248</f>
        <v>a052r000000jS9ZAAU</v>
      </c>
      <c r="H2246" s="12" t="e">
        <f>'申請書（複数入力用）'!N2248</f>
        <v>#N/A</v>
      </c>
      <c r="I2246" s="12" t="e">
        <f>'申請書（複数入力用）'!O2248</f>
        <v>#N/A</v>
      </c>
      <c r="J2246" s="12">
        <f>'申請書（複数入力用）'!P2248</f>
        <v>1</v>
      </c>
    </row>
    <row r="2247" spans="1:10" ht="51.6" customHeight="1" x14ac:dyDescent="0.45">
      <c r="A2247" s="6">
        <f>'申請書（複数入力用）'!A2249</f>
        <v>2243</v>
      </c>
      <c r="B2247" s="13">
        <f>'申請書（複数入力用）'!AH2249</f>
        <v>0</v>
      </c>
      <c r="C2247" s="6">
        <f>'申請書（複数入力用）'!B2249</f>
        <v>0</v>
      </c>
      <c r="D2247" s="6">
        <f>'申請書（複数入力用）'!D2249</f>
        <v>0</v>
      </c>
      <c r="E2247" s="14">
        <f>'申請書（複数入力用）'!H2249</f>
        <v>0</v>
      </c>
      <c r="F2247" s="11" t="str">
        <f>'申請書（複数入力用）'!J2249</f>
        <v/>
      </c>
      <c r="G2247" s="6" t="str">
        <f>'申請書（複数入力用）'!K2249</f>
        <v>a052r000000jS9ZAAU</v>
      </c>
      <c r="H2247" s="12" t="e">
        <f>'申請書（複数入力用）'!N2249</f>
        <v>#N/A</v>
      </c>
      <c r="I2247" s="12" t="e">
        <f>'申請書（複数入力用）'!O2249</f>
        <v>#N/A</v>
      </c>
      <c r="J2247" s="12">
        <f>'申請書（複数入力用）'!P2249</f>
        <v>1</v>
      </c>
    </row>
    <row r="2248" spans="1:10" ht="51.6" customHeight="1" x14ac:dyDescent="0.45">
      <c r="A2248" s="6">
        <f>'申請書（複数入力用）'!A2250</f>
        <v>2244</v>
      </c>
      <c r="B2248" s="13">
        <f>'申請書（複数入力用）'!AH2250</f>
        <v>0</v>
      </c>
      <c r="C2248" s="6">
        <f>'申請書（複数入力用）'!B2250</f>
        <v>0</v>
      </c>
      <c r="D2248" s="6">
        <f>'申請書（複数入力用）'!D2250</f>
        <v>0</v>
      </c>
      <c r="E2248" s="14">
        <f>'申請書（複数入力用）'!H2250</f>
        <v>0</v>
      </c>
      <c r="F2248" s="11" t="str">
        <f>'申請書（複数入力用）'!J2250</f>
        <v/>
      </c>
      <c r="G2248" s="6" t="str">
        <f>'申請書（複数入力用）'!K2250</f>
        <v>a052r000000jS9ZAAU</v>
      </c>
      <c r="H2248" s="12" t="e">
        <f>'申請書（複数入力用）'!N2250</f>
        <v>#N/A</v>
      </c>
      <c r="I2248" s="12" t="e">
        <f>'申請書（複数入力用）'!O2250</f>
        <v>#N/A</v>
      </c>
      <c r="J2248" s="12">
        <f>'申請書（複数入力用）'!P2250</f>
        <v>1</v>
      </c>
    </row>
    <row r="2249" spans="1:10" ht="51.6" customHeight="1" x14ac:dyDescent="0.45">
      <c r="A2249" s="6">
        <f>'申請書（複数入力用）'!A2251</f>
        <v>2245</v>
      </c>
      <c r="B2249" s="13">
        <f>'申請書（複数入力用）'!AH2251</f>
        <v>0</v>
      </c>
      <c r="C2249" s="6">
        <f>'申請書（複数入力用）'!B2251</f>
        <v>0</v>
      </c>
      <c r="D2249" s="6">
        <f>'申請書（複数入力用）'!D2251</f>
        <v>0</v>
      </c>
      <c r="E2249" s="14">
        <f>'申請書（複数入力用）'!H2251</f>
        <v>0</v>
      </c>
      <c r="F2249" s="11" t="str">
        <f>'申請書（複数入力用）'!J2251</f>
        <v/>
      </c>
      <c r="G2249" s="6" t="str">
        <f>'申請書（複数入力用）'!K2251</f>
        <v>a052r000000jS9ZAAU</v>
      </c>
      <c r="H2249" s="12" t="e">
        <f>'申請書（複数入力用）'!N2251</f>
        <v>#N/A</v>
      </c>
      <c r="I2249" s="12" t="e">
        <f>'申請書（複数入力用）'!O2251</f>
        <v>#N/A</v>
      </c>
      <c r="J2249" s="12">
        <f>'申請書（複数入力用）'!P2251</f>
        <v>1</v>
      </c>
    </row>
    <row r="2250" spans="1:10" ht="51.6" customHeight="1" x14ac:dyDescent="0.45">
      <c r="A2250" s="6">
        <f>'申請書（複数入力用）'!A2252</f>
        <v>2246</v>
      </c>
      <c r="B2250" s="13">
        <f>'申請書（複数入力用）'!AH2252</f>
        <v>0</v>
      </c>
      <c r="C2250" s="6">
        <f>'申請書（複数入力用）'!B2252</f>
        <v>0</v>
      </c>
      <c r="D2250" s="6">
        <f>'申請書（複数入力用）'!D2252</f>
        <v>0</v>
      </c>
      <c r="E2250" s="14">
        <f>'申請書（複数入力用）'!H2252</f>
        <v>0</v>
      </c>
      <c r="F2250" s="11" t="str">
        <f>'申請書（複数入力用）'!J2252</f>
        <v/>
      </c>
      <c r="G2250" s="6" t="str">
        <f>'申請書（複数入力用）'!K2252</f>
        <v>a052r000000jS9ZAAU</v>
      </c>
      <c r="H2250" s="12" t="e">
        <f>'申請書（複数入力用）'!N2252</f>
        <v>#N/A</v>
      </c>
      <c r="I2250" s="12" t="e">
        <f>'申請書（複数入力用）'!O2252</f>
        <v>#N/A</v>
      </c>
      <c r="J2250" s="12">
        <f>'申請書（複数入力用）'!P2252</f>
        <v>1</v>
      </c>
    </row>
    <row r="2251" spans="1:10" ht="51.6" customHeight="1" x14ac:dyDescent="0.45">
      <c r="A2251" s="6">
        <f>'申請書（複数入力用）'!A2253</f>
        <v>2247</v>
      </c>
      <c r="B2251" s="13">
        <f>'申請書（複数入力用）'!AH2253</f>
        <v>0</v>
      </c>
      <c r="C2251" s="6">
        <f>'申請書（複数入力用）'!B2253</f>
        <v>0</v>
      </c>
      <c r="D2251" s="6">
        <f>'申請書（複数入力用）'!D2253</f>
        <v>0</v>
      </c>
      <c r="E2251" s="14">
        <f>'申請書（複数入力用）'!H2253</f>
        <v>0</v>
      </c>
      <c r="F2251" s="11" t="str">
        <f>'申請書（複数入力用）'!J2253</f>
        <v/>
      </c>
      <c r="G2251" s="6" t="str">
        <f>'申請書（複数入力用）'!K2253</f>
        <v>a052r000000jS9ZAAU</v>
      </c>
      <c r="H2251" s="12" t="e">
        <f>'申請書（複数入力用）'!N2253</f>
        <v>#N/A</v>
      </c>
      <c r="I2251" s="12" t="e">
        <f>'申請書（複数入力用）'!O2253</f>
        <v>#N/A</v>
      </c>
      <c r="J2251" s="12">
        <f>'申請書（複数入力用）'!P2253</f>
        <v>1</v>
      </c>
    </row>
    <row r="2252" spans="1:10" ht="51.6" customHeight="1" x14ac:dyDescent="0.45">
      <c r="A2252" s="6">
        <f>'申請書（複数入力用）'!A2254</f>
        <v>2248</v>
      </c>
      <c r="B2252" s="13">
        <f>'申請書（複数入力用）'!AH2254</f>
        <v>0</v>
      </c>
      <c r="C2252" s="6">
        <f>'申請書（複数入力用）'!B2254</f>
        <v>0</v>
      </c>
      <c r="D2252" s="6">
        <f>'申請書（複数入力用）'!D2254</f>
        <v>0</v>
      </c>
      <c r="E2252" s="14">
        <f>'申請書（複数入力用）'!H2254</f>
        <v>0</v>
      </c>
      <c r="F2252" s="11" t="str">
        <f>'申請書（複数入力用）'!J2254</f>
        <v/>
      </c>
      <c r="G2252" s="6" t="str">
        <f>'申請書（複数入力用）'!K2254</f>
        <v>a052r000000jS9ZAAU</v>
      </c>
      <c r="H2252" s="12" t="e">
        <f>'申請書（複数入力用）'!N2254</f>
        <v>#N/A</v>
      </c>
      <c r="I2252" s="12" t="e">
        <f>'申請書（複数入力用）'!O2254</f>
        <v>#N/A</v>
      </c>
      <c r="J2252" s="12">
        <f>'申請書（複数入力用）'!P2254</f>
        <v>1</v>
      </c>
    </row>
    <row r="2253" spans="1:10" ht="51.6" customHeight="1" x14ac:dyDescent="0.45">
      <c r="A2253" s="6">
        <f>'申請書（複数入力用）'!A2255</f>
        <v>2249</v>
      </c>
      <c r="B2253" s="13">
        <f>'申請書（複数入力用）'!AH2255</f>
        <v>0</v>
      </c>
      <c r="C2253" s="6">
        <f>'申請書（複数入力用）'!B2255</f>
        <v>0</v>
      </c>
      <c r="D2253" s="6">
        <f>'申請書（複数入力用）'!D2255</f>
        <v>0</v>
      </c>
      <c r="E2253" s="14">
        <f>'申請書（複数入力用）'!H2255</f>
        <v>0</v>
      </c>
      <c r="F2253" s="11" t="str">
        <f>'申請書（複数入力用）'!J2255</f>
        <v/>
      </c>
      <c r="G2253" s="6" t="str">
        <f>'申請書（複数入力用）'!K2255</f>
        <v>a052r000000jS9ZAAU</v>
      </c>
      <c r="H2253" s="12" t="e">
        <f>'申請書（複数入力用）'!N2255</f>
        <v>#N/A</v>
      </c>
      <c r="I2253" s="12" t="e">
        <f>'申請書（複数入力用）'!O2255</f>
        <v>#N/A</v>
      </c>
      <c r="J2253" s="12">
        <f>'申請書（複数入力用）'!P2255</f>
        <v>1</v>
      </c>
    </row>
    <row r="2254" spans="1:10" ht="51.6" customHeight="1" x14ac:dyDescent="0.45">
      <c r="A2254" s="6">
        <f>'申請書（複数入力用）'!A2256</f>
        <v>2250</v>
      </c>
      <c r="B2254" s="13">
        <f>'申請書（複数入力用）'!AH2256</f>
        <v>0</v>
      </c>
      <c r="C2254" s="6">
        <f>'申請書（複数入力用）'!B2256</f>
        <v>0</v>
      </c>
      <c r="D2254" s="6">
        <f>'申請書（複数入力用）'!D2256</f>
        <v>0</v>
      </c>
      <c r="E2254" s="14">
        <f>'申請書（複数入力用）'!H2256</f>
        <v>0</v>
      </c>
      <c r="F2254" s="11" t="str">
        <f>'申請書（複数入力用）'!J2256</f>
        <v/>
      </c>
      <c r="G2254" s="6" t="str">
        <f>'申請書（複数入力用）'!K2256</f>
        <v>a052r000000jS9ZAAU</v>
      </c>
      <c r="H2254" s="12" t="e">
        <f>'申請書（複数入力用）'!N2256</f>
        <v>#N/A</v>
      </c>
      <c r="I2254" s="12" t="e">
        <f>'申請書（複数入力用）'!O2256</f>
        <v>#N/A</v>
      </c>
      <c r="J2254" s="12">
        <f>'申請書（複数入力用）'!P2256</f>
        <v>1</v>
      </c>
    </row>
    <row r="2255" spans="1:10" ht="51.6" customHeight="1" x14ac:dyDescent="0.45">
      <c r="A2255" s="6">
        <f>'申請書（複数入力用）'!A2257</f>
        <v>2251</v>
      </c>
      <c r="B2255" s="13">
        <f>'申請書（複数入力用）'!AH2257</f>
        <v>0</v>
      </c>
      <c r="C2255" s="6">
        <f>'申請書（複数入力用）'!B2257</f>
        <v>0</v>
      </c>
      <c r="D2255" s="6">
        <f>'申請書（複数入力用）'!D2257</f>
        <v>0</v>
      </c>
      <c r="E2255" s="14">
        <f>'申請書（複数入力用）'!H2257</f>
        <v>0</v>
      </c>
      <c r="F2255" s="11" t="str">
        <f>'申請書（複数入力用）'!J2257</f>
        <v/>
      </c>
      <c r="G2255" s="6" t="str">
        <f>'申請書（複数入力用）'!K2257</f>
        <v>a052r000000jS9ZAAU</v>
      </c>
      <c r="H2255" s="12" t="e">
        <f>'申請書（複数入力用）'!N2257</f>
        <v>#N/A</v>
      </c>
      <c r="I2255" s="12" t="e">
        <f>'申請書（複数入力用）'!O2257</f>
        <v>#N/A</v>
      </c>
      <c r="J2255" s="12">
        <f>'申請書（複数入力用）'!P2257</f>
        <v>1</v>
      </c>
    </row>
    <row r="2256" spans="1:10" ht="51.6" customHeight="1" x14ac:dyDescent="0.45">
      <c r="A2256" s="6">
        <f>'申請書（複数入力用）'!A2258</f>
        <v>2252</v>
      </c>
      <c r="B2256" s="13">
        <f>'申請書（複数入力用）'!AH2258</f>
        <v>0</v>
      </c>
      <c r="C2256" s="6">
        <f>'申請書（複数入力用）'!B2258</f>
        <v>0</v>
      </c>
      <c r="D2256" s="6">
        <f>'申請書（複数入力用）'!D2258</f>
        <v>0</v>
      </c>
      <c r="E2256" s="14">
        <f>'申請書（複数入力用）'!H2258</f>
        <v>0</v>
      </c>
      <c r="F2256" s="11" t="str">
        <f>'申請書（複数入力用）'!J2258</f>
        <v/>
      </c>
      <c r="G2256" s="6" t="str">
        <f>'申請書（複数入力用）'!K2258</f>
        <v>a052r000000jS9ZAAU</v>
      </c>
      <c r="H2256" s="12" t="e">
        <f>'申請書（複数入力用）'!N2258</f>
        <v>#N/A</v>
      </c>
      <c r="I2256" s="12" t="e">
        <f>'申請書（複数入力用）'!O2258</f>
        <v>#N/A</v>
      </c>
      <c r="J2256" s="12">
        <f>'申請書（複数入力用）'!P2258</f>
        <v>1</v>
      </c>
    </row>
    <row r="2257" spans="1:10" ht="51.6" customHeight="1" x14ac:dyDescent="0.45">
      <c r="A2257" s="6">
        <f>'申請書（複数入力用）'!A2259</f>
        <v>2253</v>
      </c>
      <c r="B2257" s="13">
        <f>'申請書（複数入力用）'!AH2259</f>
        <v>0</v>
      </c>
      <c r="C2257" s="6">
        <f>'申請書（複数入力用）'!B2259</f>
        <v>0</v>
      </c>
      <c r="D2257" s="6">
        <f>'申請書（複数入力用）'!D2259</f>
        <v>0</v>
      </c>
      <c r="E2257" s="14">
        <f>'申請書（複数入力用）'!H2259</f>
        <v>0</v>
      </c>
      <c r="F2257" s="11" t="str">
        <f>'申請書（複数入力用）'!J2259</f>
        <v/>
      </c>
      <c r="G2257" s="6" t="str">
        <f>'申請書（複数入力用）'!K2259</f>
        <v>a052r000000jS9ZAAU</v>
      </c>
      <c r="H2257" s="12" t="e">
        <f>'申請書（複数入力用）'!N2259</f>
        <v>#N/A</v>
      </c>
      <c r="I2257" s="12" t="e">
        <f>'申請書（複数入力用）'!O2259</f>
        <v>#N/A</v>
      </c>
      <c r="J2257" s="12">
        <f>'申請書（複数入力用）'!P2259</f>
        <v>1</v>
      </c>
    </row>
    <row r="2258" spans="1:10" ht="51.6" customHeight="1" x14ac:dyDescent="0.45">
      <c r="A2258" s="6">
        <f>'申請書（複数入力用）'!A2260</f>
        <v>2254</v>
      </c>
      <c r="B2258" s="13">
        <f>'申請書（複数入力用）'!AH2260</f>
        <v>0</v>
      </c>
      <c r="C2258" s="6">
        <f>'申請書（複数入力用）'!B2260</f>
        <v>0</v>
      </c>
      <c r="D2258" s="6">
        <f>'申請書（複数入力用）'!D2260</f>
        <v>0</v>
      </c>
      <c r="E2258" s="14">
        <f>'申請書（複数入力用）'!H2260</f>
        <v>0</v>
      </c>
      <c r="F2258" s="11" t="str">
        <f>'申請書（複数入力用）'!J2260</f>
        <v/>
      </c>
      <c r="G2258" s="6" t="str">
        <f>'申請書（複数入力用）'!K2260</f>
        <v>a052r000000jS9ZAAU</v>
      </c>
      <c r="H2258" s="12" t="e">
        <f>'申請書（複数入力用）'!N2260</f>
        <v>#N/A</v>
      </c>
      <c r="I2258" s="12" t="e">
        <f>'申請書（複数入力用）'!O2260</f>
        <v>#N/A</v>
      </c>
      <c r="J2258" s="12">
        <f>'申請書（複数入力用）'!P2260</f>
        <v>1</v>
      </c>
    </row>
    <row r="2259" spans="1:10" ht="51.6" customHeight="1" x14ac:dyDescent="0.45">
      <c r="A2259" s="6">
        <f>'申請書（複数入力用）'!A2261</f>
        <v>2255</v>
      </c>
      <c r="B2259" s="13">
        <f>'申請書（複数入力用）'!AH2261</f>
        <v>0</v>
      </c>
      <c r="C2259" s="6">
        <f>'申請書（複数入力用）'!B2261</f>
        <v>0</v>
      </c>
      <c r="D2259" s="6">
        <f>'申請書（複数入力用）'!D2261</f>
        <v>0</v>
      </c>
      <c r="E2259" s="14">
        <f>'申請書（複数入力用）'!H2261</f>
        <v>0</v>
      </c>
      <c r="F2259" s="11" t="str">
        <f>'申請書（複数入力用）'!J2261</f>
        <v/>
      </c>
      <c r="G2259" s="6" t="str">
        <f>'申請書（複数入力用）'!K2261</f>
        <v>a052r000000jS9ZAAU</v>
      </c>
      <c r="H2259" s="12" t="e">
        <f>'申請書（複数入力用）'!N2261</f>
        <v>#N/A</v>
      </c>
      <c r="I2259" s="12" t="e">
        <f>'申請書（複数入力用）'!O2261</f>
        <v>#N/A</v>
      </c>
      <c r="J2259" s="12">
        <f>'申請書（複数入力用）'!P2261</f>
        <v>1</v>
      </c>
    </row>
    <row r="2260" spans="1:10" ht="51.6" customHeight="1" x14ac:dyDescent="0.45">
      <c r="A2260" s="6">
        <f>'申請書（複数入力用）'!A2262</f>
        <v>2256</v>
      </c>
      <c r="B2260" s="13">
        <f>'申請書（複数入力用）'!AH2262</f>
        <v>0</v>
      </c>
      <c r="C2260" s="6">
        <f>'申請書（複数入力用）'!B2262</f>
        <v>0</v>
      </c>
      <c r="D2260" s="6">
        <f>'申請書（複数入力用）'!D2262</f>
        <v>0</v>
      </c>
      <c r="E2260" s="14">
        <f>'申請書（複数入力用）'!H2262</f>
        <v>0</v>
      </c>
      <c r="F2260" s="11" t="str">
        <f>'申請書（複数入力用）'!J2262</f>
        <v/>
      </c>
      <c r="G2260" s="6" t="str">
        <f>'申請書（複数入力用）'!K2262</f>
        <v>a052r000000jS9ZAAU</v>
      </c>
      <c r="H2260" s="12" t="e">
        <f>'申請書（複数入力用）'!N2262</f>
        <v>#N/A</v>
      </c>
      <c r="I2260" s="12" t="e">
        <f>'申請書（複数入力用）'!O2262</f>
        <v>#N/A</v>
      </c>
      <c r="J2260" s="12">
        <f>'申請書（複数入力用）'!P2262</f>
        <v>1</v>
      </c>
    </row>
    <row r="2261" spans="1:10" ht="51.6" customHeight="1" x14ac:dyDescent="0.45">
      <c r="A2261" s="6">
        <f>'申請書（複数入力用）'!A2263</f>
        <v>2257</v>
      </c>
      <c r="B2261" s="13">
        <f>'申請書（複数入力用）'!AH2263</f>
        <v>0</v>
      </c>
      <c r="C2261" s="6">
        <f>'申請書（複数入力用）'!B2263</f>
        <v>0</v>
      </c>
      <c r="D2261" s="6">
        <f>'申請書（複数入力用）'!D2263</f>
        <v>0</v>
      </c>
      <c r="E2261" s="14">
        <f>'申請書（複数入力用）'!H2263</f>
        <v>0</v>
      </c>
      <c r="F2261" s="11" t="str">
        <f>'申請書（複数入力用）'!J2263</f>
        <v/>
      </c>
      <c r="G2261" s="6" t="str">
        <f>'申請書（複数入力用）'!K2263</f>
        <v>a052r000000jS9ZAAU</v>
      </c>
      <c r="H2261" s="12" t="e">
        <f>'申請書（複数入力用）'!N2263</f>
        <v>#N/A</v>
      </c>
      <c r="I2261" s="12" t="e">
        <f>'申請書（複数入力用）'!O2263</f>
        <v>#N/A</v>
      </c>
      <c r="J2261" s="12">
        <f>'申請書（複数入力用）'!P2263</f>
        <v>1</v>
      </c>
    </row>
    <row r="2262" spans="1:10" ht="51.6" customHeight="1" x14ac:dyDescent="0.45">
      <c r="A2262" s="6">
        <f>'申請書（複数入力用）'!A2264</f>
        <v>2258</v>
      </c>
      <c r="B2262" s="13">
        <f>'申請書（複数入力用）'!AH2264</f>
        <v>0</v>
      </c>
      <c r="C2262" s="6">
        <f>'申請書（複数入力用）'!B2264</f>
        <v>0</v>
      </c>
      <c r="D2262" s="6">
        <f>'申請書（複数入力用）'!D2264</f>
        <v>0</v>
      </c>
      <c r="E2262" s="14">
        <f>'申請書（複数入力用）'!H2264</f>
        <v>0</v>
      </c>
      <c r="F2262" s="11" t="str">
        <f>'申請書（複数入力用）'!J2264</f>
        <v/>
      </c>
      <c r="G2262" s="6" t="str">
        <f>'申請書（複数入力用）'!K2264</f>
        <v>a052r000000jS9ZAAU</v>
      </c>
      <c r="H2262" s="12" t="e">
        <f>'申請書（複数入力用）'!N2264</f>
        <v>#N/A</v>
      </c>
      <c r="I2262" s="12" t="e">
        <f>'申請書（複数入力用）'!O2264</f>
        <v>#N/A</v>
      </c>
      <c r="J2262" s="12">
        <f>'申請書（複数入力用）'!P2264</f>
        <v>1</v>
      </c>
    </row>
    <row r="2263" spans="1:10" ht="51.6" customHeight="1" x14ac:dyDescent="0.45">
      <c r="A2263" s="6">
        <f>'申請書（複数入力用）'!A2265</f>
        <v>2259</v>
      </c>
      <c r="B2263" s="13">
        <f>'申請書（複数入力用）'!AH2265</f>
        <v>0</v>
      </c>
      <c r="C2263" s="6">
        <f>'申請書（複数入力用）'!B2265</f>
        <v>0</v>
      </c>
      <c r="D2263" s="6">
        <f>'申請書（複数入力用）'!D2265</f>
        <v>0</v>
      </c>
      <c r="E2263" s="14">
        <f>'申請書（複数入力用）'!H2265</f>
        <v>0</v>
      </c>
      <c r="F2263" s="11" t="str">
        <f>'申請書（複数入力用）'!J2265</f>
        <v/>
      </c>
      <c r="G2263" s="6" t="str">
        <f>'申請書（複数入力用）'!K2265</f>
        <v>a052r000000jS9ZAAU</v>
      </c>
      <c r="H2263" s="12" t="e">
        <f>'申請書（複数入力用）'!N2265</f>
        <v>#N/A</v>
      </c>
      <c r="I2263" s="12" t="e">
        <f>'申請書（複数入力用）'!O2265</f>
        <v>#N/A</v>
      </c>
      <c r="J2263" s="12">
        <f>'申請書（複数入力用）'!P2265</f>
        <v>1</v>
      </c>
    </row>
    <row r="2264" spans="1:10" ht="51.6" customHeight="1" x14ac:dyDescent="0.45">
      <c r="A2264" s="6">
        <f>'申請書（複数入力用）'!A2266</f>
        <v>2260</v>
      </c>
      <c r="B2264" s="13">
        <f>'申請書（複数入力用）'!AH2266</f>
        <v>0</v>
      </c>
      <c r="C2264" s="6">
        <f>'申請書（複数入力用）'!B2266</f>
        <v>0</v>
      </c>
      <c r="D2264" s="6">
        <f>'申請書（複数入力用）'!D2266</f>
        <v>0</v>
      </c>
      <c r="E2264" s="14">
        <f>'申請書（複数入力用）'!H2266</f>
        <v>0</v>
      </c>
      <c r="F2264" s="11" t="str">
        <f>'申請書（複数入力用）'!J2266</f>
        <v/>
      </c>
      <c r="G2264" s="6" t="str">
        <f>'申請書（複数入力用）'!K2266</f>
        <v>a052r000000jS9ZAAU</v>
      </c>
      <c r="H2264" s="12" t="e">
        <f>'申請書（複数入力用）'!N2266</f>
        <v>#N/A</v>
      </c>
      <c r="I2264" s="12" t="e">
        <f>'申請書（複数入力用）'!O2266</f>
        <v>#N/A</v>
      </c>
      <c r="J2264" s="12">
        <f>'申請書（複数入力用）'!P2266</f>
        <v>1</v>
      </c>
    </row>
    <row r="2265" spans="1:10" ht="51.6" customHeight="1" x14ac:dyDescent="0.45">
      <c r="A2265" s="6">
        <f>'申請書（複数入力用）'!A2267</f>
        <v>2261</v>
      </c>
      <c r="B2265" s="13">
        <f>'申請書（複数入力用）'!AH2267</f>
        <v>0</v>
      </c>
      <c r="C2265" s="6">
        <f>'申請書（複数入力用）'!B2267</f>
        <v>0</v>
      </c>
      <c r="D2265" s="6">
        <f>'申請書（複数入力用）'!D2267</f>
        <v>0</v>
      </c>
      <c r="E2265" s="14">
        <f>'申請書（複数入力用）'!H2267</f>
        <v>0</v>
      </c>
      <c r="F2265" s="11" t="str">
        <f>'申請書（複数入力用）'!J2267</f>
        <v/>
      </c>
      <c r="G2265" s="6" t="str">
        <f>'申請書（複数入力用）'!K2267</f>
        <v>a052r000000jS9ZAAU</v>
      </c>
      <c r="H2265" s="12" t="e">
        <f>'申請書（複数入力用）'!N2267</f>
        <v>#N/A</v>
      </c>
      <c r="I2265" s="12" t="e">
        <f>'申請書（複数入力用）'!O2267</f>
        <v>#N/A</v>
      </c>
      <c r="J2265" s="12">
        <f>'申請書（複数入力用）'!P2267</f>
        <v>1</v>
      </c>
    </row>
    <row r="2266" spans="1:10" ht="51.6" customHeight="1" x14ac:dyDescent="0.45">
      <c r="A2266" s="6">
        <f>'申請書（複数入力用）'!A2268</f>
        <v>2262</v>
      </c>
      <c r="B2266" s="13">
        <f>'申請書（複数入力用）'!AH2268</f>
        <v>0</v>
      </c>
      <c r="C2266" s="6">
        <f>'申請書（複数入力用）'!B2268</f>
        <v>0</v>
      </c>
      <c r="D2266" s="6">
        <f>'申請書（複数入力用）'!D2268</f>
        <v>0</v>
      </c>
      <c r="E2266" s="14">
        <f>'申請書（複数入力用）'!H2268</f>
        <v>0</v>
      </c>
      <c r="F2266" s="11" t="str">
        <f>'申請書（複数入力用）'!J2268</f>
        <v/>
      </c>
      <c r="G2266" s="6" t="str">
        <f>'申請書（複数入力用）'!K2268</f>
        <v>a052r000000jS9ZAAU</v>
      </c>
      <c r="H2266" s="12" t="e">
        <f>'申請書（複数入力用）'!N2268</f>
        <v>#N/A</v>
      </c>
      <c r="I2266" s="12" t="e">
        <f>'申請書（複数入力用）'!O2268</f>
        <v>#N/A</v>
      </c>
      <c r="J2266" s="12">
        <f>'申請書（複数入力用）'!P2268</f>
        <v>1</v>
      </c>
    </row>
    <row r="2267" spans="1:10" ht="51.6" customHeight="1" x14ac:dyDescent="0.45">
      <c r="A2267" s="6">
        <f>'申請書（複数入力用）'!A2269</f>
        <v>2263</v>
      </c>
      <c r="B2267" s="13">
        <f>'申請書（複数入力用）'!AH2269</f>
        <v>0</v>
      </c>
      <c r="C2267" s="6">
        <f>'申請書（複数入力用）'!B2269</f>
        <v>0</v>
      </c>
      <c r="D2267" s="6">
        <f>'申請書（複数入力用）'!D2269</f>
        <v>0</v>
      </c>
      <c r="E2267" s="14">
        <f>'申請書（複数入力用）'!H2269</f>
        <v>0</v>
      </c>
      <c r="F2267" s="11" t="str">
        <f>'申請書（複数入力用）'!J2269</f>
        <v/>
      </c>
      <c r="G2267" s="6" t="str">
        <f>'申請書（複数入力用）'!K2269</f>
        <v>a052r000000jS9ZAAU</v>
      </c>
      <c r="H2267" s="12" t="e">
        <f>'申請書（複数入力用）'!N2269</f>
        <v>#N/A</v>
      </c>
      <c r="I2267" s="12" t="e">
        <f>'申請書（複数入力用）'!O2269</f>
        <v>#N/A</v>
      </c>
      <c r="J2267" s="12">
        <f>'申請書（複数入力用）'!P2269</f>
        <v>1</v>
      </c>
    </row>
    <row r="2268" spans="1:10" ht="51.6" customHeight="1" x14ac:dyDescent="0.45">
      <c r="A2268" s="6">
        <f>'申請書（複数入力用）'!A2270</f>
        <v>2264</v>
      </c>
      <c r="B2268" s="13">
        <f>'申請書（複数入力用）'!AH2270</f>
        <v>0</v>
      </c>
      <c r="C2268" s="6">
        <f>'申請書（複数入力用）'!B2270</f>
        <v>0</v>
      </c>
      <c r="D2268" s="6">
        <f>'申請書（複数入力用）'!D2270</f>
        <v>0</v>
      </c>
      <c r="E2268" s="14">
        <f>'申請書（複数入力用）'!H2270</f>
        <v>0</v>
      </c>
      <c r="F2268" s="11" t="str">
        <f>'申請書（複数入力用）'!J2270</f>
        <v/>
      </c>
      <c r="G2268" s="6" t="str">
        <f>'申請書（複数入力用）'!K2270</f>
        <v>a052r000000jS9ZAAU</v>
      </c>
      <c r="H2268" s="12" t="e">
        <f>'申請書（複数入力用）'!N2270</f>
        <v>#N/A</v>
      </c>
      <c r="I2268" s="12" t="e">
        <f>'申請書（複数入力用）'!O2270</f>
        <v>#N/A</v>
      </c>
      <c r="J2268" s="12">
        <f>'申請書（複数入力用）'!P2270</f>
        <v>1</v>
      </c>
    </row>
    <row r="2269" spans="1:10" ht="51.6" customHeight="1" x14ac:dyDescent="0.45">
      <c r="A2269" s="6">
        <f>'申請書（複数入力用）'!A2271</f>
        <v>2265</v>
      </c>
      <c r="B2269" s="13">
        <f>'申請書（複数入力用）'!AH2271</f>
        <v>0</v>
      </c>
      <c r="C2269" s="6">
        <f>'申請書（複数入力用）'!B2271</f>
        <v>0</v>
      </c>
      <c r="D2269" s="6">
        <f>'申請書（複数入力用）'!D2271</f>
        <v>0</v>
      </c>
      <c r="E2269" s="14">
        <f>'申請書（複数入力用）'!H2271</f>
        <v>0</v>
      </c>
      <c r="F2269" s="11" t="str">
        <f>'申請書（複数入力用）'!J2271</f>
        <v/>
      </c>
      <c r="G2269" s="6" t="str">
        <f>'申請書（複数入力用）'!K2271</f>
        <v>a052r000000jS9ZAAU</v>
      </c>
      <c r="H2269" s="12" t="e">
        <f>'申請書（複数入力用）'!N2271</f>
        <v>#N/A</v>
      </c>
      <c r="I2269" s="12" t="e">
        <f>'申請書（複数入力用）'!O2271</f>
        <v>#N/A</v>
      </c>
      <c r="J2269" s="12">
        <f>'申請書（複数入力用）'!P2271</f>
        <v>1</v>
      </c>
    </row>
    <row r="2270" spans="1:10" ht="51.6" customHeight="1" x14ac:dyDescent="0.45">
      <c r="A2270" s="6">
        <f>'申請書（複数入力用）'!A2272</f>
        <v>2266</v>
      </c>
      <c r="B2270" s="13">
        <f>'申請書（複数入力用）'!AH2272</f>
        <v>0</v>
      </c>
      <c r="C2270" s="6">
        <f>'申請書（複数入力用）'!B2272</f>
        <v>0</v>
      </c>
      <c r="D2270" s="6">
        <f>'申請書（複数入力用）'!D2272</f>
        <v>0</v>
      </c>
      <c r="E2270" s="14">
        <f>'申請書（複数入力用）'!H2272</f>
        <v>0</v>
      </c>
      <c r="F2270" s="11" t="str">
        <f>'申請書（複数入力用）'!J2272</f>
        <v/>
      </c>
      <c r="G2270" s="6" t="str">
        <f>'申請書（複数入力用）'!K2272</f>
        <v>a052r000000jS9ZAAU</v>
      </c>
      <c r="H2270" s="12" t="e">
        <f>'申請書（複数入力用）'!N2272</f>
        <v>#N/A</v>
      </c>
      <c r="I2270" s="12" t="e">
        <f>'申請書（複数入力用）'!O2272</f>
        <v>#N/A</v>
      </c>
      <c r="J2270" s="12">
        <f>'申請書（複数入力用）'!P2272</f>
        <v>1</v>
      </c>
    </row>
    <row r="2271" spans="1:10" ht="51.6" customHeight="1" x14ac:dyDescent="0.45">
      <c r="A2271" s="6">
        <f>'申請書（複数入力用）'!A2273</f>
        <v>2267</v>
      </c>
      <c r="B2271" s="13">
        <f>'申請書（複数入力用）'!AH2273</f>
        <v>0</v>
      </c>
      <c r="C2271" s="6">
        <f>'申請書（複数入力用）'!B2273</f>
        <v>0</v>
      </c>
      <c r="D2271" s="6">
        <f>'申請書（複数入力用）'!D2273</f>
        <v>0</v>
      </c>
      <c r="E2271" s="14">
        <f>'申請書（複数入力用）'!H2273</f>
        <v>0</v>
      </c>
      <c r="F2271" s="11" t="str">
        <f>'申請書（複数入力用）'!J2273</f>
        <v/>
      </c>
      <c r="G2271" s="6" t="str">
        <f>'申請書（複数入力用）'!K2273</f>
        <v>a052r000000jS9ZAAU</v>
      </c>
      <c r="H2271" s="12" t="e">
        <f>'申請書（複数入力用）'!N2273</f>
        <v>#N/A</v>
      </c>
      <c r="I2271" s="12" t="e">
        <f>'申請書（複数入力用）'!O2273</f>
        <v>#N/A</v>
      </c>
      <c r="J2271" s="12">
        <f>'申請書（複数入力用）'!P2273</f>
        <v>1</v>
      </c>
    </row>
    <row r="2272" spans="1:10" ht="51.6" customHeight="1" x14ac:dyDescent="0.45">
      <c r="A2272" s="6">
        <f>'申請書（複数入力用）'!A2274</f>
        <v>2268</v>
      </c>
      <c r="B2272" s="13">
        <f>'申請書（複数入力用）'!AH2274</f>
        <v>0</v>
      </c>
      <c r="C2272" s="6">
        <f>'申請書（複数入力用）'!B2274</f>
        <v>0</v>
      </c>
      <c r="D2272" s="6">
        <f>'申請書（複数入力用）'!D2274</f>
        <v>0</v>
      </c>
      <c r="E2272" s="14">
        <f>'申請書（複数入力用）'!H2274</f>
        <v>0</v>
      </c>
      <c r="F2272" s="11" t="str">
        <f>'申請書（複数入力用）'!J2274</f>
        <v/>
      </c>
      <c r="G2272" s="6" t="str">
        <f>'申請書（複数入力用）'!K2274</f>
        <v>a052r000000jS9ZAAU</v>
      </c>
      <c r="H2272" s="12" t="e">
        <f>'申請書（複数入力用）'!N2274</f>
        <v>#N/A</v>
      </c>
      <c r="I2272" s="12" t="e">
        <f>'申請書（複数入力用）'!O2274</f>
        <v>#N/A</v>
      </c>
      <c r="J2272" s="12">
        <f>'申請書（複数入力用）'!P2274</f>
        <v>1</v>
      </c>
    </row>
    <row r="2273" spans="1:10" ht="51.6" customHeight="1" x14ac:dyDescent="0.45">
      <c r="A2273" s="6">
        <f>'申請書（複数入力用）'!A2275</f>
        <v>2269</v>
      </c>
      <c r="B2273" s="13">
        <f>'申請書（複数入力用）'!AH2275</f>
        <v>0</v>
      </c>
      <c r="C2273" s="6">
        <f>'申請書（複数入力用）'!B2275</f>
        <v>0</v>
      </c>
      <c r="D2273" s="6">
        <f>'申請書（複数入力用）'!D2275</f>
        <v>0</v>
      </c>
      <c r="E2273" s="14">
        <f>'申請書（複数入力用）'!H2275</f>
        <v>0</v>
      </c>
      <c r="F2273" s="11" t="str">
        <f>'申請書（複数入力用）'!J2275</f>
        <v/>
      </c>
      <c r="G2273" s="6" t="str">
        <f>'申請書（複数入力用）'!K2275</f>
        <v>a052r000000jS9ZAAU</v>
      </c>
      <c r="H2273" s="12" t="e">
        <f>'申請書（複数入力用）'!N2275</f>
        <v>#N/A</v>
      </c>
      <c r="I2273" s="12" t="e">
        <f>'申請書（複数入力用）'!O2275</f>
        <v>#N/A</v>
      </c>
      <c r="J2273" s="12">
        <f>'申請書（複数入力用）'!P2275</f>
        <v>1</v>
      </c>
    </row>
    <row r="2274" spans="1:10" ht="51.6" customHeight="1" x14ac:dyDescent="0.45">
      <c r="A2274" s="6">
        <f>'申請書（複数入力用）'!A2276</f>
        <v>2270</v>
      </c>
      <c r="B2274" s="13">
        <f>'申請書（複数入力用）'!AH2276</f>
        <v>0</v>
      </c>
      <c r="C2274" s="6">
        <f>'申請書（複数入力用）'!B2276</f>
        <v>0</v>
      </c>
      <c r="D2274" s="6">
        <f>'申請書（複数入力用）'!D2276</f>
        <v>0</v>
      </c>
      <c r="E2274" s="14">
        <f>'申請書（複数入力用）'!H2276</f>
        <v>0</v>
      </c>
      <c r="F2274" s="11" t="str">
        <f>'申請書（複数入力用）'!J2276</f>
        <v/>
      </c>
      <c r="G2274" s="6" t="str">
        <f>'申請書（複数入力用）'!K2276</f>
        <v>a052r000000jS9ZAAU</v>
      </c>
      <c r="H2274" s="12" t="e">
        <f>'申請書（複数入力用）'!N2276</f>
        <v>#N/A</v>
      </c>
      <c r="I2274" s="12" t="e">
        <f>'申請書（複数入力用）'!O2276</f>
        <v>#N/A</v>
      </c>
      <c r="J2274" s="12">
        <f>'申請書（複数入力用）'!P2276</f>
        <v>1</v>
      </c>
    </row>
    <row r="2275" spans="1:10" ht="51.6" customHeight="1" x14ac:dyDescent="0.45">
      <c r="A2275" s="6">
        <f>'申請書（複数入力用）'!A2277</f>
        <v>2271</v>
      </c>
      <c r="B2275" s="13">
        <f>'申請書（複数入力用）'!AH2277</f>
        <v>0</v>
      </c>
      <c r="C2275" s="6">
        <f>'申請書（複数入力用）'!B2277</f>
        <v>0</v>
      </c>
      <c r="D2275" s="6">
        <f>'申請書（複数入力用）'!D2277</f>
        <v>0</v>
      </c>
      <c r="E2275" s="14">
        <f>'申請書（複数入力用）'!H2277</f>
        <v>0</v>
      </c>
      <c r="F2275" s="11" t="str">
        <f>'申請書（複数入力用）'!J2277</f>
        <v/>
      </c>
      <c r="G2275" s="6" t="str">
        <f>'申請書（複数入力用）'!K2277</f>
        <v>a052r000000jS9ZAAU</v>
      </c>
      <c r="H2275" s="12" t="e">
        <f>'申請書（複数入力用）'!N2277</f>
        <v>#N/A</v>
      </c>
      <c r="I2275" s="12" t="e">
        <f>'申請書（複数入力用）'!O2277</f>
        <v>#N/A</v>
      </c>
      <c r="J2275" s="12">
        <f>'申請書（複数入力用）'!P2277</f>
        <v>1</v>
      </c>
    </row>
    <row r="2276" spans="1:10" ht="51.6" customHeight="1" x14ac:dyDescent="0.45">
      <c r="A2276" s="6">
        <f>'申請書（複数入力用）'!A2278</f>
        <v>2272</v>
      </c>
      <c r="B2276" s="13">
        <f>'申請書（複数入力用）'!AH2278</f>
        <v>0</v>
      </c>
      <c r="C2276" s="6">
        <f>'申請書（複数入力用）'!B2278</f>
        <v>0</v>
      </c>
      <c r="D2276" s="6">
        <f>'申請書（複数入力用）'!D2278</f>
        <v>0</v>
      </c>
      <c r="E2276" s="14">
        <f>'申請書（複数入力用）'!H2278</f>
        <v>0</v>
      </c>
      <c r="F2276" s="11" t="str">
        <f>'申請書（複数入力用）'!J2278</f>
        <v/>
      </c>
      <c r="G2276" s="6" t="str">
        <f>'申請書（複数入力用）'!K2278</f>
        <v>a052r000000jS9ZAAU</v>
      </c>
      <c r="H2276" s="12" t="e">
        <f>'申請書（複数入力用）'!N2278</f>
        <v>#N/A</v>
      </c>
      <c r="I2276" s="12" t="e">
        <f>'申請書（複数入力用）'!O2278</f>
        <v>#N/A</v>
      </c>
      <c r="J2276" s="12">
        <f>'申請書（複数入力用）'!P2278</f>
        <v>1</v>
      </c>
    </row>
    <row r="2277" spans="1:10" ht="51.6" customHeight="1" x14ac:dyDescent="0.45">
      <c r="A2277" s="6">
        <f>'申請書（複数入力用）'!A2279</f>
        <v>2273</v>
      </c>
      <c r="B2277" s="13">
        <f>'申請書（複数入力用）'!AH2279</f>
        <v>0</v>
      </c>
      <c r="C2277" s="6">
        <f>'申請書（複数入力用）'!B2279</f>
        <v>0</v>
      </c>
      <c r="D2277" s="6">
        <f>'申請書（複数入力用）'!D2279</f>
        <v>0</v>
      </c>
      <c r="E2277" s="14">
        <f>'申請書（複数入力用）'!H2279</f>
        <v>0</v>
      </c>
      <c r="F2277" s="11" t="str">
        <f>'申請書（複数入力用）'!J2279</f>
        <v/>
      </c>
      <c r="G2277" s="6" t="str">
        <f>'申請書（複数入力用）'!K2279</f>
        <v>a052r000000jS9ZAAU</v>
      </c>
      <c r="H2277" s="12" t="e">
        <f>'申請書（複数入力用）'!N2279</f>
        <v>#N/A</v>
      </c>
      <c r="I2277" s="12" t="e">
        <f>'申請書（複数入力用）'!O2279</f>
        <v>#N/A</v>
      </c>
      <c r="J2277" s="12">
        <f>'申請書（複数入力用）'!P2279</f>
        <v>1</v>
      </c>
    </row>
    <row r="2278" spans="1:10" ht="51.6" customHeight="1" x14ac:dyDescent="0.45">
      <c r="A2278" s="6">
        <f>'申請書（複数入力用）'!A2280</f>
        <v>2274</v>
      </c>
      <c r="B2278" s="13">
        <f>'申請書（複数入力用）'!AH2280</f>
        <v>0</v>
      </c>
      <c r="C2278" s="6">
        <f>'申請書（複数入力用）'!B2280</f>
        <v>0</v>
      </c>
      <c r="D2278" s="6">
        <f>'申請書（複数入力用）'!D2280</f>
        <v>0</v>
      </c>
      <c r="E2278" s="14">
        <f>'申請書（複数入力用）'!H2280</f>
        <v>0</v>
      </c>
      <c r="F2278" s="11" t="str">
        <f>'申請書（複数入力用）'!J2280</f>
        <v/>
      </c>
      <c r="G2278" s="6" t="str">
        <f>'申請書（複数入力用）'!K2280</f>
        <v>a052r000000jS9ZAAU</v>
      </c>
      <c r="H2278" s="12" t="e">
        <f>'申請書（複数入力用）'!N2280</f>
        <v>#N/A</v>
      </c>
      <c r="I2278" s="12" t="e">
        <f>'申請書（複数入力用）'!O2280</f>
        <v>#N/A</v>
      </c>
      <c r="J2278" s="12">
        <f>'申請書（複数入力用）'!P2280</f>
        <v>1</v>
      </c>
    </row>
    <row r="2279" spans="1:10" ht="51.6" customHeight="1" x14ac:dyDescent="0.45">
      <c r="A2279" s="6">
        <f>'申請書（複数入力用）'!A2281</f>
        <v>2275</v>
      </c>
      <c r="B2279" s="13">
        <f>'申請書（複数入力用）'!AH2281</f>
        <v>0</v>
      </c>
      <c r="C2279" s="6">
        <f>'申請書（複数入力用）'!B2281</f>
        <v>0</v>
      </c>
      <c r="D2279" s="6">
        <f>'申請書（複数入力用）'!D2281</f>
        <v>0</v>
      </c>
      <c r="E2279" s="14">
        <f>'申請書（複数入力用）'!H2281</f>
        <v>0</v>
      </c>
      <c r="F2279" s="11" t="str">
        <f>'申請書（複数入力用）'!J2281</f>
        <v/>
      </c>
      <c r="G2279" s="6" t="str">
        <f>'申請書（複数入力用）'!K2281</f>
        <v>a052r000000jS9ZAAU</v>
      </c>
      <c r="H2279" s="12" t="e">
        <f>'申請書（複数入力用）'!N2281</f>
        <v>#N/A</v>
      </c>
      <c r="I2279" s="12" t="e">
        <f>'申請書（複数入力用）'!O2281</f>
        <v>#N/A</v>
      </c>
      <c r="J2279" s="12">
        <f>'申請書（複数入力用）'!P2281</f>
        <v>1</v>
      </c>
    </row>
    <row r="2280" spans="1:10" ht="51.6" customHeight="1" x14ac:dyDescent="0.45">
      <c r="A2280" s="6">
        <f>'申請書（複数入力用）'!A2282</f>
        <v>2276</v>
      </c>
      <c r="B2280" s="13">
        <f>'申請書（複数入力用）'!AH2282</f>
        <v>0</v>
      </c>
      <c r="C2280" s="6">
        <f>'申請書（複数入力用）'!B2282</f>
        <v>0</v>
      </c>
      <c r="D2280" s="6">
        <f>'申請書（複数入力用）'!D2282</f>
        <v>0</v>
      </c>
      <c r="E2280" s="14">
        <f>'申請書（複数入力用）'!H2282</f>
        <v>0</v>
      </c>
      <c r="F2280" s="11" t="str">
        <f>'申請書（複数入力用）'!J2282</f>
        <v/>
      </c>
      <c r="G2280" s="6" t="str">
        <f>'申請書（複数入力用）'!K2282</f>
        <v>a052r000000jS9ZAAU</v>
      </c>
      <c r="H2280" s="12" t="e">
        <f>'申請書（複数入力用）'!N2282</f>
        <v>#N/A</v>
      </c>
      <c r="I2280" s="12" t="e">
        <f>'申請書（複数入力用）'!O2282</f>
        <v>#N/A</v>
      </c>
      <c r="J2280" s="12">
        <f>'申請書（複数入力用）'!P2282</f>
        <v>1</v>
      </c>
    </row>
    <row r="2281" spans="1:10" ht="51.6" customHeight="1" x14ac:dyDescent="0.45">
      <c r="A2281" s="6">
        <f>'申請書（複数入力用）'!A2283</f>
        <v>2277</v>
      </c>
      <c r="B2281" s="13">
        <f>'申請書（複数入力用）'!AH2283</f>
        <v>0</v>
      </c>
      <c r="C2281" s="6">
        <f>'申請書（複数入力用）'!B2283</f>
        <v>0</v>
      </c>
      <c r="D2281" s="6">
        <f>'申請書（複数入力用）'!D2283</f>
        <v>0</v>
      </c>
      <c r="E2281" s="14">
        <f>'申請書（複数入力用）'!H2283</f>
        <v>0</v>
      </c>
      <c r="F2281" s="11" t="str">
        <f>'申請書（複数入力用）'!J2283</f>
        <v/>
      </c>
      <c r="G2281" s="6" t="str">
        <f>'申請書（複数入力用）'!K2283</f>
        <v>a052r000000jS9ZAAU</v>
      </c>
      <c r="H2281" s="12" t="e">
        <f>'申請書（複数入力用）'!N2283</f>
        <v>#N/A</v>
      </c>
      <c r="I2281" s="12" t="e">
        <f>'申請書（複数入力用）'!O2283</f>
        <v>#N/A</v>
      </c>
      <c r="J2281" s="12">
        <f>'申請書（複数入力用）'!P2283</f>
        <v>1</v>
      </c>
    </row>
    <row r="2282" spans="1:10" ht="51.6" customHeight="1" x14ac:dyDescent="0.45">
      <c r="A2282" s="6">
        <f>'申請書（複数入力用）'!A2284</f>
        <v>2278</v>
      </c>
      <c r="B2282" s="13">
        <f>'申請書（複数入力用）'!AH2284</f>
        <v>0</v>
      </c>
      <c r="C2282" s="6">
        <f>'申請書（複数入力用）'!B2284</f>
        <v>0</v>
      </c>
      <c r="D2282" s="6">
        <f>'申請書（複数入力用）'!D2284</f>
        <v>0</v>
      </c>
      <c r="E2282" s="14">
        <f>'申請書（複数入力用）'!H2284</f>
        <v>0</v>
      </c>
      <c r="F2282" s="11" t="str">
        <f>'申請書（複数入力用）'!J2284</f>
        <v/>
      </c>
      <c r="G2282" s="6" t="str">
        <f>'申請書（複数入力用）'!K2284</f>
        <v>a052r000000jS9ZAAU</v>
      </c>
      <c r="H2282" s="12" t="e">
        <f>'申請書（複数入力用）'!N2284</f>
        <v>#N/A</v>
      </c>
      <c r="I2282" s="12" t="e">
        <f>'申請書（複数入力用）'!O2284</f>
        <v>#N/A</v>
      </c>
      <c r="J2282" s="12">
        <f>'申請書（複数入力用）'!P2284</f>
        <v>1</v>
      </c>
    </row>
    <row r="2283" spans="1:10" ht="51.6" customHeight="1" x14ac:dyDescent="0.45">
      <c r="A2283" s="6">
        <f>'申請書（複数入力用）'!A2285</f>
        <v>2279</v>
      </c>
      <c r="B2283" s="13">
        <f>'申請書（複数入力用）'!AH2285</f>
        <v>0</v>
      </c>
      <c r="C2283" s="6">
        <f>'申請書（複数入力用）'!B2285</f>
        <v>0</v>
      </c>
      <c r="D2283" s="6">
        <f>'申請書（複数入力用）'!D2285</f>
        <v>0</v>
      </c>
      <c r="E2283" s="14">
        <f>'申請書（複数入力用）'!H2285</f>
        <v>0</v>
      </c>
      <c r="F2283" s="11" t="str">
        <f>'申請書（複数入力用）'!J2285</f>
        <v/>
      </c>
      <c r="G2283" s="6" t="str">
        <f>'申請書（複数入力用）'!K2285</f>
        <v>a052r000000jS9ZAAU</v>
      </c>
      <c r="H2283" s="12" t="e">
        <f>'申請書（複数入力用）'!N2285</f>
        <v>#N/A</v>
      </c>
      <c r="I2283" s="12" t="e">
        <f>'申請書（複数入力用）'!O2285</f>
        <v>#N/A</v>
      </c>
      <c r="J2283" s="12">
        <f>'申請書（複数入力用）'!P2285</f>
        <v>1</v>
      </c>
    </row>
    <row r="2284" spans="1:10" ht="51.6" customHeight="1" x14ac:dyDescent="0.45">
      <c r="A2284" s="6">
        <f>'申請書（複数入力用）'!A2286</f>
        <v>2280</v>
      </c>
      <c r="B2284" s="13">
        <f>'申請書（複数入力用）'!AH2286</f>
        <v>0</v>
      </c>
      <c r="C2284" s="6">
        <f>'申請書（複数入力用）'!B2286</f>
        <v>0</v>
      </c>
      <c r="D2284" s="6">
        <f>'申請書（複数入力用）'!D2286</f>
        <v>0</v>
      </c>
      <c r="E2284" s="14">
        <f>'申請書（複数入力用）'!H2286</f>
        <v>0</v>
      </c>
      <c r="F2284" s="11" t="str">
        <f>'申請書（複数入力用）'!J2286</f>
        <v/>
      </c>
      <c r="G2284" s="6" t="str">
        <f>'申請書（複数入力用）'!K2286</f>
        <v>a052r000000jS9ZAAU</v>
      </c>
      <c r="H2284" s="12" t="e">
        <f>'申請書（複数入力用）'!N2286</f>
        <v>#N/A</v>
      </c>
      <c r="I2284" s="12" t="e">
        <f>'申請書（複数入力用）'!O2286</f>
        <v>#N/A</v>
      </c>
      <c r="J2284" s="12">
        <f>'申請書（複数入力用）'!P2286</f>
        <v>1</v>
      </c>
    </row>
    <row r="2285" spans="1:10" ht="51.6" customHeight="1" x14ac:dyDescent="0.45">
      <c r="A2285" s="6">
        <f>'申請書（複数入力用）'!A2287</f>
        <v>2281</v>
      </c>
      <c r="B2285" s="13">
        <f>'申請書（複数入力用）'!AH2287</f>
        <v>0</v>
      </c>
      <c r="C2285" s="6">
        <f>'申請書（複数入力用）'!B2287</f>
        <v>0</v>
      </c>
      <c r="D2285" s="6">
        <f>'申請書（複数入力用）'!D2287</f>
        <v>0</v>
      </c>
      <c r="E2285" s="14">
        <f>'申請書（複数入力用）'!H2287</f>
        <v>0</v>
      </c>
      <c r="F2285" s="11" t="str">
        <f>'申請書（複数入力用）'!J2287</f>
        <v/>
      </c>
      <c r="G2285" s="6" t="str">
        <f>'申請書（複数入力用）'!K2287</f>
        <v>a052r000000jS9ZAAU</v>
      </c>
      <c r="H2285" s="12" t="e">
        <f>'申請書（複数入力用）'!N2287</f>
        <v>#N/A</v>
      </c>
      <c r="I2285" s="12" t="e">
        <f>'申請書（複数入力用）'!O2287</f>
        <v>#N/A</v>
      </c>
      <c r="J2285" s="12">
        <f>'申請書（複数入力用）'!P2287</f>
        <v>1</v>
      </c>
    </row>
    <row r="2286" spans="1:10" ht="51.6" customHeight="1" x14ac:dyDescent="0.45">
      <c r="A2286" s="6">
        <f>'申請書（複数入力用）'!A2288</f>
        <v>2282</v>
      </c>
      <c r="B2286" s="13">
        <f>'申請書（複数入力用）'!AH2288</f>
        <v>0</v>
      </c>
      <c r="C2286" s="6">
        <f>'申請書（複数入力用）'!B2288</f>
        <v>0</v>
      </c>
      <c r="D2286" s="6">
        <f>'申請書（複数入力用）'!D2288</f>
        <v>0</v>
      </c>
      <c r="E2286" s="14">
        <f>'申請書（複数入力用）'!H2288</f>
        <v>0</v>
      </c>
      <c r="F2286" s="11" t="str">
        <f>'申請書（複数入力用）'!J2288</f>
        <v/>
      </c>
      <c r="G2286" s="6" t="str">
        <f>'申請書（複数入力用）'!K2288</f>
        <v>a052r000000jS9ZAAU</v>
      </c>
      <c r="H2286" s="12" t="e">
        <f>'申請書（複数入力用）'!N2288</f>
        <v>#N/A</v>
      </c>
      <c r="I2286" s="12" t="e">
        <f>'申請書（複数入力用）'!O2288</f>
        <v>#N/A</v>
      </c>
      <c r="J2286" s="12">
        <f>'申請書（複数入力用）'!P2288</f>
        <v>1</v>
      </c>
    </row>
    <row r="2287" spans="1:10" ht="51.6" customHeight="1" x14ac:dyDescent="0.45">
      <c r="A2287" s="6">
        <f>'申請書（複数入力用）'!A2289</f>
        <v>2283</v>
      </c>
      <c r="B2287" s="13">
        <f>'申請書（複数入力用）'!AH2289</f>
        <v>0</v>
      </c>
      <c r="C2287" s="6">
        <f>'申請書（複数入力用）'!B2289</f>
        <v>0</v>
      </c>
      <c r="D2287" s="6">
        <f>'申請書（複数入力用）'!D2289</f>
        <v>0</v>
      </c>
      <c r="E2287" s="14">
        <f>'申請書（複数入力用）'!H2289</f>
        <v>0</v>
      </c>
      <c r="F2287" s="11" t="str">
        <f>'申請書（複数入力用）'!J2289</f>
        <v/>
      </c>
      <c r="G2287" s="6" t="str">
        <f>'申請書（複数入力用）'!K2289</f>
        <v>a052r000000jS9ZAAU</v>
      </c>
      <c r="H2287" s="12" t="e">
        <f>'申請書（複数入力用）'!N2289</f>
        <v>#N/A</v>
      </c>
      <c r="I2287" s="12" t="e">
        <f>'申請書（複数入力用）'!O2289</f>
        <v>#N/A</v>
      </c>
      <c r="J2287" s="12">
        <f>'申請書（複数入力用）'!P2289</f>
        <v>1</v>
      </c>
    </row>
    <row r="2288" spans="1:10" ht="51.6" customHeight="1" x14ac:dyDescent="0.45">
      <c r="A2288" s="6">
        <f>'申請書（複数入力用）'!A2290</f>
        <v>2284</v>
      </c>
      <c r="B2288" s="13">
        <f>'申請書（複数入力用）'!AH2290</f>
        <v>0</v>
      </c>
      <c r="C2288" s="6">
        <f>'申請書（複数入力用）'!B2290</f>
        <v>0</v>
      </c>
      <c r="D2288" s="6">
        <f>'申請書（複数入力用）'!D2290</f>
        <v>0</v>
      </c>
      <c r="E2288" s="14">
        <f>'申請書（複数入力用）'!H2290</f>
        <v>0</v>
      </c>
      <c r="F2288" s="11" t="str">
        <f>'申請書（複数入力用）'!J2290</f>
        <v/>
      </c>
      <c r="G2288" s="6" t="str">
        <f>'申請書（複数入力用）'!K2290</f>
        <v>a052r000000jS9ZAAU</v>
      </c>
      <c r="H2288" s="12" t="e">
        <f>'申請書（複数入力用）'!N2290</f>
        <v>#N/A</v>
      </c>
      <c r="I2288" s="12" t="e">
        <f>'申請書（複数入力用）'!O2290</f>
        <v>#N/A</v>
      </c>
      <c r="J2288" s="12">
        <f>'申請書（複数入力用）'!P2290</f>
        <v>1</v>
      </c>
    </row>
    <row r="2289" spans="1:10" ht="51.6" customHeight="1" x14ac:dyDescent="0.45">
      <c r="A2289" s="6">
        <f>'申請書（複数入力用）'!A2291</f>
        <v>2285</v>
      </c>
      <c r="B2289" s="13">
        <f>'申請書（複数入力用）'!AH2291</f>
        <v>0</v>
      </c>
      <c r="C2289" s="6">
        <f>'申請書（複数入力用）'!B2291</f>
        <v>0</v>
      </c>
      <c r="D2289" s="6">
        <f>'申請書（複数入力用）'!D2291</f>
        <v>0</v>
      </c>
      <c r="E2289" s="14">
        <f>'申請書（複数入力用）'!H2291</f>
        <v>0</v>
      </c>
      <c r="F2289" s="11" t="str">
        <f>'申請書（複数入力用）'!J2291</f>
        <v/>
      </c>
      <c r="G2289" s="6" t="str">
        <f>'申請書（複数入力用）'!K2291</f>
        <v>a052r000000jS9ZAAU</v>
      </c>
      <c r="H2289" s="12" t="e">
        <f>'申請書（複数入力用）'!N2291</f>
        <v>#N/A</v>
      </c>
      <c r="I2289" s="12" t="e">
        <f>'申請書（複数入力用）'!O2291</f>
        <v>#N/A</v>
      </c>
      <c r="J2289" s="12">
        <f>'申請書（複数入力用）'!P2291</f>
        <v>1</v>
      </c>
    </row>
    <row r="2290" spans="1:10" ht="51.6" customHeight="1" x14ac:dyDescent="0.45">
      <c r="A2290" s="6">
        <f>'申請書（複数入力用）'!A2292</f>
        <v>2286</v>
      </c>
      <c r="B2290" s="13">
        <f>'申請書（複数入力用）'!AH2292</f>
        <v>0</v>
      </c>
      <c r="C2290" s="6">
        <f>'申請書（複数入力用）'!B2292</f>
        <v>0</v>
      </c>
      <c r="D2290" s="6">
        <f>'申請書（複数入力用）'!D2292</f>
        <v>0</v>
      </c>
      <c r="E2290" s="14">
        <f>'申請書（複数入力用）'!H2292</f>
        <v>0</v>
      </c>
      <c r="F2290" s="11" t="str">
        <f>'申請書（複数入力用）'!J2292</f>
        <v/>
      </c>
      <c r="G2290" s="6" t="str">
        <f>'申請書（複数入力用）'!K2292</f>
        <v>a052r000000jS9ZAAU</v>
      </c>
      <c r="H2290" s="12" t="e">
        <f>'申請書（複数入力用）'!N2292</f>
        <v>#N/A</v>
      </c>
      <c r="I2290" s="12" t="e">
        <f>'申請書（複数入力用）'!O2292</f>
        <v>#N/A</v>
      </c>
      <c r="J2290" s="12">
        <f>'申請書（複数入力用）'!P2292</f>
        <v>1</v>
      </c>
    </row>
    <row r="2291" spans="1:10" ht="51.6" customHeight="1" x14ac:dyDescent="0.45">
      <c r="A2291" s="6">
        <f>'申請書（複数入力用）'!A2293</f>
        <v>2287</v>
      </c>
      <c r="B2291" s="13">
        <f>'申請書（複数入力用）'!AH2293</f>
        <v>0</v>
      </c>
      <c r="C2291" s="6">
        <f>'申請書（複数入力用）'!B2293</f>
        <v>0</v>
      </c>
      <c r="D2291" s="6">
        <f>'申請書（複数入力用）'!D2293</f>
        <v>0</v>
      </c>
      <c r="E2291" s="14">
        <f>'申請書（複数入力用）'!H2293</f>
        <v>0</v>
      </c>
      <c r="F2291" s="11" t="str">
        <f>'申請書（複数入力用）'!J2293</f>
        <v/>
      </c>
      <c r="G2291" s="6" t="str">
        <f>'申請書（複数入力用）'!K2293</f>
        <v>a052r000000jS9ZAAU</v>
      </c>
      <c r="H2291" s="12" t="e">
        <f>'申請書（複数入力用）'!N2293</f>
        <v>#N/A</v>
      </c>
      <c r="I2291" s="12" t="e">
        <f>'申請書（複数入力用）'!O2293</f>
        <v>#N/A</v>
      </c>
      <c r="J2291" s="12">
        <f>'申請書（複数入力用）'!P2293</f>
        <v>1</v>
      </c>
    </row>
    <row r="2292" spans="1:10" ht="51.6" customHeight="1" x14ac:dyDescent="0.45">
      <c r="A2292" s="6">
        <f>'申請書（複数入力用）'!A2294</f>
        <v>2288</v>
      </c>
      <c r="B2292" s="13">
        <f>'申請書（複数入力用）'!AH2294</f>
        <v>0</v>
      </c>
      <c r="C2292" s="6">
        <f>'申請書（複数入力用）'!B2294</f>
        <v>0</v>
      </c>
      <c r="D2292" s="6">
        <f>'申請書（複数入力用）'!D2294</f>
        <v>0</v>
      </c>
      <c r="E2292" s="14">
        <f>'申請書（複数入力用）'!H2294</f>
        <v>0</v>
      </c>
      <c r="F2292" s="11" t="str">
        <f>'申請書（複数入力用）'!J2294</f>
        <v/>
      </c>
      <c r="G2292" s="6" t="str">
        <f>'申請書（複数入力用）'!K2294</f>
        <v>a052r000000jS9ZAAU</v>
      </c>
      <c r="H2292" s="12" t="e">
        <f>'申請書（複数入力用）'!N2294</f>
        <v>#N/A</v>
      </c>
      <c r="I2292" s="12" t="e">
        <f>'申請書（複数入力用）'!O2294</f>
        <v>#N/A</v>
      </c>
      <c r="J2292" s="12">
        <f>'申請書（複数入力用）'!P2294</f>
        <v>1</v>
      </c>
    </row>
    <row r="2293" spans="1:10" ht="51.6" customHeight="1" x14ac:dyDescent="0.45">
      <c r="A2293" s="6">
        <f>'申請書（複数入力用）'!A2295</f>
        <v>2289</v>
      </c>
      <c r="B2293" s="13">
        <f>'申請書（複数入力用）'!AH2295</f>
        <v>0</v>
      </c>
      <c r="C2293" s="6">
        <f>'申請書（複数入力用）'!B2295</f>
        <v>0</v>
      </c>
      <c r="D2293" s="6">
        <f>'申請書（複数入力用）'!D2295</f>
        <v>0</v>
      </c>
      <c r="E2293" s="14">
        <f>'申請書（複数入力用）'!H2295</f>
        <v>0</v>
      </c>
      <c r="F2293" s="11" t="str">
        <f>'申請書（複数入力用）'!J2295</f>
        <v/>
      </c>
      <c r="G2293" s="6" t="str">
        <f>'申請書（複数入力用）'!K2295</f>
        <v>a052r000000jS9ZAAU</v>
      </c>
      <c r="H2293" s="12" t="e">
        <f>'申請書（複数入力用）'!N2295</f>
        <v>#N/A</v>
      </c>
      <c r="I2293" s="12" t="e">
        <f>'申請書（複数入力用）'!O2295</f>
        <v>#N/A</v>
      </c>
      <c r="J2293" s="12">
        <f>'申請書（複数入力用）'!P2295</f>
        <v>1</v>
      </c>
    </row>
    <row r="2294" spans="1:10" ht="51.6" customHeight="1" x14ac:dyDescent="0.45">
      <c r="A2294" s="6">
        <f>'申請書（複数入力用）'!A2296</f>
        <v>2290</v>
      </c>
      <c r="B2294" s="13">
        <f>'申請書（複数入力用）'!AH2296</f>
        <v>0</v>
      </c>
      <c r="C2294" s="6">
        <f>'申請書（複数入力用）'!B2296</f>
        <v>0</v>
      </c>
      <c r="D2294" s="6">
        <f>'申請書（複数入力用）'!D2296</f>
        <v>0</v>
      </c>
      <c r="E2294" s="14">
        <f>'申請書（複数入力用）'!H2296</f>
        <v>0</v>
      </c>
      <c r="F2294" s="11" t="str">
        <f>'申請書（複数入力用）'!J2296</f>
        <v/>
      </c>
      <c r="G2294" s="6" t="str">
        <f>'申請書（複数入力用）'!K2296</f>
        <v>a052r000000jS9ZAAU</v>
      </c>
      <c r="H2294" s="12" t="e">
        <f>'申請書（複数入力用）'!N2296</f>
        <v>#N/A</v>
      </c>
      <c r="I2294" s="12" t="e">
        <f>'申請書（複数入力用）'!O2296</f>
        <v>#N/A</v>
      </c>
      <c r="J2294" s="12">
        <f>'申請書（複数入力用）'!P2296</f>
        <v>1</v>
      </c>
    </row>
    <row r="2295" spans="1:10" ht="51.6" customHeight="1" x14ac:dyDescent="0.45">
      <c r="A2295" s="6">
        <f>'申請書（複数入力用）'!A2297</f>
        <v>2291</v>
      </c>
      <c r="B2295" s="13">
        <f>'申請書（複数入力用）'!AH2297</f>
        <v>0</v>
      </c>
      <c r="C2295" s="6">
        <f>'申請書（複数入力用）'!B2297</f>
        <v>0</v>
      </c>
      <c r="D2295" s="6">
        <f>'申請書（複数入力用）'!D2297</f>
        <v>0</v>
      </c>
      <c r="E2295" s="14">
        <f>'申請書（複数入力用）'!H2297</f>
        <v>0</v>
      </c>
      <c r="F2295" s="11" t="str">
        <f>'申請書（複数入力用）'!J2297</f>
        <v/>
      </c>
      <c r="G2295" s="6" t="str">
        <f>'申請書（複数入力用）'!K2297</f>
        <v>a052r000000jS9ZAAU</v>
      </c>
      <c r="H2295" s="12" t="e">
        <f>'申請書（複数入力用）'!N2297</f>
        <v>#N/A</v>
      </c>
      <c r="I2295" s="12" t="e">
        <f>'申請書（複数入力用）'!O2297</f>
        <v>#N/A</v>
      </c>
      <c r="J2295" s="12">
        <f>'申請書（複数入力用）'!P2297</f>
        <v>1</v>
      </c>
    </row>
    <row r="2296" spans="1:10" ht="51.6" customHeight="1" x14ac:dyDescent="0.45">
      <c r="A2296" s="6">
        <f>'申請書（複数入力用）'!A2298</f>
        <v>2292</v>
      </c>
      <c r="B2296" s="13">
        <f>'申請書（複数入力用）'!AH2298</f>
        <v>0</v>
      </c>
      <c r="C2296" s="6">
        <f>'申請書（複数入力用）'!B2298</f>
        <v>0</v>
      </c>
      <c r="D2296" s="6">
        <f>'申請書（複数入力用）'!D2298</f>
        <v>0</v>
      </c>
      <c r="E2296" s="14">
        <f>'申請書（複数入力用）'!H2298</f>
        <v>0</v>
      </c>
      <c r="F2296" s="11" t="str">
        <f>'申請書（複数入力用）'!J2298</f>
        <v/>
      </c>
      <c r="G2296" s="6" t="str">
        <f>'申請書（複数入力用）'!K2298</f>
        <v>a052r000000jS9ZAAU</v>
      </c>
      <c r="H2296" s="12" t="e">
        <f>'申請書（複数入力用）'!N2298</f>
        <v>#N/A</v>
      </c>
      <c r="I2296" s="12" t="e">
        <f>'申請書（複数入力用）'!O2298</f>
        <v>#N/A</v>
      </c>
      <c r="J2296" s="12">
        <f>'申請書（複数入力用）'!P2298</f>
        <v>1</v>
      </c>
    </row>
    <row r="2297" spans="1:10" ht="51.6" customHeight="1" x14ac:dyDescent="0.45">
      <c r="A2297" s="6">
        <f>'申請書（複数入力用）'!A2299</f>
        <v>2293</v>
      </c>
      <c r="B2297" s="13">
        <f>'申請書（複数入力用）'!AH2299</f>
        <v>0</v>
      </c>
      <c r="C2297" s="6">
        <f>'申請書（複数入力用）'!B2299</f>
        <v>0</v>
      </c>
      <c r="D2297" s="6">
        <f>'申請書（複数入力用）'!D2299</f>
        <v>0</v>
      </c>
      <c r="E2297" s="14">
        <f>'申請書（複数入力用）'!H2299</f>
        <v>0</v>
      </c>
      <c r="F2297" s="11" t="str">
        <f>'申請書（複数入力用）'!J2299</f>
        <v/>
      </c>
      <c r="G2297" s="6" t="str">
        <f>'申請書（複数入力用）'!K2299</f>
        <v>a052r000000jS9ZAAU</v>
      </c>
      <c r="H2297" s="12" t="e">
        <f>'申請書（複数入力用）'!N2299</f>
        <v>#N/A</v>
      </c>
      <c r="I2297" s="12" t="e">
        <f>'申請書（複数入力用）'!O2299</f>
        <v>#N/A</v>
      </c>
      <c r="J2297" s="12">
        <f>'申請書（複数入力用）'!P2299</f>
        <v>1</v>
      </c>
    </row>
    <row r="2298" spans="1:10" ht="51.6" customHeight="1" x14ac:dyDescent="0.45">
      <c r="A2298" s="6">
        <f>'申請書（複数入力用）'!A2300</f>
        <v>2294</v>
      </c>
      <c r="B2298" s="13">
        <f>'申請書（複数入力用）'!AH2300</f>
        <v>0</v>
      </c>
      <c r="C2298" s="6">
        <f>'申請書（複数入力用）'!B2300</f>
        <v>0</v>
      </c>
      <c r="D2298" s="6">
        <f>'申請書（複数入力用）'!D2300</f>
        <v>0</v>
      </c>
      <c r="E2298" s="14">
        <f>'申請書（複数入力用）'!H2300</f>
        <v>0</v>
      </c>
      <c r="F2298" s="11" t="str">
        <f>'申請書（複数入力用）'!J2300</f>
        <v/>
      </c>
      <c r="G2298" s="6" t="str">
        <f>'申請書（複数入力用）'!K2300</f>
        <v>a052r000000jS9ZAAU</v>
      </c>
      <c r="H2298" s="12" t="e">
        <f>'申請書（複数入力用）'!N2300</f>
        <v>#N/A</v>
      </c>
      <c r="I2298" s="12" t="e">
        <f>'申請書（複数入力用）'!O2300</f>
        <v>#N/A</v>
      </c>
      <c r="J2298" s="12">
        <f>'申請書（複数入力用）'!P2300</f>
        <v>1</v>
      </c>
    </row>
    <row r="2299" spans="1:10" ht="51.6" customHeight="1" x14ac:dyDescent="0.45">
      <c r="A2299" s="6">
        <f>'申請書（複数入力用）'!A2301</f>
        <v>2295</v>
      </c>
      <c r="B2299" s="13">
        <f>'申請書（複数入力用）'!AH2301</f>
        <v>0</v>
      </c>
      <c r="C2299" s="6">
        <f>'申請書（複数入力用）'!B2301</f>
        <v>0</v>
      </c>
      <c r="D2299" s="6">
        <f>'申請書（複数入力用）'!D2301</f>
        <v>0</v>
      </c>
      <c r="E2299" s="14">
        <f>'申請書（複数入力用）'!H2301</f>
        <v>0</v>
      </c>
      <c r="F2299" s="11" t="str">
        <f>'申請書（複数入力用）'!J2301</f>
        <v/>
      </c>
      <c r="G2299" s="6" t="str">
        <f>'申請書（複数入力用）'!K2301</f>
        <v>a052r000000jS9ZAAU</v>
      </c>
      <c r="H2299" s="12" t="e">
        <f>'申請書（複数入力用）'!N2301</f>
        <v>#N/A</v>
      </c>
      <c r="I2299" s="12" t="e">
        <f>'申請書（複数入力用）'!O2301</f>
        <v>#N/A</v>
      </c>
      <c r="J2299" s="12">
        <f>'申請書（複数入力用）'!P2301</f>
        <v>1</v>
      </c>
    </row>
    <row r="2300" spans="1:10" ht="51.6" customHeight="1" x14ac:dyDescent="0.45">
      <c r="A2300" s="6">
        <f>'申請書（複数入力用）'!A2302</f>
        <v>2296</v>
      </c>
      <c r="B2300" s="13">
        <f>'申請書（複数入力用）'!AH2302</f>
        <v>0</v>
      </c>
      <c r="C2300" s="6">
        <f>'申請書（複数入力用）'!B2302</f>
        <v>0</v>
      </c>
      <c r="D2300" s="6">
        <f>'申請書（複数入力用）'!D2302</f>
        <v>0</v>
      </c>
      <c r="E2300" s="14">
        <f>'申請書（複数入力用）'!H2302</f>
        <v>0</v>
      </c>
      <c r="F2300" s="11" t="str">
        <f>'申請書（複数入力用）'!J2302</f>
        <v/>
      </c>
      <c r="G2300" s="6" t="str">
        <f>'申請書（複数入力用）'!K2302</f>
        <v>a052r000000jS9ZAAU</v>
      </c>
      <c r="H2300" s="12" t="e">
        <f>'申請書（複数入力用）'!N2302</f>
        <v>#N/A</v>
      </c>
      <c r="I2300" s="12" t="e">
        <f>'申請書（複数入力用）'!O2302</f>
        <v>#N/A</v>
      </c>
      <c r="J2300" s="12">
        <f>'申請書（複数入力用）'!P2302</f>
        <v>1</v>
      </c>
    </row>
    <row r="2301" spans="1:10" ht="51.6" customHeight="1" x14ac:dyDescent="0.45">
      <c r="A2301" s="6">
        <f>'申請書（複数入力用）'!A2303</f>
        <v>2297</v>
      </c>
      <c r="B2301" s="13">
        <f>'申請書（複数入力用）'!AH2303</f>
        <v>0</v>
      </c>
      <c r="C2301" s="6">
        <f>'申請書（複数入力用）'!B2303</f>
        <v>0</v>
      </c>
      <c r="D2301" s="6">
        <f>'申請書（複数入力用）'!D2303</f>
        <v>0</v>
      </c>
      <c r="E2301" s="14">
        <f>'申請書（複数入力用）'!H2303</f>
        <v>0</v>
      </c>
      <c r="F2301" s="11" t="str">
        <f>'申請書（複数入力用）'!J2303</f>
        <v/>
      </c>
      <c r="G2301" s="6" t="str">
        <f>'申請書（複数入力用）'!K2303</f>
        <v>a052r000000jS9ZAAU</v>
      </c>
      <c r="H2301" s="12" t="e">
        <f>'申請書（複数入力用）'!N2303</f>
        <v>#N/A</v>
      </c>
      <c r="I2301" s="12" t="e">
        <f>'申請書（複数入力用）'!O2303</f>
        <v>#N/A</v>
      </c>
      <c r="J2301" s="12">
        <f>'申請書（複数入力用）'!P2303</f>
        <v>1</v>
      </c>
    </row>
    <row r="2302" spans="1:10" ht="51.6" customHeight="1" x14ac:dyDescent="0.45">
      <c r="A2302" s="6">
        <f>'申請書（複数入力用）'!A2304</f>
        <v>2298</v>
      </c>
      <c r="B2302" s="13">
        <f>'申請書（複数入力用）'!AH2304</f>
        <v>0</v>
      </c>
      <c r="C2302" s="6">
        <f>'申請書（複数入力用）'!B2304</f>
        <v>0</v>
      </c>
      <c r="D2302" s="6">
        <f>'申請書（複数入力用）'!D2304</f>
        <v>0</v>
      </c>
      <c r="E2302" s="14">
        <f>'申請書（複数入力用）'!H2304</f>
        <v>0</v>
      </c>
      <c r="F2302" s="11" t="str">
        <f>'申請書（複数入力用）'!J2304</f>
        <v/>
      </c>
      <c r="G2302" s="6" t="str">
        <f>'申請書（複数入力用）'!K2304</f>
        <v>a052r000000jS9ZAAU</v>
      </c>
      <c r="H2302" s="12" t="e">
        <f>'申請書（複数入力用）'!N2304</f>
        <v>#N/A</v>
      </c>
      <c r="I2302" s="12" t="e">
        <f>'申請書（複数入力用）'!O2304</f>
        <v>#N/A</v>
      </c>
      <c r="J2302" s="12">
        <f>'申請書（複数入力用）'!P2304</f>
        <v>1</v>
      </c>
    </row>
    <row r="2303" spans="1:10" ht="51.6" customHeight="1" x14ac:dyDescent="0.45">
      <c r="A2303" s="6">
        <f>'申請書（複数入力用）'!A2305</f>
        <v>2299</v>
      </c>
      <c r="B2303" s="13">
        <f>'申請書（複数入力用）'!AH2305</f>
        <v>0</v>
      </c>
      <c r="C2303" s="6">
        <f>'申請書（複数入力用）'!B2305</f>
        <v>0</v>
      </c>
      <c r="D2303" s="6">
        <f>'申請書（複数入力用）'!D2305</f>
        <v>0</v>
      </c>
      <c r="E2303" s="14">
        <f>'申請書（複数入力用）'!H2305</f>
        <v>0</v>
      </c>
      <c r="F2303" s="11" t="str">
        <f>'申請書（複数入力用）'!J2305</f>
        <v/>
      </c>
      <c r="G2303" s="6" t="str">
        <f>'申請書（複数入力用）'!K2305</f>
        <v>a052r000000jS9ZAAU</v>
      </c>
      <c r="H2303" s="12" t="e">
        <f>'申請書（複数入力用）'!N2305</f>
        <v>#N/A</v>
      </c>
      <c r="I2303" s="12" t="e">
        <f>'申請書（複数入力用）'!O2305</f>
        <v>#N/A</v>
      </c>
      <c r="J2303" s="12">
        <f>'申請書（複数入力用）'!P2305</f>
        <v>1</v>
      </c>
    </row>
    <row r="2304" spans="1:10" ht="51.6" customHeight="1" x14ac:dyDescent="0.45">
      <c r="A2304" s="6">
        <f>'申請書（複数入力用）'!A2306</f>
        <v>2300</v>
      </c>
      <c r="B2304" s="13">
        <f>'申請書（複数入力用）'!AH2306</f>
        <v>0</v>
      </c>
      <c r="C2304" s="6">
        <f>'申請書（複数入力用）'!B2306</f>
        <v>0</v>
      </c>
      <c r="D2304" s="6">
        <f>'申請書（複数入力用）'!D2306</f>
        <v>0</v>
      </c>
      <c r="E2304" s="14">
        <f>'申請書（複数入力用）'!H2306</f>
        <v>0</v>
      </c>
      <c r="F2304" s="11" t="str">
        <f>'申請書（複数入力用）'!J2306</f>
        <v/>
      </c>
      <c r="G2304" s="6" t="str">
        <f>'申請書（複数入力用）'!K2306</f>
        <v>a052r000000jS9ZAAU</v>
      </c>
      <c r="H2304" s="12" t="e">
        <f>'申請書（複数入力用）'!N2306</f>
        <v>#N/A</v>
      </c>
      <c r="I2304" s="12" t="e">
        <f>'申請書（複数入力用）'!O2306</f>
        <v>#N/A</v>
      </c>
      <c r="J2304" s="12">
        <f>'申請書（複数入力用）'!P2306</f>
        <v>1</v>
      </c>
    </row>
    <row r="2305" spans="1:10" ht="51.6" customHeight="1" x14ac:dyDescent="0.45">
      <c r="A2305" s="6">
        <f>'申請書（複数入力用）'!A2307</f>
        <v>2301</v>
      </c>
      <c r="B2305" s="13">
        <f>'申請書（複数入力用）'!AH2307</f>
        <v>0</v>
      </c>
      <c r="C2305" s="6">
        <f>'申請書（複数入力用）'!B2307</f>
        <v>0</v>
      </c>
      <c r="D2305" s="6">
        <f>'申請書（複数入力用）'!D2307</f>
        <v>0</v>
      </c>
      <c r="E2305" s="14">
        <f>'申請書（複数入力用）'!H2307</f>
        <v>0</v>
      </c>
      <c r="F2305" s="11" t="str">
        <f>'申請書（複数入力用）'!J2307</f>
        <v/>
      </c>
      <c r="G2305" s="6" t="str">
        <f>'申請書（複数入力用）'!K2307</f>
        <v>a052r000000jS9ZAAU</v>
      </c>
      <c r="H2305" s="12" t="e">
        <f>'申請書（複数入力用）'!N2307</f>
        <v>#N/A</v>
      </c>
      <c r="I2305" s="12" t="e">
        <f>'申請書（複数入力用）'!O2307</f>
        <v>#N/A</v>
      </c>
      <c r="J2305" s="12">
        <f>'申請書（複数入力用）'!P2307</f>
        <v>1</v>
      </c>
    </row>
    <row r="2306" spans="1:10" ht="51.6" customHeight="1" x14ac:dyDescent="0.45">
      <c r="A2306" s="6">
        <f>'申請書（複数入力用）'!A2308</f>
        <v>2302</v>
      </c>
      <c r="B2306" s="13">
        <f>'申請書（複数入力用）'!AH2308</f>
        <v>0</v>
      </c>
      <c r="C2306" s="6">
        <f>'申請書（複数入力用）'!B2308</f>
        <v>0</v>
      </c>
      <c r="D2306" s="6">
        <f>'申請書（複数入力用）'!D2308</f>
        <v>0</v>
      </c>
      <c r="E2306" s="14">
        <f>'申請書（複数入力用）'!H2308</f>
        <v>0</v>
      </c>
      <c r="F2306" s="11" t="str">
        <f>'申請書（複数入力用）'!J2308</f>
        <v/>
      </c>
      <c r="G2306" s="6" t="str">
        <f>'申請書（複数入力用）'!K2308</f>
        <v>a052r000000jS9ZAAU</v>
      </c>
      <c r="H2306" s="12" t="e">
        <f>'申請書（複数入力用）'!N2308</f>
        <v>#N/A</v>
      </c>
      <c r="I2306" s="12" t="e">
        <f>'申請書（複数入力用）'!O2308</f>
        <v>#N/A</v>
      </c>
      <c r="J2306" s="12">
        <f>'申請書（複数入力用）'!P2308</f>
        <v>1</v>
      </c>
    </row>
    <row r="2307" spans="1:10" ht="51.6" customHeight="1" x14ac:dyDescent="0.45">
      <c r="A2307" s="6">
        <f>'申請書（複数入力用）'!A2309</f>
        <v>2303</v>
      </c>
      <c r="B2307" s="13">
        <f>'申請書（複数入力用）'!AH2309</f>
        <v>0</v>
      </c>
      <c r="C2307" s="6">
        <f>'申請書（複数入力用）'!B2309</f>
        <v>0</v>
      </c>
      <c r="D2307" s="6">
        <f>'申請書（複数入力用）'!D2309</f>
        <v>0</v>
      </c>
      <c r="E2307" s="14">
        <f>'申請書（複数入力用）'!H2309</f>
        <v>0</v>
      </c>
      <c r="F2307" s="11" t="str">
        <f>'申請書（複数入力用）'!J2309</f>
        <v/>
      </c>
      <c r="G2307" s="6" t="str">
        <f>'申請書（複数入力用）'!K2309</f>
        <v>a052r000000jS9ZAAU</v>
      </c>
      <c r="H2307" s="12" t="e">
        <f>'申請書（複数入力用）'!N2309</f>
        <v>#N/A</v>
      </c>
      <c r="I2307" s="12" t="e">
        <f>'申請書（複数入力用）'!O2309</f>
        <v>#N/A</v>
      </c>
      <c r="J2307" s="12">
        <f>'申請書（複数入力用）'!P2309</f>
        <v>1</v>
      </c>
    </row>
    <row r="2308" spans="1:10" ht="51.6" customHeight="1" x14ac:dyDescent="0.45">
      <c r="A2308" s="6">
        <f>'申請書（複数入力用）'!A2310</f>
        <v>2304</v>
      </c>
      <c r="B2308" s="13">
        <f>'申請書（複数入力用）'!AH2310</f>
        <v>0</v>
      </c>
      <c r="C2308" s="6">
        <f>'申請書（複数入力用）'!B2310</f>
        <v>0</v>
      </c>
      <c r="D2308" s="6">
        <f>'申請書（複数入力用）'!D2310</f>
        <v>0</v>
      </c>
      <c r="E2308" s="14">
        <f>'申請書（複数入力用）'!H2310</f>
        <v>0</v>
      </c>
      <c r="F2308" s="11" t="str">
        <f>'申請書（複数入力用）'!J2310</f>
        <v/>
      </c>
      <c r="G2308" s="6" t="str">
        <f>'申請書（複数入力用）'!K2310</f>
        <v>a052r000000jS9ZAAU</v>
      </c>
      <c r="H2308" s="12" t="e">
        <f>'申請書（複数入力用）'!N2310</f>
        <v>#N/A</v>
      </c>
      <c r="I2308" s="12" t="e">
        <f>'申請書（複数入力用）'!O2310</f>
        <v>#N/A</v>
      </c>
      <c r="J2308" s="12">
        <f>'申請書（複数入力用）'!P2310</f>
        <v>1</v>
      </c>
    </row>
    <row r="2309" spans="1:10" ht="51.6" customHeight="1" x14ac:dyDescent="0.45">
      <c r="A2309" s="6">
        <f>'申請書（複数入力用）'!A2311</f>
        <v>2305</v>
      </c>
      <c r="B2309" s="13">
        <f>'申請書（複数入力用）'!AH2311</f>
        <v>0</v>
      </c>
      <c r="C2309" s="6">
        <f>'申請書（複数入力用）'!B2311</f>
        <v>0</v>
      </c>
      <c r="D2309" s="6">
        <f>'申請書（複数入力用）'!D2311</f>
        <v>0</v>
      </c>
      <c r="E2309" s="14">
        <f>'申請書（複数入力用）'!H2311</f>
        <v>0</v>
      </c>
      <c r="F2309" s="11" t="str">
        <f>'申請書（複数入力用）'!J2311</f>
        <v/>
      </c>
      <c r="G2309" s="6" t="str">
        <f>'申請書（複数入力用）'!K2311</f>
        <v>a052r000000jS9ZAAU</v>
      </c>
      <c r="H2309" s="12" t="e">
        <f>'申請書（複数入力用）'!N2311</f>
        <v>#N/A</v>
      </c>
      <c r="I2309" s="12" t="e">
        <f>'申請書（複数入力用）'!O2311</f>
        <v>#N/A</v>
      </c>
      <c r="J2309" s="12">
        <f>'申請書（複数入力用）'!P2311</f>
        <v>1</v>
      </c>
    </row>
    <row r="2310" spans="1:10" ht="51.6" customHeight="1" x14ac:dyDescent="0.45">
      <c r="A2310" s="6">
        <f>'申請書（複数入力用）'!A2312</f>
        <v>2306</v>
      </c>
      <c r="B2310" s="13">
        <f>'申請書（複数入力用）'!AH2312</f>
        <v>0</v>
      </c>
      <c r="C2310" s="6">
        <f>'申請書（複数入力用）'!B2312</f>
        <v>0</v>
      </c>
      <c r="D2310" s="6">
        <f>'申請書（複数入力用）'!D2312</f>
        <v>0</v>
      </c>
      <c r="E2310" s="14">
        <f>'申請書（複数入力用）'!H2312</f>
        <v>0</v>
      </c>
      <c r="F2310" s="11" t="str">
        <f>'申請書（複数入力用）'!J2312</f>
        <v/>
      </c>
      <c r="G2310" s="6" t="str">
        <f>'申請書（複数入力用）'!K2312</f>
        <v>a052r000000jS9ZAAU</v>
      </c>
      <c r="H2310" s="12" t="e">
        <f>'申請書（複数入力用）'!N2312</f>
        <v>#N/A</v>
      </c>
      <c r="I2310" s="12" t="e">
        <f>'申請書（複数入力用）'!O2312</f>
        <v>#N/A</v>
      </c>
      <c r="J2310" s="12">
        <f>'申請書（複数入力用）'!P2312</f>
        <v>1</v>
      </c>
    </row>
    <row r="2311" spans="1:10" ht="51.6" customHeight="1" x14ac:dyDescent="0.45">
      <c r="A2311" s="6">
        <f>'申請書（複数入力用）'!A2313</f>
        <v>2307</v>
      </c>
      <c r="B2311" s="13">
        <f>'申請書（複数入力用）'!AH2313</f>
        <v>0</v>
      </c>
      <c r="C2311" s="6">
        <f>'申請書（複数入力用）'!B2313</f>
        <v>0</v>
      </c>
      <c r="D2311" s="6">
        <f>'申請書（複数入力用）'!D2313</f>
        <v>0</v>
      </c>
      <c r="E2311" s="14">
        <f>'申請書（複数入力用）'!H2313</f>
        <v>0</v>
      </c>
      <c r="F2311" s="11" t="str">
        <f>'申請書（複数入力用）'!J2313</f>
        <v/>
      </c>
      <c r="G2311" s="6" t="str">
        <f>'申請書（複数入力用）'!K2313</f>
        <v>a052r000000jS9ZAAU</v>
      </c>
      <c r="H2311" s="12" t="e">
        <f>'申請書（複数入力用）'!N2313</f>
        <v>#N/A</v>
      </c>
      <c r="I2311" s="12" t="e">
        <f>'申請書（複数入力用）'!O2313</f>
        <v>#N/A</v>
      </c>
      <c r="J2311" s="12">
        <f>'申請書（複数入力用）'!P2313</f>
        <v>1</v>
      </c>
    </row>
    <row r="2312" spans="1:10" ht="51.6" customHeight="1" x14ac:dyDescent="0.45">
      <c r="A2312" s="6">
        <f>'申請書（複数入力用）'!A2314</f>
        <v>2308</v>
      </c>
      <c r="B2312" s="13">
        <f>'申請書（複数入力用）'!AH2314</f>
        <v>0</v>
      </c>
      <c r="C2312" s="6">
        <f>'申請書（複数入力用）'!B2314</f>
        <v>0</v>
      </c>
      <c r="D2312" s="6">
        <f>'申請書（複数入力用）'!D2314</f>
        <v>0</v>
      </c>
      <c r="E2312" s="14">
        <f>'申請書（複数入力用）'!H2314</f>
        <v>0</v>
      </c>
      <c r="F2312" s="11" t="str">
        <f>'申請書（複数入力用）'!J2314</f>
        <v/>
      </c>
      <c r="G2312" s="6" t="str">
        <f>'申請書（複数入力用）'!K2314</f>
        <v>a052r000000jS9ZAAU</v>
      </c>
      <c r="H2312" s="12" t="e">
        <f>'申請書（複数入力用）'!N2314</f>
        <v>#N/A</v>
      </c>
      <c r="I2312" s="12" t="e">
        <f>'申請書（複数入力用）'!O2314</f>
        <v>#N/A</v>
      </c>
      <c r="J2312" s="12">
        <f>'申請書（複数入力用）'!P2314</f>
        <v>1</v>
      </c>
    </row>
    <row r="2313" spans="1:10" ht="51.6" customHeight="1" x14ac:dyDescent="0.45">
      <c r="A2313" s="6">
        <f>'申請書（複数入力用）'!A2315</f>
        <v>2309</v>
      </c>
      <c r="B2313" s="13">
        <f>'申請書（複数入力用）'!AH2315</f>
        <v>0</v>
      </c>
      <c r="C2313" s="6">
        <f>'申請書（複数入力用）'!B2315</f>
        <v>0</v>
      </c>
      <c r="D2313" s="6">
        <f>'申請書（複数入力用）'!D2315</f>
        <v>0</v>
      </c>
      <c r="E2313" s="14">
        <f>'申請書（複数入力用）'!H2315</f>
        <v>0</v>
      </c>
      <c r="F2313" s="11" t="str">
        <f>'申請書（複数入力用）'!J2315</f>
        <v/>
      </c>
      <c r="G2313" s="6" t="str">
        <f>'申請書（複数入力用）'!K2315</f>
        <v>a052r000000jS9ZAAU</v>
      </c>
      <c r="H2313" s="12" t="e">
        <f>'申請書（複数入力用）'!N2315</f>
        <v>#N/A</v>
      </c>
      <c r="I2313" s="12" t="e">
        <f>'申請書（複数入力用）'!O2315</f>
        <v>#N/A</v>
      </c>
      <c r="J2313" s="12">
        <f>'申請書（複数入力用）'!P2315</f>
        <v>1</v>
      </c>
    </row>
    <row r="2314" spans="1:10" ht="51.6" customHeight="1" x14ac:dyDescent="0.45">
      <c r="A2314" s="6">
        <f>'申請書（複数入力用）'!A2316</f>
        <v>2310</v>
      </c>
      <c r="B2314" s="13">
        <f>'申請書（複数入力用）'!AH2316</f>
        <v>0</v>
      </c>
      <c r="C2314" s="6">
        <f>'申請書（複数入力用）'!B2316</f>
        <v>0</v>
      </c>
      <c r="D2314" s="6">
        <f>'申請書（複数入力用）'!D2316</f>
        <v>0</v>
      </c>
      <c r="E2314" s="14">
        <f>'申請書（複数入力用）'!H2316</f>
        <v>0</v>
      </c>
      <c r="F2314" s="11" t="str">
        <f>'申請書（複数入力用）'!J2316</f>
        <v/>
      </c>
      <c r="G2314" s="6" t="str">
        <f>'申請書（複数入力用）'!K2316</f>
        <v>a052r000000jS9ZAAU</v>
      </c>
      <c r="H2314" s="12" t="e">
        <f>'申請書（複数入力用）'!N2316</f>
        <v>#N/A</v>
      </c>
      <c r="I2314" s="12" t="e">
        <f>'申請書（複数入力用）'!O2316</f>
        <v>#N/A</v>
      </c>
      <c r="J2314" s="12">
        <f>'申請書（複数入力用）'!P2316</f>
        <v>1</v>
      </c>
    </row>
    <row r="2315" spans="1:10" ht="51.6" customHeight="1" x14ac:dyDescent="0.45">
      <c r="A2315" s="6">
        <f>'申請書（複数入力用）'!A2317</f>
        <v>2311</v>
      </c>
      <c r="B2315" s="13">
        <f>'申請書（複数入力用）'!AH2317</f>
        <v>0</v>
      </c>
      <c r="C2315" s="6">
        <f>'申請書（複数入力用）'!B2317</f>
        <v>0</v>
      </c>
      <c r="D2315" s="6">
        <f>'申請書（複数入力用）'!D2317</f>
        <v>0</v>
      </c>
      <c r="E2315" s="14">
        <f>'申請書（複数入力用）'!H2317</f>
        <v>0</v>
      </c>
      <c r="F2315" s="11" t="str">
        <f>'申請書（複数入力用）'!J2317</f>
        <v/>
      </c>
      <c r="G2315" s="6" t="str">
        <f>'申請書（複数入力用）'!K2317</f>
        <v>a052r000000jS9ZAAU</v>
      </c>
      <c r="H2315" s="12" t="e">
        <f>'申請書（複数入力用）'!N2317</f>
        <v>#N/A</v>
      </c>
      <c r="I2315" s="12" t="e">
        <f>'申請書（複数入力用）'!O2317</f>
        <v>#N/A</v>
      </c>
      <c r="J2315" s="12">
        <f>'申請書（複数入力用）'!P2317</f>
        <v>1</v>
      </c>
    </row>
    <row r="2316" spans="1:10" ht="51.6" customHeight="1" x14ac:dyDescent="0.45">
      <c r="A2316" s="6">
        <f>'申請書（複数入力用）'!A2318</f>
        <v>2312</v>
      </c>
      <c r="B2316" s="13">
        <f>'申請書（複数入力用）'!AH2318</f>
        <v>0</v>
      </c>
      <c r="C2316" s="6">
        <f>'申請書（複数入力用）'!B2318</f>
        <v>0</v>
      </c>
      <c r="D2316" s="6">
        <f>'申請書（複数入力用）'!D2318</f>
        <v>0</v>
      </c>
      <c r="E2316" s="14">
        <f>'申請書（複数入力用）'!H2318</f>
        <v>0</v>
      </c>
      <c r="F2316" s="11" t="str">
        <f>'申請書（複数入力用）'!J2318</f>
        <v/>
      </c>
      <c r="G2316" s="6" t="str">
        <f>'申請書（複数入力用）'!K2318</f>
        <v>a052r000000jS9ZAAU</v>
      </c>
      <c r="H2316" s="12" t="e">
        <f>'申請書（複数入力用）'!N2318</f>
        <v>#N/A</v>
      </c>
      <c r="I2316" s="12" t="e">
        <f>'申請書（複数入力用）'!O2318</f>
        <v>#N/A</v>
      </c>
      <c r="J2316" s="12">
        <f>'申請書（複数入力用）'!P2318</f>
        <v>1</v>
      </c>
    </row>
    <row r="2317" spans="1:10" ht="51.6" customHeight="1" x14ac:dyDescent="0.45">
      <c r="A2317" s="6">
        <f>'申請書（複数入力用）'!A2319</f>
        <v>2313</v>
      </c>
      <c r="B2317" s="13">
        <f>'申請書（複数入力用）'!AH2319</f>
        <v>0</v>
      </c>
      <c r="C2317" s="6">
        <f>'申請書（複数入力用）'!B2319</f>
        <v>0</v>
      </c>
      <c r="D2317" s="6">
        <f>'申請書（複数入力用）'!D2319</f>
        <v>0</v>
      </c>
      <c r="E2317" s="14">
        <f>'申請書（複数入力用）'!H2319</f>
        <v>0</v>
      </c>
      <c r="F2317" s="11" t="str">
        <f>'申請書（複数入力用）'!J2319</f>
        <v/>
      </c>
      <c r="G2317" s="6" t="str">
        <f>'申請書（複数入力用）'!K2319</f>
        <v>a052r000000jS9ZAAU</v>
      </c>
      <c r="H2317" s="12" t="e">
        <f>'申請書（複数入力用）'!N2319</f>
        <v>#N/A</v>
      </c>
      <c r="I2317" s="12" t="e">
        <f>'申請書（複数入力用）'!O2319</f>
        <v>#N/A</v>
      </c>
      <c r="J2317" s="12">
        <f>'申請書（複数入力用）'!P2319</f>
        <v>1</v>
      </c>
    </row>
    <row r="2318" spans="1:10" ht="51.6" customHeight="1" x14ac:dyDescent="0.45">
      <c r="A2318" s="6">
        <f>'申請書（複数入力用）'!A2320</f>
        <v>2314</v>
      </c>
      <c r="B2318" s="13">
        <f>'申請書（複数入力用）'!AH2320</f>
        <v>0</v>
      </c>
      <c r="C2318" s="6">
        <f>'申請書（複数入力用）'!B2320</f>
        <v>0</v>
      </c>
      <c r="D2318" s="6">
        <f>'申請書（複数入力用）'!D2320</f>
        <v>0</v>
      </c>
      <c r="E2318" s="14">
        <f>'申請書（複数入力用）'!H2320</f>
        <v>0</v>
      </c>
      <c r="F2318" s="11" t="str">
        <f>'申請書（複数入力用）'!J2320</f>
        <v/>
      </c>
      <c r="G2318" s="6" t="str">
        <f>'申請書（複数入力用）'!K2320</f>
        <v>a052r000000jS9ZAAU</v>
      </c>
      <c r="H2318" s="12" t="e">
        <f>'申請書（複数入力用）'!N2320</f>
        <v>#N/A</v>
      </c>
      <c r="I2318" s="12" t="e">
        <f>'申請書（複数入力用）'!O2320</f>
        <v>#N/A</v>
      </c>
      <c r="J2318" s="12">
        <f>'申請書（複数入力用）'!P2320</f>
        <v>1</v>
      </c>
    </row>
    <row r="2319" spans="1:10" ht="51.6" customHeight="1" x14ac:dyDescent="0.45">
      <c r="A2319" s="6">
        <f>'申請書（複数入力用）'!A2321</f>
        <v>2315</v>
      </c>
      <c r="B2319" s="13">
        <f>'申請書（複数入力用）'!AH2321</f>
        <v>0</v>
      </c>
      <c r="C2319" s="6">
        <f>'申請書（複数入力用）'!B2321</f>
        <v>0</v>
      </c>
      <c r="D2319" s="6">
        <f>'申請書（複数入力用）'!D2321</f>
        <v>0</v>
      </c>
      <c r="E2319" s="14">
        <f>'申請書（複数入力用）'!H2321</f>
        <v>0</v>
      </c>
      <c r="F2319" s="11" t="str">
        <f>'申請書（複数入力用）'!J2321</f>
        <v/>
      </c>
      <c r="G2319" s="6" t="str">
        <f>'申請書（複数入力用）'!K2321</f>
        <v>a052r000000jS9ZAAU</v>
      </c>
      <c r="H2319" s="12" t="e">
        <f>'申請書（複数入力用）'!N2321</f>
        <v>#N/A</v>
      </c>
      <c r="I2319" s="12" t="e">
        <f>'申請書（複数入力用）'!O2321</f>
        <v>#N/A</v>
      </c>
      <c r="J2319" s="12">
        <f>'申請書（複数入力用）'!P2321</f>
        <v>1</v>
      </c>
    </row>
    <row r="2320" spans="1:10" ht="51.6" customHeight="1" x14ac:dyDescent="0.45">
      <c r="A2320" s="6">
        <f>'申請書（複数入力用）'!A2322</f>
        <v>2316</v>
      </c>
      <c r="B2320" s="13">
        <f>'申請書（複数入力用）'!AH2322</f>
        <v>0</v>
      </c>
      <c r="C2320" s="6">
        <f>'申請書（複数入力用）'!B2322</f>
        <v>0</v>
      </c>
      <c r="D2320" s="6">
        <f>'申請書（複数入力用）'!D2322</f>
        <v>0</v>
      </c>
      <c r="E2320" s="14">
        <f>'申請書（複数入力用）'!H2322</f>
        <v>0</v>
      </c>
      <c r="F2320" s="11" t="str">
        <f>'申請書（複数入力用）'!J2322</f>
        <v/>
      </c>
      <c r="G2320" s="6" t="str">
        <f>'申請書（複数入力用）'!K2322</f>
        <v>a052r000000jS9ZAAU</v>
      </c>
      <c r="H2320" s="12" t="e">
        <f>'申請書（複数入力用）'!N2322</f>
        <v>#N/A</v>
      </c>
      <c r="I2320" s="12" t="e">
        <f>'申請書（複数入力用）'!O2322</f>
        <v>#N/A</v>
      </c>
      <c r="J2320" s="12">
        <f>'申請書（複数入力用）'!P2322</f>
        <v>1</v>
      </c>
    </row>
    <row r="2321" spans="1:10" ht="51.6" customHeight="1" x14ac:dyDescent="0.45">
      <c r="A2321" s="6">
        <f>'申請書（複数入力用）'!A2323</f>
        <v>2317</v>
      </c>
      <c r="B2321" s="13">
        <f>'申請書（複数入力用）'!AH2323</f>
        <v>0</v>
      </c>
      <c r="C2321" s="6">
        <f>'申請書（複数入力用）'!B2323</f>
        <v>0</v>
      </c>
      <c r="D2321" s="6">
        <f>'申請書（複数入力用）'!D2323</f>
        <v>0</v>
      </c>
      <c r="E2321" s="14">
        <f>'申請書（複数入力用）'!H2323</f>
        <v>0</v>
      </c>
      <c r="F2321" s="11" t="str">
        <f>'申請書（複数入力用）'!J2323</f>
        <v/>
      </c>
      <c r="G2321" s="6" t="str">
        <f>'申請書（複数入力用）'!K2323</f>
        <v>a052r000000jS9ZAAU</v>
      </c>
      <c r="H2321" s="12" t="e">
        <f>'申請書（複数入力用）'!N2323</f>
        <v>#N/A</v>
      </c>
      <c r="I2321" s="12" t="e">
        <f>'申請書（複数入力用）'!O2323</f>
        <v>#N/A</v>
      </c>
      <c r="J2321" s="12">
        <f>'申請書（複数入力用）'!P2323</f>
        <v>1</v>
      </c>
    </row>
    <row r="2322" spans="1:10" ht="51.6" customHeight="1" x14ac:dyDescent="0.45">
      <c r="A2322" s="6">
        <f>'申請書（複数入力用）'!A2324</f>
        <v>2318</v>
      </c>
      <c r="B2322" s="13">
        <f>'申請書（複数入力用）'!AH2324</f>
        <v>0</v>
      </c>
      <c r="C2322" s="6">
        <f>'申請書（複数入力用）'!B2324</f>
        <v>0</v>
      </c>
      <c r="D2322" s="6">
        <f>'申請書（複数入力用）'!D2324</f>
        <v>0</v>
      </c>
      <c r="E2322" s="14">
        <f>'申請書（複数入力用）'!H2324</f>
        <v>0</v>
      </c>
      <c r="F2322" s="11" t="str">
        <f>'申請書（複数入力用）'!J2324</f>
        <v/>
      </c>
      <c r="G2322" s="6" t="str">
        <f>'申請書（複数入力用）'!K2324</f>
        <v>a052r000000jS9ZAAU</v>
      </c>
      <c r="H2322" s="12" t="e">
        <f>'申請書（複数入力用）'!N2324</f>
        <v>#N/A</v>
      </c>
      <c r="I2322" s="12" t="e">
        <f>'申請書（複数入力用）'!O2324</f>
        <v>#N/A</v>
      </c>
      <c r="J2322" s="12">
        <f>'申請書（複数入力用）'!P2324</f>
        <v>1</v>
      </c>
    </row>
    <row r="2323" spans="1:10" ht="51.6" customHeight="1" x14ac:dyDescent="0.45">
      <c r="A2323" s="6">
        <f>'申請書（複数入力用）'!A2325</f>
        <v>2319</v>
      </c>
      <c r="B2323" s="13">
        <f>'申請書（複数入力用）'!AH2325</f>
        <v>0</v>
      </c>
      <c r="C2323" s="6">
        <f>'申請書（複数入力用）'!B2325</f>
        <v>0</v>
      </c>
      <c r="D2323" s="6">
        <f>'申請書（複数入力用）'!D2325</f>
        <v>0</v>
      </c>
      <c r="E2323" s="14">
        <f>'申請書（複数入力用）'!H2325</f>
        <v>0</v>
      </c>
      <c r="F2323" s="11" t="str">
        <f>'申請書（複数入力用）'!J2325</f>
        <v/>
      </c>
      <c r="G2323" s="6" t="str">
        <f>'申請書（複数入力用）'!K2325</f>
        <v>a052r000000jS9ZAAU</v>
      </c>
      <c r="H2323" s="12" t="e">
        <f>'申請書（複数入力用）'!N2325</f>
        <v>#N/A</v>
      </c>
      <c r="I2323" s="12" t="e">
        <f>'申請書（複数入力用）'!O2325</f>
        <v>#N/A</v>
      </c>
      <c r="J2323" s="12">
        <f>'申請書（複数入力用）'!P2325</f>
        <v>1</v>
      </c>
    </row>
    <row r="2324" spans="1:10" ht="51.6" customHeight="1" x14ac:dyDescent="0.45">
      <c r="A2324" s="6">
        <f>'申請書（複数入力用）'!A2326</f>
        <v>2320</v>
      </c>
      <c r="B2324" s="13">
        <f>'申請書（複数入力用）'!AH2326</f>
        <v>0</v>
      </c>
      <c r="C2324" s="6">
        <f>'申請書（複数入力用）'!B2326</f>
        <v>0</v>
      </c>
      <c r="D2324" s="6">
        <f>'申請書（複数入力用）'!D2326</f>
        <v>0</v>
      </c>
      <c r="E2324" s="14">
        <f>'申請書（複数入力用）'!H2326</f>
        <v>0</v>
      </c>
      <c r="F2324" s="11" t="str">
        <f>'申請書（複数入力用）'!J2326</f>
        <v/>
      </c>
      <c r="G2324" s="6" t="str">
        <f>'申請書（複数入力用）'!K2326</f>
        <v>a052r000000jS9ZAAU</v>
      </c>
      <c r="H2324" s="12" t="e">
        <f>'申請書（複数入力用）'!N2326</f>
        <v>#N/A</v>
      </c>
      <c r="I2324" s="12" t="e">
        <f>'申請書（複数入力用）'!O2326</f>
        <v>#N/A</v>
      </c>
      <c r="J2324" s="12">
        <f>'申請書（複数入力用）'!P2326</f>
        <v>1</v>
      </c>
    </row>
    <row r="2325" spans="1:10" ht="51.6" customHeight="1" x14ac:dyDescent="0.45">
      <c r="A2325" s="6">
        <f>'申請書（複数入力用）'!A2327</f>
        <v>2321</v>
      </c>
      <c r="B2325" s="13">
        <f>'申請書（複数入力用）'!AH2327</f>
        <v>0</v>
      </c>
      <c r="C2325" s="6">
        <f>'申請書（複数入力用）'!B2327</f>
        <v>0</v>
      </c>
      <c r="D2325" s="6">
        <f>'申請書（複数入力用）'!D2327</f>
        <v>0</v>
      </c>
      <c r="E2325" s="14">
        <f>'申請書（複数入力用）'!H2327</f>
        <v>0</v>
      </c>
      <c r="F2325" s="11" t="str">
        <f>'申請書（複数入力用）'!J2327</f>
        <v/>
      </c>
      <c r="G2325" s="6" t="str">
        <f>'申請書（複数入力用）'!K2327</f>
        <v>a052r000000jS9ZAAU</v>
      </c>
      <c r="H2325" s="12" t="e">
        <f>'申請書（複数入力用）'!N2327</f>
        <v>#N/A</v>
      </c>
      <c r="I2325" s="12" t="e">
        <f>'申請書（複数入力用）'!O2327</f>
        <v>#N/A</v>
      </c>
      <c r="J2325" s="12">
        <f>'申請書（複数入力用）'!P2327</f>
        <v>1</v>
      </c>
    </row>
    <row r="2326" spans="1:10" ht="51.6" customHeight="1" x14ac:dyDescent="0.45">
      <c r="A2326" s="6">
        <f>'申請書（複数入力用）'!A2328</f>
        <v>2322</v>
      </c>
      <c r="B2326" s="13">
        <f>'申請書（複数入力用）'!AH2328</f>
        <v>0</v>
      </c>
      <c r="C2326" s="6">
        <f>'申請書（複数入力用）'!B2328</f>
        <v>0</v>
      </c>
      <c r="D2326" s="6">
        <f>'申請書（複数入力用）'!D2328</f>
        <v>0</v>
      </c>
      <c r="E2326" s="14">
        <f>'申請書（複数入力用）'!H2328</f>
        <v>0</v>
      </c>
      <c r="F2326" s="11" t="str">
        <f>'申請書（複数入力用）'!J2328</f>
        <v/>
      </c>
      <c r="G2326" s="6" t="str">
        <f>'申請書（複数入力用）'!K2328</f>
        <v>a052r000000jS9ZAAU</v>
      </c>
      <c r="H2326" s="12" t="e">
        <f>'申請書（複数入力用）'!N2328</f>
        <v>#N/A</v>
      </c>
      <c r="I2326" s="12" t="e">
        <f>'申請書（複数入力用）'!O2328</f>
        <v>#N/A</v>
      </c>
      <c r="J2326" s="12">
        <f>'申請書（複数入力用）'!P2328</f>
        <v>1</v>
      </c>
    </row>
    <row r="2327" spans="1:10" ht="51.6" customHeight="1" x14ac:dyDescent="0.45">
      <c r="A2327" s="6">
        <f>'申請書（複数入力用）'!A2329</f>
        <v>2323</v>
      </c>
      <c r="B2327" s="13">
        <f>'申請書（複数入力用）'!AH2329</f>
        <v>0</v>
      </c>
      <c r="C2327" s="6">
        <f>'申請書（複数入力用）'!B2329</f>
        <v>0</v>
      </c>
      <c r="D2327" s="6">
        <f>'申請書（複数入力用）'!D2329</f>
        <v>0</v>
      </c>
      <c r="E2327" s="14">
        <f>'申請書（複数入力用）'!H2329</f>
        <v>0</v>
      </c>
      <c r="F2327" s="11" t="str">
        <f>'申請書（複数入力用）'!J2329</f>
        <v/>
      </c>
      <c r="G2327" s="6" t="str">
        <f>'申請書（複数入力用）'!K2329</f>
        <v>a052r000000jS9ZAAU</v>
      </c>
      <c r="H2327" s="12" t="e">
        <f>'申請書（複数入力用）'!N2329</f>
        <v>#N/A</v>
      </c>
      <c r="I2327" s="12" t="e">
        <f>'申請書（複数入力用）'!O2329</f>
        <v>#N/A</v>
      </c>
      <c r="J2327" s="12">
        <f>'申請書（複数入力用）'!P2329</f>
        <v>1</v>
      </c>
    </row>
    <row r="2328" spans="1:10" ht="51.6" customHeight="1" x14ac:dyDescent="0.45">
      <c r="A2328" s="6">
        <f>'申請書（複数入力用）'!A2330</f>
        <v>2324</v>
      </c>
      <c r="B2328" s="13">
        <f>'申請書（複数入力用）'!AH2330</f>
        <v>0</v>
      </c>
      <c r="C2328" s="6">
        <f>'申請書（複数入力用）'!B2330</f>
        <v>0</v>
      </c>
      <c r="D2328" s="6">
        <f>'申請書（複数入力用）'!D2330</f>
        <v>0</v>
      </c>
      <c r="E2328" s="14">
        <f>'申請書（複数入力用）'!H2330</f>
        <v>0</v>
      </c>
      <c r="F2328" s="11" t="str">
        <f>'申請書（複数入力用）'!J2330</f>
        <v/>
      </c>
      <c r="G2328" s="6" t="str">
        <f>'申請書（複数入力用）'!K2330</f>
        <v>a052r000000jS9ZAAU</v>
      </c>
      <c r="H2328" s="12" t="e">
        <f>'申請書（複数入力用）'!N2330</f>
        <v>#N/A</v>
      </c>
      <c r="I2328" s="12" t="e">
        <f>'申請書（複数入力用）'!O2330</f>
        <v>#N/A</v>
      </c>
      <c r="J2328" s="12">
        <f>'申請書（複数入力用）'!P2330</f>
        <v>1</v>
      </c>
    </row>
    <row r="2329" spans="1:10" ht="51.6" customHeight="1" x14ac:dyDescent="0.45">
      <c r="A2329" s="6">
        <f>'申請書（複数入力用）'!A2331</f>
        <v>2325</v>
      </c>
      <c r="B2329" s="13">
        <f>'申請書（複数入力用）'!AH2331</f>
        <v>0</v>
      </c>
      <c r="C2329" s="6">
        <f>'申請書（複数入力用）'!B2331</f>
        <v>0</v>
      </c>
      <c r="D2329" s="6">
        <f>'申請書（複数入力用）'!D2331</f>
        <v>0</v>
      </c>
      <c r="E2329" s="14">
        <f>'申請書（複数入力用）'!H2331</f>
        <v>0</v>
      </c>
      <c r="F2329" s="11" t="str">
        <f>'申請書（複数入力用）'!J2331</f>
        <v/>
      </c>
      <c r="G2329" s="6" t="str">
        <f>'申請書（複数入力用）'!K2331</f>
        <v>a052r000000jS9ZAAU</v>
      </c>
      <c r="H2329" s="12" t="e">
        <f>'申請書（複数入力用）'!N2331</f>
        <v>#N/A</v>
      </c>
      <c r="I2329" s="12" t="e">
        <f>'申請書（複数入力用）'!O2331</f>
        <v>#N/A</v>
      </c>
      <c r="J2329" s="12">
        <f>'申請書（複数入力用）'!P2331</f>
        <v>1</v>
      </c>
    </row>
    <row r="2330" spans="1:10" ht="51.6" customHeight="1" x14ac:dyDescent="0.45">
      <c r="A2330" s="6">
        <f>'申請書（複数入力用）'!A2332</f>
        <v>2326</v>
      </c>
      <c r="B2330" s="13">
        <f>'申請書（複数入力用）'!AH2332</f>
        <v>0</v>
      </c>
      <c r="C2330" s="6">
        <f>'申請書（複数入力用）'!B2332</f>
        <v>0</v>
      </c>
      <c r="D2330" s="6">
        <f>'申請書（複数入力用）'!D2332</f>
        <v>0</v>
      </c>
      <c r="E2330" s="14">
        <f>'申請書（複数入力用）'!H2332</f>
        <v>0</v>
      </c>
      <c r="F2330" s="11" t="str">
        <f>'申請書（複数入力用）'!J2332</f>
        <v/>
      </c>
      <c r="G2330" s="6" t="str">
        <f>'申請書（複数入力用）'!K2332</f>
        <v>a052r000000jS9ZAAU</v>
      </c>
      <c r="H2330" s="12" t="e">
        <f>'申請書（複数入力用）'!N2332</f>
        <v>#N/A</v>
      </c>
      <c r="I2330" s="12" t="e">
        <f>'申請書（複数入力用）'!O2332</f>
        <v>#N/A</v>
      </c>
      <c r="J2330" s="12">
        <f>'申請書（複数入力用）'!P2332</f>
        <v>1</v>
      </c>
    </row>
    <row r="2331" spans="1:10" ht="51.6" customHeight="1" x14ac:dyDescent="0.45">
      <c r="A2331" s="6">
        <f>'申請書（複数入力用）'!A2333</f>
        <v>2327</v>
      </c>
      <c r="B2331" s="13">
        <f>'申請書（複数入力用）'!AH2333</f>
        <v>0</v>
      </c>
      <c r="C2331" s="6">
        <f>'申請書（複数入力用）'!B2333</f>
        <v>0</v>
      </c>
      <c r="D2331" s="6">
        <f>'申請書（複数入力用）'!D2333</f>
        <v>0</v>
      </c>
      <c r="E2331" s="14">
        <f>'申請書（複数入力用）'!H2333</f>
        <v>0</v>
      </c>
      <c r="F2331" s="11" t="str">
        <f>'申請書（複数入力用）'!J2333</f>
        <v/>
      </c>
      <c r="G2331" s="6" t="str">
        <f>'申請書（複数入力用）'!K2333</f>
        <v>a052r000000jS9ZAAU</v>
      </c>
      <c r="H2331" s="12" t="e">
        <f>'申請書（複数入力用）'!N2333</f>
        <v>#N/A</v>
      </c>
      <c r="I2331" s="12" t="e">
        <f>'申請書（複数入力用）'!O2333</f>
        <v>#N/A</v>
      </c>
      <c r="J2331" s="12">
        <f>'申請書（複数入力用）'!P2333</f>
        <v>1</v>
      </c>
    </row>
    <row r="2332" spans="1:10" ht="51.6" customHeight="1" x14ac:dyDescent="0.45">
      <c r="A2332" s="6">
        <f>'申請書（複数入力用）'!A2334</f>
        <v>2328</v>
      </c>
      <c r="B2332" s="13">
        <f>'申請書（複数入力用）'!AH2334</f>
        <v>0</v>
      </c>
      <c r="C2332" s="6">
        <f>'申請書（複数入力用）'!B2334</f>
        <v>0</v>
      </c>
      <c r="D2332" s="6">
        <f>'申請書（複数入力用）'!D2334</f>
        <v>0</v>
      </c>
      <c r="E2332" s="14">
        <f>'申請書（複数入力用）'!H2334</f>
        <v>0</v>
      </c>
      <c r="F2332" s="11" t="str">
        <f>'申請書（複数入力用）'!J2334</f>
        <v/>
      </c>
      <c r="G2332" s="6" t="str">
        <f>'申請書（複数入力用）'!K2334</f>
        <v>a052r000000jS9ZAAU</v>
      </c>
      <c r="H2332" s="12" t="e">
        <f>'申請書（複数入力用）'!N2334</f>
        <v>#N/A</v>
      </c>
      <c r="I2332" s="12" t="e">
        <f>'申請書（複数入力用）'!O2334</f>
        <v>#N/A</v>
      </c>
      <c r="J2332" s="12">
        <f>'申請書（複数入力用）'!P2334</f>
        <v>1</v>
      </c>
    </row>
    <row r="2333" spans="1:10" ht="51.6" customHeight="1" x14ac:dyDescent="0.45">
      <c r="A2333" s="6">
        <f>'申請書（複数入力用）'!A2335</f>
        <v>2329</v>
      </c>
      <c r="B2333" s="13">
        <f>'申請書（複数入力用）'!AH2335</f>
        <v>0</v>
      </c>
      <c r="C2333" s="6">
        <f>'申請書（複数入力用）'!B2335</f>
        <v>0</v>
      </c>
      <c r="D2333" s="6">
        <f>'申請書（複数入力用）'!D2335</f>
        <v>0</v>
      </c>
      <c r="E2333" s="14">
        <f>'申請書（複数入力用）'!H2335</f>
        <v>0</v>
      </c>
      <c r="F2333" s="11" t="str">
        <f>'申請書（複数入力用）'!J2335</f>
        <v/>
      </c>
      <c r="G2333" s="6" t="str">
        <f>'申請書（複数入力用）'!K2335</f>
        <v>a052r000000jS9ZAAU</v>
      </c>
      <c r="H2333" s="12" t="e">
        <f>'申請書（複数入力用）'!N2335</f>
        <v>#N/A</v>
      </c>
      <c r="I2333" s="12" t="e">
        <f>'申請書（複数入力用）'!O2335</f>
        <v>#N/A</v>
      </c>
      <c r="J2333" s="12">
        <f>'申請書（複数入力用）'!P2335</f>
        <v>1</v>
      </c>
    </row>
    <row r="2334" spans="1:10" ht="51.6" customHeight="1" x14ac:dyDescent="0.45">
      <c r="A2334" s="6">
        <f>'申請書（複数入力用）'!A2336</f>
        <v>2330</v>
      </c>
      <c r="B2334" s="13">
        <f>'申請書（複数入力用）'!AH2336</f>
        <v>0</v>
      </c>
      <c r="C2334" s="6">
        <f>'申請書（複数入力用）'!B2336</f>
        <v>0</v>
      </c>
      <c r="D2334" s="6">
        <f>'申請書（複数入力用）'!D2336</f>
        <v>0</v>
      </c>
      <c r="E2334" s="14">
        <f>'申請書（複数入力用）'!H2336</f>
        <v>0</v>
      </c>
      <c r="F2334" s="11" t="str">
        <f>'申請書（複数入力用）'!J2336</f>
        <v/>
      </c>
      <c r="G2334" s="6" t="str">
        <f>'申請書（複数入力用）'!K2336</f>
        <v>a052r000000jS9ZAAU</v>
      </c>
      <c r="H2334" s="12" t="e">
        <f>'申請書（複数入力用）'!N2336</f>
        <v>#N/A</v>
      </c>
      <c r="I2334" s="12" t="e">
        <f>'申請書（複数入力用）'!O2336</f>
        <v>#N/A</v>
      </c>
      <c r="J2334" s="12">
        <f>'申請書（複数入力用）'!P2336</f>
        <v>1</v>
      </c>
    </row>
    <row r="2335" spans="1:10" ht="51.6" customHeight="1" x14ac:dyDescent="0.45">
      <c r="A2335" s="6">
        <f>'申請書（複数入力用）'!A2337</f>
        <v>2331</v>
      </c>
      <c r="B2335" s="13">
        <f>'申請書（複数入力用）'!AH2337</f>
        <v>0</v>
      </c>
      <c r="C2335" s="6">
        <f>'申請書（複数入力用）'!B2337</f>
        <v>0</v>
      </c>
      <c r="D2335" s="6">
        <f>'申請書（複数入力用）'!D2337</f>
        <v>0</v>
      </c>
      <c r="E2335" s="14">
        <f>'申請書（複数入力用）'!H2337</f>
        <v>0</v>
      </c>
      <c r="F2335" s="11" t="str">
        <f>'申請書（複数入力用）'!J2337</f>
        <v/>
      </c>
      <c r="G2335" s="6" t="str">
        <f>'申請書（複数入力用）'!K2337</f>
        <v>a052r000000jS9ZAAU</v>
      </c>
      <c r="H2335" s="12" t="e">
        <f>'申請書（複数入力用）'!N2337</f>
        <v>#N/A</v>
      </c>
      <c r="I2335" s="12" t="e">
        <f>'申請書（複数入力用）'!O2337</f>
        <v>#N/A</v>
      </c>
      <c r="J2335" s="12">
        <f>'申請書（複数入力用）'!P2337</f>
        <v>1</v>
      </c>
    </row>
    <row r="2336" spans="1:10" ht="51.6" customHeight="1" x14ac:dyDescent="0.45">
      <c r="A2336" s="6">
        <f>'申請書（複数入力用）'!A2338</f>
        <v>2332</v>
      </c>
      <c r="B2336" s="13">
        <f>'申請書（複数入力用）'!AH2338</f>
        <v>0</v>
      </c>
      <c r="C2336" s="6">
        <f>'申請書（複数入力用）'!B2338</f>
        <v>0</v>
      </c>
      <c r="D2336" s="6">
        <f>'申請書（複数入力用）'!D2338</f>
        <v>0</v>
      </c>
      <c r="E2336" s="14">
        <f>'申請書（複数入力用）'!H2338</f>
        <v>0</v>
      </c>
      <c r="F2336" s="11" t="str">
        <f>'申請書（複数入力用）'!J2338</f>
        <v/>
      </c>
      <c r="G2336" s="6" t="str">
        <f>'申請書（複数入力用）'!K2338</f>
        <v>a052r000000jS9ZAAU</v>
      </c>
      <c r="H2336" s="12" t="e">
        <f>'申請書（複数入力用）'!N2338</f>
        <v>#N/A</v>
      </c>
      <c r="I2336" s="12" t="e">
        <f>'申請書（複数入力用）'!O2338</f>
        <v>#N/A</v>
      </c>
      <c r="J2336" s="12">
        <f>'申請書（複数入力用）'!P2338</f>
        <v>1</v>
      </c>
    </row>
    <row r="2337" spans="1:10" ht="51.6" customHeight="1" x14ac:dyDescent="0.45">
      <c r="A2337" s="6">
        <f>'申請書（複数入力用）'!A2339</f>
        <v>2333</v>
      </c>
      <c r="B2337" s="13">
        <f>'申請書（複数入力用）'!AH2339</f>
        <v>0</v>
      </c>
      <c r="C2337" s="6">
        <f>'申請書（複数入力用）'!B2339</f>
        <v>0</v>
      </c>
      <c r="D2337" s="6">
        <f>'申請書（複数入力用）'!D2339</f>
        <v>0</v>
      </c>
      <c r="E2337" s="14">
        <f>'申請書（複数入力用）'!H2339</f>
        <v>0</v>
      </c>
      <c r="F2337" s="11" t="str">
        <f>'申請書（複数入力用）'!J2339</f>
        <v/>
      </c>
      <c r="G2337" s="6" t="str">
        <f>'申請書（複数入力用）'!K2339</f>
        <v>a052r000000jS9ZAAU</v>
      </c>
      <c r="H2337" s="12" t="e">
        <f>'申請書（複数入力用）'!N2339</f>
        <v>#N/A</v>
      </c>
      <c r="I2337" s="12" t="e">
        <f>'申請書（複数入力用）'!O2339</f>
        <v>#N/A</v>
      </c>
      <c r="J2337" s="12">
        <f>'申請書（複数入力用）'!P2339</f>
        <v>1</v>
      </c>
    </row>
    <row r="2338" spans="1:10" ht="51.6" customHeight="1" x14ac:dyDescent="0.45">
      <c r="A2338" s="6">
        <f>'申請書（複数入力用）'!A2340</f>
        <v>2334</v>
      </c>
      <c r="B2338" s="13">
        <f>'申請書（複数入力用）'!AH2340</f>
        <v>0</v>
      </c>
      <c r="C2338" s="6">
        <f>'申請書（複数入力用）'!B2340</f>
        <v>0</v>
      </c>
      <c r="D2338" s="6">
        <f>'申請書（複数入力用）'!D2340</f>
        <v>0</v>
      </c>
      <c r="E2338" s="14">
        <f>'申請書（複数入力用）'!H2340</f>
        <v>0</v>
      </c>
      <c r="F2338" s="11" t="str">
        <f>'申請書（複数入力用）'!J2340</f>
        <v/>
      </c>
      <c r="G2338" s="6" t="str">
        <f>'申請書（複数入力用）'!K2340</f>
        <v>a052r000000jS9ZAAU</v>
      </c>
      <c r="H2338" s="12" t="e">
        <f>'申請書（複数入力用）'!N2340</f>
        <v>#N/A</v>
      </c>
      <c r="I2338" s="12" t="e">
        <f>'申請書（複数入力用）'!O2340</f>
        <v>#N/A</v>
      </c>
      <c r="J2338" s="12">
        <f>'申請書（複数入力用）'!P2340</f>
        <v>1</v>
      </c>
    </row>
    <row r="2339" spans="1:10" ht="51.6" customHeight="1" x14ac:dyDescent="0.45">
      <c r="A2339" s="6">
        <f>'申請書（複数入力用）'!A2341</f>
        <v>2335</v>
      </c>
      <c r="B2339" s="13">
        <f>'申請書（複数入力用）'!AH2341</f>
        <v>0</v>
      </c>
      <c r="C2339" s="6">
        <f>'申請書（複数入力用）'!B2341</f>
        <v>0</v>
      </c>
      <c r="D2339" s="6">
        <f>'申請書（複数入力用）'!D2341</f>
        <v>0</v>
      </c>
      <c r="E2339" s="14">
        <f>'申請書（複数入力用）'!H2341</f>
        <v>0</v>
      </c>
      <c r="F2339" s="11" t="str">
        <f>'申請書（複数入力用）'!J2341</f>
        <v/>
      </c>
      <c r="G2339" s="6" t="str">
        <f>'申請書（複数入力用）'!K2341</f>
        <v>a052r000000jS9ZAAU</v>
      </c>
      <c r="H2339" s="12" t="e">
        <f>'申請書（複数入力用）'!N2341</f>
        <v>#N/A</v>
      </c>
      <c r="I2339" s="12" t="e">
        <f>'申請書（複数入力用）'!O2341</f>
        <v>#N/A</v>
      </c>
      <c r="J2339" s="12">
        <f>'申請書（複数入力用）'!P2341</f>
        <v>1</v>
      </c>
    </row>
    <row r="2340" spans="1:10" ht="51.6" customHeight="1" x14ac:dyDescent="0.45">
      <c r="A2340" s="6">
        <f>'申請書（複数入力用）'!A2342</f>
        <v>2336</v>
      </c>
      <c r="B2340" s="13">
        <f>'申請書（複数入力用）'!AH2342</f>
        <v>0</v>
      </c>
      <c r="C2340" s="6">
        <f>'申請書（複数入力用）'!B2342</f>
        <v>0</v>
      </c>
      <c r="D2340" s="6">
        <f>'申請書（複数入力用）'!D2342</f>
        <v>0</v>
      </c>
      <c r="E2340" s="14">
        <f>'申請書（複数入力用）'!H2342</f>
        <v>0</v>
      </c>
      <c r="F2340" s="11" t="str">
        <f>'申請書（複数入力用）'!J2342</f>
        <v/>
      </c>
      <c r="G2340" s="6" t="str">
        <f>'申請書（複数入力用）'!K2342</f>
        <v>a052r000000jS9ZAAU</v>
      </c>
      <c r="H2340" s="12" t="e">
        <f>'申請書（複数入力用）'!N2342</f>
        <v>#N/A</v>
      </c>
      <c r="I2340" s="12" t="e">
        <f>'申請書（複数入力用）'!O2342</f>
        <v>#N/A</v>
      </c>
      <c r="J2340" s="12">
        <f>'申請書（複数入力用）'!P2342</f>
        <v>1</v>
      </c>
    </row>
    <row r="2341" spans="1:10" ht="51.6" customHeight="1" x14ac:dyDescent="0.45">
      <c r="A2341" s="6">
        <f>'申請書（複数入力用）'!A2343</f>
        <v>2337</v>
      </c>
      <c r="B2341" s="13">
        <f>'申請書（複数入力用）'!AH2343</f>
        <v>0</v>
      </c>
      <c r="C2341" s="6">
        <f>'申請書（複数入力用）'!B2343</f>
        <v>0</v>
      </c>
      <c r="D2341" s="6">
        <f>'申請書（複数入力用）'!D2343</f>
        <v>0</v>
      </c>
      <c r="E2341" s="14">
        <f>'申請書（複数入力用）'!H2343</f>
        <v>0</v>
      </c>
      <c r="F2341" s="11" t="str">
        <f>'申請書（複数入力用）'!J2343</f>
        <v/>
      </c>
      <c r="G2341" s="6" t="str">
        <f>'申請書（複数入力用）'!K2343</f>
        <v>a052r000000jS9ZAAU</v>
      </c>
      <c r="H2341" s="12" t="e">
        <f>'申請書（複数入力用）'!N2343</f>
        <v>#N/A</v>
      </c>
      <c r="I2341" s="12" t="e">
        <f>'申請書（複数入力用）'!O2343</f>
        <v>#N/A</v>
      </c>
      <c r="J2341" s="12">
        <f>'申請書（複数入力用）'!P2343</f>
        <v>1</v>
      </c>
    </row>
    <row r="2342" spans="1:10" ht="51.6" customHeight="1" x14ac:dyDescent="0.45">
      <c r="A2342" s="6">
        <f>'申請書（複数入力用）'!A2344</f>
        <v>2338</v>
      </c>
      <c r="B2342" s="13">
        <f>'申請書（複数入力用）'!AH2344</f>
        <v>0</v>
      </c>
      <c r="C2342" s="6">
        <f>'申請書（複数入力用）'!B2344</f>
        <v>0</v>
      </c>
      <c r="D2342" s="6">
        <f>'申請書（複数入力用）'!D2344</f>
        <v>0</v>
      </c>
      <c r="E2342" s="14">
        <f>'申請書（複数入力用）'!H2344</f>
        <v>0</v>
      </c>
      <c r="F2342" s="11" t="str">
        <f>'申請書（複数入力用）'!J2344</f>
        <v/>
      </c>
      <c r="G2342" s="6" t="str">
        <f>'申請書（複数入力用）'!K2344</f>
        <v>a052r000000jS9ZAAU</v>
      </c>
      <c r="H2342" s="12" t="e">
        <f>'申請書（複数入力用）'!N2344</f>
        <v>#N/A</v>
      </c>
      <c r="I2342" s="12" t="e">
        <f>'申請書（複数入力用）'!O2344</f>
        <v>#N/A</v>
      </c>
      <c r="J2342" s="12">
        <f>'申請書（複数入力用）'!P2344</f>
        <v>1</v>
      </c>
    </row>
    <row r="2343" spans="1:10" ht="51.6" customHeight="1" x14ac:dyDescent="0.45">
      <c r="A2343" s="6">
        <f>'申請書（複数入力用）'!A2345</f>
        <v>2339</v>
      </c>
      <c r="B2343" s="13">
        <f>'申請書（複数入力用）'!AH2345</f>
        <v>0</v>
      </c>
      <c r="C2343" s="6">
        <f>'申請書（複数入力用）'!B2345</f>
        <v>0</v>
      </c>
      <c r="D2343" s="6">
        <f>'申請書（複数入力用）'!D2345</f>
        <v>0</v>
      </c>
      <c r="E2343" s="14">
        <f>'申請書（複数入力用）'!H2345</f>
        <v>0</v>
      </c>
      <c r="F2343" s="11" t="str">
        <f>'申請書（複数入力用）'!J2345</f>
        <v/>
      </c>
      <c r="G2343" s="6" t="str">
        <f>'申請書（複数入力用）'!K2345</f>
        <v>a052r000000jS9ZAAU</v>
      </c>
      <c r="H2343" s="12" t="e">
        <f>'申請書（複数入力用）'!N2345</f>
        <v>#N/A</v>
      </c>
      <c r="I2343" s="12" t="e">
        <f>'申請書（複数入力用）'!O2345</f>
        <v>#N/A</v>
      </c>
      <c r="J2343" s="12">
        <f>'申請書（複数入力用）'!P2345</f>
        <v>1</v>
      </c>
    </row>
    <row r="2344" spans="1:10" ht="51.6" customHeight="1" x14ac:dyDescent="0.45">
      <c r="A2344" s="6">
        <f>'申請書（複数入力用）'!A2346</f>
        <v>2340</v>
      </c>
      <c r="B2344" s="13">
        <f>'申請書（複数入力用）'!AH2346</f>
        <v>0</v>
      </c>
      <c r="C2344" s="6">
        <f>'申請書（複数入力用）'!B2346</f>
        <v>0</v>
      </c>
      <c r="D2344" s="6">
        <f>'申請書（複数入力用）'!D2346</f>
        <v>0</v>
      </c>
      <c r="E2344" s="14">
        <f>'申請書（複数入力用）'!H2346</f>
        <v>0</v>
      </c>
      <c r="F2344" s="11" t="str">
        <f>'申請書（複数入力用）'!J2346</f>
        <v/>
      </c>
      <c r="G2344" s="6" t="str">
        <f>'申請書（複数入力用）'!K2346</f>
        <v>a052r000000jS9ZAAU</v>
      </c>
      <c r="H2344" s="12" t="e">
        <f>'申請書（複数入力用）'!N2346</f>
        <v>#N/A</v>
      </c>
      <c r="I2344" s="12" t="e">
        <f>'申請書（複数入力用）'!O2346</f>
        <v>#N/A</v>
      </c>
      <c r="J2344" s="12">
        <f>'申請書（複数入力用）'!P2346</f>
        <v>1</v>
      </c>
    </row>
    <row r="2345" spans="1:10" ht="51.6" customHeight="1" x14ac:dyDescent="0.45">
      <c r="A2345" s="6">
        <f>'申請書（複数入力用）'!A2347</f>
        <v>2341</v>
      </c>
      <c r="B2345" s="13">
        <f>'申請書（複数入力用）'!AH2347</f>
        <v>0</v>
      </c>
      <c r="C2345" s="6">
        <f>'申請書（複数入力用）'!B2347</f>
        <v>0</v>
      </c>
      <c r="D2345" s="6">
        <f>'申請書（複数入力用）'!D2347</f>
        <v>0</v>
      </c>
      <c r="E2345" s="14">
        <f>'申請書（複数入力用）'!H2347</f>
        <v>0</v>
      </c>
      <c r="F2345" s="11" t="str">
        <f>'申請書（複数入力用）'!J2347</f>
        <v/>
      </c>
      <c r="G2345" s="6" t="str">
        <f>'申請書（複数入力用）'!K2347</f>
        <v>a052r000000jS9ZAAU</v>
      </c>
      <c r="H2345" s="12" t="e">
        <f>'申請書（複数入力用）'!N2347</f>
        <v>#N/A</v>
      </c>
      <c r="I2345" s="12" t="e">
        <f>'申請書（複数入力用）'!O2347</f>
        <v>#N/A</v>
      </c>
      <c r="J2345" s="12">
        <f>'申請書（複数入力用）'!P2347</f>
        <v>1</v>
      </c>
    </row>
    <row r="2346" spans="1:10" ht="51.6" customHeight="1" x14ac:dyDescent="0.45">
      <c r="A2346" s="6">
        <f>'申請書（複数入力用）'!A2348</f>
        <v>2342</v>
      </c>
      <c r="B2346" s="13">
        <f>'申請書（複数入力用）'!AH2348</f>
        <v>0</v>
      </c>
      <c r="C2346" s="6">
        <f>'申請書（複数入力用）'!B2348</f>
        <v>0</v>
      </c>
      <c r="D2346" s="6">
        <f>'申請書（複数入力用）'!D2348</f>
        <v>0</v>
      </c>
      <c r="E2346" s="14">
        <f>'申請書（複数入力用）'!H2348</f>
        <v>0</v>
      </c>
      <c r="F2346" s="11" t="str">
        <f>'申請書（複数入力用）'!J2348</f>
        <v/>
      </c>
      <c r="G2346" s="6" t="str">
        <f>'申請書（複数入力用）'!K2348</f>
        <v>a052r000000jS9ZAAU</v>
      </c>
      <c r="H2346" s="12" t="e">
        <f>'申請書（複数入力用）'!N2348</f>
        <v>#N/A</v>
      </c>
      <c r="I2346" s="12" t="e">
        <f>'申請書（複数入力用）'!O2348</f>
        <v>#N/A</v>
      </c>
      <c r="J2346" s="12">
        <f>'申請書（複数入力用）'!P2348</f>
        <v>1</v>
      </c>
    </row>
    <row r="2347" spans="1:10" ht="51.6" customHeight="1" x14ac:dyDescent="0.45">
      <c r="A2347" s="6">
        <f>'申請書（複数入力用）'!A2349</f>
        <v>2343</v>
      </c>
      <c r="B2347" s="13">
        <f>'申請書（複数入力用）'!AH2349</f>
        <v>0</v>
      </c>
      <c r="C2347" s="6">
        <f>'申請書（複数入力用）'!B2349</f>
        <v>0</v>
      </c>
      <c r="D2347" s="6">
        <f>'申請書（複数入力用）'!D2349</f>
        <v>0</v>
      </c>
      <c r="E2347" s="14">
        <f>'申請書（複数入力用）'!H2349</f>
        <v>0</v>
      </c>
      <c r="F2347" s="11" t="str">
        <f>'申請書（複数入力用）'!J2349</f>
        <v/>
      </c>
      <c r="G2347" s="6" t="str">
        <f>'申請書（複数入力用）'!K2349</f>
        <v>a052r000000jS9ZAAU</v>
      </c>
      <c r="H2347" s="12" t="e">
        <f>'申請書（複数入力用）'!N2349</f>
        <v>#N/A</v>
      </c>
      <c r="I2347" s="12" t="e">
        <f>'申請書（複数入力用）'!O2349</f>
        <v>#N/A</v>
      </c>
      <c r="J2347" s="12">
        <f>'申請書（複数入力用）'!P2349</f>
        <v>1</v>
      </c>
    </row>
    <row r="2348" spans="1:10" ht="51.6" customHeight="1" x14ac:dyDescent="0.45">
      <c r="A2348" s="6">
        <f>'申請書（複数入力用）'!A2350</f>
        <v>2344</v>
      </c>
      <c r="B2348" s="13">
        <f>'申請書（複数入力用）'!AH2350</f>
        <v>0</v>
      </c>
      <c r="C2348" s="6">
        <f>'申請書（複数入力用）'!B2350</f>
        <v>0</v>
      </c>
      <c r="D2348" s="6">
        <f>'申請書（複数入力用）'!D2350</f>
        <v>0</v>
      </c>
      <c r="E2348" s="14">
        <f>'申請書（複数入力用）'!H2350</f>
        <v>0</v>
      </c>
      <c r="F2348" s="11" t="str">
        <f>'申請書（複数入力用）'!J2350</f>
        <v/>
      </c>
      <c r="G2348" s="6" t="str">
        <f>'申請書（複数入力用）'!K2350</f>
        <v>a052r000000jS9ZAAU</v>
      </c>
      <c r="H2348" s="12" t="e">
        <f>'申請書（複数入力用）'!N2350</f>
        <v>#N/A</v>
      </c>
      <c r="I2348" s="12" t="e">
        <f>'申請書（複数入力用）'!O2350</f>
        <v>#N/A</v>
      </c>
      <c r="J2348" s="12">
        <f>'申請書（複数入力用）'!P2350</f>
        <v>1</v>
      </c>
    </row>
    <row r="2349" spans="1:10" ht="51.6" customHeight="1" x14ac:dyDescent="0.45">
      <c r="A2349" s="6">
        <f>'申請書（複数入力用）'!A2351</f>
        <v>2345</v>
      </c>
      <c r="B2349" s="13">
        <f>'申請書（複数入力用）'!AH2351</f>
        <v>0</v>
      </c>
      <c r="C2349" s="6">
        <f>'申請書（複数入力用）'!B2351</f>
        <v>0</v>
      </c>
      <c r="D2349" s="6">
        <f>'申請書（複数入力用）'!D2351</f>
        <v>0</v>
      </c>
      <c r="E2349" s="14">
        <f>'申請書（複数入力用）'!H2351</f>
        <v>0</v>
      </c>
      <c r="F2349" s="11" t="str">
        <f>'申請書（複数入力用）'!J2351</f>
        <v/>
      </c>
      <c r="G2349" s="6" t="str">
        <f>'申請書（複数入力用）'!K2351</f>
        <v>a052r000000jS9ZAAU</v>
      </c>
      <c r="H2349" s="12" t="e">
        <f>'申請書（複数入力用）'!N2351</f>
        <v>#N/A</v>
      </c>
      <c r="I2349" s="12" t="e">
        <f>'申請書（複数入力用）'!O2351</f>
        <v>#N/A</v>
      </c>
      <c r="J2349" s="12">
        <f>'申請書（複数入力用）'!P2351</f>
        <v>1</v>
      </c>
    </row>
    <row r="2350" spans="1:10" ht="51.6" customHeight="1" x14ac:dyDescent="0.45">
      <c r="A2350" s="6">
        <f>'申請書（複数入力用）'!A2352</f>
        <v>2346</v>
      </c>
      <c r="B2350" s="13">
        <f>'申請書（複数入力用）'!AH2352</f>
        <v>0</v>
      </c>
      <c r="C2350" s="6">
        <f>'申請書（複数入力用）'!B2352</f>
        <v>0</v>
      </c>
      <c r="D2350" s="6">
        <f>'申請書（複数入力用）'!D2352</f>
        <v>0</v>
      </c>
      <c r="E2350" s="14">
        <f>'申請書（複数入力用）'!H2352</f>
        <v>0</v>
      </c>
      <c r="F2350" s="11" t="str">
        <f>'申請書（複数入力用）'!J2352</f>
        <v/>
      </c>
      <c r="G2350" s="6" t="str">
        <f>'申請書（複数入力用）'!K2352</f>
        <v>a052r000000jS9ZAAU</v>
      </c>
      <c r="H2350" s="12" t="e">
        <f>'申請書（複数入力用）'!N2352</f>
        <v>#N/A</v>
      </c>
      <c r="I2350" s="12" t="e">
        <f>'申請書（複数入力用）'!O2352</f>
        <v>#N/A</v>
      </c>
      <c r="J2350" s="12">
        <f>'申請書（複数入力用）'!P2352</f>
        <v>1</v>
      </c>
    </row>
    <row r="2351" spans="1:10" ht="51.6" customHeight="1" x14ac:dyDescent="0.45">
      <c r="A2351" s="6">
        <f>'申請書（複数入力用）'!A2353</f>
        <v>2347</v>
      </c>
      <c r="B2351" s="13">
        <f>'申請書（複数入力用）'!AH2353</f>
        <v>0</v>
      </c>
      <c r="C2351" s="6">
        <f>'申請書（複数入力用）'!B2353</f>
        <v>0</v>
      </c>
      <c r="D2351" s="6">
        <f>'申請書（複数入力用）'!D2353</f>
        <v>0</v>
      </c>
      <c r="E2351" s="14">
        <f>'申請書（複数入力用）'!H2353</f>
        <v>0</v>
      </c>
      <c r="F2351" s="11" t="str">
        <f>'申請書（複数入力用）'!J2353</f>
        <v/>
      </c>
      <c r="G2351" s="6" t="str">
        <f>'申請書（複数入力用）'!K2353</f>
        <v>a052r000000jS9ZAAU</v>
      </c>
      <c r="H2351" s="12" t="e">
        <f>'申請書（複数入力用）'!N2353</f>
        <v>#N/A</v>
      </c>
      <c r="I2351" s="12" t="e">
        <f>'申請書（複数入力用）'!O2353</f>
        <v>#N/A</v>
      </c>
      <c r="J2351" s="12">
        <f>'申請書（複数入力用）'!P2353</f>
        <v>1</v>
      </c>
    </row>
    <row r="2352" spans="1:10" ht="51.6" customHeight="1" x14ac:dyDescent="0.45">
      <c r="A2352" s="6">
        <f>'申請書（複数入力用）'!A2354</f>
        <v>2348</v>
      </c>
      <c r="B2352" s="13">
        <f>'申請書（複数入力用）'!AH2354</f>
        <v>0</v>
      </c>
      <c r="C2352" s="6">
        <f>'申請書（複数入力用）'!B2354</f>
        <v>0</v>
      </c>
      <c r="D2352" s="6">
        <f>'申請書（複数入力用）'!D2354</f>
        <v>0</v>
      </c>
      <c r="E2352" s="14">
        <f>'申請書（複数入力用）'!H2354</f>
        <v>0</v>
      </c>
      <c r="F2352" s="11" t="str">
        <f>'申請書（複数入力用）'!J2354</f>
        <v/>
      </c>
      <c r="G2352" s="6" t="str">
        <f>'申請書（複数入力用）'!K2354</f>
        <v>a052r000000jS9ZAAU</v>
      </c>
      <c r="H2352" s="12" t="e">
        <f>'申請書（複数入力用）'!N2354</f>
        <v>#N/A</v>
      </c>
      <c r="I2352" s="12" t="e">
        <f>'申請書（複数入力用）'!O2354</f>
        <v>#N/A</v>
      </c>
      <c r="J2352" s="12">
        <f>'申請書（複数入力用）'!P2354</f>
        <v>1</v>
      </c>
    </row>
    <row r="2353" spans="1:10" ht="51.6" customHeight="1" x14ac:dyDescent="0.45">
      <c r="A2353" s="6">
        <f>'申請書（複数入力用）'!A2355</f>
        <v>2349</v>
      </c>
      <c r="B2353" s="13">
        <f>'申請書（複数入力用）'!AH2355</f>
        <v>0</v>
      </c>
      <c r="C2353" s="6">
        <f>'申請書（複数入力用）'!B2355</f>
        <v>0</v>
      </c>
      <c r="D2353" s="6">
        <f>'申請書（複数入力用）'!D2355</f>
        <v>0</v>
      </c>
      <c r="E2353" s="14">
        <f>'申請書（複数入力用）'!H2355</f>
        <v>0</v>
      </c>
      <c r="F2353" s="11" t="str">
        <f>'申請書（複数入力用）'!J2355</f>
        <v/>
      </c>
      <c r="G2353" s="6" t="str">
        <f>'申請書（複数入力用）'!K2355</f>
        <v>a052r000000jS9ZAAU</v>
      </c>
      <c r="H2353" s="12" t="e">
        <f>'申請書（複数入力用）'!N2355</f>
        <v>#N/A</v>
      </c>
      <c r="I2353" s="12" t="e">
        <f>'申請書（複数入力用）'!O2355</f>
        <v>#N/A</v>
      </c>
      <c r="J2353" s="12">
        <f>'申請書（複数入力用）'!P2355</f>
        <v>1</v>
      </c>
    </row>
    <row r="2354" spans="1:10" ht="51.6" customHeight="1" x14ac:dyDescent="0.45">
      <c r="A2354" s="6">
        <f>'申請書（複数入力用）'!A2356</f>
        <v>2350</v>
      </c>
      <c r="B2354" s="13">
        <f>'申請書（複数入力用）'!AH2356</f>
        <v>0</v>
      </c>
      <c r="C2354" s="6">
        <f>'申請書（複数入力用）'!B2356</f>
        <v>0</v>
      </c>
      <c r="D2354" s="6">
        <f>'申請書（複数入力用）'!D2356</f>
        <v>0</v>
      </c>
      <c r="E2354" s="14">
        <f>'申請書（複数入力用）'!H2356</f>
        <v>0</v>
      </c>
      <c r="F2354" s="11" t="str">
        <f>'申請書（複数入力用）'!J2356</f>
        <v/>
      </c>
      <c r="G2354" s="6" t="str">
        <f>'申請書（複数入力用）'!K2356</f>
        <v>a052r000000jS9ZAAU</v>
      </c>
      <c r="H2354" s="12" t="e">
        <f>'申請書（複数入力用）'!N2356</f>
        <v>#N/A</v>
      </c>
      <c r="I2354" s="12" t="e">
        <f>'申請書（複数入力用）'!O2356</f>
        <v>#N/A</v>
      </c>
      <c r="J2354" s="12">
        <f>'申請書（複数入力用）'!P2356</f>
        <v>1</v>
      </c>
    </row>
    <row r="2355" spans="1:10" ht="51.6" customHeight="1" x14ac:dyDescent="0.45">
      <c r="A2355" s="6">
        <f>'申請書（複数入力用）'!A2357</f>
        <v>2351</v>
      </c>
      <c r="B2355" s="13">
        <f>'申請書（複数入力用）'!AH2357</f>
        <v>0</v>
      </c>
      <c r="C2355" s="6">
        <f>'申請書（複数入力用）'!B2357</f>
        <v>0</v>
      </c>
      <c r="D2355" s="6">
        <f>'申請書（複数入力用）'!D2357</f>
        <v>0</v>
      </c>
      <c r="E2355" s="14">
        <f>'申請書（複数入力用）'!H2357</f>
        <v>0</v>
      </c>
      <c r="F2355" s="11" t="str">
        <f>'申請書（複数入力用）'!J2357</f>
        <v/>
      </c>
      <c r="G2355" s="6" t="str">
        <f>'申請書（複数入力用）'!K2357</f>
        <v>a052r000000jS9ZAAU</v>
      </c>
      <c r="H2355" s="12" t="e">
        <f>'申請書（複数入力用）'!N2357</f>
        <v>#N/A</v>
      </c>
      <c r="I2355" s="12" t="e">
        <f>'申請書（複数入力用）'!O2357</f>
        <v>#N/A</v>
      </c>
      <c r="J2355" s="12">
        <f>'申請書（複数入力用）'!P2357</f>
        <v>1</v>
      </c>
    </row>
    <row r="2356" spans="1:10" ht="51.6" customHeight="1" x14ac:dyDescent="0.45">
      <c r="A2356" s="6">
        <f>'申請書（複数入力用）'!A2358</f>
        <v>2352</v>
      </c>
      <c r="B2356" s="13">
        <f>'申請書（複数入力用）'!AH2358</f>
        <v>0</v>
      </c>
      <c r="C2356" s="6">
        <f>'申請書（複数入力用）'!B2358</f>
        <v>0</v>
      </c>
      <c r="D2356" s="6">
        <f>'申請書（複数入力用）'!D2358</f>
        <v>0</v>
      </c>
      <c r="E2356" s="14">
        <f>'申請書（複数入力用）'!H2358</f>
        <v>0</v>
      </c>
      <c r="F2356" s="11" t="str">
        <f>'申請書（複数入力用）'!J2358</f>
        <v/>
      </c>
      <c r="G2356" s="6" t="str">
        <f>'申請書（複数入力用）'!K2358</f>
        <v>a052r000000jS9ZAAU</v>
      </c>
      <c r="H2356" s="12" t="e">
        <f>'申請書（複数入力用）'!N2358</f>
        <v>#N/A</v>
      </c>
      <c r="I2356" s="12" t="e">
        <f>'申請書（複数入力用）'!O2358</f>
        <v>#N/A</v>
      </c>
      <c r="J2356" s="12">
        <f>'申請書（複数入力用）'!P2358</f>
        <v>1</v>
      </c>
    </row>
    <row r="2357" spans="1:10" ht="51.6" customHeight="1" x14ac:dyDescent="0.45">
      <c r="A2357" s="6">
        <f>'申請書（複数入力用）'!A2359</f>
        <v>2353</v>
      </c>
      <c r="B2357" s="13">
        <f>'申請書（複数入力用）'!AH2359</f>
        <v>0</v>
      </c>
      <c r="C2357" s="6">
        <f>'申請書（複数入力用）'!B2359</f>
        <v>0</v>
      </c>
      <c r="D2357" s="6">
        <f>'申請書（複数入力用）'!D2359</f>
        <v>0</v>
      </c>
      <c r="E2357" s="14">
        <f>'申請書（複数入力用）'!H2359</f>
        <v>0</v>
      </c>
      <c r="F2357" s="11" t="str">
        <f>'申請書（複数入力用）'!J2359</f>
        <v/>
      </c>
      <c r="G2357" s="6" t="str">
        <f>'申請書（複数入力用）'!K2359</f>
        <v>a052r000000jS9ZAAU</v>
      </c>
      <c r="H2357" s="12" t="e">
        <f>'申請書（複数入力用）'!N2359</f>
        <v>#N/A</v>
      </c>
      <c r="I2357" s="12" t="e">
        <f>'申請書（複数入力用）'!O2359</f>
        <v>#N/A</v>
      </c>
      <c r="J2357" s="12">
        <f>'申請書（複数入力用）'!P2359</f>
        <v>1</v>
      </c>
    </row>
    <row r="2358" spans="1:10" ht="51.6" customHeight="1" x14ac:dyDescent="0.45">
      <c r="A2358" s="6">
        <f>'申請書（複数入力用）'!A2360</f>
        <v>2354</v>
      </c>
      <c r="B2358" s="13">
        <f>'申請書（複数入力用）'!AH2360</f>
        <v>0</v>
      </c>
      <c r="C2358" s="6">
        <f>'申請書（複数入力用）'!B2360</f>
        <v>0</v>
      </c>
      <c r="D2358" s="6">
        <f>'申請書（複数入力用）'!D2360</f>
        <v>0</v>
      </c>
      <c r="E2358" s="14">
        <f>'申請書（複数入力用）'!H2360</f>
        <v>0</v>
      </c>
      <c r="F2358" s="11" t="str">
        <f>'申請書（複数入力用）'!J2360</f>
        <v/>
      </c>
      <c r="G2358" s="6" t="str">
        <f>'申請書（複数入力用）'!K2360</f>
        <v>a052r000000jS9ZAAU</v>
      </c>
      <c r="H2358" s="12" t="e">
        <f>'申請書（複数入力用）'!N2360</f>
        <v>#N/A</v>
      </c>
      <c r="I2358" s="12" t="e">
        <f>'申請書（複数入力用）'!O2360</f>
        <v>#N/A</v>
      </c>
      <c r="J2358" s="12">
        <f>'申請書（複数入力用）'!P2360</f>
        <v>1</v>
      </c>
    </row>
    <row r="2359" spans="1:10" ht="51.6" customHeight="1" x14ac:dyDescent="0.45">
      <c r="A2359" s="6">
        <f>'申請書（複数入力用）'!A2361</f>
        <v>2355</v>
      </c>
      <c r="B2359" s="13">
        <f>'申請書（複数入力用）'!AH2361</f>
        <v>0</v>
      </c>
      <c r="C2359" s="6">
        <f>'申請書（複数入力用）'!B2361</f>
        <v>0</v>
      </c>
      <c r="D2359" s="6">
        <f>'申請書（複数入力用）'!D2361</f>
        <v>0</v>
      </c>
      <c r="E2359" s="14">
        <f>'申請書（複数入力用）'!H2361</f>
        <v>0</v>
      </c>
      <c r="F2359" s="11" t="str">
        <f>'申請書（複数入力用）'!J2361</f>
        <v/>
      </c>
      <c r="G2359" s="6" t="str">
        <f>'申請書（複数入力用）'!K2361</f>
        <v>a052r000000jS9ZAAU</v>
      </c>
      <c r="H2359" s="12" t="e">
        <f>'申請書（複数入力用）'!N2361</f>
        <v>#N/A</v>
      </c>
      <c r="I2359" s="12" t="e">
        <f>'申請書（複数入力用）'!O2361</f>
        <v>#N/A</v>
      </c>
      <c r="J2359" s="12">
        <f>'申請書（複数入力用）'!P2361</f>
        <v>1</v>
      </c>
    </row>
    <row r="2360" spans="1:10" ht="51.6" customHeight="1" x14ac:dyDescent="0.45">
      <c r="A2360" s="6">
        <f>'申請書（複数入力用）'!A2362</f>
        <v>2356</v>
      </c>
      <c r="B2360" s="13">
        <f>'申請書（複数入力用）'!AH2362</f>
        <v>0</v>
      </c>
      <c r="C2360" s="6">
        <f>'申請書（複数入力用）'!B2362</f>
        <v>0</v>
      </c>
      <c r="D2360" s="6">
        <f>'申請書（複数入力用）'!D2362</f>
        <v>0</v>
      </c>
      <c r="E2360" s="14">
        <f>'申請書（複数入力用）'!H2362</f>
        <v>0</v>
      </c>
      <c r="F2360" s="11" t="str">
        <f>'申請書（複数入力用）'!J2362</f>
        <v/>
      </c>
      <c r="G2360" s="6" t="str">
        <f>'申請書（複数入力用）'!K2362</f>
        <v>a052r000000jS9ZAAU</v>
      </c>
      <c r="H2360" s="12" t="e">
        <f>'申請書（複数入力用）'!N2362</f>
        <v>#N/A</v>
      </c>
      <c r="I2360" s="12" t="e">
        <f>'申請書（複数入力用）'!O2362</f>
        <v>#N/A</v>
      </c>
      <c r="J2360" s="12">
        <f>'申請書（複数入力用）'!P2362</f>
        <v>1</v>
      </c>
    </row>
    <row r="2361" spans="1:10" ht="51.6" customHeight="1" x14ac:dyDescent="0.45">
      <c r="A2361" s="6">
        <f>'申請書（複数入力用）'!A2363</f>
        <v>2357</v>
      </c>
      <c r="B2361" s="13">
        <f>'申請書（複数入力用）'!AH2363</f>
        <v>0</v>
      </c>
      <c r="C2361" s="6">
        <f>'申請書（複数入力用）'!B2363</f>
        <v>0</v>
      </c>
      <c r="D2361" s="6">
        <f>'申請書（複数入力用）'!D2363</f>
        <v>0</v>
      </c>
      <c r="E2361" s="14">
        <f>'申請書（複数入力用）'!H2363</f>
        <v>0</v>
      </c>
      <c r="F2361" s="11" t="str">
        <f>'申請書（複数入力用）'!J2363</f>
        <v/>
      </c>
      <c r="G2361" s="6" t="str">
        <f>'申請書（複数入力用）'!K2363</f>
        <v>a052r000000jS9ZAAU</v>
      </c>
      <c r="H2361" s="12" t="e">
        <f>'申請書（複数入力用）'!N2363</f>
        <v>#N/A</v>
      </c>
      <c r="I2361" s="12" t="e">
        <f>'申請書（複数入力用）'!O2363</f>
        <v>#N/A</v>
      </c>
      <c r="J2361" s="12">
        <f>'申請書（複数入力用）'!P2363</f>
        <v>1</v>
      </c>
    </row>
    <row r="2362" spans="1:10" ht="51.6" customHeight="1" x14ac:dyDescent="0.45">
      <c r="A2362" s="6">
        <f>'申請書（複数入力用）'!A2364</f>
        <v>2358</v>
      </c>
      <c r="B2362" s="13">
        <f>'申請書（複数入力用）'!AH2364</f>
        <v>0</v>
      </c>
      <c r="C2362" s="6">
        <f>'申請書（複数入力用）'!B2364</f>
        <v>0</v>
      </c>
      <c r="D2362" s="6">
        <f>'申請書（複数入力用）'!D2364</f>
        <v>0</v>
      </c>
      <c r="E2362" s="14">
        <f>'申請書（複数入力用）'!H2364</f>
        <v>0</v>
      </c>
      <c r="F2362" s="11" t="str">
        <f>'申請書（複数入力用）'!J2364</f>
        <v/>
      </c>
      <c r="G2362" s="6" t="str">
        <f>'申請書（複数入力用）'!K2364</f>
        <v>a052r000000jS9ZAAU</v>
      </c>
      <c r="H2362" s="12" t="e">
        <f>'申請書（複数入力用）'!N2364</f>
        <v>#N/A</v>
      </c>
      <c r="I2362" s="12" t="e">
        <f>'申請書（複数入力用）'!O2364</f>
        <v>#N/A</v>
      </c>
      <c r="J2362" s="12">
        <f>'申請書（複数入力用）'!P2364</f>
        <v>1</v>
      </c>
    </row>
    <row r="2363" spans="1:10" ht="51.6" customHeight="1" x14ac:dyDescent="0.45">
      <c r="A2363" s="6">
        <f>'申請書（複数入力用）'!A2365</f>
        <v>2359</v>
      </c>
      <c r="B2363" s="13">
        <f>'申請書（複数入力用）'!AH2365</f>
        <v>0</v>
      </c>
      <c r="C2363" s="6">
        <f>'申請書（複数入力用）'!B2365</f>
        <v>0</v>
      </c>
      <c r="D2363" s="6">
        <f>'申請書（複数入力用）'!D2365</f>
        <v>0</v>
      </c>
      <c r="E2363" s="14">
        <f>'申請書（複数入力用）'!H2365</f>
        <v>0</v>
      </c>
      <c r="F2363" s="11" t="str">
        <f>'申請書（複数入力用）'!J2365</f>
        <v/>
      </c>
      <c r="G2363" s="6" t="str">
        <f>'申請書（複数入力用）'!K2365</f>
        <v>a052r000000jS9ZAAU</v>
      </c>
      <c r="H2363" s="12" t="e">
        <f>'申請書（複数入力用）'!N2365</f>
        <v>#N/A</v>
      </c>
      <c r="I2363" s="12" t="e">
        <f>'申請書（複数入力用）'!O2365</f>
        <v>#N/A</v>
      </c>
      <c r="J2363" s="12">
        <f>'申請書（複数入力用）'!P2365</f>
        <v>1</v>
      </c>
    </row>
    <row r="2364" spans="1:10" ht="51.6" customHeight="1" x14ac:dyDescent="0.45">
      <c r="A2364" s="6">
        <f>'申請書（複数入力用）'!A2366</f>
        <v>2360</v>
      </c>
      <c r="B2364" s="13">
        <f>'申請書（複数入力用）'!AH2366</f>
        <v>0</v>
      </c>
      <c r="C2364" s="6">
        <f>'申請書（複数入力用）'!B2366</f>
        <v>0</v>
      </c>
      <c r="D2364" s="6">
        <f>'申請書（複数入力用）'!D2366</f>
        <v>0</v>
      </c>
      <c r="E2364" s="14">
        <f>'申請書（複数入力用）'!H2366</f>
        <v>0</v>
      </c>
      <c r="F2364" s="11" t="str">
        <f>'申請書（複数入力用）'!J2366</f>
        <v/>
      </c>
      <c r="G2364" s="6" t="str">
        <f>'申請書（複数入力用）'!K2366</f>
        <v>a052r000000jS9ZAAU</v>
      </c>
      <c r="H2364" s="12" t="e">
        <f>'申請書（複数入力用）'!N2366</f>
        <v>#N/A</v>
      </c>
      <c r="I2364" s="12" t="e">
        <f>'申請書（複数入力用）'!O2366</f>
        <v>#N/A</v>
      </c>
      <c r="J2364" s="12">
        <f>'申請書（複数入力用）'!P2366</f>
        <v>1</v>
      </c>
    </row>
    <row r="2365" spans="1:10" ht="51.6" customHeight="1" x14ac:dyDescent="0.45">
      <c r="A2365" s="6">
        <f>'申請書（複数入力用）'!A2367</f>
        <v>2361</v>
      </c>
      <c r="B2365" s="13">
        <f>'申請書（複数入力用）'!AH2367</f>
        <v>0</v>
      </c>
      <c r="C2365" s="6">
        <f>'申請書（複数入力用）'!B2367</f>
        <v>0</v>
      </c>
      <c r="D2365" s="6">
        <f>'申請書（複数入力用）'!D2367</f>
        <v>0</v>
      </c>
      <c r="E2365" s="14">
        <f>'申請書（複数入力用）'!H2367</f>
        <v>0</v>
      </c>
      <c r="F2365" s="11" t="str">
        <f>'申請書（複数入力用）'!J2367</f>
        <v/>
      </c>
      <c r="G2365" s="6" t="str">
        <f>'申請書（複数入力用）'!K2367</f>
        <v>a052r000000jS9ZAAU</v>
      </c>
      <c r="H2365" s="12" t="e">
        <f>'申請書（複数入力用）'!N2367</f>
        <v>#N/A</v>
      </c>
      <c r="I2365" s="12" t="e">
        <f>'申請書（複数入力用）'!O2367</f>
        <v>#N/A</v>
      </c>
      <c r="J2365" s="12">
        <f>'申請書（複数入力用）'!P2367</f>
        <v>1</v>
      </c>
    </row>
    <row r="2366" spans="1:10" ht="51.6" customHeight="1" x14ac:dyDescent="0.45">
      <c r="A2366" s="6">
        <f>'申請書（複数入力用）'!A2368</f>
        <v>2362</v>
      </c>
      <c r="B2366" s="13">
        <f>'申請書（複数入力用）'!AH2368</f>
        <v>0</v>
      </c>
      <c r="C2366" s="6">
        <f>'申請書（複数入力用）'!B2368</f>
        <v>0</v>
      </c>
      <c r="D2366" s="6">
        <f>'申請書（複数入力用）'!D2368</f>
        <v>0</v>
      </c>
      <c r="E2366" s="14">
        <f>'申請書（複数入力用）'!H2368</f>
        <v>0</v>
      </c>
      <c r="F2366" s="11" t="str">
        <f>'申請書（複数入力用）'!J2368</f>
        <v/>
      </c>
      <c r="G2366" s="6" t="str">
        <f>'申請書（複数入力用）'!K2368</f>
        <v>a052r000000jS9ZAAU</v>
      </c>
      <c r="H2366" s="12" t="e">
        <f>'申請書（複数入力用）'!N2368</f>
        <v>#N/A</v>
      </c>
      <c r="I2366" s="12" t="e">
        <f>'申請書（複数入力用）'!O2368</f>
        <v>#N/A</v>
      </c>
      <c r="J2366" s="12">
        <f>'申請書（複数入力用）'!P2368</f>
        <v>1</v>
      </c>
    </row>
    <row r="2367" spans="1:10" ht="51.6" customHeight="1" x14ac:dyDescent="0.45">
      <c r="A2367" s="6">
        <f>'申請書（複数入力用）'!A2369</f>
        <v>2363</v>
      </c>
      <c r="B2367" s="13">
        <f>'申請書（複数入力用）'!AH2369</f>
        <v>0</v>
      </c>
      <c r="C2367" s="6">
        <f>'申請書（複数入力用）'!B2369</f>
        <v>0</v>
      </c>
      <c r="D2367" s="6">
        <f>'申請書（複数入力用）'!D2369</f>
        <v>0</v>
      </c>
      <c r="E2367" s="14">
        <f>'申請書（複数入力用）'!H2369</f>
        <v>0</v>
      </c>
      <c r="F2367" s="11" t="str">
        <f>'申請書（複数入力用）'!J2369</f>
        <v/>
      </c>
      <c r="G2367" s="6" t="str">
        <f>'申請書（複数入力用）'!K2369</f>
        <v>a052r000000jS9ZAAU</v>
      </c>
      <c r="H2367" s="12" t="e">
        <f>'申請書（複数入力用）'!N2369</f>
        <v>#N/A</v>
      </c>
      <c r="I2367" s="12" t="e">
        <f>'申請書（複数入力用）'!O2369</f>
        <v>#N/A</v>
      </c>
      <c r="J2367" s="12">
        <f>'申請書（複数入力用）'!P2369</f>
        <v>1</v>
      </c>
    </row>
    <row r="2368" spans="1:10" ht="51.6" customHeight="1" x14ac:dyDescent="0.45">
      <c r="A2368" s="6">
        <f>'申請書（複数入力用）'!A2370</f>
        <v>2364</v>
      </c>
      <c r="B2368" s="13">
        <f>'申請書（複数入力用）'!AH2370</f>
        <v>0</v>
      </c>
      <c r="C2368" s="6">
        <f>'申請書（複数入力用）'!B2370</f>
        <v>0</v>
      </c>
      <c r="D2368" s="6">
        <f>'申請書（複数入力用）'!D2370</f>
        <v>0</v>
      </c>
      <c r="E2368" s="14">
        <f>'申請書（複数入力用）'!H2370</f>
        <v>0</v>
      </c>
      <c r="F2368" s="11" t="str">
        <f>'申請書（複数入力用）'!J2370</f>
        <v/>
      </c>
      <c r="G2368" s="6" t="str">
        <f>'申請書（複数入力用）'!K2370</f>
        <v>a052r000000jS9ZAAU</v>
      </c>
      <c r="H2368" s="12" t="e">
        <f>'申請書（複数入力用）'!N2370</f>
        <v>#N/A</v>
      </c>
      <c r="I2368" s="12" t="e">
        <f>'申請書（複数入力用）'!O2370</f>
        <v>#N/A</v>
      </c>
      <c r="J2368" s="12">
        <f>'申請書（複数入力用）'!P2370</f>
        <v>1</v>
      </c>
    </row>
    <row r="2369" spans="1:10" ht="51.6" customHeight="1" x14ac:dyDescent="0.45">
      <c r="A2369" s="6">
        <f>'申請書（複数入力用）'!A2371</f>
        <v>2365</v>
      </c>
      <c r="B2369" s="13">
        <f>'申請書（複数入力用）'!AH2371</f>
        <v>0</v>
      </c>
      <c r="C2369" s="6">
        <f>'申請書（複数入力用）'!B2371</f>
        <v>0</v>
      </c>
      <c r="D2369" s="6">
        <f>'申請書（複数入力用）'!D2371</f>
        <v>0</v>
      </c>
      <c r="E2369" s="14">
        <f>'申請書（複数入力用）'!H2371</f>
        <v>0</v>
      </c>
      <c r="F2369" s="11" t="str">
        <f>'申請書（複数入力用）'!J2371</f>
        <v/>
      </c>
      <c r="G2369" s="6" t="str">
        <f>'申請書（複数入力用）'!K2371</f>
        <v>a052r000000jS9ZAAU</v>
      </c>
      <c r="H2369" s="12" t="e">
        <f>'申請書（複数入力用）'!N2371</f>
        <v>#N/A</v>
      </c>
      <c r="I2369" s="12" t="e">
        <f>'申請書（複数入力用）'!O2371</f>
        <v>#N/A</v>
      </c>
      <c r="J2369" s="12">
        <f>'申請書（複数入力用）'!P2371</f>
        <v>1</v>
      </c>
    </row>
    <row r="2370" spans="1:10" ht="51.6" customHeight="1" x14ac:dyDescent="0.45">
      <c r="A2370" s="6">
        <f>'申請書（複数入力用）'!A2372</f>
        <v>2366</v>
      </c>
      <c r="B2370" s="13">
        <f>'申請書（複数入力用）'!AH2372</f>
        <v>0</v>
      </c>
      <c r="C2370" s="6">
        <f>'申請書（複数入力用）'!B2372</f>
        <v>0</v>
      </c>
      <c r="D2370" s="6">
        <f>'申請書（複数入力用）'!D2372</f>
        <v>0</v>
      </c>
      <c r="E2370" s="14">
        <f>'申請書（複数入力用）'!H2372</f>
        <v>0</v>
      </c>
      <c r="F2370" s="11" t="str">
        <f>'申請書（複数入力用）'!J2372</f>
        <v/>
      </c>
      <c r="G2370" s="6" t="str">
        <f>'申請書（複数入力用）'!K2372</f>
        <v>a052r000000jS9ZAAU</v>
      </c>
      <c r="H2370" s="12" t="e">
        <f>'申請書（複数入力用）'!N2372</f>
        <v>#N/A</v>
      </c>
      <c r="I2370" s="12" t="e">
        <f>'申請書（複数入力用）'!O2372</f>
        <v>#N/A</v>
      </c>
      <c r="J2370" s="12">
        <f>'申請書（複数入力用）'!P2372</f>
        <v>1</v>
      </c>
    </row>
    <row r="2371" spans="1:10" ht="51.6" customHeight="1" x14ac:dyDescent="0.45">
      <c r="A2371" s="6">
        <f>'申請書（複数入力用）'!A2373</f>
        <v>2367</v>
      </c>
      <c r="B2371" s="13">
        <f>'申請書（複数入力用）'!AH2373</f>
        <v>0</v>
      </c>
      <c r="C2371" s="6">
        <f>'申請書（複数入力用）'!B2373</f>
        <v>0</v>
      </c>
      <c r="D2371" s="6">
        <f>'申請書（複数入力用）'!D2373</f>
        <v>0</v>
      </c>
      <c r="E2371" s="14">
        <f>'申請書（複数入力用）'!H2373</f>
        <v>0</v>
      </c>
      <c r="F2371" s="11" t="str">
        <f>'申請書（複数入力用）'!J2373</f>
        <v/>
      </c>
      <c r="G2371" s="6" t="str">
        <f>'申請書（複数入力用）'!K2373</f>
        <v>a052r000000jS9ZAAU</v>
      </c>
      <c r="H2371" s="12" t="e">
        <f>'申請書（複数入力用）'!N2373</f>
        <v>#N/A</v>
      </c>
      <c r="I2371" s="12" t="e">
        <f>'申請書（複数入力用）'!O2373</f>
        <v>#N/A</v>
      </c>
      <c r="J2371" s="12">
        <f>'申請書（複数入力用）'!P2373</f>
        <v>1</v>
      </c>
    </row>
    <row r="2372" spans="1:10" ht="51.6" customHeight="1" x14ac:dyDescent="0.45">
      <c r="A2372" s="6">
        <f>'申請書（複数入力用）'!A2374</f>
        <v>2368</v>
      </c>
      <c r="B2372" s="13">
        <f>'申請書（複数入力用）'!AH2374</f>
        <v>0</v>
      </c>
      <c r="C2372" s="6">
        <f>'申請書（複数入力用）'!B2374</f>
        <v>0</v>
      </c>
      <c r="D2372" s="6">
        <f>'申請書（複数入力用）'!D2374</f>
        <v>0</v>
      </c>
      <c r="E2372" s="14">
        <f>'申請書（複数入力用）'!H2374</f>
        <v>0</v>
      </c>
      <c r="F2372" s="11" t="str">
        <f>'申請書（複数入力用）'!J2374</f>
        <v/>
      </c>
      <c r="G2372" s="6" t="str">
        <f>'申請書（複数入力用）'!K2374</f>
        <v>a052r000000jS9ZAAU</v>
      </c>
      <c r="H2372" s="12" t="e">
        <f>'申請書（複数入力用）'!N2374</f>
        <v>#N/A</v>
      </c>
      <c r="I2372" s="12" t="e">
        <f>'申請書（複数入力用）'!O2374</f>
        <v>#N/A</v>
      </c>
      <c r="J2372" s="12">
        <f>'申請書（複数入力用）'!P2374</f>
        <v>1</v>
      </c>
    </row>
    <row r="2373" spans="1:10" ht="51.6" customHeight="1" x14ac:dyDescent="0.45">
      <c r="A2373" s="6">
        <f>'申請書（複数入力用）'!A2375</f>
        <v>2369</v>
      </c>
      <c r="B2373" s="13">
        <f>'申請書（複数入力用）'!AH2375</f>
        <v>0</v>
      </c>
      <c r="C2373" s="6">
        <f>'申請書（複数入力用）'!B2375</f>
        <v>0</v>
      </c>
      <c r="D2373" s="6">
        <f>'申請書（複数入力用）'!D2375</f>
        <v>0</v>
      </c>
      <c r="E2373" s="14">
        <f>'申請書（複数入力用）'!H2375</f>
        <v>0</v>
      </c>
      <c r="F2373" s="11" t="str">
        <f>'申請書（複数入力用）'!J2375</f>
        <v/>
      </c>
      <c r="G2373" s="6" t="str">
        <f>'申請書（複数入力用）'!K2375</f>
        <v>a052r000000jS9ZAAU</v>
      </c>
      <c r="H2373" s="12" t="e">
        <f>'申請書（複数入力用）'!N2375</f>
        <v>#N/A</v>
      </c>
      <c r="I2373" s="12" t="e">
        <f>'申請書（複数入力用）'!O2375</f>
        <v>#N/A</v>
      </c>
      <c r="J2373" s="12">
        <f>'申請書（複数入力用）'!P2375</f>
        <v>1</v>
      </c>
    </row>
    <row r="2374" spans="1:10" ht="51.6" customHeight="1" x14ac:dyDescent="0.45">
      <c r="A2374" s="6">
        <f>'申請書（複数入力用）'!A2376</f>
        <v>2370</v>
      </c>
      <c r="B2374" s="13">
        <f>'申請書（複数入力用）'!AH2376</f>
        <v>0</v>
      </c>
      <c r="C2374" s="6">
        <f>'申請書（複数入力用）'!B2376</f>
        <v>0</v>
      </c>
      <c r="D2374" s="6">
        <f>'申請書（複数入力用）'!D2376</f>
        <v>0</v>
      </c>
      <c r="E2374" s="14">
        <f>'申請書（複数入力用）'!H2376</f>
        <v>0</v>
      </c>
      <c r="F2374" s="11" t="str">
        <f>'申請書（複数入力用）'!J2376</f>
        <v/>
      </c>
      <c r="G2374" s="6" t="str">
        <f>'申請書（複数入力用）'!K2376</f>
        <v>a052r000000jS9ZAAU</v>
      </c>
      <c r="H2374" s="12" t="e">
        <f>'申請書（複数入力用）'!N2376</f>
        <v>#N/A</v>
      </c>
      <c r="I2374" s="12" t="e">
        <f>'申請書（複数入力用）'!O2376</f>
        <v>#N/A</v>
      </c>
      <c r="J2374" s="12">
        <f>'申請書（複数入力用）'!P2376</f>
        <v>1</v>
      </c>
    </row>
    <row r="2375" spans="1:10" ht="51.6" customHeight="1" x14ac:dyDescent="0.45">
      <c r="A2375" s="6">
        <f>'申請書（複数入力用）'!A2377</f>
        <v>2371</v>
      </c>
      <c r="B2375" s="13">
        <f>'申請書（複数入力用）'!AH2377</f>
        <v>0</v>
      </c>
      <c r="C2375" s="6">
        <f>'申請書（複数入力用）'!B2377</f>
        <v>0</v>
      </c>
      <c r="D2375" s="6">
        <f>'申請書（複数入力用）'!D2377</f>
        <v>0</v>
      </c>
      <c r="E2375" s="14">
        <f>'申請書（複数入力用）'!H2377</f>
        <v>0</v>
      </c>
      <c r="F2375" s="11" t="str">
        <f>'申請書（複数入力用）'!J2377</f>
        <v/>
      </c>
      <c r="G2375" s="6" t="str">
        <f>'申請書（複数入力用）'!K2377</f>
        <v>a052r000000jS9ZAAU</v>
      </c>
      <c r="H2375" s="12" t="e">
        <f>'申請書（複数入力用）'!N2377</f>
        <v>#N/A</v>
      </c>
      <c r="I2375" s="12" t="e">
        <f>'申請書（複数入力用）'!O2377</f>
        <v>#N/A</v>
      </c>
      <c r="J2375" s="12">
        <f>'申請書（複数入力用）'!P2377</f>
        <v>1</v>
      </c>
    </row>
    <row r="2376" spans="1:10" ht="51.6" customHeight="1" x14ac:dyDescent="0.45">
      <c r="A2376" s="6">
        <f>'申請書（複数入力用）'!A2378</f>
        <v>2372</v>
      </c>
      <c r="B2376" s="13">
        <f>'申請書（複数入力用）'!AH2378</f>
        <v>0</v>
      </c>
      <c r="C2376" s="6">
        <f>'申請書（複数入力用）'!B2378</f>
        <v>0</v>
      </c>
      <c r="D2376" s="6">
        <f>'申請書（複数入力用）'!D2378</f>
        <v>0</v>
      </c>
      <c r="E2376" s="14">
        <f>'申請書（複数入力用）'!H2378</f>
        <v>0</v>
      </c>
      <c r="F2376" s="11" t="str">
        <f>'申請書（複数入力用）'!J2378</f>
        <v/>
      </c>
      <c r="G2376" s="6" t="str">
        <f>'申請書（複数入力用）'!K2378</f>
        <v>a052r000000jS9ZAAU</v>
      </c>
      <c r="H2376" s="12" t="e">
        <f>'申請書（複数入力用）'!N2378</f>
        <v>#N/A</v>
      </c>
      <c r="I2376" s="12" t="e">
        <f>'申請書（複数入力用）'!O2378</f>
        <v>#N/A</v>
      </c>
      <c r="J2376" s="12">
        <f>'申請書（複数入力用）'!P2378</f>
        <v>1</v>
      </c>
    </row>
    <row r="2377" spans="1:10" ht="51.6" customHeight="1" x14ac:dyDescent="0.45">
      <c r="A2377" s="6">
        <f>'申請書（複数入力用）'!A2379</f>
        <v>2373</v>
      </c>
      <c r="B2377" s="13">
        <f>'申請書（複数入力用）'!AH2379</f>
        <v>0</v>
      </c>
      <c r="C2377" s="6">
        <f>'申請書（複数入力用）'!B2379</f>
        <v>0</v>
      </c>
      <c r="D2377" s="6">
        <f>'申請書（複数入力用）'!D2379</f>
        <v>0</v>
      </c>
      <c r="E2377" s="14">
        <f>'申請書（複数入力用）'!H2379</f>
        <v>0</v>
      </c>
      <c r="F2377" s="11" t="str">
        <f>'申請書（複数入力用）'!J2379</f>
        <v/>
      </c>
      <c r="G2377" s="6" t="str">
        <f>'申請書（複数入力用）'!K2379</f>
        <v>a052r000000jS9ZAAU</v>
      </c>
      <c r="H2377" s="12" t="e">
        <f>'申請書（複数入力用）'!N2379</f>
        <v>#N/A</v>
      </c>
      <c r="I2377" s="12" t="e">
        <f>'申請書（複数入力用）'!O2379</f>
        <v>#N/A</v>
      </c>
      <c r="J2377" s="12">
        <f>'申請書（複数入力用）'!P2379</f>
        <v>1</v>
      </c>
    </row>
    <row r="2378" spans="1:10" ht="51.6" customHeight="1" x14ac:dyDescent="0.45">
      <c r="A2378" s="6">
        <f>'申請書（複数入力用）'!A2380</f>
        <v>2374</v>
      </c>
      <c r="B2378" s="13">
        <f>'申請書（複数入力用）'!AH2380</f>
        <v>0</v>
      </c>
      <c r="C2378" s="6">
        <f>'申請書（複数入力用）'!B2380</f>
        <v>0</v>
      </c>
      <c r="D2378" s="6">
        <f>'申請書（複数入力用）'!D2380</f>
        <v>0</v>
      </c>
      <c r="E2378" s="14">
        <f>'申請書（複数入力用）'!H2380</f>
        <v>0</v>
      </c>
      <c r="F2378" s="11" t="str">
        <f>'申請書（複数入力用）'!J2380</f>
        <v/>
      </c>
      <c r="G2378" s="6" t="str">
        <f>'申請書（複数入力用）'!K2380</f>
        <v>a052r000000jS9ZAAU</v>
      </c>
      <c r="H2378" s="12" t="e">
        <f>'申請書（複数入力用）'!N2380</f>
        <v>#N/A</v>
      </c>
      <c r="I2378" s="12" t="e">
        <f>'申請書（複数入力用）'!O2380</f>
        <v>#N/A</v>
      </c>
      <c r="J2378" s="12">
        <f>'申請書（複数入力用）'!P2380</f>
        <v>1</v>
      </c>
    </row>
    <row r="2379" spans="1:10" ht="51.6" customHeight="1" x14ac:dyDescent="0.45">
      <c r="A2379" s="6">
        <f>'申請書（複数入力用）'!A2381</f>
        <v>2375</v>
      </c>
      <c r="B2379" s="13">
        <f>'申請書（複数入力用）'!AH2381</f>
        <v>0</v>
      </c>
      <c r="C2379" s="6">
        <f>'申請書（複数入力用）'!B2381</f>
        <v>0</v>
      </c>
      <c r="D2379" s="6">
        <f>'申請書（複数入力用）'!D2381</f>
        <v>0</v>
      </c>
      <c r="E2379" s="14">
        <f>'申請書（複数入力用）'!H2381</f>
        <v>0</v>
      </c>
      <c r="F2379" s="11" t="str">
        <f>'申請書（複数入力用）'!J2381</f>
        <v/>
      </c>
      <c r="G2379" s="6" t="str">
        <f>'申請書（複数入力用）'!K2381</f>
        <v>a052r000000jS9ZAAU</v>
      </c>
      <c r="H2379" s="12" t="e">
        <f>'申請書（複数入力用）'!N2381</f>
        <v>#N/A</v>
      </c>
      <c r="I2379" s="12" t="e">
        <f>'申請書（複数入力用）'!O2381</f>
        <v>#N/A</v>
      </c>
      <c r="J2379" s="12">
        <f>'申請書（複数入力用）'!P2381</f>
        <v>1</v>
      </c>
    </row>
    <row r="2380" spans="1:10" ht="51.6" customHeight="1" x14ac:dyDescent="0.45">
      <c r="A2380" s="6">
        <f>'申請書（複数入力用）'!A2382</f>
        <v>2376</v>
      </c>
      <c r="B2380" s="13">
        <f>'申請書（複数入力用）'!AH2382</f>
        <v>0</v>
      </c>
      <c r="C2380" s="6">
        <f>'申請書（複数入力用）'!B2382</f>
        <v>0</v>
      </c>
      <c r="D2380" s="6">
        <f>'申請書（複数入力用）'!D2382</f>
        <v>0</v>
      </c>
      <c r="E2380" s="14">
        <f>'申請書（複数入力用）'!H2382</f>
        <v>0</v>
      </c>
      <c r="F2380" s="11" t="str">
        <f>'申請書（複数入力用）'!J2382</f>
        <v/>
      </c>
      <c r="G2380" s="6" t="str">
        <f>'申請書（複数入力用）'!K2382</f>
        <v>a052r000000jS9ZAAU</v>
      </c>
      <c r="H2380" s="12" t="e">
        <f>'申請書（複数入力用）'!N2382</f>
        <v>#N/A</v>
      </c>
      <c r="I2380" s="12" t="e">
        <f>'申請書（複数入力用）'!O2382</f>
        <v>#N/A</v>
      </c>
      <c r="J2380" s="12">
        <f>'申請書（複数入力用）'!P2382</f>
        <v>1</v>
      </c>
    </row>
    <row r="2381" spans="1:10" ht="51.6" customHeight="1" x14ac:dyDescent="0.45">
      <c r="A2381" s="6">
        <f>'申請書（複数入力用）'!A2383</f>
        <v>2377</v>
      </c>
      <c r="B2381" s="13">
        <f>'申請書（複数入力用）'!AH2383</f>
        <v>0</v>
      </c>
      <c r="C2381" s="6">
        <f>'申請書（複数入力用）'!B2383</f>
        <v>0</v>
      </c>
      <c r="D2381" s="6">
        <f>'申請書（複数入力用）'!D2383</f>
        <v>0</v>
      </c>
      <c r="E2381" s="14">
        <f>'申請書（複数入力用）'!H2383</f>
        <v>0</v>
      </c>
      <c r="F2381" s="11" t="str">
        <f>'申請書（複数入力用）'!J2383</f>
        <v/>
      </c>
      <c r="G2381" s="6" t="str">
        <f>'申請書（複数入力用）'!K2383</f>
        <v>a052r000000jS9ZAAU</v>
      </c>
      <c r="H2381" s="12" t="e">
        <f>'申請書（複数入力用）'!N2383</f>
        <v>#N/A</v>
      </c>
      <c r="I2381" s="12" t="e">
        <f>'申請書（複数入力用）'!O2383</f>
        <v>#N/A</v>
      </c>
      <c r="J2381" s="12">
        <f>'申請書（複数入力用）'!P2383</f>
        <v>1</v>
      </c>
    </row>
    <row r="2382" spans="1:10" ht="51.6" customHeight="1" x14ac:dyDescent="0.45">
      <c r="A2382" s="6">
        <f>'申請書（複数入力用）'!A2384</f>
        <v>2378</v>
      </c>
      <c r="B2382" s="13">
        <f>'申請書（複数入力用）'!AH2384</f>
        <v>0</v>
      </c>
      <c r="C2382" s="6">
        <f>'申請書（複数入力用）'!B2384</f>
        <v>0</v>
      </c>
      <c r="D2382" s="6">
        <f>'申請書（複数入力用）'!D2384</f>
        <v>0</v>
      </c>
      <c r="E2382" s="14">
        <f>'申請書（複数入力用）'!H2384</f>
        <v>0</v>
      </c>
      <c r="F2382" s="11" t="str">
        <f>'申請書（複数入力用）'!J2384</f>
        <v/>
      </c>
      <c r="G2382" s="6" t="str">
        <f>'申請書（複数入力用）'!K2384</f>
        <v>a052r000000jS9ZAAU</v>
      </c>
      <c r="H2382" s="12" t="e">
        <f>'申請書（複数入力用）'!N2384</f>
        <v>#N/A</v>
      </c>
      <c r="I2382" s="12" t="e">
        <f>'申請書（複数入力用）'!O2384</f>
        <v>#N/A</v>
      </c>
      <c r="J2382" s="12">
        <f>'申請書（複数入力用）'!P2384</f>
        <v>1</v>
      </c>
    </row>
    <row r="2383" spans="1:10" ht="51.6" customHeight="1" x14ac:dyDescent="0.45">
      <c r="A2383" s="6">
        <f>'申請書（複数入力用）'!A2385</f>
        <v>2379</v>
      </c>
      <c r="B2383" s="13">
        <f>'申請書（複数入力用）'!AH2385</f>
        <v>0</v>
      </c>
      <c r="C2383" s="6">
        <f>'申請書（複数入力用）'!B2385</f>
        <v>0</v>
      </c>
      <c r="D2383" s="6">
        <f>'申請書（複数入力用）'!D2385</f>
        <v>0</v>
      </c>
      <c r="E2383" s="14">
        <f>'申請書（複数入力用）'!H2385</f>
        <v>0</v>
      </c>
      <c r="F2383" s="11" t="str">
        <f>'申請書（複数入力用）'!J2385</f>
        <v/>
      </c>
      <c r="G2383" s="6" t="str">
        <f>'申請書（複数入力用）'!K2385</f>
        <v>a052r000000jS9ZAAU</v>
      </c>
      <c r="H2383" s="12" t="e">
        <f>'申請書（複数入力用）'!N2385</f>
        <v>#N/A</v>
      </c>
      <c r="I2383" s="12" t="e">
        <f>'申請書（複数入力用）'!O2385</f>
        <v>#N/A</v>
      </c>
      <c r="J2383" s="12">
        <f>'申請書（複数入力用）'!P2385</f>
        <v>1</v>
      </c>
    </row>
    <row r="2384" spans="1:10" ht="51.6" customHeight="1" x14ac:dyDescent="0.45">
      <c r="A2384" s="6">
        <f>'申請書（複数入力用）'!A2386</f>
        <v>2380</v>
      </c>
      <c r="B2384" s="13">
        <f>'申請書（複数入力用）'!AH2386</f>
        <v>0</v>
      </c>
      <c r="C2384" s="6">
        <f>'申請書（複数入力用）'!B2386</f>
        <v>0</v>
      </c>
      <c r="D2384" s="6">
        <f>'申請書（複数入力用）'!D2386</f>
        <v>0</v>
      </c>
      <c r="E2384" s="14">
        <f>'申請書（複数入力用）'!H2386</f>
        <v>0</v>
      </c>
      <c r="F2384" s="11" t="str">
        <f>'申請書（複数入力用）'!J2386</f>
        <v/>
      </c>
      <c r="G2384" s="6" t="str">
        <f>'申請書（複数入力用）'!K2386</f>
        <v>a052r000000jS9ZAAU</v>
      </c>
      <c r="H2384" s="12" t="e">
        <f>'申請書（複数入力用）'!N2386</f>
        <v>#N/A</v>
      </c>
      <c r="I2384" s="12" t="e">
        <f>'申請書（複数入力用）'!O2386</f>
        <v>#N/A</v>
      </c>
      <c r="J2384" s="12">
        <f>'申請書（複数入力用）'!P2386</f>
        <v>1</v>
      </c>
    </row>
    <row r="2385" spans="1:10" ht="51.6" customHeight="1" x14ac:dyDescent="0.45">
      <c r="A2385" s="6">
        <f>'申請書（複数入力用）'!A2387</f>
        <v>2381</v>
      </c>
      <c r="B2385" s="13">
        <f>'申請書（複数入力用）'!AH2387</f>
        <v>0</v>
      </c>
      <c r="C2385" s="6">
        <f>'申請書（複数入力用）'!B2387</f>
        <v>0</v>
      </c>
      <c r="D2385" s="6">
        <f>'申請書（複数入力用）'!D2387</f>
        <v>0</v>
      </c>
      <c r="E2385" s="14">
        <f>'申請書（複数入力用）'!H2387</f>
        <v>0</v>
      </c>
      <c r="F2385" s="11" t="str">
        <f>'申請書（複数入力用）'!J2387</f>
        <v/>
      </c>
      <c r="G2385" s="6" t="str">
        <f>'申請書（複数入力用）'!K2387</f>
        <v>a052r000000jS9ZAAU</v>
      </c>
      <c r="H2385" s="12" t="e">
        <f>'申請書（複数入力用）'!N2387</f>
        <v>#N/A</v>
      </c>
      <c r="I2385" s="12" t="e">
        <f>'申請書（複数入力用）'!O2387</f>
        <v>#N/A</v>
      </c>
      <c r="J2385" s="12">
        <f>'申請書（複数入力用）'!P2387</f>
        <v>1</v>
      </c>
    </row>
    <row r="2386" spans="1:10" ht="51.6" customHeight="1" x14ac:dyDescent="0.45">
      <c r="A2386" s="6">
        <f>'申請書（複数入力用）'!A2388</f>
        <v>2382</v>
      </c>
      <c r="B2386" s="13">
        <f>'申請書（複数入力用）'!AH2388</f>
        <v>0</v>
      </c>
      <c r="C2386" s="6">
        <f>'申請書（複数入力用）'!B2388</f>
        <v>0</v>
      </c>
      <c r="D2386" s="6">
        <f>'申請書（複数入力用）'!D2388</f>
        <v>0</v>
      </c>
      <c r="E2386" s="14">
        <f>'申請書（複数入力用）'!H2388</f>
        <v>0</v>
      </c>
      <c r="F2386" s="11" t="str">
        <f>'申請書（複数入力用）'!J2388</f>
        <v/>
      </c>
      <c r="G2386" s="6" t="str">
        <f>'申請書（複数入力用）'!K2388</f>
        <v>a052r000000jS9ZAAU</v>
      </c>
      <c r="H2386" s="12" t="e">
        <f>'申請書（複数入力用）'!N2388</f>
        <v>#N/A</v>
      </c>
      <c r="I2386" s="12" t="e">
        <f>'申請書（複数入力用）'!O2388</f>
        <v>#N/A</v>
      </c>
      <c r="J2386" s="12">
        <f>'申請書（複数入力用）'!P2388</f>
        <v>1</v>
      </c>
    </row>
    <row r="2387" spans="1:10" ht="51.6" customHeight="1" x14ac:dyDescent="0.45">
      <c r="A2387" s="6">
        <f>'申請書（複数入力用）'!A2389</f>
        <v>2383</v>
      </c>
      <c r="B2387" s="13">
        <f>'申請書（複数入力用）'!AH2389</f>
        <v>0</v>
      </c>
      <c r="C2387" s="6">
        <f>'申請書（複数入力用）'!B2389</f>
        <v>0</v>
      </c>
      <c r="D2387" s="6">
        <f>'申請書（複数入力用）'!D2389</f>
        <v>0</v>
      </c>
      <c r="E2387" s="14">
        <f>'申請書（複数入力用）'!H2389</f>
        <v>0</v>
      </c>
      <c r="F2387" s="11" t="str">
        <f>'申請書（複数入力用）'!J2389</f>
        <v/>
      </c>
      <c r="G2387" s="6" t="str">
        <f>'申請書（複数入力用）'!K2389</f>
        <v>a052r000000jS9ZAAU</v>
      </c>
      <c r="H2387" s="12" t="e">
        <f>'申請書（複数入力用）'!N2389</f>
        <v>#N/A</v>
      </c>
      <c r="I2387" s="12" t="e">
        <f>'申請書（複数入力用）'!O2389</f>
        <v>#N/A</v>
      </c>
      <c r="J2387" s="12">
        <f>'申請書（複数入力用）'!P2389</f>
        <v>1</v>
      </c>
    </row>
    <row r="2388" spans="1:10" ht="51.6" customHeight="1" x14ac:dyDescent="0.45">
      <c r="A2388" s="6">
        <f>'申請書（複数入力用）'!A2390</f>
        <v>2384</v>
      </c>
      <c r="B2388" s="13">
        <f>'申請書（複数入力用）'!AH2390</f>
        <v>0</v>
      </c>
      <c r="C2388" s="6">
        <f>'申請書（複数入力用）'!B2390</f>
        <v>0</v>
      </c>
      <c r="D2388" s="6">
        <f>'申請書（複数入力用）'!D2390</f>
        <v>0</v>
      </c>
      <c r="E2388" s="14">
        <f>'申請書（複数入力用）'!H2390</f>
        <v>0</v>
      </c>
      <c r="F2388" s="11" t="str">
        <f>'申請書（複数入力用）'!J2390</f>
        <v/>
      </c>
      <c r="G2388" s="6" t="str">
        <f>'申請書（複数入力用）'!K2390</f>
        <v>a052r000000jS9ZAAU</v>
      </c>
      <c r="H2388" s="12" t="e">
        <f>'申請書（複数入力用）'!N2390</f>
        <v>#N/A</v>
      </c>
      <c r="I2388" s="12" t="e">
        <f>'申請書（複数入力用）'!O2390</f>
        <v>#N/A</v>
      </c>
      <c r="J2388" s="12">
        <f>'申請書（複数入力用）'!P2390</f>
        <v>1</v>
      </c>
    </row>
    <row r="2389" spans="1:10" ht="51.6" customHeight="1" x14ac:dyDescent="0.45">
      <c r="A2389" s="6">
        <f>'申請書（複数入力用）'!A2391</f>
        <v>2385</v>
      </c>
      <c r="B2389" s="13">
        <f>'申請書（複数入力用）'!AH2391</f>
        <v>0</v>
      </c>
      <c r="C2389" s="6">
        <f>'申請書（複数入力用）'!B2391</f>
        <v>0</v>
      </c>
      <c r="D2389" s="6">
        <f>'申請書（複数入力用）'!D2391</f>
        <v>0</v>
      </c>
      <c r="E2389" s="14">
        <f>'申請書（複数入力用）'!H2391</f>
        <v>0</v>
      </c>
      <c r="F2389" s="11" t="str">
        <f>'申請書（複数入力用）'!J2391</f>
        <v/>
      </c>
      <c r="G2389" s="6" t="str">
        <f>'申請書（複数入力用）'!K2391</f>
        <v>a052r000000jS9ZAAU</v>
      </c>
      <c r="H2389" s="12" t="e">
        <f>'申請書（複数入力用）'!N2391</f>
        <v>#N/A</v>
      </c>
      <c r="I2389" s="12" t="e">
        <f>'申請書（複数入力用）'!O2391</f>
        <v>#N/A</v>
      </c>
      <c r="J2389" s="12">
        <f>'申請書（複数入力用）'!P2391</f>
        <v>1</v>
      </c>
    </row>
    <row r="2390" spans="1:10" ht="51.6" customHeight="1" x14ac:dyDescent="0.45">
      <c r="A2390" s="6">
        <f>'申請書（複数入力用）'!A2392</f>
        <v>2386</v>
      </c>
      <c r="B2390" s="13">
        <f>'申請書（複数入力用）'!AH2392</f>
        <v>0</v>
      </c>
      <c r="C2390" s="6">
        <f>'申請書（複数入力用）'!B2392</f>
        <v>0</v>
      </c>
      <c r="D2390" s="6">
        <f>'申請書（複数入力用）'!D2392</f>
        <v>0</v>
      </c>
      <c r="E2390" s="14">
        <f>'申請書（複数入力用）'!H2392</f>
        <v>0</v>
      </c>
      <c r="F2390" s="11" t="str">
        <f>'申請書（複数入力用）'!J2392</f>
        <v/>
      </c>
      <c r="G2390" s="6" t="str">
        <f>'申請書（複数入力用）'!K2392</f>
        <v>a052r000000jS9ZAAU</v>
      </c>
      <c r="H2390" s="12" t="e">
        <f>'申請書（複数入力用）'!N2392</f>
        <v>#N/A</v>
      </c>
      <c r="I2390" s="12" t="e">
        <f>'申請書（複数入力用）'!O2392</f>
        <v>#N/A</v>
      </c>
      <c r="J2390" s="12">
        <f>'申請書（複数入力用）'!P2392</f>
        <v>1</v>
      </c>
    </row>
    <row r="2391" spans="1:10" ht="51.6" customHeight="1" x14ac:dyDescent="0.45">
      <c r="A2391" s="6">
        <f>'申請書（複数入力用）'!A2393</f>
        <v>2387</v>
      </c>
      <c r="B2391" s="13">
        <f>'申請書（複数入力用）'!AH2393</f>
        <v>0</v>
      </c>
      <c r="C2391" s="6">
        <f>'申請書（複数入力用）'!B2393</f>
        <v>0</v>
      </c>
      <c r="D2391" s="6">
        <f>'申請書（複数入力用）'!D2393</f>
        <v>0</v>
      </c>
      <c r="E2391" s="14">
        <f>'申請書（複数入力用）'!H2393</f>
        <v>0</v>
      </c>
      <c r="F2391" s="11" t="str">
        <f>'申請書（複数入力用）'!J2393</f>
        <v/>
      </c>
      <c r="G2391" s="6" t="str">
        <f>'申請書（複数入力用）'!K2393</f>
        <v>a052r000000jS9ZAAU</v>
      </c>
      <c r="H2391" s="12" t="e">
        <f>'申請書（複数入力用）'!N2393</f>
        <v>#N/A</v>
      </c>
      <c r="I2391" s="12" t="e">
        <f>'申請書（複数入力用）'!O2393</f>
        <v>#N/A</v>
      </c>
      <c r="J2391" s="12">
        <f>'申請書（複数入力用）'!P2393</f>
        <v>1</v>
      </c>
    </row>
    <row r="2392" spans="1:10" ht="51.6" customHeight="1" x14ac:dyDescent="0.45">
      <c r="A2392" s="6">
        <f>'申請書（複数入力用）'!A2394</f>
        <v>2388</v>
      </c>
      <c r="B2392" s="13">
        <f>'申請書（複数入力用）'!AH2394</f>
        <v>0</v>
      </c>
      <c r="C2392" s="6">
        <f>'申請書（複数入力用）'!B2394</f>
        <v>0</v>
      </c>
      <c r="D2392" s="6">
        <f>'申請書（複数入力用）'!D2394</f>
        <v>0</v>
      </c>
      <c r="E2392" s="14">
        <f>'申請書（複数入力用）'!H2394</f>
        <v>0</v>
      </c>
      <c r="F2392" s="11" t="str">
        <f>'申請書（複数入力用）'!J2394</f>
        <v/>
      </c>
      <c r="G2392" s="6" t="str">
        <f>'申請書（複数入力用）'!K2394</f>
        <v>a052r000000jS9ZAAU</v>
      </c>
      <c r="H2392" s="12" t="e">
        <f>'申請書（複数入力用）'!N2394</f>
        <v>#N/A</v>
      </c>
      <c r="I2392" s="12" t="e">
        <f>'申請書（複数入力用）'!O2394</f>
        <v>#N/A</v>
      </c>
      <c r="J2392" s="12">
        <f>'申請書（複数入力用）'!P2394</f>
        <v>1</v>
      </c>
    </row>
    <row r="2393" spans="1:10" ht="51.6" customHeight="1" x14ac:dyDescent="0.45">
      <c r="A2393" s="6">
        <f>'申請書（複数入力用）'!A2395</f>
        <v>2389</v>
      </c>
      <c r="B2393" s="13">
        <f>'申請書（複数入力用）'!AH2395</f>
        <v>0</v>
      </c>
      <c r="C2393" s="6">
        <f>'申請書（複数入力用）'!B2395</f>
        <v>0</v>
      </c>
      <c r="D2393" s="6">
        <f>'申請書（複数入力用）'!D2395</f>
        <v>0</v>
      </c>
      <c r="E2393" s="14">
        <f>'申請書（複数入力用）'!H2395</f>
        <v>0</v>
      </c>
      <c r="F2393" s="11" t="str">
        <f>'申請書（複数入力用）'!J2395</f>
        <v/>
      </c>
      <c r="G2393" s="6" t="str">
        <f>'申請書（複数入力用）'!K2395</f>
        <v>a052r000000jS9ZAAU</v>
      </c>
      <c r="H2393" s="12" t="e">
        <f>'申請書（複数入力用）'!N2395</f>
        <v>#N/A</v>
      </c>
      <c r="I2393" s="12" t="e">
        <f>'申請書（複数入力用）'!O2395</f>
        <v>#N/A</v>
      </c>
      <c r="J2393" s="12">
        <f>'申請書（複数入力用）'!P2395</f>
        <v>1</v>
      </c>
    </row>
    <row r="2394" spans="1:10" ht="51.6" customHeight="1" x14ac:dyDescent="0.45">
      <c r="A2394" s="6">
        <f>'申請書（複数入力用）'!A2396</f>
        <v>2390</v>
      </c>
      <c r="B2394" s="13">
        <f>'申請書（複数入力用）'!AH2396</f>
        <v>0</v>
      </c>
      <c r="C2394" s="6">
        <f>'申請書（複数入力用）'!B2396</f>
        <v>0</v>
      </c>
      <c r="D2394" s="6">
        <f>'申請書（複数入力用）'!D2396</f>
        <v>0</v>
      </c>
      <c r="E2394" s="14">
        <f>'申請書（複数入力用）'!H2396</f>
        <v>0</v>
      </c>
      <c r="F2394" s="11" t="str">
        <f>'申請書（複数入力用）'!J2396</f>
        <v/>
      </c>
      <c r="G2394" s="6" t="str">
        <f>'申請書（複数入力用）'!K2396</f>
        <v>a052r000000jS9ZAAU</v>
      </c>
      <c r="H2394" s="12" t="e">
        <f>'申請書（複数入力用）'!N2396</f>
        <v>#N/A</v>
      </c>
      <c r="I2394" s="12" t="e">
        <f>'申請書（複数入力用）'!O2396</f>
        <v>#N/A</v>
      </c>
      <c r="J2394" s="12">
        <f>'申請書（複数入力用）'!P2396</f>
        <v>1</v>
      </c>
    </row>
    <row r="2395" spans="1:10" ht="51.6" customHeight="1" x14ac:dyDescent="0.45">
      <c r="A2395" s="6">
        <f>'申請書（複数入力用）'!A2397</f>
        <v>2391</v>
      </c>
      <c r="B2395" s="13">
        <f>'申請書（複数入力用）'!AH2397</f>
        <v>0</v>
      </c>
      <c r="C2395" s="6">
        <f>'申請書（複数入力用）'!B2397</f>
        <v>0</v>
      </c>
      <c r="D2395" s="6">
        <f>'申請書（複数入力用）'!D2397</f>
        <v>0</v>
      </c>
      <c r="E2395" s="14">
        <f>'申請書（複数入力用）'!H2397</f>
        <v>0</v>
      </c>
      <c r="F2395" s="11" t="str">
        <f>'申請書（複数入力用）'!J2397</f>
        <v/>
      </c>
      <c r="G2395" s="6" t="str">
        <f>'申請書（複数入力用）'!K2397</f>
        <v>a052r000000jS9ZAAU</v>
      </c>
      <c r="H2395" s="12" t="e">
        <f>'申請書（複数入力用）'!N2397</f>
        <v>#N/A</v>
      </c>
      <c r="I2395" s="12" t="e">
        <f>'申請書（複数入力用）'!O2397</f>
        <v>#N/A</v>
      </c>
      <c r="J2395" s="12">
        <f>'申請書（複数入力用）'!P2397</f>
        <v>1</v>
      </c>
    </row>
    <row r="2396" spans="1:10" ht="51.6" customHeight="1" x14ac:dyDescent="0.45">
      <c r="A2396" s="6">
        <f>'申請書（複数入力用）'!A2398</f>
        <v>2392</v>
      </c>
      <c r="B2396" s="13">
        <f>'申請書（複数入力用）'!AH2398</f>
        <v>0</v>
      </c>
      <c r="C2396" s="6">
        <f>'申請書（複数入力用）'!B2398</f>
        <v>0</v>
      </c>
      <c r="D2396" s="6">
        <f>'申請書（複数入力用）'!D2398</f>
        <v>0</v>
      </c>
      <c r="E2396" s="14">
        <f>'申請書（複数入力用）'!H2398</f>
        <v>0</v>
      </c>
      <c r="F2396" s="11" t="str">
        <f>'申請書（複数入力用）'!J2398</f>
        <v/>
      </c>
      <c r="G2396" s="6" t="str">
        <f>'申請書（複数入力用）'!K2398</f>
        <v>a052r000000jS9ZAAU</v>
      </c>
      <c r="H2396" s="12" t="e">
        <f>'申請書（複数入力用）'!N2398</f>
        <v>#N/A</v>
      </c>
      <c r="I2396" s="12" t="e">
        <f>'申請書（複数入力用）'!O2398</f>
        <v>#N/A</v>
      </c>
      <c r="J2396" s="12">
        <f>'申請書（複数入力用）'!P2398</f>
        <v>1</v>
      </c>
    </row>
    <row r="2397" spans="1:10" ht="51.6" customHeight="1" x14ac:dyDescent="0.45">
      <c r="A2397" s="6">
        <f>'申請書（複数入力用）'!A2399</f>
        <v>2393</v>
      </c>
      <c r="B2397" s="13">
        <f>'申請書（複数入力用）'!AH2399</f>
        <v>0</v>
      </c>
      <c r="C2397" s="6">
        <f>'申請書（複数入力用）'!B2399</f>
        <v>0</v>
      </c>
      <c r="D2397" s="6">
        <f>'申請書（複数入力用）'!D2399</f>
        <v>0</v>
      </c>
      <c r="E2397" s="14">
        <f>'申請書（複数入力用）'!H2399</f>
        <v>0</v>
      </c>
      <c r="F2397" s="11" t="str">
        <f>'申請書（複数入力用）'!J2399</f>
        <v/>
      </c>
      <c r="G2397" s="6" t="str">
        <f>'申請書（複数入力用）'!K2399</f>
        <v>a052r000000jS9ZAAU</v>
      </c>
      <c r="H2397" s="12" t="e">
        <f>'申請書（複数入力用）'!N2399</f>
        <v>#N/A</v>
      </c>
      <c r="I2397" s="12" t="e">
        <f>'申請書（複数入力用）'!O2399</f>
        <v>#N/A</v>
      </c>
      <c r="J2397" s="12">
        <f>'申請書（複数入力用）'!P2399</f>
        <v>1</v>
      </c>
    </row>
    <row r="2398" spans="1:10" ht="51.6" customHeight="1" x14ac:dyDescent="0.45">
      <c r="A2398" s="6">
        <f>'申請書（複数入力用）'!A2400</f>
        <v>2394</v>
      </c>
      <c r="B2398" s="13">
        <f>'申請書（複数入力用）'!AH2400</f>
        <v>0</v>
      </c>
      <c r="C2398" s="6">
        <f>'申請書（複数入力用）'!B2400</f>
        <v>0</v>
      </c>
      <c r="D2398" s="6">
        <f>'申請書（複数入力用）'!D2400</f>
        <v>0</v>
      </c>
      <c r="E2398" s="14">
        <f>'申請書（複数入力用）'!H2400</f>
        <v>0</v>
      </c>
      <c r="F2398" s="11" t="str">
        <f>'申請書（複数入力用）'!J2400</f>
        <v/>
      </c>
      <c r="G2398" s="6" t="str">
        <f>'申請書（複数入力用）'!K2400</f>
        <v>a052r000000jS9ZAAU</v>
      </c>
      <c r="H2398" s="12" t="e">
        <f>'申請書（複数入力用）'!N2400</f>
        <v>#N/A</v>
      </c>
      <c r="I2398" s="12" t="e">
        <f>'申請書（複数入力用）'!O2400</f>
        <v>#N/A</v>
      </c>
      <c r="J2398" s="12">
        <f>'申請書（複数入力用）'!P2400</f>
        <v>1</v>
      </c>
    </row>
    <row r="2399" spans="1:10" ht="51.6" customHeight="1" x14ac:dyDescent="0.45">
      <c r="A2399" s="6">
        <f>'申請書（複数入力用）'!A2401</f>
        <v>2395</v>
      </c>
      <c r="B2399" s="13">
        <f>'申請書（複数入力用）'!AH2401</f>
        <v>0</v>
      </c>
      <c r="C2399" s="6">
        <f>'申請書（複数入力用）'!B2401</f>
        <v>0</v>
      </c>
      <c r="D2399" s="6">
        <f>'申請書（複数入力用）'!D2401</f>
        <v>0</v>
      </c>
      <c r="E2399" s="14">
        <f>'申請書（複数入力用）'!H2401</f>
        <v>0</v>
      </c>
      <c r="F2399" s="11" t="str">
        <f>'申請書（複数入力用）'!J2401</f>
        <v/>
      </c>
      <c r="G2399" s="6" t="str">
        <f>'申請書（複数入力用）'!K2401</f>
        <v>a052r000000jS9ZAAU</v>
      </c>
      <c r="H2399" s="12" t="e">
        <f>'申請書（複数入力用）'!N2401</f>
        <v>#N/A</v>
      </c>
      <c r="I2399" s="12" t="e">
        <f>'申請書（複数入力用）'!O2401</f>
        <v>#N/A</v>
      </c>
      <c r="J2399" s="12">
        <f>'申請書（複数入力用）'!P2401</f>
        <v>1</v>
      </c>
    </row>
    <row r="2400" spans="1:10" ht="51.6" customHeight="1" x14ac:dyDescent="0.45">
      <c r="A2400" s="6">
        <f>'申請書（複数入力用）'!A2402</f>
        <v>2396</v>
      </c>
      <c r="B2400" s="13">
        <f>'申請書（複数入力用）'!AH2402</f>
        <v>0</v>
      </c>
      <c r="C2400" s="6">
        <f>'申請書（複数入力用）'!B2402</f>
        <v>0</v>
      </c>
      <c r="D2400" s="6">
        <f>'申請書（複数入力用）'!D2402</f>
        <v>0</v>
      </c>
      <c r="E2400" s="14">
        <f>'申請書（複数入力用）'!H2402</f>
        <v>0</v>
      </c>
      <c r="F2400" s="11" t="str">
        <f>'申請書（複数入力用）'!J2402</f>
        <v/>
      </c>
      <c r="G2400" s="6" t="str">
        <f>'申請書（複数入力用）'!K2402</f>
        <v>a052r000000jS9ZAAU</v>
      </c>
      <c r="H2400" s="12" t="e">
        <f>'申請書（複数入力用）'!N2402</f>
        <v>#N/A</v>
      </c>
      <c r="I2400" s="12" t="e">
        <f>'申請書（複数入力用）'!O2402</f>
        <v>#N/A</v>
      </c>
      <c r="J2400" s="12">
        <f>'申請書（複数入力用）'!P2402</f>
        <v>1</v>
      </c>
    </row>
    <row r="2401" spans="1:10" ht="51.6" customHeight="1" x14ac:dyDescent="0.45">
      <c r="A2401" s="6">
        <f>'申請書（複数入力用）'!A2403</f>
        <v>2397</v>
      </c>
      <c r="B2401" s="13">
        <f>'申請書（複数入力用）'!AH2403</f>
        <v>0</v>
      </c>
      <c r="C2401" s="6">
        <f>'申請書（複数入力用）'!B2403</f>
        <v>0</v>
      </c>
      <c r="D2401" s="6">
        <f>'申請書（複数入力用）'!D2403</f>
        <v>0</v>
      </c>
      <c r="E2401" s="14">
        <f>'申請書（複数入力用）'!H2403</f>
        <v>0</v>
      </c>
      <c r="F2401" s="11" t="str">
        <f>'申請書（複数入力用）'!J2403</f>
        <v/>
      </c>
      <c r="G2401" s="6" t="str">
        <f>'申請書（複数入力用）'!K2403</f>
        <v>a052r000000jS9ZAAU</v>
      </c>
      <c r="H2401" s="12" t="e">
        <f>'申請書（複数入力用）'!N2403</f>
        <v>#N/A</v>
      </c>
      <c r="I2401" s="12" t="e">
        <f>'申請書（複数入力用）'!O2403</f>
        <v>#N/A</v>
      </c>
      <c r="J2401" s="12">
        <f>'申請書（複数入力用）'!P2403</f>
        <v>1</v>
      </c>
    </row>
    <row r="2402" spans="1:10" ht="51.6" customHeight="1" x14ac:dyDescent="0.45">
      <c r="A2402" s="6">
        <f>'申請書（複数入力用）'!A2404</f>
        <v>2398</v>
      </c>
      <c r="B2402" s="13">
        <f>'申請書（複数入力用）'!AH2404</f>
        <v>0</v>
      </c>
      <c r="C2402" s="6">
        <f>'申請書（複数入力用）'!B2404</f>
        <v>0</v>
      </c>
      <c r="D2402" s="6">
        <f>'申請書（複数入力用）'!D2404</f>
        <v>0</v>
      </c>
      <c r="E2402" s="14">
        <f>'申請書（複数入力用）'!H2404</f>
        <v>0</v>
      </c>
      <c r="F2402" s="11" t="str">
        <f>'申請書（複数入力用）'!J2404</f>
        <v/>
      </c>
      <c r="G2402" s="6" t="str">
        <f>'申請書（複数入力用）'!K2404</f>
        <v>a052r000000jS9ZAAU</v>
      </c>
      <c r="H2402" s="12" t="e">
        <f>'申請書（複数入力用）'!N2404</f>
        <v>#N/A</v>
      </c>
      <c r="I2402" s="12" t="e">
        <f>'申請書（複数入力用）'!O2404</f>
        <v>#N/A</v>
      </c>
      <c r="J2402" s="12">
        <f>'申請書（複数入力用）'!P2404</f>
        <v>1</v>
      </c>
    </row>
    <row r="2403" spans="1:10" ht="51.6" customHeight="1" x14ac:dyDescent="0.45">
      <c r="A2403" s="6">
        <f>'申請書（複数入力用）'!A2405</f>
        <v>2399</v>
      </c>
      <c r="B2403" s="13">
        <f>'申請書（複数入力用）'!AH2405</f>
        <v>0</v>
      </c>
      <c r="C2403" s="6">
        <f>'申請書（複数入力用）'!B2405</f>
        <v>0</v>
      </c>
      <c r="D2403" s="6">
        <f>'申請書（複数入力用）'!D2405</f>
        <v>0</v>
      </c>
      <c r="E2403" s="14">
        <f>'申請書（複数入力用）'!H2405</f>
        <v>0</v>
      </c>
      <c r="F2403" s="11" t="str">
        <f>'申請書（複数入力用）'!J2405</f>
        <v/>
      </c>
      <c r="G2403" s="6" t="str">
        <f>'申請書（複数入力用）'!K2405</f>
        <v>a052r000000jS9ZAAU</v>
      </c>
      <c r="H2403" s="12" t="e">
        <f>'申請書（複数入力用）'!N2405</f>
        <v>#N/A</v>
      </c>
      <c r="I2403" s="12" t="e">
        <f>'申請書（複数入力用）'!O2405</f>
        <v>#N/A</v>
      </c>
      <c r="J2403" s="12">
        <f>'申請書（複数入力用）'!P2405</f>
        <v>1</v>
      </c>
    </row>
    <row r="2404" spans="1:10" ht="51.6" customHeight="1" x14ac:dyDescent="0.45">
      <c r="A2404" s="6">
        <f>'申請書（複数入力用）'!A2406</f>
        <v>2400</v>
      </c>
      <c r="B2404" s="13">
        <f>'申請書（複数入力用）'!AH2406</f>
        <v>0</v>
      </c>
      <c r="C2404" s="6">
        <f>'申請書（複数入力用）'!B2406</f>
        <v>0</v>
      </c>
      <c r="D2404" s="6">
        <f>'申請書（複数入力用）'!D2406</f>
        <v>0</v>
      </c>
      <c r="E2404" s="14">
        <f>'申請書（複数入力用）'!H2406</f>
        <v>0</v>
      </c>
      <c r="F2404" s="11" t="str">
        <f>'申請書（複数入力用）'!J2406</f>
        <v/>
      </c>
      <c r="G2404" s="6" t="str">
        <f>'申請書（複数入力用）'!K2406</f>
        <v>a052r000000jS9ZAAU</v>
      </c>
      <c r="H2404" s="12" t="e">
        <f>'申請書（複数入力用）'!N2406</f>
        <v>#N/A</v>
      </c>
      <c r="I2404" s="12" t="e">
        <f>'申請書（複数入力用）'!O2406</f>
        <v>#N/A</v>
      </c>
      <c r="J2404" s="12">
        <f>'申請書（複数入力用）'!P2406</f>
        <v>1</v>
      </c>
    </row>
    <row r="2405" spans="1:10" ht="51.6" customHeight="1" x14ac:dyDescent="0.45">
      <c r="A2405" s="6">
        <f>'申請書（複数入力用）'!A2407</f>
        <v>2401</v>
      </c>
      <c r="B2405" s="13">
        <f>'申請書（複数入力用）'!AH2407</f>
        <v>0</v>
      </c>
      <c r="C2405" s="6">
        <f>'申請書（複数入力用）'!B2407</f>
        <v>0</v>
      </c>
      <c r="D2405" s="6">
        <f>'申請書（複数入力用）'!D2407</f>
        <v>0</v>
      </c>
      <c r="E2405" s="14">
        <f>'申請書（複数入力用）'!H2407</f>
        <v>0</v>
      </c>
      <c r="F2405" s="11" t="str">
        <f>'申請書（複数入力用）'!J2407</f>
        <v/>
      </c>
      <c r="G2405" s="6" t="str">
        <f>'申請書（複数入力用）'!K2407</f>
        <v>a052r000000jS9ZAAU</v>
      </c>
      <c r="H2405" s="12" t="e">
        <f>'申請書（複数入力用）'!N2407</f>
        <v>#N/A</v>
      </c>
      <c r="I2405" s="12" t="e">
        <f>'申請書（複数入力用）'!O2407</f>
        <v>#N/A</v>
      </c>
      <c r="J2405" s="12">
        <f>'申請書（複数入力用）'!P2407</f>
        <v>1</v>
      </c>
    </row>
    <row r="2406" spans="1:10" ht="51.6" customHeight="1" x14ac:dyDescent="0.45">
      <c r="A2406" s="6">
        <f>'申請書（複数入力用）'!A2408</f>
        <v>2402</v>
      </c>
      <c r="B2406" s="13">
        <f>'申請書（複数入力用）'!AH2408</f>
        <v>0</v>
      </c>
      <c r="C2406" s="6">
        <f>'申請書（複数入力用）'!B2408</f>
        <v>0</v>
      </c>
      <c r="D2406" s="6">
        <f>'申請書（複数入力用）'!D2408</f>
        <v>0</v>
      </c>
      <c r="E2406" s="14">
        <f>'申請書（複数入力用）'!H2408</f>
        <v>0</v>
      </c>
      <c r="F2406" s="11" t="str">
        <f>'申請書（複数入力用）'!J2408</f>
        <v/>
      </c>
      <c r="G2406" s="6" t="str">
        <f>'申請書（複数入力用）'!K2408</f>
        <v>a052r000000jS9ZAAU</v>
      </c>
      <c r="H2406" s="12" t="e">
        <f>'申請書（複数入力用）'!N2408</f>
        <v>#N/A</v>
      </c>
      <c r="I2406" s="12" t="e">
        <f>'申請書（複数入力用）'!O2408</f>
        <v>#N/A</v>
      </c>
      <c r="J2406" s="12">
        <f>'申請書（複数入力用）'!P2408</f>
        <v>1</v>
      </c>
    </row>
    <row r="2407" spans="1:10" ht="51.6" customHeight="1" x14ac:dyDescent="0.45">
      <c r="A2407" s="6">
        <f>'申請書（複数入力用）'!A2409</f>
        <v>2403</v>
      </c>
      <c r="B2407" s="13">
        <f>'申請書（複数入力用）'!AH2409</f>
        <v>0</v>
      </c>
      <c r="C2407" s="6">
        <f>'申請書（複数入力用）'!B2409</f>
        <v>0</v>
      </c>
      <c r="D2407" s="6">
        <f>'申請書（複数入力用）'!D2409</f>
        <v>0</v>
      </c>
      <c r="E2407" s="14">
        <f>'申請書（複数入力用）'!H2409</f>
        <v>0</v>
      </c>
      <c r="F2407" s="11" t="str">
        <f>'申請書（複数入力用）'!J2409</f>
        <v/>
      </c>
      <c r="G2407" s="6" t="str">
        <f>'申請書（複数入力用）'!K2409</f>
        <v>a052r000000jS9ZAAU</v>
      </c>
      <c r="H2407" s="12" t="e">
        <f>'申請書（複数入力用）'!N2409</f>
        <v>#N/A</v>
      </c>
      <c r="I2407" s="12" t="e">
        <f>'申請書（複数入力用）'!O2409</f>
        <v>#N/A</v>
      </c>
      <c r="J2407" s="12">
        <f>'申請書（複数入力用）'!P2409</f>
        <v>1</v>
      </c>
    </row>
    <row r="2408" spans="1:10" ht="51.6" customHeight="1" x14ac:dyDescent="0.45">
      <c r="A2408" s="6">
        <f>'申請書（複数入力用）'!A2410</f>
        <v>2404</v>
      </c>
      <c r="B2408" s="13">
        <f>'申請書（複数入力用）'!AH2410</f>
        <v>0</v>
      </c>
      <c r="C2408" s="6">
        <f>'申請書（複数入力用）'!B2410</f>
        <v>0</v>
      </c>
      <c r="D2408" s="6">
        <f>'申請書（複数入力用）'!D2410</f>
        <v>0</v>
      </c>
      <c r="E2408" s="14">
        <f>'申請書（複数入力用）'!H2410</f>
        <v>0</v>
      </c>
      <c r="F2408" s="11" t="str">
        <f>'申請書（複数入力用）'!J2410</f>
        <v/>
      </c>
      <c r="G2408" s="6" t="str">
        <f>'申請書（複数入力用）'!K2410</f>
        <v>a052r000000jS9ZAAU</v>
      </c>
      <c r="H2408" s="12" t="e">
        <f>'申請書（複数入力用）'!N2410</f>
        <v>#N/A</v>
      </c>
      <c r="I2408" s="12" t="e">
        <f>'申請書（複数入力用）'!O2410</f>
        <v>#N/A</v>
      </c>
      <c r="J2408" s="12">
        <f>'申請書（複数入力用）'!P2410</f>
        <v>1</v>
      </c>
    </row>
    <row r="2409" spans="1:10" ht="51.6" customHeight="1" x14ac:dyDescent="0.45">
      <c r="A2409" s="6">
        <f>'申請書（複数入力用）'!A2411</f>
        <v>2405</v>
      </c>
      <c r="B2409" s="13">
        <f>'申請書（複数入力用）'!AH2411</f>
        <v>0</v>
      </c>
      <c r="C2409" s="6">
        <f>'申請書（複数入力用）'!B2411</f>
        <v>0</v>
      </c>
      <c r="D2409" s="6">
        <f>'申請書（複数入力用）'!D2411</f>
        <v>0</v>
      </c>
      <c r="E2409" s="14">
        <f>'申請書（複数入力用）'!H2411</f>
        <v>0</v>
      </c>
      <c r="F2409" s="11" t="str">
        <f>'申請書（複数入力用）'!J2411</f>
        <v/>
      </c>
      <c r="G2409" s="6" t="str">
        <f>'申請書（複数入力用）'!K2411</f>
        <v>a052r000000jS9ZAAU</v>
      </c>
      <c r="H2409" s="12" t="e">
        <f>'申請書（複数入力用）'!N2411</f>
        <v>#N/A</v>
      </c>
      <c r="I2409" s="12" t="e">
        <f>'申請書（複数入力用）'!O2411</f>
        <v>#N/A</v>
      </c>
      <c r="J2409" s="12">
        <f>'申請書（複数入力用）'!P2411</f>
        <v>1</v>
      </c>
    </row>
    <row r="2410" spans="1:10" ht="51.6" customHeight="1" x14ac:dyDescent="0.45">
      <c r="A2410" s="6">
        <f>'申請書（複数入力用）'!A2412</f>
        <v>2406</v>
      </c>
      <c r="B2410" s="13">
        <f>'申請書（複数入力用）'!AH2412</f>
        <v>0</v>
      </c>
      <c r="C2410" s="6">
        <f>'申請書（複数入力用）'!B2412</f>
        <v>0</v>
      </c>
      <c r="D2410" s="6">
        <f>'申請書（複数入力用）'!D2412</f>
        <v>0</v>
      </c>
      <c r="E2410" s="14">
        <f>'申請書（複数入力用）'!H2412</f>
        <v>0</v>
      </c>
      <c r="F2410" s="11" t="str">
        <f>'申請書（複数入力用）'!J2412</f>
        <v/>
      </c>
      <c r="G2410" s="6" t="str">
        <f>'申請書（複数入力用）'!K2412</f>
        <v>a052r000000jS9ZAAU</v>
      </c>
      <c r="H2410" s="12" t="e">
        <f>'申請書（複数入力用）'!N2412</f>
        <v>#N/A</v>
      </c>
      <c r="I2410" s="12" t="e">
        <f>'申請書（複数入力用）'!O2412</f>
        <v>#N/A</v>
      </c>
      <c r="J2410" s="12">
        <f>'申請書（複数入力用）'!P2412</f>
        <v>1</v>
      </c>
    </row>
    <row r="2411" spans="1:10" ht="51.6" customHeight="1" x14ac:dyDescent="0.45">
      <c r="A2411" s="6">
        <f>'申請書（複数入力用）'!A2413</f>
        <v>2407</v>
      </c>
      <c r="B2411" s="13">
        <f>'申請書（複数入力用）'!AH2413</f>
        <v>0</v>
      </c>
      <c r="C2411" s="6">
        <f>'申請書（複数入力用）'!B2413</f>
        <v>0</v>
      </c>
      <c r="D2411" s="6">
        <f>'申請書（複数入力用）'!D2413</f>
        <v>0</v>
      </c>
      <c r="E2411" s="14">
        <f>'申請書（複数入力用）'!H2413</f>
        <v>0</v>
      </c>
      <c r="F2411" s="11" t="str">
        <f>'申請書（複数入力用）'!J2413</f>
        <v/>
      </c>
      <c r="G2411" s="6" t="str">
        <f>'申請書（複数入力用）'!K2413</f>
        <v>a052r000000jS9ZAAU</v>
      </c>
      <c r="H2411" s="12" t="e">
        <f>'申請書（複数入力用）'!N2413</f>
        <v>#N/A</v>
      </c>
      <c r="I2411" s="12" t="e">
        <f>'申請書（複数入力用）'!O2413</f>
        <v>#N/A</v>
      </c>
      <c r="J2411" s="12">
        <f>'申請書（複数入力用）'!P2413</f>
        <v>1</v>
      </c>
    </row>
    <row r="2412" spans="1:10" ht="51.6" customHeight="1" x14ac:dyDescent="0.45">
      <c r="A2412" s="6">
        <f>'申請書（複数入力用）'!A2414</f>
        <v>2408</v>
      </c>
      <c r="B2412" s="13">
        <f>'申請書（複数入力用）'!AH2414</f>
        <v>0</v>
      </c>
      <c r="C2412" s="6">
        <f>'申請書（複数入力用）'!B2414</f>
        <v>0</v>
      </c>
      <c r="D2412" s="6">
        <f>'申請書（複数入力用）'!D2414</f>
        <v>0</v>
      </c>
      <c r="E2412" s="14">
        <f>'申請書（複数入力用）'!H2414</f>
        <v>0</v>
      </c>
      <c r="F2412" s="11" t="str">
        <f>'申請書（複数入力用）'!J2414</f>
        <v/>
      </c>
      <c r="G2412" s="6" t="str">
        <f>'申請書（複数入力用）'!K2414</f>
        <v>a052r000000jS9ZAAU</v>
      </c>
      <c r="H2412" s="12" t="e">
        <f>'申請書（複数入力用）'!N2414</f>
        <v>#N/A</v>
      </c>
      <c r="I2412" s="12" t="e">
        <f>'申請書（複数入力用）'!O2414</f>
        <v>#N/A</v>
      </c>
      <c r="J2412" s="12">
        <f>'申請書（複数入力用）'!P2414</f>
        <v>1</v>
      </c>
    </row>
    <row r="2413" spans="1:10" ht="51.6" customHeight="1" x14ac:dyDescent="0.45">
      <c r="A2413" s="6">
        <f>'申請書（複数入力用）'!A2415</f>
        <v>2409</v>
      </c>
      <c r="B2413" s="13">
        <f>'申請書（複数入力用）'!AH2415</f>
        <v>0</v>
      </c>
      <c r="C2413" s="6">
        <f>'申請書（複数入力用）'!B2415</f>
        <v>0</v>
      </c>
      <c r="D2413" s="6">
        <f>'申請書（複数入力用）'!D2415</f>
        <v>0</v>
      </c>
      <c r="E2413" s="14">
        <f>'申請書（複数入力用）'!H2415</f>
        <v>0</v>
      </c>
      <c r="F2413" s="11" t="str">
        <f>'申請書（複数入力用）'!J2415</f>
        <v/>
      </c>
      <c r="G2413" s="6" t="str">
        <f>'申請書（複数入力用）'!K2415</f>
        <v>a052r000000jS9ZAAU</v>
      </c>
      <c r="H2413" s="12" t="e">
        <f>'申請書（複数入力用）'!N2415</f>
        <v>#N/A</v>
      </c>
      <c r="I2413" s="12" t="e">
        <f>'申請書（複数入力用）'!O2415</f>
        <v>#N/A</v>
      </c>
      <c r="J2413" s="12">
        <f>'申請書（複数入力用）'!P2415</f>
        <v>1</v>
      </c>
    </row>
    <row r="2414" spans="1:10" ht="51.6" customHeight="1" x14ac:dyDescent="0.45">
      <c r="A2414" s="6">
        <f>'申請書（複数入力用）'!A2416</f>
        <v>2410</v>
      </c>
      <c r="B2414" s="13">
        <f>'申請書（複数入力用）'!AH2416</f>
        <v>0</v>
      </c>
      <c r="C2414" s="6">
        <f>'申請書（複数入力用）'!B2416</f>
        <v>0</v>
      </c>
      <c r="D2414" s="6">
        <f>'申請書（複数入力用）'!D2416</f>
        <v>0</v>
      </c>
      <c r="E2414" s="14">
        <f>'申請書（複数入力用）'!H2416</f>
        <v>0</v>
      </c>
      <c r="F2414" s="11" t="str">
        <f>'申請書（複数入力用）'!J2416</f>
        <v/>
      </c>
      <c r="G2414" s="6" t="str">
        <f>'申請書（複数入力用）'!K2416</f>
        <v>a052r000000jS9ZAAU</v>
      </c>
      <c r="H2414" s="12" t="e">
        <f>'申請書（複数入力用）'!N2416</f>
        <v>#N/A</v>
      </c>
      <c r="I2414" s="12" t="e">
        <f>'申請書（複数入力用）'!O2416</f>
        <v>#N/A</v>
      </c>
      <c r="J2414" s="12">
        <f>'申請書（複数入力用）'!P2416</f>
        <v>1</v>
      </c>
    </row>
    <row r="2415" spans="1:10" ht="51.6" customHeight="1" x14ac:dyDescent="0.45">
      <c r="A2415" s="6">
        <f>'申請書（複数入力用）'!A2417</f>
        <v>2411</v>
      </c>
      <c r="B2415" s="13">
        <f>'申請書（複数入力用）'!AH2417</f>
        <v>0</v>
      </c>
      <c r="C2415" s="6">
        <f>'申請書（複数入力用）'!B2417</f>
        <v>0</v>
      </c>
      <c r="D2415" s="6">
        <f>'申請書（複数入力用）'!D2417</f>
        <v>0</v>
      </c>
      <c r="E2415" s="14">
        <f>'申請書（複数入力用）'!H2417</f>
        <v>0</v>
      </c>
      <c r="F2415" s="11" t="str">
        <f>'申請書（複数入力用）'!J2417</f>
        <v/>
      </c>
      <c r="G2415" s="6" t="str">
        <f>'申請書（複数入力用）'!K2417</f>
        <v>a052r000000jS9ZAAU</v>
      </c>
      <c r="H2415" s="12" t="e">
        <f>'申請書（複数入力用）'!N2417</f>
        <v>#N/A</v>
      </c>
      <c r="I2415" s="12" t="e">
        <f>'申請書（複数入力用）'!O2417</f>
        <v>#N/A</v>
      </c>
      <c r="J2415" s="12">
        <f>'申請書（複数入力用）'!P2417</f>
        <v>1</v>
      </c>
    </row>
    <row r="2416" spans="1:10" ht="51.6" customHeight="1" x14ac:dyDescent="0.45">
      <c r="A2416" s="6">
        <f>'申請書（複数入力用）'!A2418</f>
        <v>2412</v>
      </c>
      <c r="B2416" s="13">
        <f>'申請書（複数入力用）'!AH2418</f>
        <v>0</v>
      </c>
      <c r="C2416" s="6">
        <f>'申請書（複数入力用）'!B2418</f>
        <v>0</v>
      </c>
      <c r="D2416" s="6">
        <f>'申請書（複数入力用）'!D2418</f>
        <v>0</v>
      </c>
      <c r="E2416" s="14">
        <f>'申請書（複数入力用）'!H2418</f>
        <v>0</v>
      </c>
      <c r="F2416" s="11" t="str">
        <f>'申請書（複数入力用）'!J2418</f>
        <v/>
      </c>
      <c r="G2416" s="6" t="str">
        <f>'申請書（複数入力用）'!K2418</f>
        <v>a052r000000jS9ZAAU</v>
      </c>
      <c r="H2416" s="12" t="e">
        <f>'申請書（複数入力用）'!N2418</f>
        <v>#N/A</v>
      </c>
      <c r="I2416" s="12" t="e">
        <f>'申請書（複数入力用）'!O2418</f>
        <v>#N/A</v>
      </c>
      <c r="J2416" s="12">
        <f>'申請書（複数入力用）'!P2418</f>
        <v>1</v>
      </c>
    </row>
    <row r="2417" spans="1:10" ht="51.6" customHeight="1" x14ac:dyDescent="0.45">
      <c r="A2417" s="6">
        <f>'申請書（複数入力用）'!A2419</f>
        <v>2413</v>
      </c>
      <c r="B2417" s="13">
        <f>'申請書（複数入力用）'!AH2419</f>
        <v>0</v>
      </c>
      <c r="C2417" s="6">
        <f>'申請書（複数入力用）'!B2419</f>
        <v>0</v>
      </c>
      <c r="D2417" s="6">
        <f>'申請書（複数入力用）'!D2419</f>
        <v>0</v>
      </c>
      <c r="E2417" s="14">
        <f>'申請書（複数入力用）'!H2419</f>
        <v>0</v>
      </c>
      <c r="F2417" s="11" t="str">
        <f>'申請書（複数入力用）'!J2419</f>
        <v/>
      </c>
      <c r="G2417" s="6" t="str">
        <f>'申請書（複数入力用）'!K2419</f>
        <v>a052r000000jS9ZAAU</v>
      </c>
      <c r="H2417" s="12" t="e">
        <f>'申請書（複数入力用）'!N2419</f>
        <v>#N/A</v>
      </c>
      <c r="I2417" s="12" t="e">
        <f>'申請書（複数入力用）'!O2419</f>
        <v>#N/A</v>
      </c>
      <c r="J2417" s="12">
        <f>'申請書（複数入力用）'!P2419</f>
        <v>1</v>
      </c>
    </row>
    <row r="2418" spans="1:10" ht="51.6" customHeight="1" x14ac:dyDescent="0.45">
      <c r="A2418" s="6">
        <f>'申請書（複数入力用）'!A2420</f>
        <v>2414</v>
      </c>
      <c r="B2418" s="13">
        <f>'申請書（複数入力用）'!AH2420</f>
        <v>0</v>
      </c>
      <c r="C2418" s="6">
        <f>'申請書（複数入力用）'!B2420</f>
        <v>0</v>
      </c>
      <c r="D2418" s="6">
        <f>'申請書（複数入力用）'!D2420</f>
        <v>0</v>
      </c>
      <c r="E2418" s="14">
        <f>'申請書（複数入力用）'!H2420</f>
        <v>0</v>
      </c>
      <c r="F2418" s="11" t="str">
        <f>'申請書（複数入力用）'!J2420</f>
        <v/>
      </c>
      <c r="G2418" s="6" t="str">
        <f>'申請書（複数入力用）'!K2420</f>
        <v>a052r000000jS9ZAAU</v>
      </c>
      <c r="H2418" s="12" t="e">
        <f>'申請書（複数入力用）'!N2420</f>
        <v>#N/A</v>
      </c>
      <c r="I2418" s="12" t="e">
        <f>'申請書（複数入力用）'!O2420</f>
        <v>#N/A</v>
      </c>
      <c r="J2418" s="12">
        <f>'申請書（複数入力用）'!P2420</f>
        <v>1</v>
      </c>
    </row>
    <row r="2419" spans="1:10" ht="51.6" customHeight="1" x14ac:dyDescent="0.45">
      <c r="A2419" s="6">
        <f>'申請書（複数入力用）'!A2421</f>
        <v>2415</v>
      </c>
      <c r="B2419" s="13">
        <f>'申請書（複数入力用）'!AH2421</f>
        <v>0</v>
      </c>
      <c r="C2419" s="6">
        <f>'申請書（複数入力用）'!B2421</f>
        <v>0</v>
      </c>
      <c r="D2419" s="6">
        <f>'申請書（複数入力用）'!D2421</f>
        <v>0</v>
      </c>
      <c r="E2419" s="14">
        <f>'申請書（複数入力用）'!H2421</f>
        <v>0</v>
      </c>
      <c r="F2419" s="11" t="str">
        <f>'申請書（複数入力用）'!J2421</f>
        <v/>
      </c>
      <c r="G2419" s="6" t="str">
        <f>'申請書（複数入力用）'!K2421</f>
        <v>a052r000000jS9ZAAU</v>
      </c>
      <c r="H2419" s="12" t="e">
        <f>'申請書（複数入力用）'!N2421</f>
        <v>#N/A</v>
      </c>
      <c r="I2419" s="12" t="e">
        <f>'申請書（複数入力用）'!O2421</f>
        <v>#N/A</v>
      </c>
      <c r="J2419" s="12">
        <f>'申請書（複数入力用）'!P2421</f>
        <v>1</v>
      </c>
    </row>
    <row r="2420" spans="1:10" ht="51.6" customHeight="1" x14ac:dyDescent="0.45">
      <c r="A2420" s="6">
        <f>'申請書（複数入力用）'!A2422</f>
        <v>2416</v>
      </c>
      <c r="B2420" s="13">
        <f>'申請書（複数入力用）'!AH2422</f>
        <v>0</v>
      </c>
      <c r="C2420" s="6">
        <f>'申請書（複数入力用）'!B2422</f>
        <v>0</v>
      </c>
      <c r="D2420" s="6">
        <f>'申請書（複数入力用）'!D2422</f>
        <v>0</v>
      </c>
      <c r="E2420" s="14">
        <f>'申請書（複数入力用）'!H2422</f>
        <v>0</v>
      </c>
      <c r="F2420" s="11" t="str">
        <f>'申請書（複数入力用）'!J2422</f>
        <v/>
      </c>
      <c r="G2420" s="6" t="str">
        <f>'申請書（複数入力用）'!K2422</f>
        <v>a052r000000jS9ZAAU</v>
      </c>
      <c r="H2420" s="12" t="e">
        <f>'申請書（複数入力用）'!N2422</f>
        <v>#N/A</v>
      </c>
      <c r="I2420" s="12" t="e">
        <f>'申請書（複数入力用）'!O2422</f>
        <v>#N/A</v>
      </c>
      <c r="J2420" s="12">
        <f>'申請書（複数入力用）'!P2422</f>
        <v>1</v>
      </c>
    </row>
    <row r="2421" spans="1:10" ht="51.6" customHeight="1" x14ac:dyDescent="0.45">
      <c r="A2421" s="6">
        <f>'申請書（複数入力用）'!A2423</f>
        <v>2417</v>
      </c>
      <c r="B2421" s="13">
        <f>'申請書（複数入力用）'!AH2423</f>
        <v>0</v>
      </c>
      <c r="C2421" s="6">
        <f>'申請書（複数入力用）'!B2423</f>
        <v>0</v>
      </c>
      <c r="D2421" s="6">
        <f>'申請書（複数入力用）'!D2423</f>
        <v>0</v>
      </c>
      <c r="E2421" s="14">
        <f>'申請書（複数入力用）'!H2423</f>
        <v>0</v>
      </c>
      <c r="F2421" s="11" t="str">
        <f>'申請書（複数入力用）'!J2423</f>
        <v/>
      </c>
      <c r="G2421" s="6" t="str">
        <f>'申請書（複数入力用）'!K2423</f>
        <v>a052r000000jS9ZAAU</v>
      </c>
      <c r="H2421" s="12" t="e">
        <f>'申請書（複数入力用）'!N2423</f>
        <v>#N/A</v>
      </c>
      <c r="I2421" s="12" t="e">
        <f>'申請書（複数入力用）'!O2423</f>
        <v>#N/A</v>
      </c>
      <c r="J2421" s="12">
        <f>'申請書（複数入力用）'!P2423</f>
        <v>1</v>
      </c>
    </row>
    <row r="2422" spans="1:10" ht="51.6" customHeight="1" x14ac:dyDescent="0.45">
      <c r="A2422" s="6">
        <f>'申請書（複数入力用）'!A2424</f>
        <v>2418</v>
      </c>
      <c r="B2422" s="13">
        <f>'申請書（複数入力用）'!AH2424</f>
        <v>0</v>
      </c>
      <c r="C2422" s="6">
        <f>'申請書（複数入力用）'!B2424</f>
        <v>0</v>
      </c>
      <c r="D2422" s="6">
        <f>'申請書（複数入力用）'!D2424</f>
        <v>0</v>
      </c>
      <c r="E2422" s="14">
        <f>'申請書（複数入力用）'!H2424</f>
        <v>0</v>
      </c>
      <c r="F2422" s="11" t="str">
        <f>'申請書（複数入力用）'!J2424</f>
        <v/>
      </c>
      <c r="G2422" s="6" t="str">
        <f>'申請書（複数入力用）'!K2424</f>
        <v>a052r000000jS9ZAAU</v>
      </c>
      <c r="H2422" s="12" t="e">
        <f>'申請書（複数入力用）'!N2424</f>
        <v>#N/A</v>
      </c>
      <c r="I2422" s="12" t="e">
        <f>'申請書（複数入力用）'!O2424</f>
        <v>#N/A</v>
      </c>
      <c r="J2422" s="12">
        <f>'申請書（複数入力用）'!P2424</f>
        <v>1</v>
      </c>
    </row>
    <row r="2423" spans="1:10" ht="51.6" customHeight="1" x14ac:dyDescent="0.45">
      <c r="A2423" s="6">
        <f>'申請書（複数入力用）'!A2425</f>
        <v>2419</v>
      </c>
      <c r="B2423" s="13">
        <f>'申請書（複数入力用）'!AH2425</f>
        <v>0</v>
      </c>
      <c r="C2423" s="6">
        <f>'申請書（複数入力用）'!B2425</f>
        <v>0</v>
      </c>
      <c r="D2423" s="6">
        <f>'申請書（複数入力用）'!D2425</f>
        <v>0</v>
      </c>
      <c r="E2423" s="14">
        <f>'申請書（複数入力用）'!H2425</f>
        <v>0</v>
      </c>
      <c r="F2423" s="11" t="str">
        <f>'申請書（複数入力用）'!J2425</f>
        <v/>
      </c>
      <c r="G2423" s="6" t="str">
        <f>'申請書（複数入力用）'!K2425</f>
        <v>a052r000000jS9ZAAU</v>
      </c>
      <c r="H2423" s="12" t="e">
        <f>'申請書（複数入力用）'!N2425</f>
        <v>#N/A</v>
      </c>
      <c r="I2423" s="12" t="e">
        <f>'申請書（複数入力用）'!O2425</f>
        <v>#N/A</v>
      </c>
      <c r="J2423" s="12">
        <f>'申請書（複数入力用）'!P2425</f>
        <v>1</v>
      </c>
    </row>
    <row r="2424" spans="1:10" ht="51.6" customHeight="1" x14ac:dyDescent="0.45">
      <c r="A2424" s="6">
        <f>'申請書（複数入力用）'!A2426</f>
        <v>2420</v>
      </c>
      <c r="B2424" s="13">
        <f>'申請書（複数入力用）'!AH2426</f>
        <v>0</v>
      </c>
      <c r="C2424" s="6">
        <f>'申請書（複数入力用）'!B2426</f>
        <v>0</v>
      </c>
      <c r="D2424" s="6">
        <f>'申請書（複数入力用）'!D2426</f>
        <v>0</v>
      </c>
      <c r="E2424" s="14">
        <f>'申請書（複数入力用）'!H2426</f>
        <v>0</v>
      </c>
      <c r="F2424" s="11" t="str">
        <f>'申請書（複数入力用）'!J2426</f>
        <v/>
      </c>
      <c r="G2424" s="6" t="str">
        <f>'申請書（複数入力用）'!K2426</f>
        <v>a052r000000jS9ZAAU</v>
      </c>
      <c r="H2424" s="12" t="e">
        <f>'申請書（複数入力用）'!N2426</f>
        <v>#N/A</v>
      </c>
      <c r="I2424" s="12" t="e">
        <f>'申請書（複数入力用）'!O2426</f>
        <v>#N/A</v>
      </c>
      <c r="J2424" s="12">
        <f>'申請書（複数入力用）'!P2426</f>
        <v>1</v>
      </c>
    </row>
    <row r="2425" spans="1:10" ht="51.6" customHeight="1" x14ac:dyDescent="0.45">
      <c r="A2425" s="6">
        <f>'申請書（複数入力用）'!A2427</f>
        <v>2421</v>
      </c>
      <c r="B2425" s="13">
        <f>'申請書（複数入力用）'!AH2427</f>
        <v>0</v>
      </c>
      <c r="C2425" s="6">
        <f>'申請書（複数入力用）'!B2427</f>
        <v>0</v>
      </c>
      <c r="D2425" s="6">
        <f>'申請書（複数入力用）'!D2427</f>
        <v>0</v>
      </c>
      <c r="E2425" s="14">
        <f>'申請書（複数入力用）'!H2427</f>
        <v>0</v>
      </c>
      <c r="F2425" s="11" t="str">
        <f>'申請書（複数入力用）'!J2427</f>
        <v/>
      </c>
      <c r="G2425" s="6" t="str">
        <f>'申請書（複数入力用）'!K2427</f>
        <v>a052r000000jS9ZAAU</v>
      </c>
      <c r="H2425" s="12" t="e">
        <f>'申請書（複数入力用）'!N2427</f>
        <v>#N/A</v>
      </c>
      <c r="I2425" s="12" t="e">
        <f>'申請書（複数入力用）'!O2427</f>
        <v>#N/A</v>
      </c>
      <c r="J2425" s="12">
        <f>'申請書（複数入力用）'!P2427</f>
        <v>1</v>
      </c>
    </row>
    <row r="2426" spans="1:10" ht="51.6" customHeight="1" x14ac:dyDescent="0.45">
      <c r="A2426" s="6">
        <f>'申請書（複数入力用）'!A2428</f>
        <v>2422</v>
      </c>
      <c r="B2426" s="13">
        <f>'申請書（複数入力用）'!AH2428</f>
        <v>0</v>
      </c>
      <c r="C2426" s="6">
        <f>'申請書（複数入力用）'!B2428</f>
        <v>0</v>
      </c>
      <c r="D2426" s="6">
        <f>'申請書（複数入力用）'!D2428</f>
        <v>0</v>
      </c>
      <c r="E2426" s="14">
        <f>'申請書（複数入力用）'!H2428</f>
        <v>0</v>
      </c>
      <c r="F2426" s="11" t="str">
        <f>'申請書（複数入力用）'!J2428</f>
        <v/>
      </c>
      <c r="G2426" s="6" t="str">
        <f>'申請書（複数入力用）'!K2428</f>
        <v>a052r000000jS9ZAAU</v>
      </c>
      <c r="H2426" s="12" t="e">
        <f>'申請書（複数入力用）'!N2428</f>
        <v>#N/A</v>
      </c>
      <c r="I2426" s="12" t="e">
        <f>'申請書（複数入力用）'!O2428</f>
        <v>#N/A</v>
      </c>
      <c r="J2426" s="12">
        <f>'申請書（複数入力用）'!P2428</f>
        <v>1</v>
      </c>
    </row>
    <row r="2427" spans="1:10" ht="51.6" customHeight="1" x14ac:dyDescent="0.45">
      <c r="A2427" s="6">
        <f>'申請書（複数入力用）'!A2429</f>
        <v>2423</v>
      </c>
      <c r="B2427" s="13">
        <f>'申請書（複数入力用）'!AH2429</f>
        <v>0</v>
      </c>
      <c r="C2427" s="6">
        <f>'申請書（複数入力用）'!B2429</f>
        <v>0</v>
      </c>
      <c r="D2427" s="6">
        <f>'申請書（複数入力用）'!D2429</f>
        <v>0</v>
      </c>
      <c r="E2427" s="14">
        <f>'申請書（複数入力用）'!H2429</f>
        <v>0</v>
      </c>
      <c r="F2427" s="11" t="str">
        <f>'申請書（複数入力用）'!J2429</f>
        <v/>
      </c>
      <c r="G2427" s="6" t="str">
        <f>'申請書（複数入力用）'!K2429</f>
        <v>a052r000000jS9ZAAU</v>
      </c>
      <c r="H2427" s="12" t="e">
        <f>'申請書（複数入力用）'!N2429</f>
        <v>#N/A</v>
      </c>
      <c r="I2427" s="12" t="e">
        <f>'申請書（複数入力用）'!O2429</f>
        <v>#N/A</v>
      </c>
      <c r="J2427" s="12">
        <f>'申請書（複数入力用）'!P2429</f>
        <v>1</v>
      </c>
    </row>
    <row r="2428" spans="1:10" ht="51.6" customHeight="1" x14ac:dyDescent="0.45">
      <c r="A2428" s="6">
        <f>'申請書（複数入力用）'!A2430</f>
        <v>2424</v>
      </c>
      <c r="B2428" s="13">
        <f>'申請書（複数入力用）'!AH2430</f>
        <v>0</v>
      </c>
      <c r="C2428" s="6">
        <f>'申請書（複数入力用）'!B2430</f>
        <v>0</v>
      </c>
      <c r="D2428" s="6">
        <f>'申請書（複数入力用）'!D2430</f>
        <v>0</v>
      </c>
      <c r="E2428" s="14">
        <f>'申請書（複数入力用）'!H2430</f>
        <v>0</v>
      </c>
      <c r="F2428" s="11" t="str">
        <f>'申請書（複数入力用）'!J2430</f>
        <v/>
      </c>
      <c r="G2428" s="6" t="str">
        <f>'申請書（複数入力用）'!K2430</f>
        <v>a052r000000jS9ZAAU</v>
      </c>
      <c r="H2428" s="12" t="e">
        <f>'申請書（複数入力用）'!N2430</f>
        <v>#N/A</v>
      </c>
      <c r="I2428" s="12" t="e">
        <f>'申請書（複数入力用）'!O2430</f>
        <v>#N/A</v>
      </c>
      <c r="J2428" s="12">
        <f>'申請書（複数入力用）'!P2430</f>
        <v>1</v>
      </c>
    </row>
    <row r="2429" spans="1:10" ht="51.6" customHeight="1" x14ac:dyDescent="0.45">
      <c r="A2429" s="6">
        <f>'申請書（複数入力用）'!A2431</f>
        <v>2425</v>
      </c>
      <c r="B2429" s="13">
        <f>'申請書（複数入力用）'!AH2431</f>
        <v>0</v>
      </c>
      <c r="C2429" s="6">
        <f>'申請書（複数入力用）'!B2431</f>
        <v>0</v>
      </c>
      <c r="D2429" s="6">
        <f>'申請書（複数入力用）'!D2431</f>
        <v>0</v>
      </c>
      <c r="E2429" s="14">
        <f>'申請書（複数入力用）'!H2431</f>
        <v>0</v>
      </c>
      <c r="F2429" s="11" t="str">
        <f>'申請書（複数入力用）'!J2431</f>
        <v/>
      </c>
      <c r="G2429" s="6" t="str">
        <f>'申請書（複数入力用）'!K2431</f>
        <v>a052r000000jS9ZAAU</v>
      </c>
      <c r="H2429" s="12" t="e">
        <f>'申請書（複数入力用）'!N2431</f>
        <v>#N/A</v>
      </c>
      <c r="I2429" s="12" t="e">
        <f>'申請書（複数入力用）'!O2431</f>
        <v>#N/A</v>
      </c>
      <c r="J2429" s="12">
        <f>'申請書（複数入力用）'!P2431</f>
        <v>1</v>
      </c>
    </row>
    <row r="2430" spans="1:10" ht="51.6" customHeight="1" x14ac:dyDescent="0.45">
      <c r="A2430" s="6">
        <f>'申請書（複数入力用）'!A2432</f>
        <v>2426</v>
      </c>
      <c r="B2430" s="13">
        <f>'申請書（複数入力用）'!AH2432</f>
        <v>0</v>
      </c>
      <c r="C2430" s="6">
        <f>'申請書（複数入力用）'!B2432</f>
        <v>0</v>
      </c>
      <c r="D2430" s="6">
        <f>'申請書（複数入力用）'!D2432</f>
        <v>0</v>
      </c>
      <c r="E2430" s="14">
        <f>'申請書（複数入力用）'!H2432</f>
        <v>0</v>
      </c>
      <c r="F2430" s="11" t="str">
        <f>'申請書（複数入力用）'!J2432</f>
        <v/>
      </c>
      <c r="G2430" s="6" t="str">
        <f>'申請書（複数入力用）'!K2432</f>
        <v>a052r000000jS9ZAAU</v>
      </c>
      <c r="H2430" s="12" t="e">
        <f>'申請書（複数入力用）'!N2432</f>
        <v>#N/A</v>
      </c>
      <c r="I2430" s="12" t="e">
        <f>'申請書（複数入力用）'!O2432</f>
        <v>#N/A</v>
      </c>
      <c r="J2430" s="12">
        <f>'申請書（複数入力用）'!P2432</f>
        <v>1</v>
      </c>
    </row>
    <row r="2431" spans="1:10" ht="51.6" customHeight="1" x14ac:dyDescent="0.45">
      <c r="A2431" s="6">
        <f>'申請書（複数入力用）'!A2433</f>
        <v>2427</v>
      </c>
      <c r="B2431" s="13">
        <f>'申請書（複数入力用）'!AH2433</f>
        <v>0</v>
      </c>
      <c r="C2431" s="6">
        <f>'申請書（複数入力用）'!B2433</f>
        <v>0</v>
      </c>
      <c r="D2431" s="6">
        <f>'申請書（複数入力用）'!D2433</f>
        <v>0</v>
      </c>
      <c r="E2431" s="14">
        <f>'申請書（複数入力用）'!H2433</f>
        <v>0</v>
      </c>
      <c r="F2431" s="11" t="str">
        <f>'申請書（複数入力用）'!J2433</f>
        <v/>
      </c>
      <c r="G2431" s="6" t="str">
        <f>'申請書（複数入力用）'!K2433</f>
        <v>a052r000000jS9ZAAU</v>
      </c>
      <c r="H2431" s="12" t="e">
        <f>'申請書（複数入力用）'!N2433</f>
        <v>#N/A</v>
      </c>
      <c r="I2431" s="12" t="e">
        <f>'申請書（複数入力用）'!O2433</f>
        <v>#N/A</v>
      </c>
      <c r="J2431" s="12">
        <f>'申請書（複数入力用）'!P2433</f>
        <v>1</v>
      </c>
    </row>
    <row r="2432" spans="1:10" ht="51.6" customHeight="1" x14ac:dyDescent="0.45">
      <c r="A2432" s="6">
        <f>'申請書（複数入力用）'!A2434</f>
        <v>2428</v>
      </c>
      <c r="B2432" s="13">
        <f>'申請書（複数入力用）'!AH2434</f>
        <v>0</v>
      </c>
      <c r="C2432" s="6">
        <f>'申請書（複数入力用）'!B2434</f>
        <v>0</v>
      </c>
      <c r="D2432" s="6">
        <f>'申請書（複数入力用）'!D2434</f>
        <v>0</v>
      </c>
      <c r="E2432" s="14">
        <f>'申請書（複数入力用）'!H2434</f>
        <v>0</v>
      </c>
      <c r="F2432" s="11" t="str">
        <f>'申請書（複数入力用）'!J2434</f>
        <v/>
      </c>
      <c r="G2432" s="6" t="str">
        <f>'申請書（複数入力用）'!K2434</f>
        <v>a052r000000jS9ZAAU</v>
      </c>
      <c r="H2432" s="12" t="e">
        <f>'申請書（複数入力用）'!N2434</f>
        <v>#N/A</v>
      </c>
      <c r="I2432" s="12" t="e">
        <f>'申請書（複数入力用）'!O2434</f>
        <v>#N/A</v>
      </c>
      <c r="J2432" s="12">
        <f>'申請書（複数入力用）'!P2434</f>
        <v>1</v>
      </c>
    </row>
    <row r="2433" spans="1:10" ht="51.6" customHeight="1" x14ac:dyDescent="0.45">
      <c r="A2433" s="6">
        <f>'申請書（複数入力用）'!A2435</f>
        <v>2429</v>
      </c>
      <c r="B2433" s="13">
        <f>'申請書（複数入力用）'!AH2435</f>
        <v>0</v>
      </c>
      <c r="C2433" s="6">
        <f>'申請書（複数入力用）'!B2435</f>
        <v>0</v>
      </c>
      <c r="D2433" s="6">
        <f>'申請書（複数入力用）'!D2435</f>
        <v>0</v>
      </c>
      <c r="E2433" s="14">
        <f>'申請書（複数入力用）'!H2435</f>
        <v>0</v>
      </c>
      <c r="F2433" s="11" t="str">
        <f>'申請書（複数入力用）'!J2435</f>
        <v/>
      </c>
      <c r="G2433" s="6" t="str">
        <f>'申請書（複数入力用）'!K2435</f>
        <v>a052r000000jS9ZAAU</v>
      </c>
      <c r="H2433" s="12" t="e">
        <f>'申請書（複数入力用）'!N2435</f>
        <v>#N/A</v>
      </c>
      <c r="I2433" s="12" t="e">
        <f>'申請書（複数入力用）'!O2435</f>
        <v>#N/A</v>
      </c>
      <c r="J2433" s="12">
        <f>'申請書（複数入力用）'!P2435</f>
        <v>1</v>
      </c>
    </row>
    <row r="2434" spans="1:10" ht="51.6" customHeight="1" x14ac:dyDescent="0.45">
      <c r="A2434" s="6">
        <f>'申請書（複数入力用）'!A2436</f>
        <v>2430</v>
      </c>
      <c r="B2434" s="13">
        <f>'申請書（複数入力用）'!AH2436</f>
        <v>0</v>
      </c>
      <c r="C2434" s="6">
        <f>'申請書（複数入力用）'!B2436</f>
        <v>0</v>
      </c>
      <c r="D2434" s="6">
        <f>'申請書（複数入力用）'!D2436</f>
        <v>0</v>
      </c>
      <c r="E2434" s="14">
        <f>'申請書（複数入力用）'!H2436</f>
        <v>0</v>
      </c>
      <c r="F2434" s="11" t="str">
        <f>'申請書（複数入力用）'!J2436</f>
        <v/>
      </c>
      <c r="G2434" s="6" t="str">
        <f>'申請書（複数入力用）'!K2436</f>
        <v>a052r000000jS9ZAAU</v>
      </c>
      <c r="H2434" s="12" t="e">
        <f>'申請書（複数入力用）'!N2436</f>
        <v>#N/A</v>
      </c>
      <c r="I2434" s="12" t="e">
        <f>'申請書（複数入力用）'!O2436</f>
        <v>#N/A</v>
      </c>
      <c r="J2434" s="12">
        <f>'申請書（複数入力用）'!P2436</f>
        <v>1</v>
      </c>
    </row>
    <row r="2435" spans="1:10" ht="51.6" customHeight="1" x14ac:dyDescent="0.45">
      <c r="A2435" s="6">
        <f>'申請書（複数入力用）'!A2437</f>
        <v>2431</v>
      </c>
      <c r="B2435" s="13">
        <f>'申請書（複数入力用）'!AH2437</f>
        <v>0</v>
      </c>
      <c r="C2435" s="6">
        <f>'申請書（複数入力用）'!B2437</f>
        <v>0</v>
      </c>
      <c r="D2435" s="6">
        <f>'申請書（複数入力用）'!D2437</f>
        <v>0</v>
      </c>
      <c r="E2435" s="14">
        <f>'申請書（複数入力用）'!H2437</f>
        <v>0</v>
      </c>
      <c r="F2435" s="11" t="str">
        <f>'申請書（複数入力用）'!J2437</f>
        <v/>
      </c>
      <c r="G2435" s="6" t="str">
        <f>'申請書（複数入力用）'!K2437</f>
        <v>a052r000000jS9ZAAU</v>
      </c>
      <c r="H2435" s="12" t="e">
        <f>'申請書（複数入力用）'!N2437</f>
        <v>#N/A</v>
      </c>
      <c r="I2435" s="12" t="e">
        <f>'申請書（複数入力用）'!O2437</f>
        <v>#N/A</v>
      </c>
      <c r="J2435" s="12">
        <f>'申請書（複数入力用）'!P2437</f>
        <v>1</v>
      </c>
    </row>
    <row r="2436" spans="1:10" ht="51.6" customHeight="1" x14ac:dyDescent="0.45">
      <c r="A2436" s="6">
        <f>'申請書（複数入力用）'!A2438</f>
        <v>2432</v>
      </c>
      <c r="B2436" s="13">
        <f>'申請書（複数入力用）'!AH2438</f>
        <v>0</v>
      </c>
      <c r="C2436" s="6">
        <f>'申請書（複数入力用）'!B2438</f>
        <v>0</v>
      </c>
      <c r="D2436" s="6">
        <f>'申請書（複数入力用）'!D2438</f>
        <v>0</v>
      </c>
      <c r="E2436" s="14">
        <f>'申請書（複数入力用）'!H2438</f>
        <v>0</v>
      </c>
      <c r="F2436" s="11" t="str">
        <f>'申請書（複数入力用）'!J2438</f>
        <v/>
      </c>
      <c r="G2436" s="6" t="str">
        <f>'申請書（複数入力用）'!K2438</f>
        <v>a052r000000jS9ZAAU</v>
      </c>
      <c r="H2436" s="12" t="e">
        <f>'申請書（複数入力用）'!N2438</f>
        <v>#N/A</v>
      </c>
      <c r="I2436" s="12" t="e">
        <f>'申請書（複数入力用）'!O2438</f>
        <v>#N/A</v>
      </c>
      <c r="J2436" s="12">
        <f>'申請書（複数入力用）'!P2438</f>
        <v>1</v>
      </c>
    </row>
    <row r="2437" spans="1:10" ht="51.6" customHeight="1" x14ac:dyDescent="0.45">
      <c r="A2437" s="6">
        <f>'申請書（複数入力用）'!A2439</f>
        <v>2433</v>
      </c>
      <c r="B2437" s="13">
        <f>'申請書（複数入力用）'!AH2439</f>
        <v>0</v>
      </c>
      <c r="C2437" s="6">
        <f>'申請書（複数入力用）'!B2439</f>
        <v>0</v>
      </c>
      <c r="D2437" s="6">
        <f>'申請書（複数入力用）'!D2439</f>
        <v>0</v>
      </c>
      <c r="E2437" s="14">
        <f>'申請書（複数入力用）'!H2439</f>
        <v>0</v>
      </c>
      <c r="F2437" s="11" t="str">
        <f>'申請書（複数入力用）'!J2439</f>
        <v/>
      </c>
      <c r="G2437" s="6" t="str">
        <f>'申請書（複数入力用）'!K2439</f>
        <v>a052r000000jS9ZAAU</v>
      </c>
      <c r="H2437" s="12" t="e">
        <f>'申請書（複数入力用）'!N2439</f>
        <v>#N/A</v>
      </c>
      <c r="I2437" s="12" t="e">
        <f>'申請書（複数入力用）'!O2439</f>
        <v>#N/A</v>
      </c>
      <c r="J2437" s="12">
        <f>'申請書（複数入力用）'!P2439</f>
        <v>1</v>
      </c>
    </row>
    <row r="2438" spans="1:10" ht="51.6" customHeight="1" x14ac:dyDescent="0.45">
      <c r="A2438" s="6">
        <f>'申請書（複数入力用）'!A2440</f>
        <v>2434</v>
      </c>
      <c r="B2438" s="13">
        <f>'申請書（複数入力用）'!AH2440</f>
        <v>0</v>
      </c>
      <c r="C2438" s="6">
        <f>'申請書（複数入力用）'!B2440</f>
        <v>0</v>
      </c>
      <c r="D2438" s="6">
        <f>'申請書（複数入力用）'!D2440</f>
        <v>0</v>
      </c>
      <c r="E2438" s="14">
        <f>'申請書（複数入力用）'!H2440</f>
        <v>0</v>
      </c>
      <c r="F2438" s="11" t="str">
        <f>'申請書（複数入力用）'!J2440</f>
        <v/>
      </c>
      <c r="G2438" s="6" t="str">
        <f>'申請書（複数入力用）'!K2440</f>
        <v>a052r000000jS9ZAAU</v>
      </c>
      <c r="H2438" s="12" t="e">
        <f>'申請書（複数入力用）'!N2440</f>
        <v>#N/A</v>
      </c>
      <c r="I2438" s="12" t="e">
        <f>'申請書（複数入力用）'!O2440</f>
        <v>#N/A</v>
      </c>
      <c r="J2438" s="12">
        <f>'申請書（複数入力用）'!P2440</f>
        <v>1</v>
      </c>
    </row>
    <row r="2439" spans="1:10" ht="51.6" customHeight="1" x14ac:dyDescent="0.45">
      <c r="A2439" s="6">
        <f>'申請書（複数入力用）'!A2441</f>
        <v>2435</v>
      </c>
      <c r="B2439" s="13">
        <f>'申請書（複数入力用）'!AH2441</f>
        <v>0</v>
      </c>
      <c r="C2439" s="6">
        <f>'申請書（複数入力用）'!B2441</f>
        <v>0</v>
      </c>
      <c r="D2439" s="6">
        <f>'申請書（複数入力用）'!D2441</f>
        <v>0</v>
      </c>
      <c r="E2439" s="14">
        <f>'申請書（複数入力用）'!H2441</f>
        <v>0</v>
      </c>
      <c r="F2439" s="11" t="str">
        <f>'申請書（複数入力用）'!J2441</f>
        <v/>
      </c>
      <c r="G2439" s="6" t="str">
        <f>'申請書（複数入力用）'!K2441</f>
        <v>a052r000000jS9ZAAU</v>
      </c>
      <c r="H2439" s="12" t="e">
        <f>'申請書（複数入力用）'!N2441</f>
        <v>#N/A</v>
      </c>
      <c r="I2439" s="12" t="e">
        <f>'申請書（複数入力用）'!O2441</f>
        <v>#N/A</v>
      </c>
      <c r="J2439" s="12">
        <f>'申請書（複数入力用）'!P2441</f>
        <v>1</v>
      </c>
    </row>
    <row r="2440" spans="1:10" ht="51.6" customHeight="1" x14ac:dyDescent="0.45">
      <c r="A2440" s="6">
        <f>'申請書（複数入力用）'!A2442</f>
        <v>2436</v>
      </c>
      <c r="B2440" s="13">
        <f>'申請書（複数入力用）'!AH2442</f>
        <v>0</v>
      </c>
      <c r="C2440" s="6">
        <f>'申請書（複数入力用）'!B2442</f>
        <v>0</v>
      </c>
      <c r="D2440" s="6">
        <f>'申請書（複数入力用）'!D2442</f>
        <v>0</v>
      </c>
      <c r="E2440" s="14">
        <f>'申請書（複数入力用）'!H2442</f>
        <v>0</v>
      </c>
      <c r="F2440" s="11" t="str">
        <f>'申請書（複数入力用）'!J2442</f>
        <v/>
      </c>
      <c r="G2440" s="6" t="str">
        <f>'申請書（複数入力用）'!K2442</f>
        <v>a052r000000jS9ZAAU</v>
      </c>
      <c r="H2440" s="12" t="e">
        <f>'申請書（複数入力用）'!N2442</f>
        <v>#N/A</v>
      </c>
      <c r="I2440" s="12" t="e">
        <f>'申請書（複数入力用）'!O2442</f>
        <v>#N/A</v>
      </c>
      <c r="J2440" s="12">
        <f>'申請書（複数入力用）'!P2442</f>
        <v>1</v>
      </c>
    </row>
    <row r="2441" spans="1:10" ht="51.6" customHeight="1" x14ac:dyDescent="0.45">
      <c r="A2441" s="6">
        <f>'申請書（複数入力用）'!A2443</f>
        <v>2437</v>
      </c>
      <c r="B2441" s="13">
        <f>'申請書（複数入力用）'!AH2443</f>
        <v>0</v>
      </c>
      <c r="C2441" s="6">
        <f>'申請書（複数入力用）'!B2443</f>
        <v>0</v>
      </c>
      <c r="D2441" s="6">
        <f>'申請書（複数入力用）'!D2443</f>
        <v>0</v>
      </c>
      <c r="E2441" s="14">
        <f>'申請書（複数入力用）'!H2443</f>
        <v>0</v>
      </c>
      <c r="F2441" s="11" t="str">
        <f>'申請書（複数入力用）'!J2443</f>
        <v/>
      </c>
      <c r="G2441" s="6" t="str">
        <f>'申請書（複数入力用）'!K2443</f>
        <v>a052r000000jS9ZAAU</v>
      </c>
      <c r="H2441" s="12" t="e">
        <f>'申請書（複数入力用）'!N2443</f>
        <v>#N/A</v>
      </c>
      <c r="I2441" s="12" t="e">
        <f>'申請書（複数入力用）'!O2443</f>
        <v>#N/A</v>
      </c>
      <c r="J2441" s="12">
        <f>'申請書（複数入力用）'!P2443</f>
        <v>1</v>
      </c>
    </row>
    <row r="2442" spans="1:10" ht="51.6" customHeight="1" x14ac:dyDescent="0.45">
      <c r="A2442" s="6">
        <f>'申請書（複数入力用）'!A2444</f>
        <v>2438</v>
      </c>
      <c r="B2442" s="13">
        <f>'申請書（複数入力用）'!AH2444</f>
        <v>0</v>
      </c>
      <c r="C2442" s="6">
        <f>'申請書（複数入力用）'!B2444</f>
        <v>0</v>
      </c>
      <c r="D2442" s="6">
        <f>'申請書（複数入力用）'!D2444</f>
        <v>0</v>
      </c>
      <c r="E2442" s="14">
        <f>'申請書（複数入力用）'!H2444</f>
        <v>0</v>
      </c>
      <c r="F2442" s="11" t="str">
        <f>'申請書（複数入力用）'!J2444</f>
        <v/>
      </c>
      <c r="G2442" s="6" t="str">
        <f>'申請書（複数入力用）'!K2444</f>
        <v>a052r000000jS9ZAAU</v>
      </c>
      <c r="H2442" s="12" t="e">
        <f>'申請書（複数入力用）'!N2444</f>
        <v>#N/A</v>
      </c>
      <c r="I2442" s="12" t="e">
        <f>'申請書（複数入力用）'!O2444</f>
        <v>#N/A</v>
      </c>
      <c r="J2442" s="12">
        <f>'申請書（複数入力用）'!P2444</f>
        <v>1</v>
      </c>
    </row>
    <row r="2443" spans="1:10" ht="51.6" customHeight="1" x14ac:dyDescent="0.45">
      <c r="A2443" s="6">
        <f>'申請書（複数入力用）'!A2445</f>
        <v>2439</v>
      </c>
      <c r="B2443" s="13">
        <f>'申請書（複数入力用）'!AH2445</f>
        <v>0</v>
      </c>
      <c r="C2443" s="6">
        <f>'申請書（複数入力用）'!B2445</f>
        <v>0</v>
      </c>
      <c r="D2443" s="6">
        <f>'申請書（複数入力用）'!D2445</f>
        <v>0</v>
      </c>
      <c r="E2443" s="14">
        <f>'申請書（複数入力用）'!H2445</f>
        <v>0</v>
      </c>
      <c r="F2443" s="11" t="str">
        <f>'申請書（複数入力用）'!J2445</f>
        <v/>
      </c>
      <c r="G2443" s="6" t="str">
        <f>'申請書（複数入力用）'!K2445</f>
        <v>a052r000000jS9ZAAU</v>
      </c>
      <c r="H2443" s="12" t="e">
        <f>'申請書（複数入力用）'!N2445</f>
        <v>#N/A</v>
      </c>
      <c r="I2443" s="12" t="e">
        <f>'申請書（複数入力用）'!O2445</f>
        <v>#N/A</v>
      </c>
      <c r="J2443" s="12">
        <f>'申請書（複数入力用）'!P2445</f>
        <v>1</v>
      </c>
    </row>
    <row r="2444" spans="1:10" ht="51.6" customHeight="1" x14ac:dyDescent="0.45">
      <c r="A2444" s="6">
        <f>'申請書（複数入力用）'!A2446</f>
        <v>2440</v>
      </c>
      <c r="B2444" s="13">
        <f>'申請書（複数入力用）'!AH2446</f>
        <v>0</v>
      </c>
      <c r="C2444" s="6">
        <f>'申請書（複数入力用）'!B2446</f>
        <v>0</v>
      </c>
      <c r="D2444" s="6">
        <f>'申請書（複数入力用）'!D2446</f>
        <v>0</v>
      </c>
      <c r="E2444" s="14">
        <f>'申請書（複数入力用）'!H2446</f>
        <v>0</v>
      </c>
      <c r="F2444" s="11" t="str">
        <f>'申請書（複数入力用）'!J2446</f>
        <v/>
      </c>
      <c r="G2444" s="6" t="str">
        <f>'申請書（複数入力用）'!K2446</f>
        <v>a052r000000jS9ZAAU</v>
      </c>
      <c r="H2444" s="12" t="e">
        <f>'申請書（複数入力用）'!N2446</f>
        <v>#N/A</v>
      </c>
      <c r="I2444" s="12" t="e">
        <f>'申請書（複数入力用）'!O2446</f>
        <v>#N/A</v>
      </c>
      <c r="J2444" s="12">
        <f>'申請書（複数入力用）'!P2446</f>
        <v>1</v>
      </c>
    </row>
    <row r="2445" spans="1:10" ht="51.6" customHeight="1" x14ac:dyDescent="0.45">
      <c r="A2445" s="6">
        <f>'申請書（複数入力用）'!A2447</f>
        <v>2441</v>
      </c>
      <c r="B2445" s="13">
        <f>'申請書（複数入力用）'!AH2447</f>
        <v>0</v>
      </c>
      <c r="C2445" s="6">
        <f>'申請書（複数入力用）'!B2447</f>
        <v>0</v>
      </c>
      <c r="D2445" s="6">
        <f>'申請書（複数入力用）'!D2447</f>
        <v>0</v>
      </c>
      <c r="E2445" s="14">
        <f>'申請書（複数入力用）'!H2447</f>
        <v>0</v>
      </c>
      <c r="F2445" s="11" t="str">
        <f>'申請書（複数入力用）'!J2447</f>
        <v/>
      </c>
      <c r="G2445" s="6" t="str">
        <f>'申請書（複数入力用）'!K2447</f>
        <v>a052r000000jS9ZAAU</v>
      </c>
      <c r="H2445" s="12" t="e">
        <f>'申請書（複数入力用）'!N2447</f>
        <v>#N/A</v>
      </c>
      <c r="I2445" s="12" t="e">
        <f>'申請書（複数入力用）'!O2447</f>
        <v>#N/A</v>
      </c>
      <c r="J2445" s="12">
        <f>'申請書（複数入力用）'!P2447</f>
        <v>1</v>
      </c>
    </row>
    <row r="2446" spans="1:10" ht="51.6" customHeight="1" x14ac:dyDescent="0.45">
      <c r="A2446" s="6">
        <f>'申請書（複数入力用）'!A2448</f>
        <v>2442</v>
      </c>
      <c r="B2446" s="13">
        <f>'申請書（複数入力用）'!AH2448</f>
        <v>0</v>
      </c>
      <c r="C2446" s="6">
        <f>'申請書（複数入力用）'!B2448</f>
        <v>0</v>
      </c>
      <c r="D2446" s="6">
        <f>'申請書（複数入力用）'!D2448</f>
        <v>0</v>
      </c>
      <c r="E2446" s="14">
        <f>'申請書（複数入力用）'!H2448</f>
        <v>0</v>
      </c>
      <c r="F2446" s="11" t="str">
        <f>'申請書（複数入力用）'!J2448</f>
        <v/>
      </c>
      <c r="G2446" s="6" t="str">
        <f>'申請書（複数入力用）'!K2448</f>
        <v>a052r000000jS9ZAAU</v>
      </c>
      <c r="H2446" s="12" t="e">
        <f>'申請書（複数入力用）'!N2448</f>
        <v>#N/A</v>
      </c>
      <c r="I2446" s="12" t="e">
        <f>'申請書（複数入力用）'!O2448</f>
        <v>#N/A</v>
      </c>
      <c r="J2446" s="12">
        <f>'申請書（複数入力用）'!P2448</f>
        <v>1</v>
      </c>
    </row>
    <row r="2447" spans="1:10" ht="51.6" customHeight="1" x14ac:dyDescent="0.45">
      <c r="A2447" s="6">
        <f>'申請書（複数入力用）'!A2449</f>
        <v>2443</v>
      </c>
      <c r="B2447" s="13">
        <f>'申請書（複数入力用）'!AH2449</f>
        <v>0</v>
      </c>
      <c r="C2447" s="6">
        <f>'申請書（複数入力用）'!B2449</f>
        <v>0</v>
      </c>
      <c r="D2447" s="6">
        <f>'申請書（複数入力用）'!D2449</f>
        <v>0</v>
      </c>
      <c r="E2447" s="14">
        <f>'申請書（複数入力用）'!H2449</f>
        <v>0</v>
      </c>
      <c r="F2447" s="11" t="str">
        <f>'申請書（複数入力用）'!J2449</f>
        <v/>
      </c>
      <c r="G2447" s="6" t="str">
        <f>'申請書（複数入力用）'!K2449</f>
        <v>a052r000000jS9ZAAU</v>
      </c>
      <c r="H2447" s="12" t="e">
        <f>'申請書（複数入力用）'!N2449</f>
        <v>#N/A</v>
      </c>
      <c r="I2447" s="12" t="e">
        <f>'申請書（複数入力用）'!O2449</f>
        <v>#N/A</v>
      </c>
      <c r="J2447" s="12">
        <f>'申請書（複数入力用）'!P2449</f>
        <v>1</v>
      </c>
    </row>
    <row r="2448" spans="1:10" ht="51.6" customHeight="1" x14ac:dyDescent="0.45">
      <c r="A2448" s="6">
        <f>'申請書（複数入力用）'!A2450</f>
        <v>2444</v>
      </c>
      <c r="B2448" s="13">
        <f>'申請書（複数入力用）'!AH2450</f>
        <v>0</v>
      </c>
      <c r="C2448" s="6">
        <f>'申請書（複数入力用）'!B2450</f>
        <v>0</v>
      </c>
      <c r="D2448" s="6">
        <f>'申請書（複数入力用）'!D2450</f>
        <v>0</v>
      </c>
      <c r="E2448" s="14">
        <f>'申請書（複数入力用）'!H2450</f>
        <v>0</v>
      </c>
      <c r="F2448" s="11" t="str">
        <f>'申請書（複数入力用）'!J2450</f>
        <v/>
      </c>
      <c r="G2448" s="6" t="str">
        <f>'申請書（複数入力用）'!K2450</f>
        <v>a052r000000jS9ZAAU</v>
      </c>
      <c r="H2448" s="12" t="e">
        <f>'申請書（複数入力用）'!N2450</f>
        <v>#N/A</v>
      </c>
      <c r="I2448" s="12" t="e">
        <f>'申請書（複数入力用）'!O2450</f>
        <v>#N/A</v>
      </c>
      <c r="J2448" s="12">
        <f>'申請書（複数入力用）'!P2450</f>
        <v>1</v>
      </c>
    </row>
    <row r="2449" spans="1:10" ht="51.6" customHeight="1" x14ac:dyDescent="0.45">
      <c r="A2449" s="6">
        <f>'申請書（複数入力用）'!A2451</f>
        <v>2445</v>
      </c>
      <c r="B2449" s="13">
        <f>'申請書（複数入力用）'!AH2451</f>
        <v>0</v>
      </c>
      <c r="C2449" s="6">
        <f>'申請書（複数入力用）'!B2451</f>
        <v>0</v>
      </c>
      <c r="D2449" s="6">
        <f>'申請書（複数入力用）'!D2451</f>
        <v>0</v>
      </c>
      <c r="E2449" s="14">
        <f>'申請書（複数入力用）'!H2451</f>
        <v>0</v>
      </c>
      <c r="F2449" s="11" t="str">
        <f>'申請書（複数入力用）'!J2451</f>
        <v/>
      </c>
      <c r="G2449" s="6" t="str">
        <f>'申請書（複数入力用）'!K2451</f>
        <v>a052r000000jS9ZAAU</v>
      </c>
      <c r="H2449" s="12" t="e">
        <f>'申請書（複数入力用）'!N2451</f>
        <v>#N/A</v>
      </c>
      <c r="I2449" s="12" t="e">
        <f>'申請書（複数入力用）'!O2451</f>
        <v>#N/A</v>
      </c>
      <c r="J2449" s="12">
        <f>'申請書（複数入力用）'!P2451</f>
        <v>1</v>
      </c>
    </row>
    <row r="2450" spans="1:10" ht="51.6" customHeight="1" x14ac:dyDescent="0.45">
      <c r="A2450" s="6">
        <f>'申請書（複数入力用）'!A2452</f>
        <v>2446</v>
      </c>
      <c r="B2450" s="13">
        <f>'申請書（複数入力用）'!AH2452</f>
        <v>0</v>
      </c>
      <c r="C2450" s="6">
        <f>'申請書（複数入力用）'!B2452</f>
        <v>0</v>
      </c>
      <c r="D2450" s="6">
        <f>'申請書（複数入力用）'!D2452</f>
        <v>0</v>
      </c>
      <c r="E2450" s="14">
        <f>'申請書（複数入力用）'!H2452</f>
        <v>0</v>
      </c>
      <c r="F2450" s="11" t="str">
        <f>'申請書（複数入力用）'!J2452</f>
        <v/>
      </c>
      <c r="G2450" s="6" t="str">
        <f>'申請書（複数入力用）'!K2452</f>
        <v>a052r000000jS9ZAAU</v>
      </c>
      <c r="H2450" s="12" t="e">
        <f>'申請書（複数入力用）'!N2452</f>
        <v>#N/A</v>
      </c>
      <c r="I2450" s="12" t="e">
        <f>'申請書（複数入力用）'!O2452</f>
        <v>#N/A</v>
      </c>
      <c r="J2450" s="12">
        <f>'申請書（複数入力用）'!P2452</f>
        <v>1</v>
      </c>
    </row>
    <row r="2451" spans="1:10" ht="51.6" customHeight="1" x14ac:dyDescent="0.45">
      <c r="A2451" s="6">
        <f>'申請書（複数入力用）'!A2453</f>
        <v>2447</v>
      </c>
      <c r="B2451" s="13">
        <f>'申請書（複数入力用）'!AH2453</f>
        <v>0</v>
      </c>
      <c r="C2451" s="6">
        <f>'申請書（複数入力用）'!B2453</f>
        <v>0</v>
      </c>
      <c r="D2451" s="6">
        <f>'申請書（複数入力用）'!D2453</f>
        <v>0</v>
      </c>
      <c r="E2451" s="14">
        <f>'申請書（複数入力用）'!H2453</f>
        <v>0</v>
      </c>
      <c r="F2451" s="11" t="str">
        <f>'申請書（複数入力用）'!J2453</f>
        <v/>
      </c>
      <c r="G2451" s="6" t="str">
        <f>'申請書（複数入力用）'!K2453</f>
        <v>a052r000000jS9ZAAU</v>
      </c>
      <c r="H2451" s="12" t="e">
        <f>'申請書（複数入力用）'!N2453</f>
        <v>#N/A</v>
      </c>
      <c r="I2451" s="12" t="e">
        <f>'申請書（複数入力用）'!O2453</f>
        <v>#N/A</v>
      </c>
      <c r="J2451" s="12">
        <f>'申請書（複数入力用）'!P2453</f>
        <v>1</v>
      </c>
    </row>
    <row r="2452" spans="1:10" ht="51.6" customHeight="1" x14ac:dyDescent="0.45">
      <c r="A2452" s="6">
        <f>'申請書（複数入力用）'!A2454</f>
        <v>2448</v>
      </c>
      <c r="B2452" s="13">
        <f>'申請書（複数入力用）'!AH2454</f>
        <v>0</v>
      </c>
      <c r="C2452" s="6">
        <f>'申請書（複数入力用）'!B2454</f>
        <v>0</v>
      </c>
      <c r="D2452" s="6">
        <f>'申請書（複数入力用）'!D2454</f>
        <v>0</v>
      </c>
      <c r="E2452" s="14">
        <f>'申請書（複数入力用）'!H2454</f>
        <v>0</v>
      </c>
      <c r="F2452" s="11" t="str">
        <f>'申請書（複数入力用）'!J2454</f>
        <v/>
      </c>
      <c r="G2452" s="6" t="str">
        <f>'申請書（複数入力用）'!K2454</f>
        <v>a052r000000jS9ZAAU</v>
      </c>
      <c r="H2452" s="12" t="e">
        <f>'申請書（複数入力用）'!N2454</f>
        <v>#N/A</v>
      </c>
      <c r="I2452" s="12" t="e">
        <f>'申請書（複数入力用）'!O2454</f>
        <v>#N/A</v>
      </c>
      <c r="J2452" s="12">
        <f>'申請書（複数入力用）'!P2454</f>
        <v>1</v>
      </c>
    </row>
    <row r="2453" spans="1:10" ht="51.6" customHeight="1" x14ac:dyDescent="0.45">
      <c r="A2453" s="6">
        <f>'申請書（複数入力用）'!A2455</f>
        <v>2449</v>
      </c>
      <c r="B2453" s="13">
        <f>'申請書（複数入力用）'!AH2455</f>
        <v>0</v>
      </c>
      <c r="C2453" s="6">
        <f>'申請書（複数入力用）'!B2455</f>
        <v>0</v>
      </c>
      <c r="D2453" s="6">
        <f>'申請書（複数入力用）'!D2455</f>
        <v>0</v>
      </c>
      <c r="E2453" s="14">
        <f>'申請書（複数入力用）'!H2455</f>
        <v>0</v>
      </c>
      <c r="F2453" s="11" t="str">
        <f>'申請書（複数入力用）'!J2455</f>
        <v/>
      </c>
      <c r="G2453" s="6" t="str">
        <f>'申請書（複数入力用）'!K2455</f>
        <v>a052r000000jS9ZAAU</v>
      </c>
      <c r="H2453" s="12" t="e">
        <f>'申請書（複数入力用）'!N2455</f>
        <v>#N/A</v>
      </c>
      <c r="I2453" s="12" t="e">
        <f>'申請書（複数入力用）'!O2455</f>
        <v>#N/A</v>
      </c>
      <c r="J2453" s="12">
        <f>'申請書（複数入力用）'!P2455</f>
        <v>1</v>
      </c>
    </row>
    <row r="2454" spans="1:10" ht="51.6" customHeight="1" x14ac:dyDescent="0.45">
      <c r="A2454" s="6">
        <f>'申請書（複数入力用）'!A2456</f>
        <v>2450</v>
      </c>
      <c r="B2454" s="13">
        <f>'申請書（複数入力用）'!AH2456</f>
        <v>0</v>
      </c>
      <c r="C2454" s="6">
        <f>'申請書（複数入力用）'!B2456</f>
        <v>0</v>
      </c>
      <c r="D2454" s="6">
        <f>'申請書（複数入力用）'!D2456</f>
        <v>0</v>
      </c>
      <c r="E2454" s="14">
        <f>'申請書（複数入力用）'!H2456</f>
        <v>0</v>
      </c>
      <c r="F2454" s="11" t="str">
        <f>'申請書（複数入力用）'!J2456</f>
        <v/>
      </c>
      <c r="G2454" s="6" t="str">
        <f>'申請書（複数入力用）'!K2456</f>
        <v>a052r000000jS9ZAAU</v>
      </c>
      <c r="H2454" s="12" t="e">
        <f>'申請書（複数入力用）'!N2456</f>
        <v>#N/A</v>
      </c>
      <c r="I2454" s="12" t="e">
        <f>'申請書（複数入力用）'!O2456</f>
        <v>#N/A</v>
      </c>
      <c r="J2454" s="12">
        <f>'申請書（複数入力用）'!P2456</f>
        <v>1</v>
      </c>
    </row>
    <row r="2455" spans="1:10" ht="51.6" customHeight="1" x14ac:dyDescent="0.45">
      <c r="A2455" s="6">
        <f>'申請書（複数入力用）'!A2457</f>
        <v>2451</v>
      </c>
      <c r="B2455" s="13">
        <f>'申請書（複数入力用）'!AH2457</f>
        <v>0</v>
      </c>
      <c r="C2455" s="6">
        <f>'申請書（複数入力用）'!B2457</f>
        <v>0</v>
      </c>
      <c r="D2455" s="6">
        <f>'申請書（複数入力用）'!D2457</f>
        <v>0</v>
      </c>
      <c r="E2455" s="14">
        <f>'申請書（複数入力用）'!H2457</f>
        <v>0</v>
      </c>
      <c r="F2455" s="11" t="str">
        <f>'申請書（複数入力用）'!J2457</f>
        <v/>
      </c>
      <c r="G2455" s="6" t="str">
        <f>'申請書（複数入力用）'!K2457</f>
        <v>a052r000000jS9ZAAU</v>
      </c>
      <c r="H2455" s="12" t="e">
        <f>'申請書（複数入力用）'!N2457</f>
        <v>#N/A</v>
      </c>
      <c r="I2455" s="12" t="e">
        <f>'申請書（複数入力用）'!O2457</f>
        <v>#N/A</v>
      </c>
      <c r="J2455" s="12">
        <f>'申請書（複数入力用）'!P2457</f>
        <v>1</v>
      </c>
    </row>
    <row r="2456" spans="1:10" ht="51.6" customHeight="1" x14ac:dyDescent="0.45">
      <c r="A2456" s="6">
        <f>'申請書（複数入力用）'!A2458</f>
        <v>2452</v>
      </c>
      <c r="B2456" s="13">
        <f>'申請書（複数入力用）'!AH2458</f>
        <v>0</v>
      </c>
      <c r="C2456" s="6">
        <f>'申請書（複数入力用）'!B2458</f>
        <v>0</v>
      </c>
      <c r="D2456" s="6">
        <f>'申請書（複数入力用）'!D2458</f>
        <v>0</v>
      </c>
      <c r="E2456" s="14">
        <f>'申請書（複数入力用）'!H2458</f>
        <v>0</v>
      </c>
      <c r="F2456" s="11" t="str">
        <f>'申請書（複数入力用）'!J2458</f>
        <v/>
      </c>
      <c r="G2456" s="6" t="str">
        <f>'申請書（複数入力用）'!K2458</f>
        <v>a052r000000jS9ZAAU</v>
      </c>
      <c r="H2456" s="12" t="e">
        <f>'申請書（複数入力用）'!N2458</f>
        <v>#N/A</v>
      </c>
      <c r="I2456" s="12" t="e">
        <f>'申請書（複数入力用）'!O2458</f>
        <v>#N/A</v>
      </c>
      <c r="J2456" s="12">
        <f>'申請書（複数入力用）'!P2458</f>
        <v>1</v>
      </c>
    </row>
    <row r="2457" spans="1:10" ht="51.6" customHeight="1" x14ac:dyDescent="0.45">
      <c r="A2457" s="6">
        <f>'申請書（複数入力用）'!A2459</f>
        <v>2453</v>
      </c>
      <c r="B2457" s="13">
        <f>'申請書（複数入力用）'!AH2459</f>
        <v>0</v>
      </c>
      <c r="C2457" s="6">
        <f>'申請書（複数入力用）'!B2459</f>
        <v>0</v>
      </c>
      <c r="D2457" s="6">
        <f>'申請書（複数入力用）'!D2459</f>
        <v>0</v>
      </c>
      <c r="E2457" s="14">
        <f>'申請書（複数入力用）'!H2459</f>
        <v>0</v>
      </c>
      <c r="F2457" s="11" t="str">
        <f>'申請書（複数入力用）'!J2459</f>
        <v/>
      </c>
      <c r="G2457" s="6" t="str">
        <f>'申請書（複数入力用）'!K2459</f>
        <v>a052r000000jS9ZAAU</v>
      </c>
      <c r="H2457" s="12" t="e">
        <f>'申請書（複数入力用）'!N2459</f>
        <v>#N/A</v>
      </c>
      <c r="I2457" s="12" t="e">
        <f>'申請書（複数入力用）'!O2459</f>
        <v>#N/A</v>
      </c>
      <c r="J2457" s="12">
        <f>'申請書（複数入力用）'!P2459</f>
        <v>1</v>
      </c>
    </row>
    <row r="2458" spans="1:10" ht="51.6" customHeight="1" x14ac:dyDescent="0.45">
      <c r="A2458" s="6">
        <f>'申請書（複数入力用）'!A2460</f>
        <v>2454</v>
      </c>
      <c r="B2458" s="13">
        <f>'申請書（複数入力用）'!AH2460</f>
        <v>0</v>
      </c>
      <c r="C2458" s="6">
        <f>'申請書（複数入力用）'!B2460</f>
        <v>0</v>
      </c>
      <c r="D2458" s="6">
        <f>'申請書（複数入力用）'!D2460</f>
        <v>0</v>
      </c>
      <c r="E2458" s="14">
        <f>'申請書（複数入力用）'!H2460</f>
        <v>0</v>
      </c>
      <c r="F2458" s="11" t="str">
        <f>'申請書（複数入力用）'!J2460</f>
        <v/>
      </c>
      <c r="G2458" s="6" t="str">
        <f>'申請書（複数入力用）'!K2460</f>
        <v>a052r000000jS9ZAAU</v>
      </c>
      <c r="H2458" s="12" t="e">
        <f>'申請書（複数入力用）'!N2460</f>
        <v>#N/A</v>
      </c>
      <c r="I2458" s="12" t="e">
        <f>'申請書（複数入力用）'!O2460</f>
        <v>#N/A</v>
      </c>
      <c r="J2458" s="12">
        <f>'申請書（複数入力用）'!P2460</f>
        <v>1</v>
      </c>
    </row>
    <row r="2459" spans="1:10" ht="51.6" customHeight="1" x14ac:dyDescent="0.45">
      <c r="A2459" s="6">
        <f>'申請書（複数入力用）'!A2461</f>
        <v>2455</v>
      </c>
      <c r="B2459" s="13">
        <f>'申請書（複数入力用）'!AH2461</f>
        <v>0</v>
      </c>
      <c r="C2459" s="6">
        <f>'申請書（複数入力用）'!B2461</f>
        <v>0</v>
      </c>
      <c r="D2459" s="6">
        <f>'申請書（複数入力用）'!D2461</f>
        <v>0</v>
      </c>
      <c r="E2459" s="14">
        <f>'申請書（複数入力用）'!H2461</f>
        <v>0</v>
      </c>
      <c r="F2459" s="11" t="str">
        <f>'申請書（複数入力用）'!J2461</f>
        <v/>
      </c>
      <c r="G2459" s="6" t="str">
        <f>'申請書（複数入力用）'!K2461</f>
        <v>a052r000000jS9ZAAU</v>
      </c>
      <c r="H2459" s="12" t="e">
        <f>'申請書（複数入力用）'!N2461</f>
        <v>#N/A</v>
      </c>
      <c r="I2459" s="12" t="e">
        <f>'申請書（複数入力用）'!O2461</f>
        <v>#N/A</v>
      </c>
      <c r="J2459" s="12">
        <f>'申請書（複数入力用）'!P2461</f>
        <v>1</v>
      </c>
    </row>
    <row r="2460" spans="1:10" ht="51.6" customHeight="1" x14ac:dyDescent="0.45">
      <c r="A2460" s="6">
        <f>'申請書（複数入力用）'!A2462</f>
        <v>2456</v>
      </c>
      <c r="B2460" s="13">
        <f>'申請書（複数入力用）'!AH2462</f>
        <v>0</v>
      </c>
      <c r="C2460" s="6">
        <f>'申請書（複数入力用）'!B2462</f>
        <v>0</v>
      </c>
      <c r="D2460" s="6">
        <f>'申請書（複数入力用）'!D2462</f>
        <v>0</v>
      </c>
      <c r="E2460" s="14">
        <f>'申請書（複数入力用）'!H2462</f>
        <v>0</v>
      </c>
      <c r="F2460" s="11" t="str">
        <f>'申請書（複数入力用）'!J2462</f>
        <v/>
      </c>
      <c r="G2460" s="6" t="str">
        <f>'申請書（複数入力用）'!K2462</f>
        <v>a052r000000jS9ZAAU</v>
      </c>
      <c r="H2460" s="12" t="e">
        <f>'申請書（複数入力用）'!N2462</f>
        <v>#N/A</v>
      </c>
      <c r="I2460" s="12" t="e">
        <f>'申請書（複数入力用）'!O2462</f>
        <v>#N/A</v>
      </c>
      <c r="J2460" s="12">
        <f>'申請書（複数入力用）'!P2462</f>
        <v>1</v>
      </c>
    </row>
    <row r="2461" spans="1:10" ht="51.6" customHeight="1" x14ac:dyDescent="0.45">
      <c r="A2461" s="6">
        <f>'申請書（複数入力用）'!A2463</f>
        <v>2457</v>
      </c>
      <c r="B2461" s="13">
        <f>'申請書（複数入力用）'!AH2463</f>
        <v>0</v>
      </c>
      <c r="C2461" s="6">
        <f>'申請書（複数入力用）'!B2463</f>
        <v>0</v>
      </c>
      <c r="D2461" s="6">
        <f>'申請書（複数入力用）'!D2463</f>
        <v>0</v>
      </c>
      <c r="E2461" s="14">
        <f>'申請書（複数入力用）'!H2463</f>
        <v>0</v>
      </c>
      <c r="F2461" s="11" t="str">
        <f>'申請書（複数入力用）'!J2463</f>
        <v/>
      </c>
      <c r="G2461" s="6" t="str">
        <f>'申請書（複数入力用）'!K2463</f>
        <v>a052r000000jS9ZAAU</v>
      </c>
      <c r="H2461" s="12" t="e">
        <f>'申請書（複数入力用）'!N2463</f>
        <v>#N/A</v>
      </c>
      <c r="I2461" s="12" t="e">
        <f>'申請書（複数入力用）'!O2463</f>
        <v>#N/A</v>
      </c>
      <c r="J2461" s="12">
        <f>'申請書（複数入力用）'!P2463</f>
        <v>1</v>
      </c>
    </row>
    <row r="2462" spans="1:10" ht="51.6" customHeight="1" x14ac:dyDescent="0.45">
      <c r="A2462" s="6">
        <f>'申請書（複数入力用）'!A2464</f>
        <v>2458</v>
      </c>
      <c r="B2462" s="13">
        <f>'申請書（複数入力用）'!AH2464</f>
        <v>0</v>
      </c>
      <c r="C2462" s="6">
        <f>'申請書（複数入力用）'!B2464</f>
        <v>0</v>
      </c>
      <c r="D2462" s="6">
        <f>'申請書（複数入力用）'!D2464</f>
        <v>0</v>
      </c>
      <c r="E2462" s="14">
        <f>'申請書（複数入力用）'!H2464</f>
        <v>0</v>
      </c>
      <c r="F2462" s="11" t="str">
        <f>'申請書（複数入力用）'!J2464</f>
        <v/>
      </c>
      <c r="G2462" s="6" t="str">
        <f>'申請書（複数入力用）'!K2464</f>
        <v>a052r000000jS9ZAAU</v>
      </c>
      <c r="H2462" s="12" t="e">
        <f>'申請書（複数入力用）'!N2464</f>
        <v>#N/A</v>
      </c>
      <c r="I2462" s="12" t="e">
        <f>'申請書（複数入力用）'!O2464</f>
        <v>#N/A</v>
      </c>
      <c r="J2462" s="12">
        <f>'申請書（複数入力用）'!P2464</f>
        <v>1</v>
      </c>
    </row>
    <row r="2463" spans="1:10" ht="51.6" customHeight="1" x14ac:dyDescent="0.45">
      <c r="A2463" s="6">
        <f>'申請書（複数入力用）'!A2465</f>
        <v>2459</v>
      </c>
      <c r="B2463" s="13">
        <f>'申請書（複数入力用）'!AH2465</f>
        <v>0</v>
      </c>
      <c r="C2463" s="6">
        <f>'申請書（複数入力用）'!B2465</f>
        <v>0</v>
      </c>
      <c r="D2463" s="6">
        <f>'申請書（複数入力用）'!D2465</f>
        <v>0</v>
      </c>
      <c r="E2463" s="14">
        <f>'申請書（複数入力用）'!H2465</f>
        <v>0</v>
      </c>
      <c r="F2463" s="11" t="str">
        <f>'申請書（複数入力用）'!J2465</f>
        <v/>
      </c>
      <c r="G2463" s="6" t="str">
        <f>'申請書（複数入力用）'!K2465</f>
        <v>a052r000000jS9ZAAU</v>
      </c>
      <c r="H2463" s="12" t="e">
        <f>'申請書（複数入力用）'!N2465</f>
        <v>#N/A</v>
      </c>
      <c r="I2463" s="12" t="e">
        <f>'申請書（複数入力用）'!O2465</f>
        <v>#N/A</v>
      </c>
      <c r="J2463" s="12">
        <f>'申請書（複数入力用）'!P2465</f>
        <v>1</v>
      </c>
    </row>
    <row r="2464" spans="1:10" ht="51.6" customHeight="1" x14ac:dyDescent="0.45">
      <c r="A2464" s="6">
        <f>'申請書（複数入力用）'!A2466</f>
        <v>2460</v>
      </c>
      <c r="B2464" s="13">
        <f>'申請書（複数入力用）'!AH2466</f>
        <v>0</v>
      </c>
      <c r="C2464" s="6">
        <f>'申請書（複数入力用）'!B2466</f>
        <v>0</v>
      </c>
      <c r="D2464" s="6">
        <f>'申請書（複数入力用）'!D2466</f>
        <v>0</v>
      </c>
      <c r="E2464" s="14">
        <f>'申請書（複数入力用）'!H2466</f>
        <v>0</v>
      </c>
      <c r="F2464" s="11" t="str">
        <f>'申請書（複数入力用）'!J2466</f>
        <v/>
      </c>
      <c r="G2464" s="6" t="str">
        <f>'申請書（複数入力用）'!K2466</f>
        <v>a052r000000jS9ZAAU</v>
      </c>
      <c r="H2464" s="12" t="e">
        <f>'申請書（複数入力用）'!N2466</f>
        <v>#N/A</v>
      </c>
      <c r="I2464" s="12" t="e">
        <f>'申請書（複数入力用）'!O2466</f>
        <v>#N/A</v>
      </c>
      <c r="J2464" s="12">
        <f>'申請書（複数入力用）'!P2466</f>
        <v>1</v>
      </c>
    </row>
    <row r="2465" spans="1:10" ht="51.6" customHeight="1" x14ac:dyDescent="0.45">
      <c r="A2465" s="6">
        <f>'申請書（複数入力用）'!A2467</f>
        <v>2461</v>
      </c>
      <c r="B2465" s="13">
        <f>'申請書（複数入力用）'!AH2467</f>
        <v>0</v>
      </c>
      <c r="C2465" s="6">
        <f>'申請書（複数入力用）'!B2467</f>
        <v>0</v>
      </c>
      <c r="D2465" s="6">
        <f>'申請書（複数入力用）'!D2467</f>
        <v>0</v>
      </c>
      <c r="E2465" s="14">
        <f>'申請書（複数入力用）'!H2467</f>
        <v>0</v>
      </c>
      <c r="F2465" s="11" t="str">
        <f>'申請書（複数入力用）'!J2467</f>
        <v/>
      </c>
      <c r="G2465" s="6" t="str">
        <f>'申請書（複数入力用）'!K2467</f>
        <v>a052r000000jS9ZAAU</v>
      </c>
      <c r="H2465" s="12" t="e">
        <f>'申請書（複数入力用）'!N2467</f>
        <v>#N/A</v>
      </c>
      <c r="I2465" s="12" t="e">
        <f>'申請書（複数入力用）'!O2467</f>
        <v>#N/A</v>
      </c>
      <c r="J2465" s="12">
        <f>'申請書（複数入力用）'!P2467</f>
        <v>1</v>
      </c>
    </row>
    <row r="2466" spans="1:10" ht="51.6" customHeight="1" x14ac:dyDescent="0.45">
      <c r="A2466" s="6">
        <f>'申請書（複数入力用）'!A2468</f>
        <v>2462</v>
      </c>
      <c r="B2466" s="13">
        <f>'申請書（複数入力用）'!AH2468</f>
        <v>0</v>
      </c>
      <c r="C2466" s="6">
        <f>'申請書（複数入力用）'!B2468</f>
        <v>0</v>
      </c>
      <c r="D2466" s="6">
        <f>'申請書（複数入力用）'!D2468</f>
        <v>0</v>
      </c>
      <c r="E2466" s="14">
        <f>'申請書（複数入力用）'!H2468</f>
        <v>0</v>
      </c>
      <c r="F2466" s="11" t="str">
        <f>'申請書（複数入力用）'!J2468</f>
        <v/>
      </c>
      <c r="G2466" s="6" t="str">
        <f>'申請書（複数入力用）'!K2468</f>
        <v>a052r000000jS9ZAAU</v>
      </c>
      <c r="H2466" s="12" t="e">
        <f>'申請書（複数入力用）'!N2468</f>
        <v>#N/A</v>
      </c>
      <c r="I2466" s="12" t="e">
        <f>'申請書（複数入力用）'!O2468</f>
        <v>#N/A</v>
      </c>
      <c r="J2466" s="12">
        <f>'申請書（複数入力用）'!P2468</f>
        <v>1</v>
      </c>
    </row>
    <row r="2467" spans="1:10" ht="51.6" customHeight="1" x14ac:dyDescent="0.45">
      <c r="A2467" s="6">
        <f>'申請書（複数入力用）'!A2469</f>
        <v>2463</v>
      </c>
      <c r="B2467" s="13">
        <f>'申請書（複数入力用）'!AH2469</f>
        <v>0</v>
      </c>
      <c r="C2467" s="6">
        <f>'申請書（複数入力用）'!B2469</f>
        <v>0</v>
      </c>
      <c r="D2467" s="6">
        <f>'申請書（複数入力用）'!D2469</f>
        <v>0</v>
      </c>
      <c r="E2467" s="14">
        <f>'申請書（複数入力用）'!H2469</f>
        <v>0</v>
      </c>
      <c r="F2467" s="11" t="str">
        <f>'申請書（複数入力用）'!J2469</f>
        <v/>
      </c>
      <c r="G2467" s="6" t="str">
        <f>'申請書（複数入力用）'!K2469</f>
        <v>a052r000000jS9ZAAU</v>
      </c>
      <c r="H2467" s="12" t="e">
        <f>'申請書（複数入力用）'!N2469</f>
        <v>#N/A</v>
      </c>
      <c r="I2467" s="12" t="e">
        <f>'申請書（複数入力用）'!O2469</f>
        <v>#N/A</v>
      </c>
      <c r="J2467" s="12">
        <f>'申請書（複数入力用）'!P2469</f>
        <v>1</v>
      </c>
    </row>
    <row r="2468" spans="1:10" ht="51.6" customHeight="1" x14ac:dyDescent="0.45">
      <c r="A2468" s="6">
        <f>'申請書（複数入力用）'!A2470</f>
        <v>2464</v>
      </c>
      <c r="B2468" s="13">
        <f>'申請書（複数入力用）'!AH2470</f>
        <v>0</v>
      </c>
      <c r="C2468" s="6">
        <f>'申請書（複数入力用）'!B2470</f>
        <v>0</v>
      </c>
      <c r="D2468" s="6">
        <f>'申請書（複数入力用）'!D2470</f>
        <v>0</v>
      </c>
      <c r="E2468" s="14">
        <f>'申請書（複数入力用）'!H2470</f>
        <v>0</v>
      </c>
      <c r="F2468" s="11" t="str">
        <f>'申請書（複数入力用）'!J2470</f>
        <v/>
      </c>
      <c r="G2468" s="6" t="str">
        <f>'申請書（複数入力用）'!K2470</f>
        <v>a052r000000jS9ZAAU</v>
      </c>
      <c r="H2468" s="12" t="e">
        <f>'申請書（複数入力用）'!N2470</f>
        <v>#N/A</v>
      </c>
      <c r="I2468" s="12" t="e">
        <f>'申請書（複数入力用）'!O2470</f>
        <v>#N/A</v>
      </c>
      <c r="J2468" s="12">
        <f>'申請書（複数入力用）'!P2470</f>
        <v>1</v>
      </c>
    </row>
    <row r="2469" spans="1:10" ht="51.6" customHeight="1" x14ac:dyDescent="0.45">
      <c r="A2469" s="6">
        <f>'申請書（複数入力用）'!A2471</f>
        <v>2465</v>
      </c>
      <c r="B2469" s="13">
        <f>'申請書（複数入力用）'!AH2471</f>
        <v>0</v>
      </c>
      <c r="C2469" s="6">
        <f>'申請書（複数入力用）'!B2471</f>
        <v>0</v>
      </c>
      <c r="D2469" s="6">
        <f>'申請書（複数入力用）'!D2471</f>
        <v>0</v>
      </c>
      <c r="E2469" s="14">
        <f>'申請書（複数入力用）'!H2471</f>
        <v>0</v>
      </c>
      <c r="F2469" s="11" t="str">
        <f>'申請書（複数入力用）'!J2471</f>
        <v/>
      </c>
      <c r="G2469" s="6" t="str">
        <f>'申請書（複数入力用）'!K2471</f>
        <v>a052r000000jS9ZAAU</v>
      </c>
      <c r="H2469" s="12" t="e">
        <f>'申請書（複数入力用）'!N2471</f>
        <v>#N/A</v>
      </c>
      <c r="I2469" s="12" t="e">
        <f>'申請書（複数入力用）'!O2471</f>
        <v>#N/A</v>
      </c>
      <c r="J2469" s="12">
        <f>'申請書（複数入力用）'!P2471</f>
        <v>1</v>
      </c>
    </row>
    <row r="2470" spans="1:10" ht="51.6" customHeight="1" x14ac:dyDescent="0.45">
      <c r="A2470" s="6">
        <f>'申請書（複数入力用）'!A2472</f>
        <v>2466</v>
      </c>
      <c r="B2470" s="13">
        <f>'申請書（複数入力用）'!AH2472</f>
        <v>0</v>
      </c>
      <c r="C2470" s="6">
        <f>'申請書（複数入力用）'!B2472</f>
        <v>0</v>
      </c>
      <c r="D2470" s="6">
        <f>'申請書（複数入力用）'!D2472</f>
        <v>0</v>
      </c>
      <c r="E2470" s="14">
        <f>'申請書（複数入力用）'!H2472</f>
        <v>0</v>
      </c>
      <c r="F2470" s="11" t="str">
        <f>'申請書（複数入力用）'!J2472</f>
        <v/>
      </c>
      <c r="G2470" s="6" t="str">
        <f>'申請書（複数入力用）'!K2472</f>
        <v>a052r000000jS9ZAAU</v>
      </c>
      <c r="H2470" s="12" t="e">
        <f>'申請書（複数入力用）'!N2472</f>
        <v>#N/A</v>
      </c>
      <c r="I2470" s="12" t="e">
        <f>'申請書（複数入力用）'!O2472</f>
        <v>#N/A</v>
      </c>
      <c r="J2470" s="12">
        <f>'申請書（複数入力用）'!P2472</f>
        <v>1</v>
      </c>
    </row>
    <row r="2471" spans="1:10" ht="51.6" customHeight="1" x14ac:dyDescent="0.45">
      <c r="A2471" s="6">
        <f>'申請書（複数入力用）'!A2473</f>
        <v>2467</v>
      </c>
      <c r="B2471" s="13">
        <f>'申請書（複数入力用）'!AH2473</f>
        <v>0</v>
      </c>
      <c r="C2471" s="6">
        <f>'申請書（複数入力用）'!B2473</f>
        <v>0</v>
      </c>
      <c r="D2471" s="6">
        <f>'申請書（複数入力用）'!D2473</f>
        <v>0</v>
      </c>
      <c r="E2471" s="14">
        <f>'申請書（複数入力用）'!H2473</f>
        <v>0</v>
      </c>
      <c r="F2471" s="11" t="str">
        <f>'申請書（複数入力用）'!J2473</f>
        <v/>
      </c>
      <c r="G2471" s="6" t="str">
        <f>'申請書（複数入力用）'!K2473</f>
        <v>a052r000000jS9ZAAU</v>
      </c>
      <c r="H2471" s="12" t="e">
        <f>'申請書（複数入力用）'!N2473</f>
        <v>#N/A</v>
      </c>
      <c r="I2471" s="12" t="e">
        <f>'申請書（複数入力用）'!O2473</f>
        <v>#N/A</v>
      </c>
      <c r="J2471" s="12">
        <f>'申請書（複数入力用）'!P2473</f>
        <v>1</v>
      </c>
    </row>
    <row r="2472" spans="1:10" ht="51.6" customHeight="1" x14ac:dyDescent="0.45">
      <c r="A2472" s="6">
        <f>'申請書（複数入力用）'!A2474</f>
        <v>2468</v>
      </c>
      <c r="B2472" s="13">
        <f>'申請書（複数入力用）'!AH2474</f>
        <v>0</v>
      </c>
      <c r="C2472" s="6">
        <f>'申請書（複数入力用）'!B2474</f>
        <v>0</v>
      </c>
      <c r="D2472" s="6">
        <f>'申請書（複数入力用）'!D2474</f>
        <v>0</v>
      </c>
      <c r="E2472" s="14">
        <f>'申請書（複数入力用）'!H2474</f>
        <v>0</v>
      </c>
      <c r="F2472" s="11" t="str">
        <f>'申請書（複数入力用）'!J2474</f>
        <v/>
      </c>
      <c r="G2472" s="6" t="str">
        <f>'申請書（複数入力用）'!K2474</f>
        <v>a052r000000jS9ZAAU</v>
      </c>
      <c r="H2472" s="12" t="e">
        <f>'申請書（複数入力用）'!N2474</f>
        <v>#N/A</v>
      </c>
      <c r="I2472" s="12" t="e">
        <f>'申請書（複数入力用）'!O2474</f>
        <v>#N/A</v>
      </c>
      <c r="J2472" s="12">
        <f>'申請書（複数入力用）'!P2474</f>
        <v>1</v>
      </c>
    </row>
    <row r="2473" spans="1:10" ht="51.6" customHeight="1" x14ac:dyDescent="0.45">
      <c r="A2473" s="6">
        <f>'申請書（複数入力用）'!A2475</f>
        <v>2469</v>
      </c>
      <c r="B2473" s="13">
        <f>'申請書（複数入力用）'!AH2475</f>
        <v>0</v>
      </c>
      <c r="C2473" s="6">
        <f>'申請書（複数入力用）'!B2475</f>
        <v>0</v>
      </c>
      <c r="D2473" s="6">
        <f>'申請書（複数入力用）'!D2475</f>
        <v>0</v>
      </c>
      <c r="E2473" s="14">
        <f>'申請書（複数入力用）'!H2475</f>
        <v>0</v>
      </c>
      <c r="F2473" s="11" t="str">
        <f>'申請書（複数入力用）'!J2475</f>
        <v/>
      </c>
      <c r="G2473" s="6" t="str">
        <f>'申請書（複数入力用）'!K2475</f>
        <v>a052r000000jS9ZAAU</v>
      </c>
      <c r="H2473" s="12" t="e">
        <f>'申請書（複数入力用）'!N2475</f>
        <v>#N/A</v>
      </c>
      <c r="I2473" s="12" t="e">
        <f>'申請書（複数入力用）'!O2475</f>
        <v>#N/A</v>
      </c>
      <c r="J2473" s="12">
        <f>'申請書（複数入力用）'!P2475</f>
        <v>1</v>
      </c>
    </row>
    <row r="2474" spans="1:10" ht="51.6" customHeight="1" x14ac:dyDescent="0.45">
      <c r="A2474" s="6">
        <f>'申請書（複数入力用）'!A2476</f>
        <v>2470</v>
      </c>
      <c r="B2474" s="13">
        <f>'申請書（複数入力用）'!AH2476</f>
        <v>0</v>
      </c>
      <c r="C2474" s="6">
        <f>'申請書（複数入力用）'!B2476</f>
        <v>0</v>
      </c>
      <c r="D2474" s="6">
        <f>'申請書（複数入力用）'!D2476</f>
        <v>0</v>
      </c>
      <c r="E2474" s="14">
        <f>'申請書（複数入力用）'!H2476</f>
        <v>0</v>
      </c>
      <c r="F2474" s="11" t="str">
        <f>'申請書（複数入力用）'!J2476</f>
        <v/>
      </c>
      <c r="G2474" s="6" t="str">
        <f>'申請書（複数入力用）'!K2476</f>
        <v>a052r000000jS9ZAAU</v>
      </c>
      <c r="H2474" s="12" t="e">
        <f>'申請書（複数入力用）'!N2476</f>
        <v>#N/A</v>
      </c>
      <c r="I2474" s="12" t="e">
        <f>'申請書（複数入力用）'!O2476</f>
        <v>#N/A</v>
      </c>
      <c r="J2474" s="12">
        <f>'申請書（複数入力用）'!P2476</f>
        <v>1</v>
      </c>
    </row>
    <row r="2475" spans="1:10" ht="51.6" customHeight="1" x14ac:dyDescent="0.45">
      <c r="A2475" s="6">
        <f>'申請書（複数入力用）'!A2477</f>
        <v>2471</v>
      </c>
      <c r="B2475" s="13">
        <f>'申請書（複数入力用）'!AH2477</f>
        <v>0</v>
      </c>
      <c r="C2475" s="6">
        <f>'申請書（複数入力用）'!B2477</f>
        <v>0</v>
      </c>
      <c r="D2475" s="6">
        <f>'申請書（複数入力用）'!D2477</f>
        <v>0</v>
      </c>
      <c r="E2475" s="14">
        <f>'申請書（複数入力用）'!H2477</f>
        <v>0</v>
      </c>
      <c r="F2475" s="11" t="str">
        <f>'申請書（複数入力用）'!J2477</f>
        <v/>
      </c>
      <c r="G2475" s="6" t="str">
        <f>'申請書（複数入力用）'!K2477</f>
        <v>a052r000000jS9ZAAU</v>
      </c>
      <c r="H2475" s="12" t="e">
        <f>'申請書（複数入力用）'!N2477</f>
        <v>#N/A</v>
      </c>
      <c r="I2475" s="12" t="e">
        <f>'申請書（複数入力用）'!O2477</f>
        <v>#N/A</v>
      </c>
      <c r="J2475" s="12">
        <f>'申請書（複数入力用）'!P2477</f>
        <v>1</v>
      </c>
    </row>
    <row r="2476" spans="1:10" ht="51.6" customHeight="1" x14ac:dyDescent="0.45">
      <c r="A2476" s="6">
        <f>'申請書（複数入力用）'!A2478</f>
        <v>2472</v>
      </c>
      <c r="B2476" s="13">
        <f>'申請書（複数入力用）'!AH2478</f>
        <v>0</v>
      </c>
      <c r="C2476" s="6">
        <f>'申請書（複数入力用）'!B2478</f>
        <v>0</v>
      </c>
      <c r="D2476" s="6">
        <f>'申請書（複数入力用）'!D2478</f>
        <v>0</v>
      </c>
      <c r="E2476" s="14">
        <f>'申請書（複数入力用）'!H2478</f>
        <v>0</v>
      </c>
      <c r="F2476" s="11" t="str">
        <f>'申請書（複数入力用）'!J2478</f>
        <v/>
      </c>
      <c r="G2476" s="6" t="str">
        <f>'申請書（複数入力用）'!K2478</f>
        <v>a052r000000jS9ZAAU</v>
      </c>
      <c r="H2476" s="12" t="e">
        <f>'申請書（複数入力用）'!N2478</f>
        <v>#N/A</v>
      </c>
      <c r="I2476" s="12" t="e">
        <f>'申請書（複数入力用）'!O2478</f>
        <v>#N/A</v>
      </c>
      <c r="J2476" s="12">
        <f>'申請書（複数入力用）'!P2478</f>
        <v>1</v>
      </c>
    </row>
    <row r="2477" spans="1:10" ht="51.6" customHeight="1" x14ac:dyDescent="0.45">
      <c r="A2477" s="6">
        <f>'申請書（複数入力用）'!A2479</f>
        <v>2473</v>
      </c>
      <c r="B2477" s="13">
        <f>'申請書（複数入力用）'!AH2479</f>
        <v>0</v>
      </c>
      <c r="C2477" s="6">
        <f>'申請書（複数入力用）'!B2479</f>
        <v>0</v>
      </c>
      <c r="D2477" s="6">
        <f>'申請書（複数入力用）'!D2479</f>
        <v>0</v>
      </c>
      <c r="E2477" s="14">
        <f>'申請書（複数入力用）'!H2479</f>
        <v>0</v>
      </c>
      <c r="F2477" s="11" t="str">
        <f>'申請書（複数入力用）'!J2479</f>
        <v/>
      </c>
      <c r="G2477" s="6" t="str">
        <f>'申請書（複数入力用）'!K2479</f>
        <v>a052r000000jS9ZAAU</v>
      </c>
      <c r="H2477" s="12" t="e">
        <f>'申請書（複数入力用）'!N2479</f>
        <v>#N/A</v>
      </c>
      <c r="I2477" s="12" t="e">
        <f>'申請書（複数入力用）'!O2479</f>
        <v>#N/A</v>
      </c>
      <c r="J2477" s="12">
        <f>'申請書（複数入力用）'!P2479</f>
        <v>1</v>
      </c>
    </row>
    <row r="2478" spans="1:10" ht="51.6" customHeight="1" x14ac:dyDescent="0.45">
      <c r="A2478" s="6">
        <f>'申請書（複数入力用）'!A2480</f>
        <v>2474</v>
      </c>
      <c r="B2478" s="13">
        <f>'申請書（複数入力用）'!AH2480</f>
        <v>0</v>
      </c>
      <c r="C2478" s="6">
        <f>'申請書（複数入力用）'!B2480</f>
        <v>0</v>
      </c>
      <c r="D2478" s="6">
        <f>'申請書（複数入力用）'!D2480</f>
        <v>0</v>
      </c>
      <c r="E2478" s="14">
        <f>'申請書（複数入力用）'!H2480</f>
        <v>0</v>
      </c>
      <c r="F2478" s="11" t="str">
        <f>'申請書（複数入力用）'!J2480</f>
        <v/>
      </c>
      <c r="G2478" s="6" t="str">
        <f>'申請書（複数入力用）'!K2480</f>
        <v>a052r000000jS9ZAAU</v>
      </c>
      <c r="H2478" s="12" t="e">
        <f>'申請書（複数入力用）'!N2480</f>
        <v>#N/A</v>
      </c>
      <c r="I2478" s="12" t="e">
        <f>'申請書（複数入力用）'!O2480</f>
        <v>#N/A</v>
      </c>
      <c r="J2478" s="12">
        <f>'申請書（複数入力用）'!P2480</f>
        <v>1</v>
      </c>
    </row>
    <row r="2479" spans="1:10" ht="51.6" customHeight="1" x14ac:dyDescent="0.45">
      <c r="A2479" s="6">
        <f>'申請書（複数入力用）'!A2481</f>
        <v>2475</v>
      </c>
      <c r="B2479" s="13">
        <f>'申請書（複数入力用）'!AH2481</f>
        <v>0</v>
      </c>
      <c r="C2479" s="6">
        <f>'申請書（複数入力用）'!B2481</f>
        <v>0</v>
      </c>
      <c r="D2479" s="6">
        <f>'申請書（複数入力用）'!D2481</f>
        <v>0</v>
      </c>
      <c r="E2479" s="14">
        <f>'申請書（複数入力用）'!H2481</f>
        <v>0</v>
      </c>
      <c r="F2479" s="11" t="str">
        <f>'申請書（複数入力用）'!J2481</f>
        <v/>
      </c>
      <c r="G2479" s="6" t="str">
        <f>'申請書（複数入力用）'!K2481</f>
        <v>a052r000000jS9ZAAU</v>
      </c>
      <c r="H2479" s="12" t="e">
        <f>'申請書（複数入力用）'!N2481</f>
        <v>#N/A</v>
      </c>
      <c r="I2479" s="12" t="e">
        <f>'申請書（複数入力用）'!O2481</f>
        <v>#N/A</v>
      </c>
      <c r="J2479" s="12">
        <f>'申請書（複数入力用）'!P2481</f>
        <v>1</v>
      </c>
    </row>
    <row r="2480" spans="1:10" ht="51.6" customHeight="1" x14ac:dyDescent="0.45">
      <c r="A2480" s="6">
        <f>'申請書（複数入力用）'!A2482</f>
        <v>2476</v>
      </c>
      <c r="B2480" s="13">
        <f>'申請書（複数入力用）'!AH2482</f>
        <v>0</v>
      </c>
      <c r="C2480" s="6">
        <f>'申請書（複数入力用）'!B2482</f>
        <v>0</v>
      </c>
      <c r="D2480" s="6">
        <f>'申請書（複数入力用）'!D2482</f>
        <v>0</v>
      </c>
      <c r="E2480" s="14">
        <f>'申請書（複数入力用）'!H2482</f>
        <v>0</v>
      </c>
      <c r="F2480" s="11" t="str">
        <f>'申請書（複数入力用）'!J2482</f>
        <v/>
      </c>
      <c r="G2480" s="6" t="str">
        <f>'申請書（複数入力用）'!K2482</f>
        <v>a052r000000jS9ZAAU</v>
      </c>
      <c r="H2480" s="12" t="e">
        <f>'申請書（複数入力用）'!N2482</f>
        <v>#N/A</v>
      </c>
      <c r="I2480" s="12" t="e">
        <f>'申請書（複数入力用）'!O2482</f>
        <v>#N/A</v>
      </c>
      <c r="J2480" s="12">
        <f>'申請書（複数入力用）'!P2482</f>
        <v>1</v>
      </c>
    </row>
    <row r="2481" spans="1:10" ht="51.6" customHeight="1" x14ac:dyDescent="0.45">
      <c r="A2481" s="6">
        <f>'申請書（複数入力用）'!A2483</f>
        <v>2477</v>
      </c>
      <c r="B2481" s="13">
        <f>'申請書（複数入力用）'!AH2483</f>
        <v>0</v>
      </c>
      <c r="C2481" s="6">
        <f>'申請書（複数入力用）'!B2483</f>
        <v>0</v>
      </c>
      <c r="D2481" s="6">
        <f>'申請書（複数入力用）'!D2483</f>
        <v>0</v>
      </c>
      <c r="E2481" s="14">
        <f>'申請書（複数入力用）'!H2483</f>
        <v>0</v>
      </c>
      <c r="F2481" s="11" t="str">
        <f>'申請書（複数入力用）'!J2483</f>
        <v/>
      </c>
      <c r="G2481" s="6" t="str">
        <f>'申請書（複数入力用）'!K2483</f>
        <v>a052r000000jS9ZAAU</v>
      </c>
      <c r="H2481" s="12" t="e">
        <f>'申請書（複数入力用）'!N2483</f>
        <v>#N/A</v>
      </c>
      <c r="I2481" s="12" t="e">
        <f>'申請書（複数入力用）'!O2483</f>
        <v>#N/A</v>
      </c>
      <c r="J2481" s="12">
        <f>'申請書（複数入力用）'!P2483</f>
        <v>1</v>
      </c>
    </row>
    <row r="2482" spans="1:10" ht="51.6" customHeight="1" x14ac:dyDescent="0.45">
      <c r="A2482" s="6">
        <f>'申請書（複数入力用）'!A2484</f>
        <v>2478</v>
      </c>
      <c r="B2482" s="13">
        <f>'申請書（複数入力用）'!AH2484</f>
        <v>0</v>
      </c>
      <c r="C2482" s="6">
        <f>'申請書（複数入力用）'!B2484</f>
        <v>0</v>
      </c>
      <c r="D2482" s="6">
        <f>'申請書（複数入力用）'!D2484</f>
        <v>0</v>
      </c>
      <c r="E2482" s="14">
        <f>'申請書（複数入力用）'!H2484</f>
        <v>0</v>
      </c>
      <c r="F2482" s="11" t="str">
        <f>'申請書（複数入力用）'!J2484</f>
        <v/>
      </c>
      <c r="G2482" s="6" t="str">
        <f>'申請書（複数入力用）'!K2484</f>
        <v>a052r000000jS9ZAAU</v>
      </c>
      <c r="H2482" s="12" t="e">
        <f>'申請書（複数入力用）'!N2484</f>
        <v>#N/A</v>
      </c>
      <c r="I2482" s="12" t="e">
        <f>'申請書（複数入力用）'!O2484</f>
        <v>#N/A</v>
      </c>
      <c r="J2482" s="12">
        <f>'申請書（複数入力用）'!P2484</f>
        <v>1</v>
      </c>
    </row>
    <row r="2483" spans="1:10" ht="51.6" customHeight="1" x14ac:dyDescent="0.45">
      <c r="A2483" s="6">
        <f>'申請書（複数入力用）'!A2485</f>
        <v>2479</v>
      </c>
      <c r="B2483" s="13">
        <f>'申請書（複数入力用）'!AH2485</f>
        <v>0</v>
      </c>
      <c r="C2483" s="6">
        <f>'申請書（複数入力用）'!B2485</f>
        <v>0</v>
      </c>
      <c r="D2483" s="6">
        <f>'申請書（複数入力用）'!D2485</f>
        <v>0</v>
      </c>
      <c r="E2483" s="14">
        <f>'申請書（複数入力用）'!H2485</f>
        <v>0</v>
      </c>
      <c r="F2483" s="11" t="str">
        <f>'申請書（複数入力用）'!J2485</f>
        <v/>
      </c>
      <c r="G2483" s="6" t="str">
        <f>'申請書（複数入力用）'!K2485</f>
        <v>a052r000000jS9ZAAU</v>
      </c>
      <c r="H2483" s="12" t="e">
        <f>'申請書（複数入力用）'!N2485</f>
        <v>#N/A</v>
      </c>
      <c r="I2483" s="12" t="e">
        <f>'申請書（複数入力用）'!O2485</f>
        <v>#N/A</v>
      </c>
      <c r="J2483" s="12">
        <f>'申請書（複数入力用）'!P2485</f>
        <v>1</v>
      </c>
    </row>
    <row r="2484" spans="1:10" ht="51.6" customHeight="1" x14ac:dyDescent="0.45">
      <c r="A2484" s="6">
        <f>'申請書（複数入力用）'!A2486</f>
        <v>2480</v>
      </c>
      <c r="B2484" s="13">
        <f>'申請書（複数入力用）'!AH2486</f>
        <v>0</v>
      </c>
      <c r="C2484" s="6">
        <f>'申請書（複数入力用）'!B2486</f>
        <v>0</v>
      </c>
      <c r="D2484" s="6">
        <f>'申請書（複数入力用）'!D2486</f>
        <v>0</v>
      </c>
      <c r="E2484" s="14">
        <f>'申請書（複数入力用）'!H2486</f>
        <v>0</v>
      </c>
      <c r="F2484" s="11" t="str">
        <f>'申請書（複数入力用）'!J2486</f>
        <v/>
      </c>
      <c r="G2484" s="6" t="str">
        <f>'申請書（複数入力用）'!K2486</f>
        <v>a052r000000jS9ZAAU</v>
      </c>
      <c r="H2484" s="12" t="e">
        <f>'申請書（複数入力用）'!N2486</f>
        <v>#N/A</v>
      </c>
      <c r="I2484" s="12" t="e">
        <f>'申請書（複数入力用）'!O2486</f>
        <v>#N/A</v>
      </c>
      <c r="J2484" s="12">
        <f>'申請書（複数入力用）'!P2486</f>
        <v>1</v>
      </c>
    </row>
    <row r="2485" spans="1:10" ht="51.6" customHeight="1" x14ac:dyDescent="0.45">
      <c r="A2485" s="6">
        <f>'申請書（複数入力用）'!A2487</f>
        <v>2481</v>
      </c>
      <c r="B2485" s="13">
        <f>'申請書（複数入力用）'!AH2487</f>
        <v>0</v>
      </c>
      <c r="C2485" s="6">
        <f>'申請書（複数入力用）'!B2487</f>
        <v>0</v>
      </c>
      <c r="D2485" s="6">
        <f>'申請書（複数入力用）'!D2487</f>
        <v>0</v>
      </c>
      <c r="E2485" s="14">
        <f>'申請書（複数入力用）'!H2487</f>
        <v>0</v>
      </c>
      <c r="F2485" s="11" t="str">
        <f>'申請書（複数入力用）'!J2487</f>
        <v/>
      </c>
      <c r="G2485" s="6" t="str">
        <f>'申請書（複数入力用）'!K2487</f>
        <v>a052r000000jS9ZAAU</v>
      </c>
      <c r="H2485" s="12" t="e">
        <f>'申請書（複数入力用）'!N2487</f>
        <v>#N/A</v>
      </c>
      <c r="I2485" s="12" t="e">
        <f>'申請書（複数入力用）'!O2487</f>
        <v>#N/A</v>
      </c>
      <c r="J2485" s="12">
        <f>'申請書（複数入力用）'!P2487</f>
        <v>1</v>
      </c>
    </row>
    <row r="2486" spans="1:10" ht="51.6" customHeight="1" x14ac:dyDescent="0.45">
      <c r="A2486" s="6">
        <f>'申請書（複数入力用）'!A2488</f>
        <v>2482</v>
      </c>
      <c r="B2486" s="13">
        <f>'申請書（複数入力用）'!AH2488</f>
        <v>0</v>
      </c>
      <c r="C2486" s="6">
        <f>'申請書（複数入力用）'!B2488</f>
        <v>0</v>
      </c>
      <c r="D2486" s="6">
        <f>'申請書（複数入力用）'!D2488</f>
        <v>0</v>
      </c>
      <c r="E2486" s="14">
        <f>'申請書（複数入力用）'!H2488</f>
        <v>0</v>
      </c>
      <c r="F2486" s="11" t="str">
        <f>'申請書（複数入力用）'!J2488</f>
        <v/>
      </c>
      <c r="G2486" s="6" t="str">
        <f>'申請書（複数入力用）'!K2488</f>
        <v>a052r000000jS9ZAAU</v>
      </c>
      <c r="H2486" s="12" t="e">
        <f>'申請書（複数入力用）'!N2488</f>
        <v>#N/A</v>
      </c>
      <c r="I2486" s="12" t="e">
        <f>'申請書（複数入力用）'!O2488</f>
        <v>#N/A</v>
      </c>
      <c r="J2486" s="12">
        <f>'申請書（複数入力用）'!P2488</f>
        <v>1</v>
      </c>
    </row>
    <row r="2487" spans="1:10" ht="51.6" customHeight="1" x14ac:dyDescent="0.45">
      <c r="A2487" s="6">
        <f>'申請書（複数入力用）'!A2489</f>
        <v>2483</v>
      </c>
      <c r="B2487" s="13">
        <f>'申請書（複数入力用）'!AH2489</f>
        <v>0</v>
      </c>
      <c r="C2487" s="6">
        <f>'申請書（複数入力用）'!B2489</f>
        <v>0</v>
      </c>
      <c r="D2487" s="6">
        <f>'申請書（複数入力用）'!D2489</f>
        <v>0</v>
      </c>
      <c r="E2487" s="14">
        <f>'申請書（複数入力用）'!H2489</f>
        <v>0</v>
      </c>
      <c r="F2487" s="11" t="str">
        <f>'申請書（複数入力用）'!J2489</f>
        <v/>
      </c>
      <c r="G2487" s="6" t="str">
        <f>'申請書（複数入力用）'!K2489</f>
        <v>a052r000000jS9ZAAU</v>
      </c>
      <c r="H2487" s="12" t="e">
        <f>'申請書（複数入力用）'!N2489</f>
        <v>#N/A</v>
      </c>
      <c r="I2487" s="12" t="e">
        <f>'申請書（複数入力用）'!O2489</f>
        <v>#N/A</v>
      </c>
      <c r="J2487" s="12">
        <f>'申請書（複数入力用）'!P2489</f>
        <v>1</v>
      </c>
    </row>
    <row r="2488" spans="1:10" ht="51.6" customHeight="1" x14ac:dyDescent="0.45">
      <c r="A2488" s="6">
        <f>'申請書（複数入力用）'!A2490</f>
        <v>2484</v>
      </c>
      <c r="B2488" s="13">
        <f>'申請書（複数入力用）'!AH2490</f>
        <v>0</v>
      </c>
      <c r="C2488" s="6">
        <f>'申請書（複数入力用）'!B2490</f>
        <v>0</v>
      </c>
      <c r="D2488" s="6">
        <f>'申請書（複数入力用）'!D2490</f>
        <v>0</v>
      </c>
      <c r="E2488" s="14">
        <f>'申請書（複数入力用）'!H2490</f>
        <v>0</v>
      </c>
      <c r="F2488" s="11" t="str">
        <f>'申請書（複数入力用）'!J2490</f>
        <v/>
      </c>
      <c r="G2488" s="6" t="str">
        <f>'申請書（複数入力用）'!K2490</f>
        <v>a052r000000jS9ZAAU</v>
      </c>
      <c r="H2488" s="12" t="e">
        <f>'申請書（複数入力用）'!N2490</f>
        <v>#N/A</v>
      </c>
      <c r="I2488" s="12" t="e">
        <f>'申請書（複数入力用）'!O2490</f>
        <v>#N/A</v>
      </c>
      <c r="J2488" s="12">
        <f>'申請書（複数入力用）'!P2490</f>
        <v>1</v>
      </c>
    </row>
    <row r="2489" spans="1:10" ht="51.6" customHeight="1" x14ac:dyDescent="0.45">
      <c r="A2489" s="6">
        <f>'申請書（複数入力用）'!A2491</f>
        <v>2485</v>
      </c>
      <c r="B2489" s="13">
        <f>'申請書（複数入力用）'!AH2491</f>
        <v>0</v>
      </c>
      <c r="C2489" s="6">
        <f>'申請書（複数入力用）'!B2491</f>
        <v>0</v>
      </c>
      <c r="D2489" s="6">
        <f>'申請書（複数入力用）'!D2491</f>
        <v>0</v>
      </c>
      <c r="E2489" s="14">
        <f>'申請書（複数入力用）'!H2491</f>
        <v>0</v>
      </c>
      <c r="F2489" s="11" t="str">
        <f>'申請書（複数入力用）'!J2491</f>
        <v/>
      </c>
      <c r="G2489" s="6" t="str">
        <f>'申請書（複数入力用）'!K2491</f>
        <v>a052r000000jS9ZAAU</v>
      </c>
      <c r="H2489" s="12" t="e">
        <f>'申請書（複数入力用）'!N2491</f>
        <v>#N/A</v>
      </c>
      <c r="I2489" s="12" t="e">
        <f>'申請書（複数入力用）'!O2491</f>
        <v>#N/A</v>
      </c>
      <c r="J2489" s="12">
        <f>'申請書（複数入力用）'!P2491</f>
        <v>1</v>
      </c>
    </row>
    <row r="2490" spans="1:10" ht="51.6" customHeight="1" x14ac:dyDescent="0.45">
      <c r="A2490" s="6">
        <f>'申請書（複数入力用）'!A2492</f>
        <v>2486</v>
      </c>
      <c r="B2490" s="13">
        <f>'申請書（複数入力用）'!AH2492</f>
        <v>0</v>
      </c>
      <c r="C2490" s="6">
        <f>'申請書（複数入力用）'!B2492</f>
        <v>0</v>
      </c>
      <c r="D2490" s="6">
        <f>'申請書（複数入力用）'!D2492</f>
        <v>0</v>
      </c>
      <c r="E2490" s="14">
        <f>'申請書（複数入力用）'!H2492</f>
        <v>0</v>
      </c>
      <c r="F2490" s="11" t="str">
        <f>'申請書（複数入力用）'!J2492</f>
        <v/>
      </c>
      <c r="G2490" s="6" t="str">
        <f>'申請書（複数入力用）'!K2492</f>
        <v>a052r000000jS9ZAAU</v>
      </c>
      <c r="H2490" s="12" t="e">
        <f>'申請書（複数入力用）'!N2492</f>
        <v>#N/A</v>
      </c>
      <c r="I2490" s="12" t="e">
        <f>'申請書（複数入力用）'!O2492</f>
        <v>#N/A</v>
      </c>
      <c r="J2490" s="12">
        <f>'申請書（複数入力用）'!P2492</f>
        <v>1</v>
      </c>
    </row>
    <row r="2491" spans="1:10" ht="51.6" customHeight="1" x14ac:dyDescent="0.45">
      <c r="A2491" s="6">
        <f>'申請書（複数入力用）'!A2493</f>
        <v>2487</v>
      </c>
      <c r="B2491" s="13">
        <f>'申請書（複数入力用）'!AH2493</f>
        <v>0</v>
      </c>
      <c r="C2491" s="6">
        <f>'申請書（複数入力用）'!B2493</f>
        <v>0</v>
      </c>
      <c r="D2491" s="6">
        <f>'申請書（複数入力用）'!D2493</f>
        <v>0</v>
      </c>
      <c r="E2491" s="14">
        <f>'申請書（複数入力用）'!H2493</f>
        <v>0</v>
      </c>
      <c r="F2491" s="11" t="str">
        <f>'申請書（複数入力用）'!J2493</f>
        <v/>
      </c>
      <c r="G2491" s="6" t="str">
        <f>'申請書（複数入力用）'!K2493</f>
        <v>a052r000000jS9ZAAU</v>
      </c>
      <c r="H2491" s="12" t="e">
        <f>'申請書（複数入力用）'!N2493</f>
        <v>#N/A</v>
      </c>
      <c r="I2491" s="12" t="e">
        <f>'申請書（複数入力用）'!O2493</f>
        <v>#N/A</v>
      </c>
      <c r="J2491" s="12">
        <f>'申請書（複数入力用）'!P2493</f>
        <v>1</v>
      </c>
    </row>
    <row r="2492" spans="1:10" ht="51.6" customHeight="1" x14ac:dyDescent="0.45">
      <c r="A2492" s="6">
        <f>'申請書（複数入力用）'!A2494</f>
        <v>2488</v>
      </c>
      <c r="B2492" s="13">
        <f>'申請書（複数入力用）'!AH2494</f>
        <v>0</v>
      </c>
      <c r="C2492" s="6">
        <f>'申請書（複数入力用）'!B2494</f>
        <v>0</v>
      </c>
      <c r="D2492" s="6">
        <f>'申請書（複数入力用）'!D2494</f>
        <v>0</v>
      </c>
      <c r="E2492" s="14">
        <f>'申請書（複数入力用）'!H2494</f>
        <v>0</v>
      </c>
      <c r="F2492" s="11" t="str">
        <f>'申請書（複数入力用）'!J2494</f>
        <v/>
      </c>
      <c r="G2492" s="6" t="str">
        <f>'申請書（複数入力用）'!K2494</f>
        <v>a052r000000jS9ZAAU</v>
      </c>
      <c r="H2492" s="12" t="e">
        <f>'申請書（複数入力用）'!N2494</f>
        <v>#N/A</v>
      </c>
      <c r="I2492" s="12" t="e">
        <f>'申請書（複数入力用）'!O2494</f>
        <v>#N/A</v>
      </c>
      <c r="J2492" s="12">
        <f>'申請書（複数入力用）'!P2494</f>
        <v>1</v>
      </c>
    </row>
    <row r="2493" spans="1:10" ht="51.6" customHeight="1" x14ac:dyDescent="0.45">
      <c r="A2493" s="6">
        <f>'申請書（複数入力用）'!A2495</f>
        <v>2489</v>
      </c>
      <c r="B2493" s="13">
        <f>'申請書（複数入力用）'!AH2495</f>
        <v>0</v>
      </c>
      <c r="C2493" s="6">
        <f>'申請書（複数入力用）'!B2495</f>
        <v>0</v>
      </c>
      <c r="D2493" s="6">
        <f>'申請書（複数入力用）'!D2495</f>
        <v>0</v>
      </c>
      <c r="E2493" s="14">
        <f>'申請書（複数入力用）'!H2495</f>
        <v>0</v>
      </c>
      <c r="F2493" s="11" t="str">
        <f>'申請書（複数入力用）'!J2495</f>
        <v/>
      </c>
      <c r="G2493" s="6" t="str">
        <f>'申請書（複数入力用）'!K2495</f>
        <v>a052r000000jS9ZAAU</v>
      </c>
      <c r="H2493" s="12" t="e">
        <f>'申請書（複数入力用）'!N2495</f>
        <v>#N/A</v>
      </c>
      <c r="I2493" s="12" t="e">
        <f>'申請書（複数入力用）'!O2495</f>
        <v>#N/A</v>
      </c>
      <c r="J2493" s="12">
        <f>'申請書（複数入力用）'!P2495</f>
        <v>1</v>
      </c>
    </row>
    <row r="2494" spans="1:10" ht="51.6" customHeight="1" x14ac:dyDescent="0.45">
      <c r="A2494" s="6">
        <f>'申請書（複数入力用）'!A2496</f>
        <v>2490</v>
      </c>
      <c r="B2494" s="13">
        <f>'申請書（複数入力用）'!AH2496</f>
        <v>0</v>
      </c>
      <c r="C2494" s="6">
        <f>'申請書（複数入力用）'!B2496</f>
        <v>0</v>
      </c>
      <c r="D2494" s="6">
        <f>'申請書（複数入力用）'!D2496</f>
        <v>0</v>
      </c>
      <c r="E2494" s="14">
        <f>'申請書（複数入力用）'!H2496</f>
        <v>0</v>
      </c>
      <c r="F2494" s="11" t="str">
        <f>'申請書（複数入力用）'!J2496</f>
        <v/>
      </c>
      <c r="G2494" s="6" t="str">
        <f>'申請書（複数入力用）'!K2496</f>
        <v>a052r000000jS9ZAAU</v>
      </c>
      <c r="H2494" s="12" t="e">
        <f>'申請書（複数入力用）'!N2496</f>
        <v>#N/A</v>
      </c>
      <c r="I2494" s="12" t="e">
        <f>'申請書（複数入力用）'!O2496</f>
        <v>#N/A</v>
      </c>
      <c r="J2494" s="12">
        <f>'申請書（複数入力用）'!P2496</f>
        <v>1</v>
      </c>
    </row>
    <row r="2495" spans="1:10" ht="51.6" customHeight="1" x14ac:dyDescent="0.45">
      <c r="A2495" s="6">
        <f>'申請書（複数入力用）'!A2497</f>
        <v>2491</v>
      </c>
      <c r="B2495" s="13">
        <f>'申請書（複数入力用）'!AH2497</f>
        <v>0</v>
      </c>
      <c r="C2495" s="6">
        <f>'申請書（複数入力用）'!B2497</f>
        <v>0</v>
      </c>
      <c r="D2495" s="6">
        <f>'申請書（複数入力用）'!D2497</f>
        <v>0</v>
      </c>
      <c r="E2495" s="14">
        <f>'申請書（複数入力用）'!H2497</f>
        <v>0</v>
      </c>
      <c r="F2495" s="11" t="str">
        <f>'申請書（複数入力用）'!J2497</f>
        <v/>
      </c>
      <c r="G2495" s="6" t="str">
        <f>'申請書（複数入力用）'!K2497</f>
        <v>a052r000000jS9ZAAU</v>
      </c>
      <c r="H2495" s="12" t="e">
        <f>'申請書（複数入力用）'!N2497</f>
        <v>#N/A</v>
      </c>
      <c r="I2495" s="12" t="e">
        <f>'申請書（複数入力用）'!O2497</f>
        <v>#N/A</v>
      </c>
      <c r="J2495" s="12">
        <f>'申請書（複数入力用）'!P2497</f>
        <v>1</v>
      </c>
    </row>
    <row r="2496" spans="1:10" ht="51.6" customHeight="1" x14ac:dyDescent="0.45">
      <c r="A2496" s="6">
        <f>'申請書（複数入力用）'!A2498</f>
        <v>2492</v>
      </c>
      <c r="B2496" s="13">
        <f>'申請書（複数入力用）'!AH2498</f>
        <v>0</v>
      </c>
      <c r="C2496" s="6">
        <f>'申請書（複数入力用）'!B2498</f>
        <v>0</v>
      </c>
      <c r="D2496" s="6">
        <f>'申請書（複数入力用）'!D2498</f>
        <v>0</v>
      </c>
      <c r="E2496" s="14">
        <f>'申請書（複数入力用）'!H2498</f>
        <v>0</v>
      </c>
      <c r="F2496" s="11" t="str">
        <f>'申請書（複数入力用）'!J2498</f>
        <v/>
      </c>
      <c r="G2496" s="6" t="str">
        <f>'申請書（複数入力用）'!K2498</f>
        <v>a052r000000jS9ZAAU</v>
      </c>
      <c r="H2496" s="12" t="e">
        <f>'申請書（複数入力用）'!N2498</f>
        <v>#N/A</v>
      </c>
      <c r="I2496" s="12" t="e">
        <f>'申請書（複数入力用）'!O2498</f>
        <v>#N/A</v>
      </c>
      <c r="J2496" s="12">
        <f>'申請書（複数入力用）'!P2498</f>
        <v>1</v>
      </c>
    </row>
    <row r="2497" spans="1:10" ht="51.6" customHeight="1" x14ac:dyDescent="0.45">
      <c r="A2497" s="6">
        <f>'申請書（複数入力用）'!A2499</f>
        <v>2493</v>
      </c>
      <c r="B2497" s="13">
        <f>'申請書（複数入力用）'!AH2499</f>
        <v>0</v>
      </c>
      <c r="C2497" s="6">
        <f>'申請書（複数入力用）'!B2499</f>
        <v>0</v>
      </c>
      <c r="D2497" s="6">
        <f>'申請書（複数入力用）'!D2499</f>
        <v>0</v>
      </c>
      <c r="E2497" s="14">
        <f>'申請書（複数入力用）'!H2499</f>
        <v>0</v>
      </c>
      <c r="F2497" s="11" t="str">
        <f>'申請書（複数入力用）'!J2499</f>
        <v/>
      </c>
      <c r="G2497" s="6" t="str">
        <f>'申請書（複数入力用）'!K2499</f>
        <v>a052r000000jS9ZAAU</v>
      </c>
      <c r="H2497" s="12" t="e">
        <f>'申請書（複数入力用）'!N2499</f>
        <v>#N/A</v>
      </c>
      <c r="I2497" s="12" t="e">
        <f>'申請書（複数入力用）'!O2499</f>
        <v>#N/A</v>
      </c>
      <c r="J2497" s="12">
        <f>'申請書（複数入力用）'!P2499</f>
        <v>1</v>
      </c>
    </row>
    <row r="2498" spans="1:10" ht="51.6" customHeight="1" x14ac:dyDescent="0.45">
      <c r="A2498" s="6">
        <f>'申請書（複数入力用）'!A2500</f>
        <v>2494</v>
      </c>
      <c r="B2498" s="13">
        <f>'申請書（複数入力用）'!AH2500</f>
        <v>0</v>
      </c>
      <c r="C2498" s="6">
        <f>'申請書（複数入力用）'!B2500</f>
        <v>0</v>
      </c>
      <c r="D2498" s="6">
        <f>'申請書（複数入力用）'!D2500</f>
        <v>0</v>
      </c>
      <c r="E2498" s="14">
        <f>'申請書（複数入力用）'!H2500</f>
        <v>0</v>
      </c>
      <c r="F2498" s="11" t="str">
        <f>'申請書（複数入力用）'!J2500</f>
        <v/>
      </c>
      <c r="G2498" s="6" t="str">
        <f>'申請書（複数入力用）'!K2500</f>
        <v>a052r000000jS9ZAAU</v>
      </c>
      <c r="H2498" s="12" t="e">
        <f>'申請書（複数入力用）'!N2500</f>
        <v>#N/A</v>
      </c>
      <c r="I2498" s="12" t="e">
        <f>'申請書（複数入力用）'!O2500</f>
        <v>#N/A</v>
      </c>
      <c r="J2498" s="12">
        <f>'申請書（複数入力用）'!P2500</f>
        <v>1</v>
      </c>
    </row>
    <row r="2499" spans="1:10" ht="51.6" customHeight="1" x14ac:dyDescent="0.45">
      <c r="A2499" s="6">
        <f>'申請書（複数入力用）'!A2501</f>
        <v>2495</v>
      </c>
      <c r="B2499" s="13">
        <f>'申請書（複数入力用）'!AH2501</f>
        <v>0</v>
      </c>
      <c r="C2499" s="6">
        <f>'申請書（複数入力用）'!B2501</f>
        <v>0</v>
      </c>
      <c r="D2499" s="6">
        <f>'申請書（複数入力用）'!D2501</f>
        <v>0</v>
      </c>
      <c r="E2499" s="14">
        <f>'申請書（複数入力用）'!H2501</f>
        <v>0</v>
      </c>
      <c r="F2499" s="11" t="str">
        <f>'申請書（複数入力用）'!J2501</f>
        <v/>
      </c>
      <c r="G2499" s="6" t="str">
        <f>'申請書（複数入力用）'!K2501</f>
        <v>a052r000000jS9ZAAU</v>
      </c>
      <c r="H2499" s="12" t="e">
        <f>'申請書（複数入力用）'!N2501</f>
        <v>#N/A</v>
      </c>
      <c r="I2499" s="12" t="e">
        <f>'申請書（複数入力用）'!O2501</f>
        <v>#N/A</v>
      </c>
      <c r="J2499" s="12">
        <f>'申請書（複数入力用）'!P2501</f>
        <v>1</v>
      </c>
    </row>
    <row r="2500" spans="1:10" ht="51.6" customHeight="1" x14ac:dyDescent="0.45">
      <c r="A2500" s="6">
        <f>'申請書（複数入力用）'!A2502</f>
        <v>2496</v>
      </c>
      <c r="B2500" s="13">
        <f>'申請書（複数入力用）'!AH2502</f>
        <v>0</v>
      </c>
      <c r="C2500" s="6">
        <f>'申請書（複数入力用）'!B2502</f>
        <v>0</v>
      </c>
      <c r="D2500" s="6">
        <f>'申請書（複数入力用）'!D2502</f>
        <v>0</v>
      </c>
      <c r="E2500" s="14">
        <f>'申請書（複数入力用）'!H2502</f>
        <v>0</v>
      </c>
      <c r="F2500" s="11" t="str">
        <f>'申請書（複数入力用）'!J2502</f>
        <v/>
      </c>
      <c r="G2500" s="6" t="str">
        <f>'申請書（複数入力用）'!K2502</f>
        <v>a052r000000jS9ZAAU</v>
      </c>
      <c r="H2500" s="12" t="e">
        <f>'申請書（複数入力用）'!N2502</f>
        <v>#N/A</v>
      </c>
      <c r="I2500" s="12" t="e">
        <f>'申請書（複数入力用）'!O2502</f>
        <v>#N/A</v>
      </c>
      <c r="J2500" s="12">
        <f>'申請書（複数入力用）'!P2502</f>
        <v>1</v>
      </c>
    </row>
    <row r="2501" spans="1:10" ht="51.6" customHeight="1" x14ac:dyDescent="0.45">
      <c r="A2501" s="6">
        <f>'申請書（複数入力用）'!A2503</f>
        <v>2497</v>
      </c>
      <c r="B2501" s="13">
        <f>'申請書（複数入力用）'!AH2503</f>
        <v>0</v>
      </c>
      <c r="C2501" s="6">
        <f>'申請書（複数入力用）'!B2503</f>
        <v>0</v>
      </c>
      <c r="D2501" s="6">
        <f>'申請書（複数入力用）'!D2503</f>
        <v>0</v>
      </c>
      <c r="E2501" s="14">
        <f>'申請書（複数入力用）'!H2503</f>
        <v>0</v>
      </c>
      <c r="F2501" s="11" t="str">
        <f>'申請書（複数入力用）'!J2503</f>
        <v/>
      </c>
      <c r="G2501" s="6" t="str">
        <f>'申請書（複数入力用）'!K2503</f>
        <v>a052r000000jS9ZAAU</v>
      </c>
      <c r="H2501" s="12" t="e">
        <f>'申請書（複数入力用）'!N2503</f>
        <v>#N/A</v>
      </c>
      <c r="I2501" s="12" t="e">
        <f>'申請書（複数入力用）'!O2503</f>
        <v>#N/A</v>
      </c>
      <c r="J2501" s="12">
        <f>'申請書（複数入力用）'!P2503</f>
        <v>1</v>
      </c>
    </row>
    <row r="2502" spans="1:10" ht="51.6" customHeight="1" x14ac:dyDescent="0.45">
      <c r="A2502" s="6">
        <f>'申請書（複数入力用）'!A2504</f>
        <v>2498</v>
      </c>
      <c r="B2502" s="13">
        <f>'申請書（複数入力用）'!AH2504</f>
        <v>0</v>
      </c>
      <c r="C2502" s="6">
        <f>'申請書（複数入力用）'!B2504</f>
        <v>0</v>
      </c>
      <c r="D2502" s="6">
        <f>'申請書（複数入力用）'!D2504</f>
        <v>0</v>
      </c>
      <c r="E2502" s="14">
        <f>'申請書（複数入力用）'!H2504</f>
        <v>0</v>
      </c>
      <c r="F2502" s="11" t="str">
        <f>'申請書（複数入力用）'!J2504</f>
        <v/>
      </c>
      <c r="G2502" s="6" t="str">
        <f>'申請書（複数入力用）'!K2504</f>
        <v>a052r000000jS9ZAAU</v>
      </c>
      <c r="H2502" s="12" t="e">
        <f>'申請書（複数入力用）'!N2504</f>
        <v>#N/A</v>
      </c>
      <c r="I2502" s="12" t="e">
        <f>'申請書（複数入力用）'!O2504</f>
        <v>#N/A</v>
      </c>
      <c r="J2502" s="12">
        <f>'申請書（複数入力用）'!P2504</f>
        <v>1</v>
      </c>
    </row>
    <row r="2503" spans="1:10" ht="51.6" customHeight="1" x14ac:dyDescent="0.45">
      <c r="A2503" s="6">
        <f>'申請書（複数入力用）'!A2505</f>
        <v>2499</v>
      </c>
      <c r="B2503" s="13">
        <f>'申請書（複数入力用）'!AH2505</f>
        <v>0</v>
      </c>
      <c r="C2503" s="6">
        <f>'申請書（複数入力用）'!B2505</f>
        <v>0</v>
      </c>
      <c r="D2503" s="6">
        <f>'申請書（複数入力用）'!D2505</f>
        <v>0</v>
      </c>
      <c r="E2503" s="14">
        <f>'申請書（複数入力用）'!H2505</f>
        <v>0</v>
      </c>
      <c r="F2503" s="11" t="str">
        <f>'申請書（複数入力用）'!J2505</f>
        <v/>
      </c>
      <c r="G2503" s="6" t="str">
        <f>'申請書（複数入力用）'!K2505</f>
        <v>a052r000000jS9ZAAU</v>
      </c>
      <c r="H2503" s="12" t="e">
        <f>'申請書（複数入力用）'!N2505</f>
        <v>#N/A</v>
      </c>
      <c r="I2503" s="12" t="e">
        <f>'申請書（複数入力用）'!O2505</f>
        <v>#N/A</v>
      </c>
      <c r="J2503" s="12">
        <f>'申請書（複数入力用）'!P2505</f>
        <v>1</v>
      </c>
    </row>
    <row r="2504" spans="1:10" ht="51.6" customHeight="1" x14ac:dyDescent="0.45">
      <c r="A2504" s="6">
        <f>'申請書（複数入力用）'!A2506</f>
        <v>2500</v>
      </c>
      <c r="B2504" s="13">
        <f>'申請書（複数入力用）'!AH2506</f>
        <v>0</v>
      </c>
      <c r="C2504" s="6">
        <f>'申請書（複数入力用）'!B2506</f>
        <v>0</v>
      </c>
      <c r="D2504" s="6">
        <f>'申請書（複数入力用）'!D2506</f>
        <v>0</v>
      </c>
      <c r="E2504" s="14">
        <f>'申請書（複数入力用）'!H2506</f>
        <v>0</v>
      </c>
      <c r="F2504" s="11" t="str">
        <f>'申請書（複数入力用）'!J2506</f>
        <v/>
      </c>
      <c r="G2504" s="6" t="str">
        <f>'申請書（複数入力用）'!K2506</f>
        <v>a052r000000jS9ZAAU</v>
      </c>
      <c r="H2504" s="12" t="e">
        <f>'申請書（複数入力用）'!N2506</f>
        <v>#N/A</v>
      </c>
      <c r="I2504" s="12" t="e">
        <f>'申請書（複数入力用）'!O2506</f>
        <v>#N/A</v>
      </c>
      <c r="J2504" s="12">
        <f>'申請書（複数入力用）'!P2506</f>
        <v>1</v>
      </c>
    </row>
    <row r="2505" spans="1:10" ht="51.6" customHeight="1" x14ac:dyDescent="0.45">
      <c r="A2505" s="6">
        <f>'申請書（複数入力用）'!A2507</f>
        <v>2501</v>
      </c>
      <c r="B2505" s="13">
        <f>'申請書（複数入力用）'!AH2507</f>
        <v>0</v>
      </c>
      <c r="C2505" s="6">
        <f>'申請書（複数入力用）'!B2507</f>
        <v>0</v>
      </c>
      <c r="D2505" s="6">
        <f>'申請書（複数入力用）'!D2507</f>
        <v>0</v>
      </c>
      <c r="E2505" s="14">
        <f>'申請書（複数入力用）'!H2507</f>
        <v>0</v>
      </c>
      <c r="F2505" s="11" t="str">
        <f>'申請書（複数入力用）'!J2507</f>
        <v/>
      </c>
      <c r="G2505" s="6" t="str">
        <f>'申請書（複数入力用）'!K2507</f>
        <v>a052r000000jS9ZAAU</v>
      </c>
      <c r="H2505" s="12" t="e">
        <f>'申請書（複数入力用）'!N2507</f>
        <v>#N/A</v>
      </c>
      <c r="I2505" s="12" t="e">
        <f>'申請書（複数入力用）'!O2507</f>
        <v>#N/A</v>
      </c>
      <c r="J2505" s="12">
        <f>'申請書（複数入力用）'!P2507</f>
        <v>1</v>
      </c>
    </row>
    <row r="2506" spans="1:10" ht="51.6" customHeight="1" x14ac:dyDescent="0.45">
      <c r="A2506" s="6">
        <f>'申請書（複数入力用）'!A2508</f>
        <v>2502</v>
      </c>
      <c r="B2506" s="13">
        <f>'申請書（複数入力用）'!AH2508</f>
        <v>0</v>
      </c>
      <c r="C2506" s="6">
        <f>'申請書（複数入力用）'!B2508</f>
        <v>0</v>
      </c>
      <c r="D2506" s="6">
        <f>'申請書（複数入力用）'!D2508</f>
        <v>0</v>
      </c>
      <c r="E2506" s="14">
        <f>'申請書（複数入力用）'!H2508</f>
        <v>0</v>
      </c>
      <c r="F2506" s="11" t="str">
        <f>'申請書（複数入力用）'!J2508</f>
        <v/>
      </c>
      <c r="G2506" s="6" t="str">
        <f>'申請書（複数入力用）'!K2508</f>
        <v>a052r000000jS9ZAAU</v>
      </c>
      <c r="H2506" s="12" t="e">
        <f>'申請書（複数入力用）'!N2508</f>
        <v>#N/A</v>
      </c>
      <c r="I2506" s="12" t="e">
        <f>'申請書（複数入力用）'!O2508</f>
        <v>#N/A</v>
      </c>
      <c r="J2506" s="12">
        <f>'申請書（複数入力用）'!P2508</f>
        <v>1</v>
      </c>
    </row>
    <row r="2507" spans="1:10" ht="51.6" customHeight="1" x14ac:dyDescent="0.45">
      <c r="A2507" s="6">
        <f>'申請書（複数入力用）'!A2509</f>
        <v>2503</v>
      </c>
      <c r="B2507" s="13">
        <f>'申請書（複数入力用）'!AH2509</f>
        <v>0</v>
      </c>
      <c r="C2507" s="6">
        <f>'申請書（複数入力用）'!B2509</f>
        <v>0</v>
      </c>
      <c r="D2507" s="6">
        <f>'申請書（複数入力用）'!D2509</f>
        <v>0</v>
      </c>
      <c r="E2507" s="14">
        <f>'申請書（複数入力用）'!H2509</f>
        <v>0</v>
      </c>
      <c r="F2507" s="11" t="str">
        <f>'申請書（複数入力用）'!J2509</f>
        <v/>
      </c>
      <c r="G2507" s="6" t="str">
        <f>'申請書（複数入力用）'!K2509</f>
        <v>a052r000000jS9ZAAU</v>
      </c>
      <c r="H2507" s="12" t="e">
        <f>'申請書（複数入力用）'!N2509</f>
        <v>#N/A</v>
      </c>
      <c r="I2507" s="12" t="e">
        <f>'申請書（複数入力用）'!O2509</f>
        <v>#N/A</v>
      </c>
      <c r="J2507" s="12">
        <f>'申請書（複数入力用）'!P2509</f>
        <v>1</v>
      </c>
    </row>
    <row r="2508" spans="1:10" ht="51.6" customHeight="1" x14ac:dyDescent="0.45">
      <c r="A2508" s="6">
        <f>'申請書（複数入力用）'!A2510</f>
        <v>2504</v>
      </c>
      <c r="B2508" s="13">
        <f>'申請書（複数入力用）'!AH2510</f>
        <v>0</v>
      </c>
      <c r="C2508" s="6">
        <f>'申請書（複数入力用）'!B2510</f>
        <v>0</v>
      </c>
      <c r="D2508" s="6">
        <f>'申請書（複数入力用）'!D2510</f>
        <v>0</v>
      </c>
      <c r="E2508" s="14">
        <f>'申請書（複数入力用）'!H2510</f>
        <v>0</v>
      </c>
      <c r="F2508" s="11" t="str">
        <f>'申請書（複数入力用）'!J2510</f>
        <v/>
      </c>
      <c r="G2508" s="6" t="str">
        <f>'申請書（複数入力用）'!K2510</f>
        <v>a052r000000jS9ZAAU</v>
      </c>
      <c r="H2508" s="12" t="e">
        <f>'申請書（複数入力用）'!N2510</f>
        <v>#N/A</v>
      </c>
      <c r="I2508" s="12" t="e">
        <f>'申請書（複数入力用）'!O2510</f>
        <v>#N/A</v>
      </c>
      <c r="J2508" s="12">
        <f>'申請書（複数入力用）'!P2510</f>
        <v>1</v>
      </c>
    </row>
    <row r="2509" spans="1:10" ht="51.6" customHeight="1" x14ac:dyDescent="0.45">
      <c r="A2509" s="6">
        <f>'申請書（複数入力用）'!A2511</f>
        <v>2505</v>
      </c>
      <c r="B2509" s="13">
        <f>'申請書（複数入力用）'!AH2511</f>
        <v>0</v>
      </c>
      <c r="C2509" s="6">
        <f>'申請書（複数入力用）'!B2511</f>
        <v>0</v>
      </c>
      <c r="D2509" s="6">
        <f>'申請書（複数入力用）'!D2511</f>
        <v>0</v>
      </c>
      <c r="E2509" s="14">
        <f>'申請書（複数入力用）'!H2511</f>
        <v>0</v>
      </c>
      <c r="F2509" s="11" t="str">
        <f>'申請書（複数入力用）'!J2511</f>
        <v/>
      </c>
      <c r="G2509" s="6" t="str">
        <f>'申請書（複数入力用）'!K2511</f>
        <v>a052r000000jS9ZAAU</v>
      </c>
      <c r="H2509" s="12" t="e">
        <f>'申請書（複数入力用）'!N2511</f>
        <v>#N/A</v>
      </c>
      <c r="I2509" s="12" t="e">
        <f>'申請書（複数入力用）'!O2511</f>
        <v>#N/A</v>
      </c>
      <c r="J2509" s="12">
        <f>'申請書（複数入力用）'!P2511</f>
        <v>1</v>
      </c>
    </row>
    <row r="2510" spans="1:10" ht="51.6" customHeight="1" x14ac:dyDescent="0.45">
      <c r="A2510" s="6">
        <f>'申請書（複数入力用）'!A2512</f>
        <v>2506</v>
      </c>
      <c r="B2510" s="13">
        <f>'申請書（複数入力用）'!AH2512</f>
        <v>0</v>
      </c>
      <c r="C2510" s="6">
        <f>'申請書（複数入力用）'!B2512</f>
        <v>0</v>
      </c>
      <c r="D2510" s="6">
        <f>'申請書（複数入力用）'!D2512</f>
        <v>0</v>
      </c>
      <c r="E2510" s="14">
        <f>'申請書（複数入力用）'!H2512</f>
        <v>0</v>
      </c>
      <c r="F2510" s="11" t="str">
        <f>'申請書（複数入力用）'!J2512</f>
        <v/>
      </c>
      <c r="G2510" s="6" t="str">
        <f>'申請書（複数入力用）'!K2512</f>
        <v>a052r000000jS9ZAAU</v>
      </c>
      <c r="H2510" s="12" t="e">
        <f>'申請書（複数入力用）'!N2512</f>
        <v>#N/A</v>
      </c>
      <c r="I2510" s="12" t="e">
        <f>'申請書（複数入力用）'!O2512</f>
        <v>#N/A</v>
      </c>
      <c r="J2510" s="12">
        <f>'申請書（複数入力用）'!P2512</f>
        <v>1</v>
      </c>
    </row>
    <row r="2511" spans="1:10" ht="51.6" customHeight="1" x14ac:dyDescent="0.45">
      <c r="A2511" s="6">
        <f>'申請書（複数入力用）'!A2513</f>
        <v>2507</v>
      </c>
      <c r="B2511" s="13">
        <f>'申請書（複数入力用）'!AH2513</f>
        <v>0</v>
      </c>
      <c r="C2511" s="6">
        <f>'申請書（複数入力用）'!B2513</f>
        <v>0</v>
      </c>
      <c r="D2511" s="6">
        <f>'申請書（複数入力用）'!D2513</f>
        <v>0</v>
      </c>
      <c r="E2511" s="14">
        <f>'申請書（複数入力用）'!H2513</f>
        <v>0</v>
      </c>
      <c r="F2511" s="11" t="str">
        <f>'申請書（複数入力用）'!J2513</f>
        <v/>
      </c>
      <c r="G2511" s="6" t="str">
        <f>'申請書（複数入力用）'!K2513</f>
        <v>a052r000000jS9ZAAU</v>
      </c>
      <c r="H2511" s="12" t="e">
        <f>'申請書（複数入力用）'!N2513</f>
        <v>#N/A</v>
      </c>
      <c r="I2511" s="12" t="e">
        <f>'申請書（複数入力用）'!O2513</f>
        <v>#N/A</v>
      </c>
      <c r="J2511" s="12">
        <f>'申請書（複数入力用）'!P2513</f>
        <v>1</v>
      </c>
    </row>
    <row r="2512" spans="1:10" ht="51.6" customHeight="1" x14ac:dyDescent="0.45">
      <c r="A2512" s="6">
        <f>'申請書（複数入力用）'!A2514</f>
        <v>2508</v>
      </c>
      <c r="B2512" s="13">
        <f>'申請書（複数入力用）'!AH2514</f>
        <v>0</v>
      </c>
      <c r="C2512" s="6">
        <f>'申請書（複数入力用）'!B2514</f>
        <v>0</v>
      </c>
      <c r="D2512" s="6">
        <f>'申請書（複数入力用）'!D2514</f>
        <v>0</v>
      </c>
      <c r="E2512" s="14">
        <f>'申請書（複数入力用）'!H2514</f>
        <v>0</v>
      </c>
      <c r="F2512" s="11" t="str">
        <f>'申請書（複数入力用）'!J2514</f>
        <v/>
      </c>
      <c r="G2512" s="6" t="str">
        <f>'申請書（複数入力用）'!K2514</f>
        <v>a052r000000jS9ZAAU</v>
      </c>
      <c r="H2512" s="12" t="e">
        <f>'申請書（複数入力用）'!N2514</f>
        <v>#N/A</v>
      </c>
      <c r="I2512" s="12" t="e">
        <f>'申請書（複数入力用）'!O2514</f>
        <v>#N/A</v>
      </c>
      <c r="J2512" s="12">
        <f>'申請書（複数入力用）'!P2514</f>
        <v>1</v>
      </c>
    </row>
    <row r="2513" spans="1:10" ht="51.6" customHeight="1" x14ac:dyDescent="0.45">
      <c r="A2513" s="6">
        <f>'申請書（複数入力用）'!A2515</f>
        <v>2509</v>
      </c>
      <c r="B2513" s="13">
        <f>'申請書（複数入力用）'!AH2515</f>
        <v>0</v>
      </c>
      <c r="C2513" s="6">
        <f>'申請書（複数入力用）'!B2515</f>
        <v>0</v>
      </c>
      <c r="D2513" s="6">
        <f>'申請書（複数入力用）'!D2515</f>
        <v>0</v>
      </c>
      <c r="E2513" s="14">
        <f>'申請書（複数入力用）'!H2515</f>
        <v>0</v>
      </c>
      <c r="F2513" s="11" t="str">
        <f>'申請書（複数入力用）'!J2515</f>
        <v/>
      </c>
      <c r="G2513" s="6" t="str">
        <f>'申請書（複数入力用）'!K2515</f>
        <v>a052r000000jS9ZAAU</v>
      </c>
      <c r="H2513" s="12" t="e">
        <f>'申請書（複数入力用）'!N2515</f>
        <v>#N/A</v>
      </c>
      <c r="I2513" s="12" t="e">
        <f>'申請書（複数入力用）'!O2515</f>
        <v>#N/A</v>
      </c>
      <c r="J2513" s="12">
        <f>'申請書（複数入力用）'!P2515</f>
        <v>1</v>
      </c>
    </row>
    <row r="2514" spans="1:10" ht="51.6" customHeight="1" x14ac:dyDescent="0.45">
      <c r="A2514" s="6">
        <f>'申請書（複数入力用）'!A2516</f>
        <v>2510</v>
      </c>
      <c r="B2514" s="13">
        <f>'申請書（複数入力用）'!AH2516</f>
        <v>0</v>
      </c>
      <c r="C2514" s="6">
        <f>'申請書（複数入力用）'!B2516</f>
        <v>0</v>
      </c>
      <c r="D2514" s="6">
        <f>'申請書（複数入力用）'!D2516</f>
        <v>0</v>
      </c>
      <c r="E2514" s="14">
        <f>'申請書（複数入力用）'!H2516</f>
        <v>0</v>
      </c>
      <c r="F2514" s="11" t="str">
        <f>'申請書（複数入力用）'!J2516</f>
        <v/>
      </c>
      <c r="G2514" s="6" t="str">
        <f>'申請書（複数入力用）'!K2516</f>
        <v>a052r000000jS9ZAAU</v>
      </c>
      <c r="H2514" s="12" t="e">
        <f>'申請書（複数入力用）'!N2516</f>
        <v>#N/A</v>
      </c>
      <c r="I2514" s="12" t="e">
        <f>'申請書（複数入力用）'!O2516</f>
        <v>#N/A</v>
      </c>
      <c r="J2514" s="12">
        <f>'申請書（複数入力用）'!P2516</f>
        <v>1</v>
      </c>
    </row>
    <row r="2515" spans="1:10" ht="51.6" customHeight="1" x14ac:dyDescent="0.45">
      <c r="A2515" s="6">
        <f>'申請書（複数入力用）'!A2517</f>
        <v>2511</v>
      </c>
      <c r="B2515" s="13">
        <f>'申請書（複数入力用）'!AH2517</f>
        <v>0</v>
      </c>
      <c r="C2515" s="6">
        <f>'申請書（複数入力用）'!B2517</f>
        <v>0</v>
      </c>
      <c r="D2515" s="6">
        <f>'申請書（複数入力用）'!D2517</f>
        <v>0</v>
      </c>
      <c r="E2515" s="14">
        <f>'申請書（複数入力用）'!H2517</f>
        <v>0</v>
      </c>
      <c r="F2515" s="11" t="str">
        <f>'申請書（複数入力用）'!J2517</f>
        <v/>
      </c>
      <c r="G2515" s="6" t="str">
        <f>'申請書（複数入力用）'!K2517</f>
        <v>a052r000000jS9ZAAU</v>
      </c>
      <c r="H2515" s="12" t="e">
        <f>'申請書（複数入力用）'!N2517</f>
        <v>#N/A</v>
      </c>
      <c r="I2515" s="12" t="e">
        <f>'申請書（複数入力用）'!O2517</f>
        <v>#N/A</v>
      </c>
      <c r="J2515" s="12">
        <f>'申請書（複数入力用）'!P2517</f>
        <v>1</v>
      </c>
    </row>
    <row r="2516" spans="1:10" ht="51.6" customHeight="1" x14ac:dyDescent="0.45">
      <c r="A2516" s="6">
        <f>'申請書（複数入力用）'!A2518</f>
        <v>2512</v>
      </c>
      <c r="B2516" s="13">
        <f>'申請書（複数入力用）'!AH2518</f>
        <v>0</v>
      </c>
      <c r="C2516" s="6">
        <f>'申請書（複数入力用）'!B2518</f>
        <v>0</v>
      </c>
      <c r="D2516" s="6">
        <f>'申請書（複数入力用）'!D2518</f>
        <v>0</v>
      </c>
      <c r="E2516" s="14">
        <f>'申請書（複数入力用）'!H2518</f>
        <v>0</v>
      </c>
      <c r="F2516" s="11" t="str">
        <f>'申請書（複数入力用）'!J2518</f>
        <v/>
      </c>
      <c r="G2516" s="6" t="str">
        <f>'申請書（複数入力用）'!K2518</f>
        <v>a052r000000jS9ZAAU</v>
      </c>
      <c r="H2516" s="12" t="e">
        <f>'申請書（複数入力用）'!N2518</f>
        <v>#N/A</v>
      </c>
      <c r="I2516" s="12" t="e">
        <f>'申請書（複数入力用）'!O2518</f>
        <v>#N/A</v>
      </c>
      <c r="J2516" s="12">
        <f>'申請書（複数入力用）'!P2518</f>
        <v>1</v>
      </c>
    </row>
    <row r="2517" spans="1:10" ht="51.6" customHeight="1" x14ac:dyDescent="0.45">
      <c r="A2517" s="6">
        <f>'申請書（複数入力用）'!A2519</f>
        <v>2513</v>
      </c>
      <c r="B2517" s="13">
        <f>'申請書（複数入力用）'!AH2519</f>
        <v>0</v>
      </c>
      <c r="C2517" s="6">
        <f>'申請書（複数入力用）'!B2519</f>
        <v>0</v>
      </c>
      <c r="D2517" s="6">
        <f>'申請書（複数入力用）'!D2519</f>
        <v>0</v>
      </c>
      <c r="E2517" s="14">
        <f>'申請書（複数入力用）'!H2519</f>
        <v>0</v>
      </c>
      <c r="F2517" s="11" t="str">
        <f>'申請書（複数入力用）'!J2519</f>
        <v/>
      </c>
      <c r="G2517" s="6" t="str">
        <f>'申請書（複数入力用）'!K2519</f>
        <v>a052r000000jS9ZAAU</v>
      </c>
      <c r="H2517" s="12" t="e">
        <f>'申請書（複数入力用）'!N2519</f>
        <v>#N/A</v>
      </c>
      <c r="I2517" s="12" t="e">
        <f>'申請書（複数入力用）'!O2519</f>
        <v>#N/A</v>
      </c>
      <c r="J2517" s="12">
        <f>'申請書（複数入力用）'!P2519</f>
        <v>1</v>
      </c>
    </row>
    <row r="2518" spans="1:10" ht="51.6" customHeight="1" x14ac:dyDescent="0.45">
      <c r="A2518" s="6">
        <f>'申請書（複数入力用）'!A2520</f>
        <v>2514</v>
      </c>
      <c r="B2518" s="13">
        <f>'申請書（複数入力用）'!AH2520</f>
        <v>0</v>
      </c>
      <c r="C2518" s="6">
        <f>'申請書（複数入力用）'!B2520</f>
        <v>0</v>
      </c>
      <c r="D2518" s="6">
        <f>'申請書（複数入力用）'!D2520</f>
        <v>0</v>
      </c>
      <c r="E2518" s="14">
        <f>'申請書（複数入力用）'!H2520</f>
        <v>0</v>
      </c>
      <c r="F2518" s="11" t="str">
        <f>'申請書（複数入力用）'!J2520</f>
        <v/>
      </c>
      <c r="G2518" s="6" t="str">
        <f>'申請書（複数入力用）'!K2520</f>
        <v>a052r000000jS9ZAAU</v>
      </c>
      <c r="H2518" s="12" t="e">
        <f>'申請書（複数入力用）'!N2520</f>
        <v>#N/A</v>
      </c>
      <c r="I2518" s="12" t="e">
        <f>'申請書（複数入力用）'!O2520</f>
        <v>#N/A</v>
      </c>
      <c r="J2518" s="12">
        <f>'申請書（複数入力用）'!P2520</f>
        <v>1</v>
      </c>
    </row>
    <row r="2519" spans="1:10" ht="51.6" customHeight="1" x14ac:dyDescent="0.45">
      <c r="A2519" s="6">
        <f>'申請書（複数入力用）'!A2521</f>
        <v>2515</v>
      </c>
      <c r="B2519" s="13">
        <f>'申請書（複数入力用）'!AH2521</f>
        <v>0</v>
      </c>
      <c r="C2519" s="6">
        <f>'申請書（複数入力用）'!B2521</f>
        <v>0</v>
      </c>
      <c r="D2519" s="6">
        <f>'申請書（複数入力用）'!D2521</f>
        <v>0</v>
      </c>
      <c r="E2519" s="14">
        <f>'申請書（複数入力用）'!H2521</f>
        <v>0</v>
      </c>
      <c r="F2519" s="11" t="str">
        <f>'申請書（複数入力用）'!J2521</f>
        <v/>
      </c>
      <c r="G2519" s="6" t="str">
        <f>'申請書（複数入力用）'!K2521</f>
        <v>a052r000000jS9ZAAU</v>
      </c>
      <c r="H2519" s="12" t="e">
        <f>'申請書（複数入力用）'!N2521</f>
        <v>#N/A</v>
      </c>
      <c r="I2519" s="12" t="e">
        <f>'申請書（複数入力用）'!O2521</f>
        <v>#N/A</v>
      </c>
      <c r="J2519" s="12">
        <f>'申請書（複数入力用）'!P2521</f>
        <v>1</v>
      </c>
    </row>
    <row r="2520" spans="1:10" ht="51.6" customHeight="1" x14ac:dyDescent="0.45">
      <c r="A2520" s="6">
        <f>'申請書（複数入力用）'!A2522</f>
        <v>2516</v>
      </c>
      <c r="B2520" s="13">
        <f>'申請書（複数入力用）'!AH2522</f>
        <v>0</v>
      </c>
      <c r="C2520" s="6">
        <f>'申請書（複数入力用）'!B2522</f>
        <v>0</v>
      </c>
      <c r="D2520" s="6">
        <f>'申請書（複数入力用）'!D2522</f>
        <v>0</v>
      </c>
      <c r="E2520" s="14">
        <f>'申請書（複数入力用）'!H2522</f>
        <v>0</v>
      </c>
      <c r="F2520" s="11" t="str">
        <f>'申請書（複数入力用）'!J2522</f>
        <v/>
      </c>
      <c r="G2520" s="6" t="str">
        <f>'申請書（複数入力用）'!K2522</f>
        <v>a052r000000jS9ZAAU</v>
      </c>
      <c r="H2520" s="12" t="e">
        <f>'申請書（複数入力用）'!N2522</f>
        <v>#N/A</v>
      </c>
      <c r="I2520" s="12" t="e">
        <f>'申請書（複数入力用）'!O2522</f>
        <v>#N/A</v>
      </c>
      <c r="J2520" s="12">
        <f>'申請書（複数入力用）'!P2522</f>
        <v>1</v>
      </c>
    </row>
    <row r="2521" spans="1:10" ht="51.6" customHeight="1" x14ac:dyDescent="0.45">
      <c r="A2521" s="6">
        <f>'申請書（複数入力用）'!A2523</f>
        <v>2517</v>
      </c>
      <c r="B2521" s="13">
        <f>'申請書（複数入力用）'!AH2523</f>
        <v>0</v>
      </c>
      <c r="C2521" s="6">
        <f>'申請書（複数入力用）'!B2523</f>
        <v>0</v>
      </c>
      <c r="D2521" s="6">
        <f>'申請書（複数入力用）'!D2523</f>
        <v>0</v>
      </c>
      <c r="E2521" s="14">
        <f>'申請書（複数入力用）'!H2523</f>
        <v>0</v>
      </c>
      <c r="F2521" s="11" t="str">
        <f>'申請書（複数入力用）'!J2523</f>
        <v/>
      </c>
      <c r="G2521" s="6" t="str">
        <f>'申請書（複数入力用）'!K2523</f>
        <v>a052r000000jS9ZAAU</v>
      </c>
      <c r="H2521" s="12" t="e">
        <f>'申請書（複数入力用）'!N2523</f>
        <v>#N/A</v>
      </c>
      <c r="I2521" s="12" t="e">
        <f>'申請書（複数入力用）'!O2523</f>
        <v>#N/A</v>
      </c>
      <c r="J2521" s="12">
        <f>'申請書（複数入力用）'!P2523</f>
        <v>1</v>
      </c>
    </row>
    <row r="2522" spans="1:10" ht="51.6" customHeight="1" x14ac:dyDescent="0.45">
      <c r="A2522" s="6">
        <f>'申請書（複数入力用）'!A2524</f>
        <v>2518</v>
      </c>
      <c r="B2522" s="13">
        <f>'申請書（複数入力用）'!AH2524</f>
        <v>0</v>
      </c>
      <c r="C2522" s="6">
        <f>'申請書（複数入力用）'!B2524</f>
        <v>0</v>
      </c>
      <c r="D2522" s="6">
        <f>'申請書（複数入力用）'!D2524</f>
        <v>0</v>
      </c>
      <c r="E2522" s="14">
        <f>'申請書（複数入力用）'!H2524</f>
        <v>0</v>
      </c>
      <c r="F2522" s="11" t="str">
        <f>'申請書（複数入力用）'!J2524</f>
        <v/>
      </c>
      <c r="G2522" s="6" t="str">
        <f>'申請書（複数入力用）'!K2524</f>
        <v>a052r000000jS9ZAAU</v>
      </c>
      <c r="H2522" s="12" t="e">
        <f>'申請書（複数入力用）'!N2524</f>
        <v>#N/A</v>
      </c>
      <c r="I2522" s="12" t="e">
        <f>'申請書（複数入力用）'!O2524</f>
        <v>#N/A</v>
      </c>
      <c r="J2522" s="12">
        <f>'申請書（複数入力用）'!P2524</f>
        <v>1</v>
      </c>
    </row>
    <row r="2523" spans="1:10" ht="51.6" customHeight="1" x14ac:dyDescent="0.45">
      <c r="A2523" s="6">
        <f>'申請書（複数入力用）'!A2525</f>
        <v>2519</v>
      </c>
      <c r="B2523" s="13">
        <f>'申請書（複数入力用）'!AH2525</f>
        <v>0</v>
      </c>
      <c r="C2523" s="6">
        <f>'申請書（複数入力用）'!B2525</f>
        <v>0</v>
      </c>
      <c r="D2523" s="6">
        <f>'申請書（複数入力用）'!D2525</f>
        <v>0</v>
      </c>
      <c r="E2523" s="14">
        <f>'申請書（複数入力用）'!H2525</f>
        <v>0</v>
      </c>
      <c r="F2523" s="11" t="str">
        <f>'申請書（複数入力用）'!J2525</f>
        <v/>
      </c>
      <c r="G2523" s="6" t="str">
        <f>'申請書（複数入力用）'!K2525</f>
        <v>a052r000000jS9ZAAU</v>
      </c>
      <c r="H2523" s="12" t="e">
        <f>'申請書（複数入力用）'!N2525</f>
        <v>#N/A</v>
      </c>
      <c r="I2523" s="12" t="e">
        <f>'申請書（複数入力用）'!O2525</f>
        <v>#N/A</v>
      </c>
      <c r="J2523" s="12">
        <f>'申請書（複数入力用）'!P2525</f>
        <v>1</v>
      </c>
    </row>
    <row r="2524" spans="1:10" ht="51.6" customHeight="1" x14ac:dyDescent="0.45">
      <c r="A2524" s="6">
        <f>'申請書（複数入力用）'!A2526</f>
        <v>2520</v>
      </c>
      <c r="B2524" s="13">
        <f>'申請書（複数入力用）'!AH2526</f>
        <v>0</v>
      </c>
      <c r="C2524" s="6">
        <f>'申請書（複数入力用）'!B2526</f>
        <v>0</v>
      </c>
      <c r="D2524" s="6">
        <f>'申請書（複数入力用）'!D2526</f>
        <v>0</v>
      </c>
      <c r="E2524" s="14">
        <f>'申請書（複数入力用）'!H2526</f>
        <v>0</v>
      </c>
      <c r="F2524" s="11" t="str">
        <f>'申請書（複数入力用）'!J2526</f>
        <v/>
      </c>
      <c r="G2524" s="6" t="str">
        <f>'申請書（複数入力用）'!K2526</f>
        <v>a052r000000jS9ZAAU</v>
      </c>
      <c r="H2524" s="12" t="e">
        <f>'申請書（複数入力用）'!N2526</f>
        <v>#N/A</v>
      </c>
      <c r="I2524" s="12" t="e">
        <f>'申請書（複数入力用）'!O2526</f>
        <v>#N/A</v>
      </c>
      <c r="J2524" s="12">
        <f>'申請書（複数入力用）'!P2526</f>
        <v>1</v>
      </c>
    </row>
    <row r="2525" spans="1:10" ht="51.6" customHeight="1" x14ac:dyDescent="0.45">
      <c r="A2525" s="6">
        <f>'申請書（複数入力用）'!A2527</f>
        <v>2521</v>
      </c>
      <c r="B2525" s="13">
        <f>'申請書（複数入力用）'!AH2527</f>
        <v>0</v>
      </c>
      <c r="C2525" s="6">
        <f>'申請書（複数入力用）'!B2527</f>
        <v>0</v>
      </c>
      <c r="D2525" s="6">
        <f>'申請書（複数入力用）'!D2527</f>
        <v>0</v>
      </c>
      <c r="E2525" s="14">
        <f>'申請書（複数入力用）'!H2527</f>
        <v>0</v>
      </c>
      <c r="F2525" s="11" t="str">
        <f>'申請書（複数入力用）'!J2527</f>
        <v/>
      </c>
      <c r="G2525" s="6" t="str">
        <f>'申請書（複数入力用）'!K2527</f>
        <v>a052r000000jS9ZAAU</v>
      </c>
      <c r="H2525" s="12" t="e">
        <f>'申請書（複数入力用）'!N2527</f>
        <v>#N/A</v>
      </c>
      <c r="I2525" s="12" t="e">
        <f>'申請書（複数入力用）'!O2527</f>
        <v>#N/A</v>
      </c>
      <c r="J2525" s="12">
        <f>'申請書（複数入力用）'!P2527</f>
        <v>1</v>
      </c>
    </row>
    <row r="2526" spans="1:10" ht="51.6" customHeight="1" x14ac:dyDescent="0.45">
      <c r="A2526" s="6">
        <f>'申請書（複数入力用）'!A2528</f>
        <v>2522</v>
      </c>
      <c r="B2526" s="13">
        <f>'申請書（複数入力用）'!AH2528</f>
        <v>0</v>
      </c>
      <c r="C2526" s="6">
        <f>'申請書（複数入力用）'!B2528</f>
        <v>0</v>
      </c>
      <c r="D2526" s="6">
        <f>'申請書（複数入力用）'!D2528</f>
        <v>0</v>
      </c>
      <c r="E2526" s="14">
        <f>'申請書（複数入力用）'!H2528</f>
        <v>0</v>
      </c>
      <c r="F2526" s="11" t="str">
        <f>'申請書（複数入力用）'!J2528</f>
        <v/>
      </c>
      <c r="G2526" s="6" t="str">
        <f>'申請書（複数入力用）'!K2528</f>
        <v>a052r000000jS9ZAAU</v>
      </c>
      <c r="H2526" s="12" t="e">
        <f>'申請書（複数入力用）'!N2528</f>
        <v>#N/A</v>
      </c>
      <c r="I2526" s="12" t="e">
        <f>'申請書（複数入力用）'!O2528</f>
        <v>#N/A</v>
      </c>
      <c r="J2526" s="12">
        <f>'申請書（複数入力用）'!P2528</f>
        <v>1</v>
      </c>
    </row>
    <row r="2527" spans="1:10" ht="51.6" customHeight="1" x14ac:dyDescent="0.45">
      <c r="A2527" s="6">
        <f>'申請書（複数入力用）'!A2529</f>
        <v>2523</v>
      </c>
      <c r="B2527" s="13">
        <f>'申請書（複数入力用）'!AH2529</f>
        <v>0</v>
      </c>
      <c r="C2527" s="6">
        <f>'申請書（複数入力用）'!B2529</f>
        <v>0</v>
      </c>
      <c r="D2527" s="6">
        <f>'申請書（複数入力用）'!D2529</f>
        <v>0</v>
      </c>
      <c r="E2527" s="14">
        <f>'申請書（複数入力用）'!H2529</f>
        <v>0</v>
      </c>
      <c r="F2527" s="11" t="str">
        <f>'申請書（複数入力用）'!J2529</f>
        <v/>
      </c>
      <c r="G2527" s="6" t="str">
        <f>'申請書（複数入力用）'!K2529</f>
        <v>a052r000000jS9ZAAU</v>
      </c>
      <c r="H2527" s="12" t="e">
        <f>'申請書（複数入力用）'!N2529</f>
        <v>#N/A</v>
      </c>
      <c r="I2527" s="12" t="e">
        <f>'申請書（複数入力用）'!O2529</f>
        <v>#N/A</v>
      </c>
      <c r="J2527" s="12">
        <f>'申請書（複数入力用）'!P2529</f>
        <v>1</v>
      </c>
    </row>
    <row r="2528" spans="1:10" ht="51.6" customHeight="1" x14ac:dyDescent="0.45">
      <c r="A2528" s="6">
        <f>'申請書（複数入力用）'!A2530</f>
        <v>2524</v>
      </c>
      <c r="B2528" s="13">
        <f>'申請書（複数入力用）'!AH2530</f>
        <v>0</v>
      </c>
      <c r="C2528" s="6">
        <f>'申請書（複数入力用）'!B2530</f>
        <v>0</v>
      </c>
      <c r="D2528" s="6">
        <f>'申請書（複数入力用）'!D2530</f>
        <v>0</v>
      </c>
      <c r="E2528" s="14">
        <f>'申請書（複数入力用）'!H2530</f>
        <v>0</v>
      </c>
      <c r="F2528" s="11" t="str">
        <f>'申請書（複数入力用）'!J2530</f>
        <v/>
      </c>
      <c r="G2528" s="6" t="str">
        <f>'申請書（複数入力用）'!K2530</f>
        <v>a052r000000jS9ZAAU</v>
      </c>
      <c r="H2528" s="12" t="e">
        <f>'申請書（複数入力用）'!N2530</f>
        <v>#N/A</v>
      </c>
      <c r="I2528" s="12" t="e">
        <f>'申請書（複数入力用）'!O2530</f>
        <v>#N/A</v>
      </c>
      <c r="J2528" s="12">
        <f>'申請書（複数入力用）'!P2530</f>
        <v>1</v>
      </c>
    </row>
    <row r="2529" spans="1:10" ht="51.6" customHeight="1" x14ac:dyDescent="0.45">
      <c r="A2529" s="6">
        <f>'申請書（複数入力用）'!A2531</f>
        <v>2525</v>
      </c>
      <c r="B2529" s="13">
        <f>'申請書（複数入力用）'!AH2531</f>
        <v>0</v>
      </c>
      <c r="C2529" s="6">
        <f>'申請書（複数入力用）'!B2531</f>
        <v>0</v>
      </c>
      <c r="D2529" s="6">
        <f>'申請書（複数入力用）'!D2531</f>
        <v>0</v>
      </c>
      <c r="E2529" s="14">
        <f>'申請書（複数入力用）'!H2531</f>
        <v>0</v>
      </c>
      <c r="F2529" s="11" t="str">
        <f>'申請書（複数入力用）'!J2531</f>
        <v/>
      </c>
      <c r="G2529" s="6" t="str">
        <f>'申請書（複数入力用）'!K2531</f>
        <v>a052r000000jS9ZAAU</v>
      </c>
      <c r="H2529" s="12" t="e">
        <f>'申請書（複数入力用）'!N2531</f>
        <v>#N/A</v>
      </c>
      <c r="I2529" s="12" t="e">
        <f>'申請書（複数入力用）'!O2531</f>
        <v>#N/A</v>
      </c>
      <c r="J2529" s="12">
        <f>'申請書（複数入力用）'!P2531</f>
        <v>1</v>
      </c>
    </row>
    <row r="2530" spans="1:10" ht="51.6" customHeight="1" x14ac:dyDescent="0.45">
      <c r="A2530" s="6">
        <f>'申請書（複数入力用）'!A2532</f>
        <v>2526</v>
      </c>
      <c r="B2530" s="13">
        <f>'申請書（複数入力用）'!AH2532</f>
        <v>0</v>
      </c>
      <c r="C2530" s="6">
        <f>'申請書（複数入力用）'!B2532</f>
        <v>0</v>
      </c>
      <c r="D2530" s="6">
        <f>'申請書（複数入力用）'!D2532</f>
        <v>0</v>
      </c>
      <c r="E2530" s="14">
        <f>'申請書（複数入力用）'!H2532</f>
        <v>0</v>
      </c>
      <c r="F2530" s="11" t="str">
        <f>'申請書（複数入力用）'!J2532</f>
        <v/>
      </c>
      <c r="G2530" s="6" t="str">
        <f>'申請書（複数入力用）'!K2532</f>
        <v>a052r000000jS9ZAAU</v>
      </c>
      <c r="H2530" s="12" t="e">
        <f>'申請書（複数入力用）'!N2532</f>
        <v>#N/A</v>
      </c>
      <c r="I2530" s="12" t="e">
        <f>'申請書（複数入力用）'!O2532</f>
        <v>#N/A</v>
      </c>
      <c r="J2530" s="12">
        <f>'申請書（複数入力用）'!P2532</f>
        <v>1</v>
      </c>
    </row>
    <row r="2531" spans="1:10" ht="51.6" customHeight="1" x14ac:dyDescent="0.45">
      <c r="A2531" s="6">
        <f>'申請書（複数入力用）'!A2533</f>
        <v>2527</v>
      </c>
      <c r="B2531" s="13">
        <f>'申請書（複数入力用）'!AH2533</f>
        <v>0</v>
      </c>
      <c r="C2531" s="6">
        <f>'申請書（複数入力用）'!B2533</f>
        <v>0</v>
      </c>
      <c r="D2531" s="6">
        <f>'申請書（複数入力用）'!D2533</f>
        <v>0</v>
      </c>
      <c r="E2531" s="14">
        <f>'申請書（複数入力用）'!H2533</f>
        <v>0</v>
      </c>
      <c r="F2531" s="11" t="str">
        <f>'申請書（複数入力用）'!J2533</f>
        <v/>
      </c>
      <c r="G2531" s="6" t="str">
        <f>'申請書（複数入力用）'!K2533</f>
        <v>a052r000000jS9ZAAU</v>
      </c>
      <c r="H2531" s="12" t="e">
        <f>'申請書（複数入力用）'!N2533</f>
        <v>#N/A</v>
      </c>
      <c r="I2531" s="12" t="e">
        <f>'申請書（複数入力用）'!O2533</f>
        <v>#N/A</v>
      </c>
      <c r="J2531" s="12">
        <f>'申請書（複数入力用）'!P2533</f>
        <v>1</v>
      </c>
    </row>
    <row r="2532" spans="1:10" ht="51.6" customHeight="1" x14ac:dyDescent="0.45">
      <c r="A2532" s="6">
        <f>'申請書（複数入力用）'!A2534</f>
        <v>2528</v>
      </c>
      <c r="B2532" s="13">
        <f>'申請書（複数入力用）'!AH2534</f>
        <v>0</v>
      </c>
      <c r="C2532" s="6">
        <f>'申請書（複数入力用）'!B2534</f>
        <v>0</v>
      </c>
      <c r="D2532" s="6">
        <f>'申請書（複数入力用）'!D2534</f>
        <v>0</v>
      </c>
      <c r="E2532" s="14">
        <f>'申請書（複数入力用）'!H2534</f>
        <v>0</v>
      </c>
      <c r="F2532" s="11" t="str">
        <f>'申請書（複数入力用）'!J2534</f>
        <v/>
      </c>
      <c r="G2532" s="6" t="str">
        <f>'申請書（複数入力用）'!K2534</f>
        <v>a052r000000jS9ZAAU</v>
      </c>
      <c r="H2532" s="12" t="e">
        <f>'申請書（複数入力用）'!N2534</f>
        <v>#N/A</v>
      </c>
      <c r="I2532" s="12" t="e">
        <f>'申請書（複数入力用）'!O2534</f>
        <v>#N/A</v>
      </c>
      <c r="J2532" s="12">
        <f>'申請書（複数入力用）'!P2534</f>
        <v>1</v>
      </c>
    </row>
    <row r="2533" spans="1:10" ht="51.6" customHeight="1" x14ac:dyDescent="0.45">
      <c r="A2533" s="6">
        <f>'申請書（複数入力用）'!A2535</f>
        <v>2529</v>
      </c>
      <c r="B2533" s="13">
        <f>'申請書（複数入力用）'!AH2535</f>
        <v>0</v>
      </c>
      <c r="C2533" s="6">
        <f>'申請書（複数入力用）'!B2535</f>
        <v>0</v>
      </c>
      <c r="D2533" s="6">
        <f>'申請書（複数入力用）'!D2535</f>
        <v>0</v>
      </c>
      <c r="E2533" s="14">
        <f>'申請書（複数入力用）'!H2535</f>
        <v>0</v>
      </c>
      <c r="F2533" s="11" t="str">
        <f>'申請書（複数入力用）'!J2535</f>
        <v/>
      </c>
      <c r="G2533" s="6" t="str">
        <f>'申請書（複数入力用）'!K2535</f>
        <v>a052r000000jS9ZAAU</v>
      </c>
      <c r="H2533" s="12" t="e">
        <f>'申請書（複数入力用）'!N2535</f>
        <v>#N/A</v>
      </c>
      <c r="I2533" s="12" t="e">
        <f>'申請書（複数入力用）'!O2535</f>
        <v>#N/A</v>
      </c>
      <c r="J2533" s="12">
        <f>'申請書（複数入力用）'!P2535</f>
        <v>1</v>
      </c>
    </row>
    <row r="2534" spans="1:10" ht="51.6" customHeight="1" x14ac:dyDescent="0.45">
      <c r="A2534" s="6">
        <f>'申請書（複数入力用）'!A2536</f>
        <v>2530</v>
      </c>
      <c r="B2534" s="13">
        <f>'申請書（複数入力用）'!AH2536</f>
        <v>0</v>
      </c>
      <c r="C2534" s="6">
        <f>'申請書（複数入力用）'!B2536</f>
        <v>0</v>
      </c>
      <c r="D2534" s="6">
        <f>'申請書（複数入力用）'!D2536</f>
        <v>0</v>
      </c>
      <c r="E2534" s="14">
        <f>'申請書（複数入力用）'!H2536</f>
        <v>0</v>
      </c>
      <c r="F2534" s="11" t="str">
        <f>'申請書（複数入力用）'!J2536</f>
        <v/>
      </c>
      <c r="G2534" s="6" t="str">
        <f>'申請書（複数入力用）'!K2536</f>
        <v>a052r000000jS9ZAAU</v>
      </c>
      <c r="H2534" s="12" t="e">
        <f>'申請書（複数入力用）'!N2536</f>
        <v>#N/A</v>
      </c>
      <c r="I2534" s="12" t="e">
        <f>'申請書（複数入力用）'!O2536</f>
        <v>#N/A</v>
      </c>
      <c r="J2534" s="12">
        <f>'申請書（複数入力用）'!P2536</f>
        <v>1</v>
      </c>
    </row>
    <row r="2535" spans="1:10" ht="51.6" customHeight="1" x14ac:dyDescent="0.45">
      <c r="A2535" s="6">
        <f>'申請書（複数入力用）'!A2537</f>
        <v>2531</v>
      </c>
      <c r="B2535" s="13">
        <f>'申請書（複数入力用）'!AH2537</f>
        <v>0</v>
      </c>
      <c r="C2535" s="6">
        <f>'申請書（複数入力用）'!B2537</f>
        <v>0</v>
      </c>
      <c r="D2535" s="6">
        <f>'申請書（複数入力用）'!D2537</f>
        <v>0</v>
      </c>
      <c r="E2535" s="14">
        <f>'申請書（複数入力用）'!H2537</f>
        <v>0</v>
      </c>
      <c r="F2535" s="11" t="str">
        <f>'申請書（複数入力用）'!J2537</f>
        <v/>
      </c>
      <c r="G2535" s="6" t="str">
        <f>'申請書（複数入力用）'!K2537</f>
        <v>a052r000000jS9ZAAU</v>
      </c>
      <c r="H2535" s="12" t="e">
        <f>'申請書（複数入力用）'!N2537</f>
        <v>#N/A</v>
      </c>
      <c r="I2535" s="12" t="e">
        <f>'申請書（複数入力用）'!O2537</f>
        <v>#N/A</v>
      </c>
      <c r="J2535" s="12">
        <f>'申請書（複数入力用）'!P2537</f>
        <v>1</v>
      </c>
    </row>
    <row r="2536" spans="1:10" ht="51.6" customHeight="1" x14ac:dyDescent="0.45">
      <c r="A2536" s="6">
        <f>'申請書（複数入力用）'!A2538</f>
        <v>2532</v>
      </c>
      <c r="B2536" s="13">
        <f>'申請書（複数入力用）'!AH2538</f>
        <v>0</v>
      </c>
      <c r="C2536" s="6">
        <f>'申請書（複数入力用）'!B2538</f>
        <v>0</v>
      </c>
      <c r="D2536" s="6">
        <f>'申請書（複数入力用）'!D2538</f>
        <v>0</v>
      </c>
      <c r="E2536" s="14">
        <f>'申請書（複数入力用）'!H2538</f>
        <v>0</v>
      </c>
      <c r="F2536" s="11" t="str">
        <f>'申請書（複数入力用）'!J2538</f>
        <v/>
      </c>
      <c r="G2536" s="6" t="str">
        <f>'申請書（複数入力用）'!K2538</f>
        <v>a052r000000jS9ZAAU</v>
      </c>
      <c r="H2536" s="12" t="e">
        <f>'申請書（複数入力用）'!N2538</f>
        <v>#N/A</v>
      </c>
      <c r="I2536" s="12" t="e">
        <f>'申請書（複数入力用）'!O2538</f>
        <v>#N/A</v>
      </c>
      <c r="J2536" s="12">
        <f>'申請書（複数入力用）'!P2538</f>
        <v>1</v>
      </c>
    </row>
    <row r="2537" spans="1:10" ht="51.6" customHeight="1" x14ac:dyDescent="0.45">
      <c r="A2537" s="6">
        <f>'申請書（複数入力用）'!A2539</f>
        <v>2533</v>
      </c>
      <c r="B2537" s="13">
        <f>'申請書（複数入力用）'!AH2539</f>
        <v>0</v>
      </c>
      <c r="C2537" s="6">
        <f>'申請書（複数入力用）'!B2539</f>
        <v>0</v>
      </c>
      <c r="D2537" s="6">
        <f>'申請書（複数入力用）'!D2539</f>
        <v>0</v>
      </c>
      <c r="E2537" s="14">
        <f>'申請書（複数入力用）'!H2539</f>
        <v>0</v>
      </c>
      <c r="F2537" s="11" t="str">
        <f>'申請書（複数入力用）'!J2539</f>
        <v/>
      </c>
      <c r="G2537" s="6" t="str">
        <f>'申請書（複数入力用）'!K2539</f>
        <v>a052r000000jS9ZAAU</v>
      </c>
      <c r="H2537" s="12" t="e">
        <f>'申請書（複数入力用）'!N2539</f>
        <v>#N/A</v>
      </c>
      <c r="I2537" s="12" t="e">
        <f>'申請書（複数入力用）'!O2539</f>
        <v>#N/A</v>
      </c>
      <c r="J2537" s="12">
        <f>'申請書（複数入力用）'!P2539</f>
        <v>1</v>
      </c>
    </row>
    <row r="2538" spans="1:10" ht="51.6" customHeight="1" x14ac:dyDescent="0.45">
      <c r="A2538" s="6">
        <f>'申請書（複数入力用）'!A2540</f>
        <v>2534</v>
      </c>
      <c r="B2538" s="13">
        <f>'申請書（複数入力用）'!AH2540</f>
        <v>0</v>
      </c>
      <c r="C2538" s="6">
        <f>'申請書（複数入力用）'!B2540</f>
        <v>0</v>
      </c>
      <c r="D2538" s="6">
        <f>'申請書（複数入力用）'!D2540</f>
        <v>0</v>
      </c>
      <c r="E2538" s="14">
        <f>'申請書（複数入力用）'!H2540</f>
        <v>0</v>
      </c>
      <c r="F2538" s="11" t="str">
        <f>'申請書（複数入力用）'!J2540</f>
        <v/>
      </c>
      <c r="G2538" s="6" t="str">
        <f>'申請書（複数入力用）'!K2540</f>
        <v>a052r000000jS9ZAAU</v>
      </c>
      <c r="H2538" s="12" t="e">
        <f>'申請書（複数入力用）'!N2540</f>
        <v>#N/A</v>
      </c>
      <c r="I2538" s="12" t="e">
        <f>'申請書（複数入力用）'!O2540</f>
        <v>#N/A</v>
      </c>
      <c r="J2538" s="12">
        <f>'申請書（複数入力用）'!P2540</f>
        <v>1</v>
      </c>
    </row>
    <row r="2539" spans="1:10" ht="51.6" customHeight="1" x14ac:dyDescent="0.45">
      <c r="A2539" s="6">
        <f>'申請書（複数入力用）'!A2541</f>
        <v>2535</v>
      </c>
      <c r="B2539" s="13">
        <f>'申請書（複数入力用）'!AH2541</f>
        <v>0</v>
      </c>
      <c r="C2539" s="6">
        <f>'申請書（複数入力用）'!B2541</f>
        <v>0</v>
      </c>
      <c r="D2539" s="6">
        <f>'申請書（複数入力用）'!D2541</f>
        <v>0</v>
      </c>
      <c r="E2539" s="14">
        <f>'申請書（複数入力用）'!H2541</f>
        <v>0</v>
      </c>
      <c r="F2539" s="11" t="str">
        <f>'申請書（複数入力用）'!J2541</f>
        <v/>
      </c>
      <c r="G2539" s="6" t="str">
        <f>'申請書（複数入力用）'!K2541</f>
        <v>a052r000000jS9ZAAU</v>
      </c>
      <c r="H2539" s="12" t="e">
        <f>'申請書（複数入力用）'!N2541</f>
        <v>#N/A</v>
      </c>
      <c r="I2539" s="12" t="e">
        <f>'申請書（複数入力用）'!O2541</f>
        <v>#N/A</v>
      </c>
      <c r="J2539" s="12">
        <f>'申請書（複数入力用）'!P2541</f>
        <v>1</v>
      </c>
    </row>
    <row r="2540" spans="1:10" ht="51.6" customHeight="1" x14ac:dyDescent="0.45">
      <c r="A2540" s="6">
        <f>'申請書（複数入力用）'!A2542</f>
        <v>2536</v>
      </c>
      <c r="B2540" s="13">
        <f>'申請書（複数入力用）'!AH2542</f>
        <v>0</v>
      </c>
      <c r="C2540" s="6">
        <f>'申請書（複数入力用）'!B2542</f>
        <v>0</v>
      </c>
      <c r="D2540" s="6">
        <f>'申請書（複数入力用）'!D2542</f>
        <v>0</v>
      </c>
      <c r="E2540" s="14">
        <f>'申請書（複数入力用）'!H2542</f>
        <v>0</v>
      </c>
      <c r="F2540" s="11" t="str">
        <f>'申請書（複数入力用）'!J2542</f>
        <v/>
      </c>
      <c r="G2540" s="6" t="str">
        <f>'申請書（複数入力用）'!K2542</f>
        <v>a052r000000jS9ZAAU</v>
      </c>
      <c r="H2540" s="12" t="e">
        <f>'申請書（複数入力用）'!N2542</f>
        <v>#N/A</v>
      </c>
      <c r="I2540" s="12" t="e">
        <f>'申請書（複数入力用）'!O2542</f>
        <v>#N/A</v>
      </c>
      <c r="J2540" s="12">
        <f>'申請書（複数入力用）'!P2542</f>
        <v>1</v>
      </c>
    </row>
    <row r="2541" spans="1:10" ht="51.6" customHeight="1" x14ac:dyDescent="0.45">
      <c r="A2541" s="6">
        <f>'申請書（複数入力用）'!A2543</f>
        <v>2537</v>
      </c>
      <c r="B2541" s="13">
        <f>'申請書（複数入力用）'!AH2543</f>
        <v>0</v>
      </c>
      <c r="C2541" s="6">
        <f>'申請書（複数入力用）'!B2543</f>
        <v>0</v>
      </c>
      <c r="D2541" s="6">
        <f>'申請書（複数入力用）'!D2543</f>
        <v>0</v>
      </c>
      <c r="E2541" s="14">
        <f>'申請書（複数入力用）'!H2543</f>
        <v>0</v>
      </c>
      <c r="F2541" s="11" t="str">
        <f>'申請書（複数入力用）'!J2543</f>
        <v/>
      </c>
      <c r="G2541" s="6" t="str">
        <f>'申請書（複数入力用）'!K2543</f>
        <v>a052r000000jS9ZAAU</v>
      </c>
      <c r="H2541" s="12" t="e">
        <f>'申請書（複数入力用）'!N2543</f>
        <v>#N/A</v>
      </c>
      <c r="I2541" s="12" t="e">
        <f>'申請書（複数入力用）'!O2543</f>
        <v>#N/A</v>
      </c>
      <c r="J2541" s="12">
        <f>'申請書（複数入力用）'!P2543</f>
        <v>1</v>
      </c>
    </row>
    <row r="2542" spans="1:10" ht="51.6" customHeight="1" x14ac:dyDescent="0.45">
      <c r="A2542" s="6">
        <f>'申請書（複数入力用）'!A2544</f>
        <v>2538</v>
      </c>
      <c r="B2542" s="13">
        <f>'申請書（複数入力用）'!AH2544</f>
        <v>0</v>
      </c>
      <c r="C2542" s="6">
        <f>'申請書（複数入力用）'!B2544</f>
        <v>0</v>
      </c>
      <c r="D2542" s="6">
        <f>'申請書（複数入力用）'!D2544</f>
        <v>0</v>
      </c>
      <c r="E2542" s="14">
        <f>'申請書（複数入力用）'!H2544</f>
        <v>0</v>
      </c>
      <c r="F2542" s="11" t="str">
        <f>'申請書（複数入力用）'!J2544</f>
        <v/>
      </c>
      <c r="G2542" s="6" t="str">
        <f>'申請書（複数入力用）'!K2544</f>
        <v>a052r000000jS9ZAAU</v>
      </c>
      <c r="H2542" s="12" t="e">
        <f>'申請書（複数入力用）'!N2544</f>
        <v>#N/A</v>
      </c>
      <c r="I2542" s="12" t="e">
        <f>'申請書（複数入力用）'!O2544</f>
        <v>#N/A</v>
      </c>
      <c r="J2542" s="12">
        <f>'申請書（複数入力用）'!P2544</f>
        <v>1</v>
      </c>
    </row>
    <row r="2543" spans="1:10" ht="51.6" customHeight="1" x14ac:dyDescent="0.45">
      <c r="A2543" s="6">
        <f>'申請書（複数入力用）'!A2545</f>
        <v>2539</v>
      </c>
      <c r="B2543" s="13">
        <f>'申請書（複数入力用）'!AH2545</f>
        <v>0</v>
      </c>
      <c r="C2543" s="6">
        <f>'申請書（複数入力用）'!B2545</f>
        <v>0</v>
      </c>
      <c r="D2543" s="6">
        <f>'申請書（複数入力用）'!D2545</f>
        <v>0</v>
      </c>
      <c r="E2543" s="14">
        <f>'申請書（複数入力用）'!H2545</f>
        <v>0</v>
      </c>
      <c r="F2543" s="11" t="str">
        <f>'申請書（複数入力用）'!J2545</f>
        <v/>
      </c>
      <c r="G2543" s="6" t="str">
        <f>'申請書（複数入力用）'!K2545</f>
        <v>a052r000000jS9ZAAU</v>
      </c>
      <c r="H2543" s="12" t="e">
        <f>'申請書（複数入力用）'!N2545</f>
        <v>#N/A</v>
      </c>
      <c r="I2543" s="12" t="e">
        <f>'申請書（複数入力用）'!O2545</f>
        <v>#N/A</v>
      </c>
      <c r="J2543" s="12">
        <f>'申請書（複数入力用）'!P2545</f>
        <v>1</v>
      </c>
    </row>
    <row r="2544" spans="1:10" ht="51.6" customHeight="1" x14ac:dyDescent="0.45">
      <c r="A2544" s="6">
        <f>'申請書（複数入力用）'!A2546</f>
        <v>2540</v>
      </c>
      <c r="B2544" s="13">
        <f>'申請書（複数入力用）'!AH2546</f>
        <v>0</v>
      </c>
      <c r="C2544" s="6">
        <f>'申請書（複数入力用）'!B2546</f>
        <v>0</v>
      </c>
      <c r="D2544" s="6">
        <f>'申請書（複数入力用）'!D2546</f>
        <v>0</v>
      </c>
      <c r="E2544" s="14">
        <f>'申請書（複数入力用）'!H2546</f>
        <v>0</v>
      </c>
      <c r="F2544" s="11" t="str">
        <f>'申請書（複数入力用）'!J2546</f>
        <v/>
      </c>
      <c r="G2544" s="6" t="str">
        <f>'申請書（複数入力用）'!K2546</f>
        <v>a052r000000jS9ZAAU</v>
      </c>
      <c r="H2544" s="12" t="e">
        <f>'申請書（複数入力用）'!N2546</f>
        <v>#N/A</v>
      </c>
      <c r="I2544" s="12" t="e">
        <f>'申請書（複数入力用）'!O2546</f>
        <v>#N/A</v>
      </c>
      <c r="J2544" s="12">
        <f>'申請書（複数入力用）'!P2546</f>
        <v>1</v>
      </c>
    </row>
    <row r="2545" spans="1:10" ht="51.6" customHeight="1" x14ac:dyDescent="0.45">
      <c r="A2545" s="6">
        <f>'申請書（複数入力用）'!A2547</f>
        <v>2541</v>
      </c>
      <c r="B2545" s="13">
        <f>'申請書（複数入力用）'!AH2547</f>
        <v>0</v>
      </c>
      <c r="C2545" s="6">
        <f>'申請書（複数入力用）'!B2547</f>
        <v>0</v>
      </c>
      <c r="D2545" s="6">
        <f>'申請書（複数入力用）'!D2547</f>
        <v>0</v>
      </c>
      <c r="E2545" s="14">
        <f>'申請書（複数入力用）'!H2547</f>
        <v>0</v>
      </c>
      <c r="F2545" s="11" t="str">
        <f>'申請書（複数入力用）'!J2547</f>
        <v/>
      </c>
      <c r="G2545" s="6" t="str">
        <f>'申請書（複数入力用）'!K2547</f>
        <v>a052r000000jS9ZAAU</v>
      </c>
      <c r="H2545" s="12" t="e">
        <f>'申請書（複数入力用）'!N2547</f>
        <v>#N/A</v>
      </c>
      <c r="I2545" s="12" t="e">
        <f>'申請書（複数入力用）'!O2547</f>
        <v>#N/A</v>
      </c>
      <c r="J2545" s="12">
        <f>'申請書（複数入力用）'!P2547</f>
        <v>1</v>
      </c>
    </row>
    <row r="2546" spans="1:10" ht="51.6" customHeight="1" x14ac:dyDescent="0.45">
      <c r="A2546" s="6">
        <f>'申請書（複数入力用）'!A2548</f>
        <v>2542</v>
      </c>
      <c r="B2546" s="13">
        <f>'申請書（複数入力用）'!AH2548</f>
        <v>0</v>
      </c>
      <c r="C2546" s="6">
        <f>'申請書（複数入力用）'!B2548</f>
        <v>0</v>
      </c>
      <c r="D2546" s="6">
        <f>'申請書（複数入力用）'!D2548</f>
        <v>0</v>
      </c>
      <c r="E2546" s="14">
        <f>'申請書（複数入力用）'!H2548</f>
        <v>0</v>
      </c>
      <c r="F2546" s="11" t="str">
        <f>'申請書（複数入力用）'!J2548</f>
        <v/>
      </c>
      <c r="G2546" s="6" t="str">
        <f>'申請書（複数入力用）'!K2548</f>
        <v>a052r000000jS9ZAAU</v>
      </c>
      <c r="H2546" s="12" t="e">
        <f>'申請書（複数入力用）'!N2548</f>
        <v>#N/A</v>
      </c>
      <c r="I2546" s="12" t="e">
        <f>'申請書（複数入力用）'!O2548</f>
        <v>#N/A</v>
      </c>
      <c r="J2546" s="12">
        <f>'申請書（複数入力用）'!P2548</f>
        <v>1</v>
      </c>
    </row>
    <row r="2547" spans="1:10" ht="51.6" customHeight="1" x14ac:dyDescent="0.45">
      <c r="A2547" s="6">
        <f>'申請書（複数入力用）'!A2549</f>
        <v>2543</v>
      </c>
      <c r="B2547" s="13">
        <f>'申請書（複数入力用）'!AH2549</f>
        <v>0</v>
      </c>
      <c r="C2547" s="6">
        <f>'申請書（複数入力用）'!B2549</f>
        <v>0</v>
      </c>
      <c r="D2547" s="6">
        <f>'申請書（複数入力用）'!D2549</f>
        <v>0</v>
      </c>
      <c r="E2547" s="14">
        <f>'申請書（複数入力用）'!H2549</f>
        <v>0</v>
      </c>
      <c r="F2547" s="11" t="str">
        <f>'申請書（複数入力用）'!J2549</f>
        <v/>
      </c>
      <c r="G2547" s="6" t="str">
        <f>'申請書（複数入力用）'!K2549</f>
        <v>a052r000000jS9ZAAU</v>
      </c>
      <c r="H2547" s="12" t="e">
        <f>'申請書（複数入力用）'!N2549</f>
        <v>#N/A</v>
      </c>
      <c r="I2547" s="12" t="e">
        <f>'申請書（複数入力用）'!O2549</f>
        <v>#N/A</v>
      </c>
      <c r="J2547" s="12">
        <f>'申請書（複数入力用）'!P2549</f>
        <v>1</v>
      </c>
    </row>
    <row r="2548" spans="1:10" ht="51.6" customHeight="1" x14ac:dyDescent="0.45">
      <c r="A2548" s="6">
        <f>'申請書（複数入力用）'!A2550</f>
        <v>2544</v>
      </c>
      <c r="B2548" s="13">
        <f>'申請書（複数入力用）'!AH2550</f>
        <v>0</v>
      </c>
      <c r="C2548" s="6">
        <f>'申請書（複数入力用）'!B2550</f>
        <v>0</v>
      </c>
      <c r="D2548" s="6">
        <f>'申請書（複数入力用）'!D2550</f>
        <v>0</v>
      </c>
      <c r="E2548" s="14">
        <f>'申請書（複数入力用）'!H2550</f>
        <v>0</v>
      </c>
      <c r="F2548" s="11" t="str">
        <f>'申請書（複数入力用）'!J2550</f>
        <v/>
      </c>
      <c r="G2548" s="6" t="str">
        <f>'申請書（複数入力用）'!K2550</f>
        <v>a052r000000jS9ZAAU</v>
      </c>
      <c r="H2548" s="12" t="e">
        <f>'申請書（複数入力用）'!N2550</f>
        <v>#N/A</v>
      </c>
      <c r="I2548" s="12" t="e">
        <f>'申請書（複数入力用）'!O2550</f>
        <v>#N/A</v>
      </c>
      <c r="J2548" s="12">
        <f>'申請書（複数入力用）'!P2550</f>
        <v>1</v>
      </c>
    </row>
    <row r="2549" spans="1:10" ht="51.6" customHeight="1" x14ac:dyDescent="0.45">
      <c r="A2549" s="6">
        <f>'申請書（複数入力用）'!A2551</f>
        <v>2545</v>
      </c>
      <c r="B2549" s="13">
        <f>'申請書（複数入力用）'!AH2551</f>
        <v>0</v>
      </c>
      <c r="C2549" s="6">
        <f>'申請書（複数入力用）'!B2551</f>
        <v>0</v>
      </c>
      <c r="D2549" s="6">
        <f>'申請書（複数入力用）'!D2551</f>
        <v>0</v>
      </c>
      <c r="E2549" s="14">
        <f>'申請書（複数入力用）'!H2551</f>
        <v>0</v>
      </c>
      <c r="F2549" s="11" t="str">
        <f>'申請書（複数入力用）'!J2551</f>
        <v/>
      </c>
      <c r="G2549" s="6" t="str">
        <f>'申請書（複数入力用）'!K2551</f>
        <v>a052r000000jS9ZAAU</v>
      </c>
      <c r="H2549" s="12" t="e">
        <f>'申請書（複数入力用）'!N2551</f>
        <v>#N/A</v>
      </c>
      <c r="I2549" s="12" t="e">
        <f>'申請書（複数入力用）'!O2551</f>
        <v>#N/A</v>
      </c>
      <c r="J2549" s="12">
        <f>'申請書（複数入力用）'!P2551</f>
        <v>1</v>
      </c>
    </row>
    <row r="2550" spans="1:10" ht="51.6" customHeight="1" x14ac:dyDescent="0.45">
      <c r="A2550" s="6">
        <f>'申請書（複数入力用）'!A2552</f>
        <v>2546</v>
      </c>
      <c r="B2550" s="13">
        <f>'申請書（複数入力用）'!AH2552</f>
        <v>0</v>
      </c>
      <c r="C2550" s="6">
        <f>'申請書（複数入力用）'!B2552</f>
        <v>0</v>
      </c>
      <c r="D2550" s="6">
        <f>'申請書（複数入力用）'!D2552</f>
        <v>0</v>
      </c>
      <c r="E2550" s="14">
        <f>'申請書（複数入力用）'!H2552</f>
        <v>0</v>
      </c>
      <c r="F2550" s="11" t="str">
        <f>'申請書（複数入力用）'!J2552</f>
        <v/>
      </c>
      <c r="G2550" s="6" t="str">
        <f>'申請書（複数入力用）'!K2552</f>
        <v>a052r000000jS9ZAAU</v>
      </c>
      <c r="H2550" s="12" t="e">
        <f>'申請書（複数入力用）'!N2552</f>
        <v>#N/A</v>
      </c>
      <c r="I2550" s="12" t="e">
        <f>'申請書（複数入力用）'!O2552</f>
        <v>#N/A</v>
      </c>
      <c r="J2550" s="12">
        <f>'申請書（複数入力用）'!P2552</f>
        <v>1</v>
      </c>
    </row>
    <row r="2551" spans="1:10" ht="51.6" customHeight="1" x14ac:dyDescent="0.45">
      <c r="A2551" s="6">
        <f>'申請書（複数入力用）'!A2553</f>
        <v>2547</v>
      </c>
      <c r="B2551" s="13">
        <f>'申請書（複数入力用）'!AH2553</f>
        <v>0</v>
      </c>
      <c r="C2551" s="6">
        <f>'申請書（複数入力用）'!B2553</f>
        <v>0</v>
      </c>
      <c r="D2551" s="6">
        <f>'申請書（複数入力用）'!D2553</f>
        <v>0</v>
      </c>
      <c r="E2551" s="14">
        <f>'申請書（複数入力用）'!H2553</f>
        <v>0</v>
      </c>
      <c r="F2551" s="11" t="str">
        <f>'申請書（複数入力用）'!J2553</f>
        <v/>
      </c>
      <c r="G2551" s="6" t="str">
        <f>'申請書（複数入力用）'!K2553</f>
        <v>a052r000000jS9ZAAU</v>
      </c>
      <c r="H2551" s="12" t="e">
        <f>'申請書（複数入力用）'!N2553</f>
        <v>#N/A</v>
      </c>
      <c r="I2551" s="12" t="e">
        <f>'申請書（複数入力用）'!O2553</f>
        <v>#N/A</v>
      </c>
      <c r="J2551" s="12">
        <f>'申請書（複数入力用）'!P2553</f>
        <v>1</v>
      </c>
    </row>
    <row r="2552" spans="1:10" ht="51.6" customHeight="1" x14ac:dyDescent="0.45">
      <c r="A2552" s="6">
        <f>'申請書（複数入力用）'!A2554</f>
        <v>2548</v>
      </c>
      <c r="B2552" s="13">
        <f>'申請書（複数入力用）'!AH2554</f>
        <v>0</v>
      </c>
      <c r="C2552" s="6">
        <f>'申請書（複数入力用）'!B2554</f>
        <v>0</v>
      </c>
      <c r="D2552" s="6">
        <f>'申請書（複数入力用）'!D2554</f>
        <v>0</v>
      </c>
      <c r="E2552" s="14">
        <f>'申請書（複数入力用）'!H2554</f>
        <v>0</v>
      </c>
      <c r="F2552" s="11" t="str">
        <f>'申請書（複数入力用）'!J2554</f>
        <v/>
      </c>
      <c r="G2552" s="6" t="str">
        <f>'申請書（複数入力用）'!K2554</f>
        <v>a052r000000jS9ZAAU</v>
      </c>
      <c r="H2552" s="12" t="e">
        <f>'申請書（複数入力用）'!N2554</f>
        <v>#N/A</v>
      </c>
      <c r="I2552" s="12" t="e">
        <f>'申請書（複数入力用）'!O2554</f>
        <v>#N/A</v>
      </c>
      <c r="J2552" s="12">
        <f>'申請書（複数入力用）'!P2554</f>
        <v>1</v>
      </c>
    </row>
    <row r="2553" spans="1:10" ht="51.6" customHeight="1" x14ac:dyDescent="0.45">
      <c r="A2553" s="6">
        <f>'申請書（複数入力用）'!A2555</f>
        <v>2549</v>
      </c>
      <c r="B2553" s="13">
        <f>'申請書（複数入力用）'!AH2555</f>
        <v>0</v>
      </c>
      <c r="C2553" s="6">
        <f>'申請書（複数入力用）'!B2555</f>
        <v>0</v>
      </c>
      <c r="D2553" s="6">
        <f>'申請書（複数入力用）'!D2555</f>
        <v>0</v>
      </c>
      <c r="E2553" s="14">
        <f>'申請書（複数入力用）'!H2555</f>
        <v>0</v>
      </c>
      <c r="F2553" s="11" t="str">
        <f>'申請書（複数入力用）'!J2555</f>
        <v/>
      </c>
      <c r="G2553" s="6" t="str">
        <f>'申請書（複数入力用）'!K2555</f>
        <v>a052r000000jS9ZAAU</v>
      </c>
      <c r="H2553" s="12" t="e">
        <f>'申請書（複数入力用）'!N2555</f>
        <v>#N/A</v>
      </c>
      <c r="I2553" s="12" t="e">
        <f>'申請書（複数入力用）'!O2555</f>
        <v>#N/A</v>
      </c>
      <c r="J2553" s="12">
        <f>'申請書（複数入力用）'!P2555</f>
        <v>1</v>
      </c>
    </row>
    <row r="2554" spans="1:10" ht="51.6" customHeight="1" x14ac:dyDescent="0.45">
      <c r="A2554" s="6">
        <f>'申請書（複数入力用）'!A2556</f>
        <v>2550</v>
      </c>
      <c r="B2554" s="13">
        <f>'申請書（複数入力用）'!AH2556</f>
        <v>0</v>
      </c>
      <c r="C2554" s="6">
        <f>'申請書（複数入力用）'!B2556</f>
        <v>0</v>
      </c>
      <c r="D2554" s="6">
        <f>'申請書（複数入力用）'!D2556</f>
        <v>0</v>
      </c>
      <c r="E2554" s="14">
        <f>'申請書（複数入力用）'!H2556</f>
        <v>0</v>
      </c>
      <c r="F2554" s="11" t="str">
        <f>'申請書（複数入力用）'!J2556</f>
        <v/>
      </c>
      <c r="G2554" s="6" t="str">
        <f>'申請書（複数入力用）'!K2556</f>
        <v>a052r000000jS9ZAAU</v>
      </c>
      <c r="H2554" s="12" t="e">
        <f>'申請書（複数入力用）'!N2556</f>
        <v>#N/A</v>
      </c>
      <c r="I2554" s="12" t="e">
        <f>'申請書（複数入力用）'!O2556</f>
        <v>#N/A</v>
      </c>
      <c r="J2554" s="12">
        <f>'申請書（複数入力用）'!P2556</f>
        <v>1</v>
      </c>
    </row>
    <row r="2555" spans="1:10" ht="51.6" customHeight="1" x14ac:dyDescent="0.45">
      <c r="A2555" s="6">
        <f>'申請書（複数入力用）'!A2557</f>
        <v>2551</v>
      </c>
      <c r="B2555" s="13">
        <f>'申請書（複数入力用）'!AH2557</f>
        <v>0</v>
      </c>
      <c r="C2555" s="6">
        <f>'申請書（複数入力用）'!B2557</f>
        <v>0</v>
      </c>
      <c r="D2555" s="6">
        <f>'申請書（複数入力用）'!D2557</f>
        <v>0</v>
      </c>
      <c r="E2555" s="14">
        <f>'申請書（複数入力用）'!H2557</f>
        <v>0</v>
      </c>
      <c r="F2555" s="11" t="str">
        <f>'申請書（複数入力用）'!J2557</f>
        <v/>
      </c>
      <c r="G2555" s="6" t="str">
        <f>'申請書（複数入力用）'!K2557</f>
        <v>a052r000000jS9ZAAU</v>
      </c>
      <c r="H2555" s="12" t="e">
        <f>'申請書（複数入力用）'!N2557</f>
        <v>#N/A</v>
      </c>
      <c r="I2555" s="12" t="e">
        <f>'申請書（複数入力用）'!O2557</f>
        <v>#N/A</v>
      </c>
      <c r="J2555" s="12">
        <f>'申請書（複数入力用）'!P2557</f>
        <v>1</v>
      </c>
    </row>
    <row r="2556" spans="1:10" ht="51.6" customHeight="1" x14ac:dyDescent="0.45">
      <c r="A2556" s="6">
        <f>'申請書（複数入力用）'!A2558</f>
        <v>2552</v>
      </c>
      <c r="B2556" s="13">
        <f>'申請書（複数入力用）'!AH2558</f>
        <v>0</v>
      </c>
      <c r="C2556" s="6">
        <f>'申請書（複数入力用）'!B2558</f>
        <v>0</v>
      </c>
      <c r="D2556" s="6">
        <f>'申請書（複数入力用）'!D2558</f>
        <v>0</v>
      </c>
      <c r="E2556" s="14">
        <f>'申請書（複数入力用）'!H2558</f>
        <v>0</v>
      </c>
      <c r="F2556" s="11" t="str">
        <f>'申請書（複数入力用）'!J2558</f>
        <v/>
      </c>
      <c r="G2556" s="6" t="str">
        <f>'申請書（複数入力用）'!K2558</f>
        <v>a052r000000jS9ZAAU</v>
      </c>
      <c r="H2556" s="12" t="e">
        <f>'申請書（複数入力用）'!N2558</f>
        <v>#N/A</v>
      </c>
      <c r="I2556" s="12" t="e">
        <f>'申請書（複数入力用）'!O2558</f>
        <v>#N/A</v>
      </c>
      <c r="J2556" s="12">
        <f>'申請書（複数入力用）'!P2558</f>
        <v>1</v>
      </c>
    </row>
    <row r="2557" spans="1:10" ht="51.6" customHeight="1" x14ac:dyDescent="0.45">
      <c r="A2557" s="6">
        <f>'申請書（複数入力用）'!A2559</f>
        <v>2553</v>
      </c>
      <c r="B2557" s="13">
        <f>'申請書（複数入力用）'!AH2559</f>
        <v>0</v>
      </c>
      <c r="C2557" s="6">
        <f>'申請書（複数入力用）'!B2559</f>
        <v>0</v>
      </c>
      <c r="D2557" s="6">
        <f>'申請書（複数入力用）'!D2559</f>
        <v>0</v>
      </c>
      <c r="E2557" s="14">
        <f>'申請書（複数入力用）'!H2559</f>
        <v>0</v>
      </c>
      <c r="F2557" s="11" t="str">
        <f>'申請書（複数入力用）'!J2559</f>
        <v/>
      </c>
      <c r="G2557" s="6" t="str">
        <f>'申請書（複数入力用）'!K2559</f>
        <v>a052r000000jS9ZAAU</v>
      </c>
      <c r="H2557" s="12" t="e">
        <f>'申請書（複数入力用）'!N2559</f>
        <v>#N/A</v>
      </c>
      <c r="I2557" s="12" t="e">
        <f>'申請書（複数入力用）'!O2559</f>
        <v>#N/A</v>
      </c>
      <c r="J2557" s="12">
        <f>'申請書（複数入力用）'!P2559</f>
        <v>1</v>
      </c>
    </row>
    <row r="2558" spans="1:10" ht="51.6" customHeight="1" x14ac:dyDescent="0.45">
      <c r="A2558" s="6">
        <f>'申請書（複数入力用）'!A2560</f>
        <v>2554</v>
      </c>
      <c r="B2558" s="13">
        <f>'申請書（複数入力用）'!AH2560</f>
        <v>0</v>
      </c>
      <c r="C2558" s="6">
        <f>'申請書（複数入力用）'!B2560</f>
        <v>0</v>
      </c>
      <c r="D2558" s="6">
        <f>'申請書（複数入力用）'!D2560</f>
        <v>0</v>
      </c>
      <c r="E2558" s="14">
        <f>'申請書（複数入力用）'!H2560</f>
        <v>0</v>
      </c>
      <c r="F2558" s="11" t="str">
        <f>'申請書（複数入力用）'!J2560</f>
        <v/>
      </c>
      <c r="G2558" s="6" t="str">
        <f>'申請書（複数入力用）'!K2560</f>
        <v>a052r000000jS9ZAAU</v>
      </c>
      <c r="H2558" s="12" t="e">
        <f>'申請書（複数入力用）'!N2560</f>
        <v>#N/A</v>
      </c>
      <c r="I2558" s="12" t="e">
        <f>'申請書（複数入力用）'!O2560</f>
        <v>#N/A</v>
      </c>
      <c r="J2558" s="12">
        <f>'申請書（複数入力用）'!P2560</f>
        <v>1</v>
      </c>
    </row>
    <row r="2559" spans="1:10" ht="51.6" customHeight="1" x14ac:dyDescent="0.45">
      <c r="A2559" s="6">
        <f>'申請書（複数入力用）'!A2561</f>
        <v>2555</v>
      </c>
      <c r="B2559" s="13">
        <f>'申請書（複数入力用）'!AH2561</f>
        <v>0</v>
      </c>
      <c r="C2559" s="6">
        <f>'申請書（複数入力用）'!B2561</f>
        <v>0</v>
      </c>
      <c r="D2559" s="6">
        <f>'申請書（複数入力用）'!D2561</f>
        <v>0</v>
      </c>
      <c r="E2559" s="14">
        <f>'申請書（複数入力用）'!H2561</f>
        <v>0</v>
      </c>
      <c r="F2559" s="11" t="str">
        <f>'申請書（複数入力用）'!J2561</f>
        <v/>
      </c>
      <c r="G2559" s="6" t="str">
        <f>'申請書（複数入力用）'!K2561</f>
        <v>a052r000000jS9ZAAU</v>
      </c>
      <c r="H2559" s="12" t="e">
        <f>'申請書（複数入力用）'!N2561</f>
        <v>#N/A</v>
      </c>
      <c r="I2559" s="12" t="e">
        <f>'申請書（複数入力用）'!O2561</f>
        <v>#N/A</v>
      </c>
      <c r="J2559" s="12">
        <f>'申請書（複数入力用）'!P2561</f>
        <v>1</v>
      </c>
    </row>
    <row r="2560" spans="1:10" ht="51.6" customHeight="1" x14ac:dyDescent="0.45">
      <c r="A2560" s="6">
        <f>'申請書（複数入力用）'!A2562</f>
        <v>2556</v>
      </c>
      <c r="B2560" s="13">
        <f>'申請書（複数入力用）'!AH2562</f>
        <v>0</v>
      </c>
      <c r="C2560" s="6">
        <f>'申請書（複数入力用）'!B2562</f>
        <v>0</v>
      </c>
      <c r="D2560" s="6">
        <f>'申請書（複数入力用）'!D2562</f>
        <v>0</v>
      </c>
      <c r="E2560" s="14">
        <f>'申請書（複数入力用）'!H2562</f>
        <v>0</v>
      </c>
      <c r="F2560" s="11" t="str">
        <f>'申請書（複数入力用）'!J2562</f>
        <v/>
      </c>
      <c r="G2560" s="6" t="str">
        <f>'申請書（複数入力用）'!K2562</f>
        <v>a052r000000jS9ZAAU</v>
      </c>
      <c r="H2560" s="12" t="e">
        <f>'申請書（複数入力用）'!N2562</f>
        <v>#N/A</v>
      </c>
      <c r="I2560" s="12" t="e">
        <f>'申請書（複数入力用）'!O2562</f>
        <v>#N/A</v>
      </c>
      <c r="J2560" s="12">
        <f>'申請書（複数入力用）'!P2562</f>
        <v>1</v>
      </c>
    </row>
    <row r="2561" spans="1:10" ht="51.6" customHeight="1" x14ac:dyDescent="0.45">
      <c r="A2561" s="6">
        <f>'申請書（複数入力用）'!A2563</f>
        <v>2557</v>
      </c>
      <c r="B2561" s="13">
        <f>'申請書（複数入力用）'!AH2563</f>
        <v>0</v>
      </c>
      <c r="C2561" s="6">
        <f>'申請書（複数入力用）'!B2563</f>
        <v>0</v>
      </c>
      <c r="D2561" s="6">
        <f>'申請書（複数入力用）'!D2563</f>
        <v>0</v>
      </c>
      <c r="E2561" s="14">
        <f>'申請書（複数入力用）'!H2563</f>
        <v>0</v>
      </c>
      <c r="F2561" s="11" t="str">
        <f>'申請書（複数入力用）'!J2563</f>
        <v/>
      </c>
      <c r="G2561" s="6" t="str">
        <f>'申請書（複数入力用）'!K2563</f>
        <v>a052r000000jS9ZAAU</v>
      </c>
      <c r="H2561" s="12" t="e">
        <f>'申請書（複数入力用）'!N2563</f>
        <v>#N/A</v>
      </c>
      <c r="I2561" s="12" t="e">
        <f>'申請書（複数入力用）'!O2563</f>
        <v>#N/A</v>
      </c>
      <c r="J2561" s="12">
        <f>'申請書（複数入力用）'!P2563</f>
        <v>1</v>
      </c>
    </row>
    <row r="2562" spans="1:10" ht="51.6" customHeight="1" x14ac:dyDescent="0.45">
      <c r="A2562" s="6">
        <f>'申請書（複数入力用）'!A2564</f>
        <v>2558</v>
      </c>
      <c r="B2562" s="13">
        <f>'申請書（複数入力用）'!AH2564</f>
        <v>0</v>
      </c>
      <c r="C2562" s="6">
        <f>'申請書（複数入力用）'!B2564</f>
        <v>0</v>
      </c>
      <c r="D2562" s="6">
        <f>'申請書（複数入力用）'!D2564</f>
        <v>0</v>
      </c>
      <c r="E2562" s="14">
        <f>'申請書（複数入力用）'!H2564</f>
        <v>0</v>
      </c>
      <c r="F2562" s="11" t="str">
        <f>'申請書（複数入力用）'!J2564</f>
        <v/>
      </c>
      <c r="G2562" s="6" t="str">
        <f>'申請書（複数入力用）'!K2564</f>
        <v>a052r000000jS9ZAAU</v>
      </c>
      <c r="H2562" s="12" t="e">
        <f>'申請書（複数入力用）'!N2564</f>
        <v>#N/A</v>
      </c>
      <c r="I2562" s="12" t="e">
        <f>'申請書（複数入力用）'!O2564</f>
        <v>#N/A</v>
      </c>
      <c r="J2562" s="12">
        <f>'申請書（複数入力用）'!P2564</f>
        <v>1</v>
      </c>
    </row>
    <row r="2563" spans="1:10" ht="51.6" customHeight="1" x14ac:dyDescent="0.45">
      <c r="A2563" s="6">
        <f>'申請書（複数入力用）'!A2565</f>
        <v>2559</v>
      </c>
      <c r="B2563" s="13">
        <f>'申請書（複数入力用）'!AH2565</f>
        <v>0</v>
      </c>
      <c r="C2563" s="6">
        <f>'申請書（複数入力用）'!B2565</f>
        <v>0</v>
      </c>
      <c r="D2563" s="6">
        <f>'申請書（複数入力用）'!D2565</f>
        <v>0</v>
      </c>
      <c r="E2563" s="14">
        <f>'申請書（複数入力用）'!H2565</f>
        <v>0</v>
      </c>
      <c r="F2563" s="11" t="str">
        <f>'申請書（複数入力用）'!J2565</f>
        <v/>
      </c>
      <c r="G2563" s="6" t="str">
        <f>'申請書（複数入力用）'!K2565</f>
        <v>a052r000000jS9ZAAU</v>
      </c>
      <c r="H2563" s="12" t="e">
        <f>'申請書（複数入力用）'!N2565</f>
        <v>#N/A</v>
      </c>
      <c r="I2563" s="12" t="e">
        <f>'申請書（複数入力用）'!O2565</f>
        <v>#N/A</v>
      </c>
      <c r="J2563" s="12">
        <f>'申請書（複数入力用）'!P2565</f>
        <v>1</v>
      </c>
    </row>
    <row r="2564" spans="1:10" ht="51.6" customHeight="1" x14ac:dyDescent="0.45">
      <c r="A2564" s="6">
        <f>'申請書（複数入力用）'!A2566</f>
        <v>2560</v>
      </c>
      <c r="B2564" s="13">
        <f>'申請書（複数入力用）'!AH2566</f>
        <v>0</v>
      </c>
      <c r="C2564" s="6">
        <f>'申請書（複数入力用）'!B2566</f>
        <v>0</v>
      </c>
      <c r="D2564" s="6">
        <f>'申請書（複数入力用）'!D2566</f>
        <v>0</v>
      </c>
      <c r="E2564" s="14">
        <f>'申請書（複数入力用）'!H2566</f>
        <v>0</v>
      </c>
      <c r="F2564" s="11" t="str">
        <f>'申請書（複数入力用）'!J2566</f>
        <v/>
      </c>
      <c r="G2564" s="6" t="str">
        <f>'申請書（複数入力用）'!K2566</f>
        <v>a052r000000jS9ZAAU</v>
      </c>
      <c r="H2564" s="12" t="e">
        <f>'申請書（複数入力用）'!N2566</f>
        <v>#N/A</v>
      </c>
      <c r="I2564" s="12" t="e">
        <f>'申請書（複数入力用）'!O2566</f>
        <v>#N/A</v>
      </c>
      <c r="J2564" s="12">
        <f>'申請書（複数入力用）'!P2566</f>
        <v>1</v>
      </c>
    </row>
    <row r="2565" spans="1:10" ht="51.6" customHeight="1" x14ac:dyDescent="0.45">
      <c r="A2565" s="6">
        <f>'申請書（複数入力用）'!A2567</f>
        <v>2561</v>
      </c>
      <c r="B2565" s="13">
        <f>'申請書（複数入力用）'!AH2567</f>
        <v>0</v>
      </c>
      <c r="C2565" s="6">
        <f>'申請書（複数入力用）'!B2567</f>
        <v>0</v>
      </c>
      <c r="D2565" s="6">
        <f>'申請書（複数入力用）'!D2567</f>
        <v>0</v>
      </c>
      <c r="E2565" s="14">
        <f>'申請書（複数入力用）'!H2567</f>
        <v>0</v>
      </c>
      <c r="F2565" s="11" t="str">
        <f>'申請書（複数入力用）'!J2567</f>
        <v/>
      </c>
      <c r="G2565" s="6" t="str">
        <f>'申請書（複数入力用）'!K2567</f>
        <v>a052r000000jS9ZAAU</v>
      </c>
      <c r="H2565" s="12" t="e">
        <f>'申請書（複数入力用）'!N2567</f>
        <v>#N/A</v>
      </c>
      <c r="I2565" s="12" t="e">
        <f>'申請書（複数入力用）'!O2567</f>
        <v>#N/A</v>
      </c>
      <c r="J2565" s="12">
        <f>'申請書（複数入力用）'!P2567</f>
        <v>1</v>
      </c>
    </row>
    <row r="2566" spans="1:10" ht="51.6" customHeight="1" x14ac:dyDescent="0.45">
      <c r="A2566" s="6">
        <f>'申請書（複数入力用）'!A2568</f>
        <v>2562</v>
      </c>
      <c r="B2566" s="13">
        <f>'申請書（複数入力用）'!AH2568</f>
        <v>0</v>
      </c>
      <c r="C2566" s="6">
        <f>'申請書（複数入力用）'!B2568</f>
        <v>0</v>
      </c>
      <c r="D2566" s="6">
        <f>'申請書（複数入力用）'!D2568</f>
        <v>0</v>
      </c>
      <c r="E2566" s="14">
        <f>'申請書（複数入力用）'!H2568</f>
        <v>0</v>
      </c>
      <c r="F2566" s="11" t="str">
        <f>'申請書（複数入力用）'!J2568</f>
        <v/>
      </c>
      <c r="G2566" s="6" t="str">
        <f>'申請書（複数入力用）'!K2568</f>
        <v>a052r000000jS9ZAAU</v>
      </c>
      <c r="H2566" s="12" t="e">
        <f>'申請書（複数入力用）'!N2568</f>
        <v>#N/A</v>
      </c>
      <c r="I2566" s="12" t="e">
        <f>'申請書（複数入力用）'!O2568</f>
        <v>#N/A</v>
      </c>
      <c r="J2566" s="12">
        <f>'申請書（複数入力用）'!P2568</f>
        <v>1</v>
      </c>
    </row>
    <row r="2567" spans="1:10" ht="51.6" customHeight="1" x14ac:dyDescent="0.45">
      <c r="A2567" s="6">
        <f>'申請書（複数入力用）'!A2569</f>
        <v>2563</v>
      </c>
      <c r="B2567" s="13">
        <f>'申請書（複数入力用）'!AH2569</f>
        <v>0</v>
      </c>
      <c r="C2567" s="6">
        <f>'申請書（複数入力用）'!B2569</f>
        <v>0</v>
      </c>
      <c r="D2567" s="6">
        <f>'申請書（複数入力用）'!D2569</f>
        <v>0</v>
      </c>
      <c r="E2567" s="14">
        <f>'申請書（複数入力用）'!H2569</f>
        <v>0</v>
      </c>
      <c r="F2567" s="11" t="str">
        <f>'申請書（複数入力用）'!J2569</f>
        <v/>
      </c>
      <c r="G2567" s="6" t="str">
        <f>'申請書（複数入力用）'!K2569</f>
        <v>a052r000000jS9ZAAU</v>
      </c>
      <c r="H2567" s="12" t="e">
        <f>'申請書（複数入力用）'!N2569</f>
        <v>#N/A</v>
      </c>
      <c r="I2567" s="12" t="e">
        <f>'申請書（複数入力用）'!O2569</f>
        <v>#N/A</v>
      </c>
      <c r="J2567" s="12">
        <f>'申請書（複数入力用）'!P2569</f>
        <v>1</v>
      </c>
    </row>
    <row r="2568" spans="1:10" ht="51.6" customHeight="1" x14ac:dyDescent="0.45">
      <c r="A2568" s="6">
        <f>'申請書（複数入力用）'!A2570</f>
        <v>2564</v>
      </c>
      <c r="B2568" s="13">
        <f>'申請書（複数入力用）'!AH2570</f>
        <v>0</v>
      </c>
      <c r="C2568" s="6">
        <f>'申請書（複数入力用）'!B2570</f>
        <v>0</v>
      </c>
      <c r="D2568" s="6">
        <f>'申請書（複数入力用）'!D2570</f>
        <v>0</v>
      </c>
      <c r="E2568" s="14">
        <f>'申請書（複数入力用）'!H2570</f>
        <v>0</v>
      </c>
      <c r="F2568" s="11" t="str">
        <f>'申請書（複数入力用）'!J2570</f>
        <v/>
      </c>
      <c r="G2568" s="6" t="str">
        <f>'申請書（複数入力用）'!K2570</f>
        <v>a052r000000jS9ZAAU</v>
      </c>
      <c r="H2568" s="12" t="e">
        <f>'申請書（複数入力用）'!N2570</f>
        <v>#N/A</v>
      </c>
      <c r="I2568" s="12" t="e">
        <f>'申請書（複数入力用）'!O2570</f>
        <v>#N/A</v>
      </c>
      <c r="J2568" s="12">
        <f>'申請書（複数入力用）'!P2570</f>
        <v>1</v>
      </c>
    </row>
    <row r="2569" spans="1:10" ht="51.6" customHeight="1" x14ac:dyDescent="0.45">
      <c r="A2569" s="6">
        <f>'申請書（複数入力用）'!A2571</f>
        <v>2565</v>
      </c>
      <c r="B2569" s="13">
        <f>'申請書（複数入力用）'!AH2571</f>
        <v>0</v>
      </c>
      <c r="C2569" s="6">
        <f>'申請書（複数入力用）'!B2571</f>
        <v>0</v>
      </c>
      <c r="D2569" s="6">
        <f>'申請書（複数入力用）'!D2571</f>
        <v>0</v>
      </c>
      <c r="E2569" s="14">
        <f>'申請書（複数入力用）'!H2571</f>
        <v>0</v>
      </c>
      <c r="F2569" s="11" t="str">
        <f>'申請書（複数入力用）'!J2571</f>
        <v/>
      </c>
      <c r="G2569" s="6" t="str">
        <f>'申請書（複数入力用）'!K2571</f>
        <v>a052r000000jS9ZAAU</v>
      </c>
      <c r="H2569" s="12" t="e">
        <f>'申請書（複数入力用）'!N2571</f>
        <v>#N/A</v>
      </c>
      <c r="I2569" s="12" t="e">
        <f>'申請書（複数入力用）'!O2571</f>
        <v>#N/A</v>
      </c>
      <c r="J2569" s="12">
        <f>'申請書（複数入力用）'!P2571</f>
        <v>1</v>
      </c>
    </row>
    <row r="2570" spans="1:10" ht="51.6" customHeight="1" x14ac:dyDescent="0.45">
      <c r="A2570" s="6">
        <f>'申請書（複数入力用）'!A2572</f>
        <v>2566</v>
      </c>
      <c r="B2570" s="13">
        <f>'申請書（複数入力用）'!AH2572</f>
        <v>0</v>
      </c>
      <c r="C2570" s="6">
        <f>'申請書（複数入力用）'!B2572</f>
        <v>0</v>
      </c>
      <c r="D2570" s="6">
        <f>'申請書（複数入力用）'!D2572</f>
        <v>0</v>
      </c>
      <c r="E2570" s="14">
        <f>'申請書（複数入力用）'!H2572</f>
        <v>0</v>
      </c>
      <c r="F2570" s="11" t="str">
        <f>'申請書（複数入力用）'!J2572</f>
        <v/>
      </c>
      <c r="G2570" s="6" t="str">
        <f>'申請書（複数入力用）'!K2572</f>
        <v>a052r000000jS9ZAAU</v>
      </c>
      <c r="H2570" s="12" t="e">
        <f>'申請書（複数入力用）'!N2572</f>
        <v>#N/A</v>
      </c>
      <c r="I2570" s="12" t="e">
        <f>'申請書（複数入力用）'!O2572</f>
        <v>#N/A</v>
      </c>
      <c r="J2570" s="12">
        <f>'申請書（複数入力用）'!P2572</f>
        <v>1</v>
      </c>
    </row>
    <row r="2571" spans="1:10" ht="51.6" customHeight="1" x14ac:dyDescent="0.45">
      <c r="A2571" s="6">
        <f>'申請書（複数入力用）'!A2573</f>
        <v>2567</v>
      </c>
      <c r="B2571" s="13">
        <f>'申請書（複数入力用）'!AH2573</f>
        <v>0</v>
      </c>
      <c r="C2571" s="6">
        <f>'申請書（複数入力用）'!B2573</f>
        <v>0</v>
      </c>
      <c r="D2571" s="6">
        <f>'申請書（複数入力用）'!D2573</f>
        <v>0</v>
      </c>
      <c r="E2571" s="14">
        <f>'申請書（複数入力用）'!H2573</f>
        <v>0</v>
      </c>
      <c r="F2571" s="11" t="str">
        <f>'申請書（複数入力用）'!J2573</f>
        <v/>
      </c>
      <c r="G2571" s="6" t="str">
        <f>'申請書（複数入力用）'!K2573</f>
        <v>a052r000000jS9ZAAU</v>
      </c>
      <c r="H2571" s="12" t="e">
        <f>'申請書（複数入力用）'!N2573</f>
        <v>#N/A</v>
      </c>
      <c r="I2571" s="12" t="e">
        <f>'申請書（複数入力用）'!O2573</f>
        <v>#N/A</v>
      </c>
      <c r="J2571" s="12">
        <f>'申請書（複数入力用）'!P2573</f>
        <v>1</v>
      </c>
    </row>
    <row r="2572" spans="1:10" ht="51.6" customHeight="1" x14ac:dyDescent="0.45">
      <c r="A2572" s="6">
        <f>'申請書（複数入力用）'!A2574</f>
        <v>2568</v>
      </c>
      <c r="B2572" s="13">
        <f>'申請書（複数入力用）'!AH2574</f>
        <v>0</v>
      </c>
      <c r="C2572" s="6">
        <f>'申請書（複数入力用）'!B2574</f>
        <v>0</v>
      </c>
      <c r="D2572" s="6">
        <f>'申請書（複数入力用）'!D2574</f>
        <v>0</v>
      </c>
      <c r="E2572" s="14">
        <f>'申請書（複数入力用）'!H2574</f>
        <v>0</v>
      </c>
      <c r="F2572" s="11" t="str">
        <f>'申請書（複数入力用）'!J2574</f>
        <v/>
      </c>
      <c r="G2572" s="6" t="str">
        <f>'申請書（複数入力用）'!K2574</f>
        <v>a052r000000jS9ZAAU</v>
      </c>
      <c r="H2572" s="12" t="e">
        <f>'申請書（複数入力用）'!N2574</f>
        <v>#N/A</v>
      </c>
      <c r="I2572" s="12" t="e">
        <f>'申請書（複数入力用）'!O2574</f>
        <v>#N/A</v>
      </c>
      <c r="J2572" s="12">
        <f>'申請書（複数入力用）'!P2574</f>
        <v>1</v>
      </c>
    </row>
    <row r="2573" spans="1:10" ht="51.6" customHeight="1" x14ac:dyDescent="0.45">
      <c r="A2573" s="6">
        <f>'申請書（複数入力用）'!A2575</f>
        <v>2569</v>
      </c>
      <c r="B2573" s="13">
        <f>'申請書（複数入力用）'!AH2575</f>
        <v>0</v>
      </c>
      <c r="C2573" s="6">
        <f>'申請書（複数入力用）'!B2575</f>
        <v>0</v>
      </c>
      <c r="D2573" s="6">
        <f>'申請書（複数入力用）'!D2575</f>
        <v>0</v>
      </c>
      <c r="E2573" s="14">
        <f>'申請書（複数入力用）'!H2575</f>
        <v>0</v>
      </c>
      <c r="F2573" s="11" t="str">
        <f>'申請書（複数入力用）'!J2575</f>
        <v/>
      </c>
      <c r="G2573" s="6" t="str">
        <f>'申請書（複数入力用）'!K2575</f>
        <v>a052r000000jS9ZAAU</v>
      </c>
      <c r="H2573" s="12" t="e">
        <f>'申請書（複数入力用）'!N2575</f>
        <v>#N/A</v>
      </c>
      <c r="I2573" s="12" t="e">
        <f>'申請書（複数入力用）'!O2575</f>
        <v>#N/A</v>
      </c>
      <c r="J2573" s="12">
        <f>'申請書（複数入力用）'!P2575</f>
        <v>1</v>
      </c>
    </row>
    <row r="2574" spans="1:10" ht="51.6" customHeight="1" x14ac:dyDescent="0.45">
      <c r="A2574" s="6">
        <f>'申請書（複数入力用）'!A2576</f>
        <v>2570</v>
      </c>
      <c r="B2574" s="13">
        <f>'申請書（複数入力用）'!AH2576</f>
        <v>0</v>
      </c>
      <c r="C2574" s="6">
        <f>'申請書（複数入力用）'!B2576</f>
        <v>0</v>
      </c>
      <c r="D2574" s="6">
        <f>'申請書（複数入力用）'!D2576</f>
        <v>0</v>
      </c>
      <c r="E2574" s="14">
        <f>'申請書（複数入力用）'!H2576</f>
        <v>0</v>
      </c>
      <c r="F2574" s="11" t="str">
        <f>'申請書（複数入力用）'!J2576</f>
        <v/>
      </c>
      <c r="G2574" s="6" t="str">
        <f>'申請書（複数入力用）'!K2576</f>
        <v>a052r000000jS9ZAAU</v>
      </c>
      <c r="H2574" s="12" t="e">
        <f>'申請書（複数入力用）'!N2576</f>
        <v>#N/A</v>
      </c>
      <c r="I2574" s="12" t="e">
        <f>'申請書（複数入力用）'!O2576</f>
        <v>#N/A</v>
      </c>
      <c r="J2574" s="12">
        <f>'申請書（複数入力用）'!P2576</f>
        <v>1</v>
      </c>
    </row>
    <row r="2575" spans="1:10" ht="51.6" customHeight="1" x14ac:dyDescent="0.45">
      <c r="A2575" s="6">
        <f>'申請書（複数入力用）'!A2577</f>
        <v>2571</v>
      </c>
      <c r="B2575" s="13">
        <f>'申請書（複数入力用）'!AH2577</f>
        <v>0</v>
      </c>
      <c r="C2575" s="6">
        <f>'申請書（複数入力用）'!B2577</f>
        <v>0</v>
      </c>
      <c r="D2575" s="6">
        <f>'申請書（複数入力用）'!D2577</f>
        <v>0</v>
      </c>
      <c r="E2575" s="14">
        <f>'申請書（複数入力用）'!H2577</f>
        <v>0</v>
      </c>
      <c r="F2575" s="11" t="str">
        <f>'申請書（複数入力用）'!J2577</f>
        <v/>
      </c>
      <c r="G2575" s="6" t="str">
        <f>'申請書（複数入力用）'!K2577</f>
        <v>a052r000000jS9ZAAU</v>
      </c>
      <c r="H2575" s="12" t="e">
        <f>'申請書（複数入力用）'!N2577</f>
        <v>#N/A</v>
      </c>
      <c r="I2575" s="12" t="e">
        <f>'申請書（複数入力用）'!O2577</f>
        <v>#N/A</v>
      </c>
      <c r="J2575" s="12">
        <f>'申請書（複数入力用）'!P2577</f>
        <v>1</v>
      </c>
    </row>
    <row r="2576" spans="1:10" ht="51.6" customHeight="1" x14ac:dyDescent="0.45">
      <c r="A2576" s="6">
        <f>'申請書（複数入力用）'!A2578</f>
        <v>2572</v>
      </c>
      <c r="B2576" s="13">
        <f>'申請書（複数入力用）'!AH2578</f>
        <v>0</v>
      </c>
      <c r="C2576" s="6">
        <f>'申請書（複数入力用）'!B2578</f>
        <v>0</v>
      </c>
      <c r="D2576" s="6">
        <f>'申請書（複数入力用）'!D2578</f>
        <v>0</v>
      </c>
      <c r="E2576" s="14">
        <f>'申請書（複数入力用）'!H2578</f>
        <v>0</v>
      </c>
      <c r="F2576" s="11" t="str">
        <f>'申請書（複数入力用）'!J2578</f>
        <v/>
      </c>
      <c r="G2576" s="6" t="str">
        <f>'申請書（複数入力用）'!K2578</f>
        <v>a052r000000jS9ZAAU</v>
      </c>
      <c r="H2576" s="12" t="e">
        <f>'申請書（複数入力用）'!N2578</f>
        <v>#N/A</v>
      </c>
      <c r="I2576" s="12" t="e">
        <f>'申請書（複数入力用）'!O2578</f>
        <v>#N/A</v>
      </c>
      <c r="J2576" s="12">
        <f>'申請書（複数入力用）'!P2578</f>
        <v>1</v>
      </c>
    </row>
    <row r="2577" spans="1:10" ht="51.6" customHeight="1" x14ac:dyDescent="0.45">
      <c r="A2577" s="6">
        <f>'申請書（複数入力用）'!A2579</f>
        <v>2573</v>
      </c>
      <c r="B2577" s="13">
        <f>'申請書（複数入力用）'!AH2579</f>
        <v>0</v>
      </c>
      <c r="C2577" s="6">
        <f>'申請書（複数入力用）'!B2579</f>
        <v>0</v>
      </c>
      <c r="D2577" s="6">
        <f>'申請書（複数入力用）'!D2579</f>
        <v>0</v>
      </c>
      <c r="E2577" s="14">
        <f>'申請書（複数入力用）'!H2579</f>
        <v>0</v>
      </c>
      <c r="F2577" s="11" t="str">
        <f>'申請書（複数入力用）'!J2579</f>
        <v/>
      </c>
      <c r="G2577" s="6" t="str">
        <f>'申請書（複数入力用）'!K2579</f>
        <v>a052r000000jS9ZAAU</v>
      </c>
      <c r="H2577" s="12" t="e">
        <f>'申請書（複数入力用）'!N2579</f>
        <v>#N/A</v>
      </c>
      <c r="I2577" s="12" t="e">
        <f>'申請書（複数入力用）'!O2579</f>
        <v>#N/A</v>
      </c>
      <c r="J2577" s="12">
        <f>'申請書（複数入力用）'!P2579</f>
        <v>1</v>
      </c>
    </row>
    <row r="2578" spans="1:10" ht="51.6" customHeight="1" x14ac:dyDescent="0.45">
      <c r="A2578" s="6">
        <f>'申請書（複数入力用）'!A2580</f>
        <v>2574</v>
      </c>
      <c r="B2578" s="13">
        <f>'申請書（複数入力用）'!AH2580</f>
        <v>0</v>
      </c>
      <c r="C2578" s="6">
        <f>'申請書（複数入力用）'!B2580</f>
        <v>0</v>
      </c>
      <c r="D2578" s="6">
        <f>'申請書（複数入力用）'!D2580</f>
        <v>0</v>
      </c>
      <c r="E2578" s="14">
        <f>'申請書（複数入力用）'!H2580</f>
        <v>0</v>
      </c>
      <c r="F2578" s="11" t="str">
        <f>'申請書（複数入力用）'!J2580</f>
        <v/>
      </c>
      <c r="G2578" s="6" t="str">
        <f>'申請書（複数入力用）'!K2580</f>
        <v>a052r000000jS9ZAAU</v>
      </c>
      <c r="H2578" s="12" t="e">
        <f>'申請書（複数入力用）'!N2580</f>
        <v>#N/A</v>
      </c>
      <c r="I2578" s="12" t="e">
        <f>'申請書（複数入力用）'!O2580</f>
        <v>#N/A</v>
      </c>
      <c r="J2578" s="12">
        <f>'申請書（複数入力用）'!P2580</f>
        <v>1</v>
      </c>
    </row>
    <row r="2579" spans="1:10" ht="51.6" customHeight="1" x14ac:dyDescent="0.45">
      <c r="A2579" s="6">
        <f>'申請書（複数入力用）'!A2581</f>
        <v>2575</v>
      </c>
      <c r="B2579" s="13">
        <f>'申請書（複数入力用）'!AH2581</f>
        <v>0</v>
      </c>
      <c r="C2579" s="6">
        <f>'申請書（複数入力用）'!B2581</f>
        <v>0</v>
      </c>
      <c r="D2579" s="6">
        <f>'申請書（複数入力用）'!D2581</f>
        <v>0</v>
      </c>
      <c r="E2579" s="14">
        <f>'申請書（複数入力用）'!H2581</f>
        <v>0</v>
      </c>
      <c r="F2579" s="11" t="str">
        <f>'申請書（複数入力用）'!J2581</f>
        <v/>
      </c>
      <c r="G2579" s="6" t="str">
        <f>'申請書（複数入力用）'!K2581</f>
        <v>a052r000000jS9ZAAU</v>
      </c>
      <c r="H2579" s="12" t="e">
        <f>'申請書（複数入力用）'!N2581</f>
        <v>#N/A</v>
      </c>
      <c r="I2579" s="12" t="e">
        <f>'申請書（複数入力用）'!O2581</f>
        <v>#N/A</v>
      </c>
      <c r="J2579" s="12">
        <f>'申請書（複数入力用）'!P2581</f>
        <v>1</v>
      </c>
    </row>
    <row r="2580" spans="1:10" ht="51.6" customHeight="1" x14ac:dyDescent="0.45">
      <c r="A2580" s="6">
        <f>'申請書（複数入力用）'!A2582</f>
        <v>2576</v>
      </c>
      <c r="B2580" s="13">
        <f>'申請書（複数入力用）'!AH2582</f>
        <v>0</v>
      </c>
      <c r="C2580" s="6">
        <f>'申請書（複数入力用）'!B2582</f>
        <v>0</v>
      </c>
      <c r="D2580" s="6">
        <f>'申請書（複数入力用）'!D2582</f>
        <v>0</v>
      </c>
      <c r="E2580" s="14">
        <f>'申請書（複数入力用）'!H2582</f>
        <v>0</v>
      </c>
      <c r="F2580" s="11" t="str">
        <f>'申請書（複数入力用）'!J2582</f>
        <v/>
      </c>
      <c r="G2580" s="6" t="str">
        <f>'申請書（複数入力用）'!K2582</f>
        <v>a052r000000jS9ZAAU</v>
      </c>
      <c r="H2580" s="12" t="e">
        <f>'申請書（複数入力用）'!N2582</f>
        <v>#N/A</v>
      </c>
      <c r="I2580" s="12" t="e">
        <f>'申請書（複数入力用）'!O2582</f>
        <v>#N/A</v>
      </c>
      <c r="J2580" s="12">
        <f>'申請書（複数入力用）'!P2582</f>
        <v>1</v>
      </c>
    </row>
    <row r="2581" spans="1:10" ht="51.6" customHeight="1" x14ac:dyDescent="0.45">
      <c r="A2581" s="6">
        <f>'申請書（複数入力用）'!A2583</f>
        <v>2577</v>
      </c>
      <c r="B2581" s="13">
        <f>'申請書（複数入力用）'!AH2583</f>
        <v>0</v>
      </c>
      <c r="C2581" s="6">
        <f>'申請書（複数入力用）'!B2583</f>
        <v>0</v>
      </c>
      <c r="D2581" s="6">
        <f>'申請書（複数入力用）'!D2583</f>
        <v>0</v>
      </c>
      <c r="E2581" s="14">
        <f>'申請書（複数入力用）'!H2583</f>
        <v>0</v>
      </c>
      <c r="F2581" s="11" t="str">
        <f>'申請書（複数入力用）'!J2583</f>
        <v/>
      </c>
      <c r="G2581" s="6" t="str">
        <f>'申請書（複数入力用）'!K2583</f>
        <v>a052r000000jS9ZAAU</v>
      </c>
      <c r="H2581" s="12" t="e">
        <f>'申請書（複数入力用）'!N2583</f>
        <v>#N/A</v>
      </c>
      <c r="I2581" s="12" t="e">
        <f>'申請書（複数入力用）'!O2583</f>
        <v>#N/A</v>
      </c>
      <c r="J2581" s="12">
        <f>'申請書（複数入力用）'!P2583</f>
        <v>1</v>
      </c>
    </row>
    <row r="2582" spans="1:10" ht="51.6" customHeight="1" x14ac:dyDescent="0.45">
      <c r="A2582" s="6">
        <f>'申請書（複数入力用）'!A2584</f>
        <v>2578</v>
      </c>
      <c r="B2582" s="13">
        <f>'申請書（複数入力用）'!AH2584</f>
        <v>0</v>
      </c>
      <c r="C2582" s="6">
        <f>'申請書（複数入力用）'!B2584</f>
        <v>0</v>
      </c>
      <c r="D2582" s="6">
        <f>'申請書（複数入力用）'!D2584</f>
        <v>0</v>
      </c>
      <c r="E2582" s="14">
        <f>'申請書（複数入力用）'!H2584</f>
        <v>0</v>
      </c>
      <c r="F2582" s="11" t="str">
        <f>'申請書（複数入力用）'!J2584</f>
        <v/>
      </c>
      <c r="G2582" s="6" t="str">
        <f>'申請書（複数入力用）'!K2584</f>
        <v>a052r000000jS9ZAAU</v>
      </c>
      <c r="H2582" s="12" t="e">
        <f>'申請書（複数入力用）'!N2584</f>
        <v>#N/A</v>
      </c>
      <c r="I2582" s="12" t="e">
        <f>'申請書（複数入力用）'!O2584</f>
        <v>#N/A</v>
      </c>
      <c r="J2582" s="12">
        <f>'申請書（複数入力用）'!P2584</f>
        <v>1</v>
      </c>
    </row>
    <row r="2583" spans="1:10" ht="51.6" customHeight="1" x14ac:dyDescent="0.45">
      <c r="A2583" s="6">
        <f>'申請書（複数入力用）'!A2585</f>
        <v>2579</v>
      </c>
      <c r="B2583" s="13">
        <f>'申請書（複数入力用）'!AH2585</f>
        <v>0</v>
      </c>
      <c r="C2583" s="6">
        <f>'申請書（複数入力用）'!B2585</f>
        <v>0</v>
      </c>
      <c r="D2583" s="6">
        <f>'申請書（複数入力用）'!D2585</f>
        <v>0</v>
      </c>
      <c r="E2583" s="14">
        <f>'申請書（複数入力用）'!H2585</f>
        <v>0</v>
      </c>
      <c r="F2583" s="11" t="str">
        <f>'申請書（複数入力用）'!J2585</f>
        <v/>
      </c>
      <c r="G2583" s="6" t="str">
        <f>'申請書（複数入力用）'!K2585</f>
        <v>a052r000000jS9ZAAU</v>
      </c>
      <c r="H2583" s="12" t="e">
        <f>'申請書（複数入力用）'!N2585</f>
        <v>#N/A</v>
      </c>
      <c r="I2583" s="12" t="e">
        <f>'申請書（複数入力用）'!O2585</f>
        <v>#N/A</v>
      </c>
      <c r="J2583" s="12">
        <f>'申請書（複数入力用）'!P2585</f>
        <v>1</v>
      </c>
    </row>
    <row r="2584" spans="1:10" ht="51.6" customHeight="1" x14ac:dyDescent="0.45">
      <c r="A2584" s="6">
        <f>'申請書（複数入力用）'!A2586</f>
        <v>2580</v>
      </c>
      <c r="B2584" s="13">
        <f>'申請書（複数入力用）'!AH2586</f>
        <v>0</v>
      </c>
      <c r="C2584" s="6">
        <f>'申請書（複数入力用）'!B2586</f>
        <v>0</v>
      </c>
      <c r="D2584" s="6">
        <f>'申請書（複数入力用）'!D2586</f>
        <v>0</v>
      </c>
      <c r="E2584" s="14">
        <f>'申請書（複数入力用）'!H2586</f>
        <v>0</v>
      </c>
      <c r="F2584" s="11" t="str">
        <f>'申請書（複数入力用）'!J2586</f>
        <v/>
      </c>
      <c r="G2584" s="6" t="str">
        <f>'申請書（複数入力用）'!K2586</f>
        <v>a052r000000jS9ZAAU</v>
      </c>
      <c r="H2584" s="12" t="e">
        <f>'申請書（複数入力用）'!N2586</f>
        <v>#N/A</v>
      </c>
      <c r="I2584" s="12" t="e">
        <f>'申請書（複数入力用）'!O2586</f>
        <v>#N/A</v>
      </c>
      <c r="J2584" s="12">
        <f>'申請書（複数入力用）'!P2586</f>
        <v>1</v>
      </c>
    </row>
    <row r="2585" spans="1:10" ht="51.6" customHeight="1" x14ac:dyDescent="0.45">
      <c r="A2585" s="6">
        <f>'申請書（複数入力用）'!A2587</f>
        <v>2581</v>
      </c>
      <c r="B2585" s="13">
        <f>'申請書（複数入力用）'!AH2587</f>
        <v>0</v>
      </c>
      <c r="C2585" s="6">
        <f>'申請書（複数入力用）'!B2587</f>
        <v>0</v>
      </c>
      <c r="D2585" s="6">
        <f>'申請書（複数入力用）'!D2587</f>
        <v>0</v>
      </c>
      <c r="E2585" s="14">
        <f>'申請書（複数入力用）'!H2587</f>
        <v>0</v>
      </c>
      <c r="F2585" s="11" t="str">
        <f>'申請書（複数入力用）'!J2587</f>
        <v/>
      </c>
      <c r="G2585" s="6" t="str">
        <f>'申請書（複数入力用）'!K2587</f>
        <v>a052r000000jS9ZAAU</v>
      </c>
      <c r="H2585" s="12" t="e">
        <f>'申請書（複数入力用）'!N2587</f>
        <v>#N/A</v>
      </c>
      <c r="I2585" s="12" t="e">
        <f>'申請書（複数入力用）'!O2587</f>
        <v>#N/A</v>
      </c>
      <c r="J2585" s="12">
        <f>'申請書（複数入力用）'!P2587</f>
        <v>1</v>
      </c>
    </row>
    <row r="2586" spans="1:10" ht="51.6" customHeight="1" x14ac:dyDescent="0.45">
      <c r="A2586" s="6">
        <f>'申請書（複数入力用）'!A2588</f>
        <v>2582</v>
      </c>
      <c r="B2586" s="13">
        <f>'申請書（複数入力用）'!AH2588</f>
        <v>0</v>
      </c>
      <c r="C2586" s="6">
        <f>'申請書（複数入力用）'!B2588</f>
        <v>0</v>
      </c>
      <c r="D2586" s="6">
        <f>'申請書（複数入力用）'!D2588</f>
        <v>0</v>
      </c>
      <c r="E2586" s="14">
        <f>'申請書（複数入力用）'!H2588</f>
        <v>0</v>
      </c>
      <c r="F2586" s="11" t="str">
        <f>'申請書（複数入力用）'!J2588</f>
        <v/>
      </c>
      <c r="G2586" s="6" t="str">
        <f>'申請書（複数入力用）'!K2588</f>
        <v>a052r000000jS9ZAAU</v>
      </c>
      <c r="H2586" s="12" t="e">
        <f>'申請書（複数入力用）'!N2588</f>
        <v>#N/A</v>
      </c>
      <c r="I2586" s="12" t="e">
        <f>'申請書（複数入力用）'!O2588</f>
        <v>#N/A</v>
      </c>
      <c r="J2586" s="12">
        <f>'申請書（複数入力用）'!P2588</f>
        <v>1</v>
      </c>
    </row>
    <row r="2587" spans="1:10" ht="51.6" customHeight="1" x14ac:dyDescent="0.45">
      <c r="A2587" s="6">
        <f>'申請書（複数入力用）'!A2589</f>
        <v>2583</v>
      </c>
      <c r="B2587" s="13">
        <f>'申請書（複数入力用）'!AH2589</f>
        <v>0</v>
      </c>
      <c r="C2587" s="6">
        <f>'申請書（複数入力用）'!B2589</f>
        <v>0</v>
      </c>
      <c r="D2587" s="6">
        <f>'申請書（複数入力用）'!D2589</f>
        <v>0</v>
      </c>
      <c r="E2587" s="14">
        <f>'申請書（複数入力用）'!H2589</f>
        <v>0</v>
      </c>
      <c r="F2587" s="11" t="str">
        <f>'申請書（複数入力用）'!J2589</f>
        <v/>
      </c>
      <c r="G2587" s="6" t="str">
        <f>'申請書（複数入力用）'!K2589</f>
        <v>a052r000000jS9ZAAU</v>
      </c>
      <c r="H2587" s="12" t="e">
        <f>'申請書（複数入力用）'!N2589</f>
        <v>#N/A</v>
      </c>
      <c r="I2587" s="12" t="e">
        <f>'申請書（複数入力用）'!O2589</f>
        <v>#N/A</v>
      </c>
      <c r="J2587" s="12">
        <f>'申請書（複数入力用）'!P2589</f>
        <v>1</v>
      </c>
    </row>
    <row r="2588" spans="1:10" ht="51.6" customHeight="1" x14ac:dyDescent="0.45">
      <c r="A2588" s="6">
        <f>'申請書（複数入力用）'!A2590</f>
        <v>2584</v>
      </c>
      <c r="B2588" s="13">
        <f>'申請書（複数入力用）'!AH2590</f>
        <v>0</v>
      </c>
      <c r="C2588" s="6">
        <f>'申請書（複数入力用）'!B2590</f>
        <v>0</v>
      </c>
      <c r="D2588" s="6">
        <f>'申請書（複数入力用）'!D2590</f>
        <v>0</v>
      </c>
      <c r="E2588" s="14">
        <f>'申請書（複数入力用）'!H2590</f>
        <v>0</v>
      </c>
      <c r="F2588" s="11" t="str">
        <f>'申請書（複数入力用）'!J2590</f>
        <v/>
      </c>
      <c r="G2588" s="6" t="str">
        <f>'申請書（複数入力用）'!K2590</f>
        <v>a052r000000jS9ZAAU</v>
      </c>
      <c r="H2588" s="12" t="e">
        <f>'申請書（複数入力用）'!N2590</f>
        <v>#N/A</v>
      </c>
      <c r="I2588" s="12" t="e">
        <f>'申請書（複数入力用）'!O2590</f>
        <v>#N/A</v>
      </c>
      <c r="J2588" s="12">
        <f>'申請書（複数入力用）'!P2590</f>
        <v>1</v>
      </c>
    </row>
    <row r="2589" spans="1:10" ht="51.6" customHeight="1" x14ac:dyDescent="0.45">
      <c r="A2589" s="6">
        <f>'申請書（複数入力用）'!A2591</f>
        <v>2585</v>
      </c>
      <c r="B2589" s="13">
        <f>'申請書（複数入力用）'!AH2591</f>
        <v>0</v>
      </c>
      <c r="C2589" s="6">
        <f>'申請書（複数入力用）'!B2591</f>
        <v>0</v>
      </c>
      <c r="D2589" s="6">
        <f>'申請書（複数入力用）'!D2591</f>
        <v>0</v>
      </c>
      <c r="E2589" s="14">
        <f>'申請書（複数入力用）'!H2591</f>
        <v>0</v>
      </c>
      <c r="F2589" s="11" t="str">
        <f>'申請書（複数入力用）'!J2591</f>
        <v/>
      </c>
      <c r="G2589" s="6" t="str">
        <f>'申請書（複数入力用）'!K2591</f>
        <v>a052r000000jS9ZAAU</v>
      </c>
      <c r="H2589" s="12" t="e">
        <f>'申請書（複数入力用）'!N2591</f>
        <v>#N/A</v>
      </c>
      <c r="I2589" s="12" t="e">
        <f>'申請書（複数入力用）'!O2591</f>
        <v>#N/A</v>
      </c>
      <c r="J2589" s="12">
        <f>'申請書（複数入力用）'!P2591</f>
        <v>1</v>
      </c>
    </row>
    <row r="2590" spans="1:10" ht="51.6" customHeight="1" x14ac:dyDescent="0.45">
      <c r="A2590" s="6">
        <f>'申請書（複数入力用）'!A2592</f>
        <v>2586</v>
      </c>
      <c r="B2590" s="13">
        <f>'申請書（複数入力用）'!AH2592</f>
        <v>0</v>
      </c>
      <c r="C2590" s="6">
        <f>'申請書（複数入力用）'!B2592</f>
        <v>0</v>
      </c>
      <c r="D2590" s="6">
        <f>'申請書（複数入力用）'!D2592</f>
        <v>0</v>
      </c>
      <c r="E2590" s="14">
        <f>'申請書（複数入力用）'!H2592</f>
        <v>0</v>
      </c>
      <c r="F2590" s="11" t="str">
        <f>'申請書（複数入力用）'!J2592</f>
        <v/>
      </c>
      <c r="G2590" s="6" t="str">
        <f>'申請書（複数入力用）'!K2592</f>
        <v>a052r000000jS9ZAAU</v>
      </c>
      <c r="H2590" s="12" t="e">
        <f>'申請書（複数入力用）'!N2592</f>
        <v>#N/A</v>
      </c>
      <c r="I2590" s="12" t="e">
        <f>'申請書（複数入力用）'!O2592</f>
        <v>#N/A</v>
      </c>
      <c r="J2590" s="12">
        <f>'申請書（複数入力用）'!P2592</f>
        <v>1</v>
      </c>
    </row>
    <row r="2591" spans="1:10" ht="51.6" customHeight="1" x14ac:dyDescent="0.45">
      <c r="A2591" s="6">
        <f>'申請書（複数入力用）'!A2593</f>
        <v>2587</v>
      </c>
      <c r="B2591" s="13">
        <f>'申請書（複数入力用）'!AH2593</f>
        <v>0</v>
      </c>
      <c r="C2591" s="6">
        <f>'申請書（複数入力用）'!B2593</f>
        <v>0</v>
      </c>
      <c r="D2591" s="6">
        <f>'申請書（複数入力用）'!D2593</f>
        <v>0</v>
      </c>
      <c r="E2591" s="14">
        <f>'申請書（複数入力用）'!H2593</f>
        <v>0</v>
      </c>
      <c r="F2591" s="11" t="str">
        <f>'申請書（複数入力用）'!J2593</f>
        <v/>
      </c>
      <c r="G2591" s="6" t="str">
        <f>'申請書（複数入力用）'!K2593</f>
        <v>a052r000000jS9ZAAU</v>
      </c>
      <c r="H2591" s="12" t="e">
        <f>'申請書（複数入力用）'!N2593</f>
        <v>#N/A</v>
      </c>
      <c r="I2591" s="12" t="e">
        <f>'申請書（複数入力用）'!O2593</f>
        <v>#N/A</v>
      </c>
      <c r="J2591" s="12">
        <f>'申請書（複数入力用）'!P2593</f>
        <v>1</v>
      </c>
    </row>
    <row r="2592" spans="1:10" ht="51.6" customHeight="1" x14ac:dyDescent="0.45">
      <c r="A2592" s="6">
        <f>'申請書（複数入力用）'!A2594</f>
        <v>2588</v>
      </c>
      <c r="B2592" s="13">
        <f>'申請書（複数入力用）'!AH2594</f>
        <v>0</v>
      </c>
      <c r="C2592" s="6">
        <f>'申請書（複数入力用）'!B2594</f>
        <v>0</v>
      </c>
      <c r="D2592" s="6">
        <f>'申請書（複数入力用）'!D2594</f>
        <v>0</v>
      </c>
      <c r="E2592" s="14">
        <f>'申請書（複数入力用）'!H2594</f>
        <v>0</v>
      </c>
      <c r="F2592" s="11" t="str">
        <f>'申請書（複数入力用）'!J2594</f>
        <v/>
      </c>
      <c r="G2592" s="6" t="str">
        <f>'申請書（複数入力用）'!K2594</f>
        <v>a052r000000jS9ZAAU</v>
      </c>
      <c r="H2592" s="12" t="e">
        <f>'申請書（複数入力用）'!N2594</f>
        <v>#N/A</v>
      </c>
      <c r="I2592" s="12" t="e">
        <f>'申請書（複数入力用）'!O2594</f>
        <v>#N/A</v>
      </c>
      <c r="J2592" s="12">
        <f>'申請書（複数入力用）'!P2594</f>
        <v>1</v>
      </c>
    </row>
    <row r="2593" spans="1:10" ht="51.6" customHeight="1" x14ac:dyDescent="0.45">
      <c r="A2593" s="6">
        <f>'申請書（複数入力用）'!A2595</f>
        <v>2589</v>
      </c>
      <c r="B2593" s="13">
        <f>'申請書（複数入力用）'!AH2595</f>
        <v>0</v>
      </c>
      <c r="C2593" s="6">
        <f>'申請書（複数入力用）'!B2595</f>
        <v>0</v>
      </c>
      <c r="D2593" s="6">
        <f>'申請書（複数入力用）'!D2595</f>
        <v>0</v>
      </c>
      <c r="E2593" s="14">
        <f>'申請書（複数入力用）'!H2595</f>
        <v>0</v>
      </c>
      <c r="F2593" s="11" t="str">
        <f>'申請書（複数入力用）'!J2595</f>
        <v/>
      </c>
      <c r="G2593" s="6" t="str">
        <f>'申請書（複数入力用）'!K2595</f>
        <v>a052r000000jS9ZAAU</v>
      </c>
      <c r="H2593" s="12" t="e">
        <f>'申請書（複数入力用）'!N2595</f>
        <v>#N/A</v>
      </c>
      <c r="I2593" s="12" t="e">
        <f>'申請書（複数入力用）'!O2595</f>
        <v>#N/A</v>
      </c>
      <c r="J2593" s="12">
        <f>'申請書（複数入力用）'!P2595</f>
        <v>1</v>
      </c>
    </row>
    <row r="2594" spans="1:10" ht="51.6" customHeight="1" x14ac:dyDescent="0.45">
      <c r="A2594" s="6">
        <f>'申請書（複数入力用）'!A2596</f>
        <v>2590</v>
      </c>
      <c r="B2594" s="13">
        <f>'申請書（複数入力用）'!AH2596</f>
        <v>0</v>
      </c>
      <c r="C2594" s="6">
        <f>'申請書（複数入力用）'!B2596</f>
        <v>0</v>
      </c>
      <c r="D2594" s="6">
        <f>'申請書（複数入力用）'!D2596</f>
        <v>0</v>
      </c>
      <c r="E2594" s="14">
        <f>'申請書（複数入力用）'!H2596</f>
        <v>0</v>
      </c>
      <c r="F2594" s="11" t="str">
        <f>'申請書（複数入力用）'!J2596</f>
        <v/>
      </c>
      <c r="G2594" s="6" t="str">
        <f>'申請書（複数入力用）'!K2596</f>
        <v>a052r000000jS9ZAAU</v>
      </c>
      <c r="H2594" s="12" t="e">
        <f>'申請書（複数入力用）'!N2596</f>
        <v>#N/A</v>
      </c>
      <c r="I2594" s="12" t="e">
        <f>'申請書（複数入力用）'!O2596</f>
        <v>#N/A</v>
      </c>
      <c r="J2594" s="12">
        <f>'申請書（複数入力用）'!P2596</f>
        <v>1</v>
      </c>
    </row>
    <row r="2595" spans="1:10" ht="51.6" customHeight="1" x14ac:dyDescent="0.45">
      <c r="A2595" s="6">
        <f>'申請書（複数入力用）'!A2597</f>
        <v>2591</v>
      </c>
      <c r="B2595" s="13">
        <f>'申請書（複数入力用）'!AH2597</f>
        <v>0</v>
      </c>
      <c r="C2595" s="6">
        <f>'申請書（複数入力用）'!B2597</f>
        <v>0</v>
      </c>
      <c r="D2595" s="6">
        <f>'申請書（複数入力用）'!D2597</f>
        <v>0</v>
      </c>
      <c r="E2595" s="14">
        <f>'申請書（複数入力用）'!H2597</f>
        <v>0</v>
      </c>
      <c r="F2595" s="11" t="str">
        <f>'申請書（複数入力用）'!J2597</f>
        <v/>
      </c>
      <c r="G2595" s="6" t="str">
        <f>'申請書（複数入力用）'!K2597</f>
        <v>a052r000000jS9ZAAU</v>
      </c>
      <c r="H2595" s="12" t="e">
        <f>'申請書（複数入力用）'!N2597</f>
        <v>#N/A</v>
      </c>
      <c r="I2595" s="12" t="e">
        <f>'申請書（複数入力用）'!O2597</f>
        <v>#N/A</v>
      </c>
      <c r="J2595" s="12">
        <f>'申請書（複数入力用）'!P2597</f>
        <v>1</v>
      </c>
    </row>
    <row r="2596" spans="1:10" ht="51.6" customHeight="1" x14ac:dyDescent="0.45">
      <c r="A2596" s="6">
        <f>'申請書（複数入力用）'!A2598</f>
        <v>2592</v>
      </c>
      <c r="B2596" s="13">
        <f>'申請書（複数入力用）'!AH2598</f>
        <v>0</v>
      </c>
      <c r="C2596" s="6">
        <f>'申請書（複数入力用）'!B2598</f>
        <v>0</v>
      </c>
      <c r="D2596" s="6">
        <f>'申請書（複数入力用）'!D2598</f>
        <v>0</v>
      </c>
      <c r="E2596" s="14">
        <f>'申請書（複数入力用）'!H2598</f>
        <v>0</v>
      </c>
      <c r="F2596" s="11" t="str">
        <f>'申請書（複数入力用）'!J2598</f>
        <v/>
      </c>
      <c r="G2596" s="6" t="str">
        <f>'申請書（複数入力用）'!K2598</f>
        <v>a052r000000jS9ZAAU</v>
      </c>
      <c r="H2596" s="12" t="e">
        <f>'申請書（複数入力用）'!N2598</f>
        <v>#N/A</v>
      </c>
      <c r="I2596" s="12" t="e">
        <f>'申請書（複数入力用）'!O2598</f>
        <v>#N/A</v>
      </c>
      <c r="J2596" s="12">
        <f>'申請書（複数入力用）'!P2598</f>
        <v>1</v>
      </c>
    </row>
    <row r="2597" spans="1:10" ht="51.6" customHeight="1" x14ac:dyDescent="0.45">
      <c r="A2597" s="6">
        <f>'申請書（複数入力用）'!A2599</f>
        <v>2593</v>
      </c>
      <c r="B2597" s="13">
        <f>'申請書（複数入力用）'!AH2599</f>
        <v>0</v>
      </c>
      <c r="C2597" s="6">
        <f>'申請書（複数入力用）'!B2599</f>
        <v>0</v>
      </c>
      <c r="D2597" s="6">
        <f>'申請書（複数入力用）'!D2599</f>
        <v>0</v>
      </c>
      <c r="E2597" s="14">
        <f>'申請書（複数入力用）'!H2599</f>
        <v>0</v>
      </c>
      <c r="F2597" s="11" t="str">
        <f>'申請書（複数入力用）'!J2599</f>
        <v/>
      </c>
      <c r="G2597" s="6" t="str">
        <f>'申請書（複数入力用）'!K2599</f>
        <v>a052r000000jS9ZAAU</v>
      </c>
      <c r="H2597" s="12" t="e">
        <f>'申請書（複数入力用）'!N2599</f>
        <v>#N/A</v>
      </c>
      <c r="I2597" s="12" t="e">
        <f>'申請書（複数入力用）'!O2599</f>
        <v>#N/A</v>
      </c>
      <c r="J2597" s="12">
        <f>'申請書（複数入力用）'!P2599</f>
        <v>1</v>
      </c>
    </row>
    <row r="2598" spans="1:10" ht="51.6" customHeight="1" x14ac:dyDescent="0.45">
      <c r="A2598" s="6">
        <f>'申請書（複数入力用）'!A2600</f>
        <v>2594</v>
      </c>
      <c r="B2598" s="13">
        <f>'申請書（複数入力用）'!AH2600</f>
        <v>0</v>
      </c>
      <c r="C2598" s="6">
        <f>'申請書（複数入力用）'!B2600</f>
        <v>0</v>
      </c>
      <c r="D2598" s="6">
        <f>'申請書（複数入力用）'!D2600</f>
        <v>0</v>
      </c>
      <c r="E2598" s="14">
        <f>'申請書（複数入力用）'!H2600</f>
        <v>0</v>
      </c>
      <c r="F2598" s="11" t="str">
        <f>'申請書（複数入力用）'!J2600</f>
        <v/>
      </c>
      <c r="G2598" s="6" t="str">
        <f>'申請書（複数入力用）'!K2600</f>
        <v>a052r000000jS9ZAAU</v>
      </c>
      <c r="H2598" s="12" t="e">
        <f>'申請書（複数入力用）'!N2600</f>
        <v>#N/A</v>
      </c>
      <c r="I2598" s="12" t="e">
        <f>'申請書（複数入力用）'!O2600</f>
        <v>#N/A</v>
      </c>
      <c r="J2598" s="12">
        <f>'申請書（複数入力用）'!P2600</f>
        <v>1</v>
      </c>
    </row>
    <row r="2599" spans="1:10" ht="51.6" customHeight="1" x14ac:dyDescent="0.45">
      <c r="A2599" s="6">
        <f>'申請書（複数入力用）'!A2601</f>
        <v>2595</v>
      </c>
      <c r="B2599" s="13">
        <f>'申請書（複数入力用）'!AH2601</f>
        <v>0</v>
      </c>
      <c r="C2599" s="6">
        <f>'申請書（複数入力用）'!B2601</f>
        <v>0</v>
      </c>
      <c r="D2599" s="6">
        <f>'申請書（複数入力用）'!D2601</f>
        <v>0</v>
      </c>
      <c r="E2599" s="14">
        <f>'申請書（複数入力用）'!H2601</f>
        <v>0</v>
      </c>
      <c r="F2599" s="11" t="str">
        <f>'申請書（複数入力用）'!J2601</f>
        <v/>
      </c>
      <c r="G2599" s="6" t="str">
        <f>'申請書（複数入力用）'!K2601</f>
        <v>a052r000000jS9ZAAU</v>
      </c>
      <c r="H2599" s="12" t="e">
        <f>'申請書（複数入力用）'!N2601</f>
        <v>#N/A</v>
      </c>
      <c r="I2599" s="12" t="e">
        <f>'申請書（複数入力用）'!O2601</f>
        <v>#N/A</v>
      </c>
      <c r="J2599" s="12">
        <f>'申請書（複数入力用）'!P2601</f>
        <v>1</v>
      </c>
    </row>
    <row r="2600" spans="1:10" ht="51.6" customHeight="1" x14ac:dyDescent="0.45">
      <c r="A2600" s="6">
        <f>'申請書（複数入力用）'!A2602</f>
        <v>2596</v>
      </c>
      <c r="B2600" s="13">
        <f>'申請書（複数入力用）'!AH2602</f>
        <v>0</v>
      </c>
      <c r="C2600" s="6">
        <f>'申請書（複数入力用）'!B2602</f>
        <v>0</v>
      </c>
      <c r="D2600" s="6">
        <f>'申請書（複数入力用）'!D2602</f>
        <v>0</v>
      </c>
      <c r="E2600" s="14">
        <f>'申請書（複数入力用）'!H2602</f>
        <v>0</v>
      </c>
      <c r="F2600" s="11" t="str">
        <f>'申請書（複数入力用）'!J2602</f>
        <v/>
      </c>
      <c r="G2600" s="6" t="str">
        <f>'申請書（複数入力用）'!K2602</f>
        <v>a052r000000jS9ZAAU</v>
      </c>
      <c r="H2600" s="12" t="e">
        <f>'申請書（複数入力用）'!N2602</f>
        <v>#N/A</v>
      </c>
      <c r="I2600" s="12" t="e">
        <f>'申請書（複数入力用）'!O2602</f>
        <v>#N/A</v>
      </c>
      <c r="J2600" s="12">
        <f>'申請書（複数入力用）'!P2602</f>
        <v>1</v>
      </c>
    </row>
    <row r="2601" spans="1:10" ht="51.6" customHeight="1" x14ac:dyDescent="0.45">
      <c r="A2601" s="6">
        <f>'申請書（複数入力用）'!A2603</f>
        <v>2597</v>
      </c>
      <c r="B2601" s="13">
        <f>'申請書（複数入力用）'!AH2603</f>
        <v>0</v>
      </c>
      <c r="C2601" s="6">
        <f>'申請書（複数入力用）'!B2603</f>
        <v>0</v>
      </c>
      <c r="D2601" s="6">
        <f>'申請書（複数入力用）'!D2603</f>
        <v>0</v>
      </c>
      <c r="E2601" s="14">
        <f>'申請書（複数入力用）'!H2603</f>
        <v>0</v>
      </c>
      <c r="F2601" s="11" t="str">
        <f>'申請書（複数入力用）'!J2603</f>
        <v/>
      </c>
      <c r="G2601" s="6" t="str">
        <f>'申請書（複数入力用）'!K2603</f>
        <v>a052r000000jS9ZAAU</v>
      </c>
      <c r="H2601" s="12" t="e">
        <f>'申請書（複数入力用）'!N2603</f>
        <v>#N/A</v>
      </c>
      <c r="I2601" s="12" t="e">
        <f>'申請書（複数入力用）'!O2603</f>
        <v>#N/A</v>
      </c>
      <c r="J2601" s="12">
        <f>'申請書（複数入力用）'!P2603</f>
        <v>1</v>
      </c>
    </row>
    <row r="2602" spans="1:10" ht="51.6" customHeight="1" x14ac:dyDescent="0.45">
      <c r="A2602" s="6">
        <f>'申請書（複数入力用）'!A2604</f>
        <v>2598</v>
      </c>
      <c r="B2602" s="13">
        <f>'申請書（複数入力用）'!AH2604</f>
        <v>0</v>
      </c>
      <c r="C2602" s="6">
        <f>'申請書（複数入力用）'!B2604</f>
        <v>0</v>
      </c>
      <c r="D2602" s="6">
        <f>'申請書（複数入力用）'!D2604</f>
        <v>0</v>
      </c>
      <c r="E2602" s="14">
        <f>'申請書（複数入力用）'!H2604</f>
        <v>0</v>
      </c>
      <c r="F2602" s="11" t="str">
        <f>'申請書（複数入力用）'!J2604</f>
        <v/>
      </c>
      <c r="G2602" s="6" t="str">
        <f>'申請書（複数入力用）'!K2604</f>
        <v>a052r000000jS9ZAAU</v>
      </c>
      <c r="H2602" s="12" t="e">
        <f>'申請書（複数入力用）'!N2604</f>
        <v>#N/A</v>
      </c>
      <c r="I2602" s="12" t="e">
        <f>'申請書（複数入力用）'!O2604</f>
        <v>#N/A</v>
      </c>
      <c r="J2602" s="12">
        <f>'申請書（複数入力用）'!P2604</f>
        <v>1</v>
      </c>
    </row>
    <row r="2603" spans="1:10" ht="51.6" customHeight="1" x14ac:dyDescent="0.45">
      <c r="A2603" s="6">
        <f>'申請書（複数入力用）'!A2605</f>
        <v>2599</v>
      </c>
      <c r="B2603" s="13">
        <f>'申請書（複数入力用）'!AH2605</f>
        <v>0</v>
      </c>
      <c r="C2603" s="6">
        <f>'申請書（複数入力用）'!B2605</f>
        <v>0</v>
      </c>
      <c r="D2603" s="6">
        <f>'申請書（複数入力用）'!D2605</f>
        <v>0</v>
      </c>
      <c r="E2603" s="14">
        <f>'申請書（複数入力用）'!H2605</f>
        <v>0</v>
      </c>
      <c r="F2603" s="11" t="str">
        <f>'申請書（複数入力用）'!J2605</f>
        <v/>
      </c>
      <c r="G2603" s="6" t="str">
        <f>'申請書（複数入力用）'!K2605</f>
        <v>a052r000000jS9ZAAU</v>
      </c>
      <c r="H2603" s="12" t="e">
        <f>'申請書（複数入力用）'!N2605</f>
        <v>#N/A</v>
      </c>
      <c r="I2603" s="12" t="e">
        <f>'申請書（複数入力用）'!O2605</f>
        <v>#N/A</v>
      </c>
      <c r="J2603" s="12">
        <f>'申請書（複数入力用）'!P2605</f>
        <v>1</v>
      </c>
    </row>
    <row r="2604" spans="1:10" ht="51.6" customHeight="1" x14ac:dyDescent="0.45">
      <c r="A2604" s="6">
        <f>'申請書（複数入力用）'!A2606</f>
        <v>2600</v>
      </c>
      <c r="B2604" s="13">
        <f>'申請書（複数入力用）'!AH2606</f>
        <v>0</v>
      </c>
      <c r="C2604" s="6">
        <f>'申請書（複数入力用）'!B2606</f>
        <v>0</v>
      </c>
      <c r="D2604" s="6">
        <f>'申請書（複数入力用）'!D2606</f>
        <v>0</v>
      </c>
      <c r="E2604" s="14">
        <f>'申請書（複数入力用）'!H2606</f>
        <v>0</v>
      </c>
      <c r="F2604" s="11" t="str">
        <f>'申請書（複数入力用）'!J2606</f>
        <v/>
      </c>
      <c r="G2604" s="6" t="str">
        <f>'申請書（複数入力用）'!K2606</f>
        <v>a052r000000jS9ZAAU</v>
      </c>
      <c r="H2604" s="12" t="e">
        <f>'申請書（複数入力用）'!N2606</f>
        <v>#N/A</v>
      </c>
      <c r="I2604" s="12" t="e">
        <f>'申請書（複数入力用）'!O2606</f>
        <v>#N/A</v>
      </c>
      <c r="J2604" s="12">
        <f>'申請書（複数入力用）'!P2606</f>
        <v>1</v>
      </c>
    </row>
    <row r="2605" spans="1:10" ht="51.6" customHeight="1" x14ac:dyDescent="0.45">
      <c r="A2605" s="6">
        <f>'申請書（複数入力用）'!A2607</f>
        <v>2601</v>
      </c>
      <c r="B2605" s="13">
        <f>'申請書（複数入力用）'!AH2607</f>
        <v>0</v>
      </c>
      <c r="C2605" s="6">
        <f>'申請書（複数入力用）'!B2607</f>
        <v>0</v>
      </c>
      <c r="D2605" s="6">
        <f>'申請書（複数入力用）'!D2607</f>
        <v>0</v>
      </c>
      <c r="E2605" s="14">
        <f>'申請書（複数入力用）'!H2607</f>
        <v>0</v>
      </c>
      <c r="F2605" s="11" t="str">
        <f>'申請書（複数入力用）'!J2607</f>
        <v/>
      </c>
      <c r="G2605" s="6" t="str">
        <f>'申請書（複数入力用）'!K2607</f>
        <v>a052r000000jS9ZAAU</v>
      </c>
      <c r="H2605" s="12" t="e">
        <f>'申請書（複数入力用）'!N2607</f>
        <v>#N/A</v>
      </c>
      <c r="I2605" s="12" t="e">
        <f>'申請書（複数入力用）'!O2607</f>
        <v>#N/A</v>
      </c>
      <c r="J2605" s="12">
        <f>'申請書（複数入力用）'!P2607</f>
        <v>1</v>
      </c>
    </row>
    <row r="2606" spans="1:10" ht="51.6" customHeight="1" x14ac:dyDescent="0.45">
      <c r="A2606" s="6">
        <f>'申請書（複数入力用）'!A2608</f>
        <v>2602</v>
      </c>
      <c r="B2606" s="13">
        <f>'申請書（複数入力用）'!AH2608</f>
        <v>0</v>
      </c>
      <c r="C2606" s="6">
        <f>'申請書（複数入力用）'!B2608</f>
        <v>0</v>
      </c>
      <c r="D2606" s="6">
        <f>'申請書（複数入力用）'!D2608</f>
        <v>0</v>
      </c>
      <c r="E2606" s="14">
        <f>'申請書（複数入力用）'!H2608</f>
        <v>0</v>
      </c>
      <c r="F2606" s="11" t="str">
        <f>'申請書（複数入力用）'!J2608</f>
        <v/>
      </c>
      <c r="G2606" s="6" t="str">
        <f>'申請書（複数入力用）'!K2608</f>
        <v>a052r000000jS9ZAAU</v>
      </c>
      <c r="H2606" s="12" t="e">
        <f>'申請書（複数入力用）'!N2608</f>
        <v>#N/A</v>
      </c>
      <c r="I2606" s="12" t="e">
        <f>'申請書（複数入力用）'!O2608</f>
        <v>#N/A</v>
      </c>
      <c r="J2606" s="12">
        <f>'申請書（複数入力用）'!P2608</f>
        <v>1</v>
      </c>
    </row>
    <row r="2607" spans="1:10" ht="51.6" customHeight="1" x14ac:dyDescent="0.45">
      <c r="A2607" s="6">
        <f>'申請書（複数入力用）'!A2609</f>
        <v>2603</v>
      </c>
      <c r="B2607" s="13">
        <f>'申請書（複数入力用）'!AH2609</f>
        <v>0</v>
      </c>
      <c r="C2607" s="6">
        <f>'申請書（複数入力用）'!B2609</f>
        <v>0</v>
      </c>
      <c r="D2607" s="6">
        <f>'申請書（複数入力用）'!D2609</f>
        <v>0</v>
      </c>
      <c r="E2607" s="14">
        <f>'申請書（複数入力用）'!H2609</f>
        <v>0</v>
      </c>
      <c r="F2607" s="11" t="str">
        <f>'申請書（複数入力用）'!J2609</f>
        <v/>
      </c>
      <c r="G2607" s="6" t="str">
        <f>'申請書（複数入力用）'!K2609</f>
        <v>a052r000000jS9ZAAU</v>
      </c>
      <c r="H2607" s="12" t="e">
        <f>'申請書（複数入力用）'!N2609</f>
        <v>#N/A</v>
      </c>
      <c r="I2607" s="12" t="e">
        <f>'申請書（複数入力用）'!O2609</f>
        <v>#N/A</v>
      </c>
      <c r="J2607" s="12">
        <f>'申請書（複数入力用）'!P2609</f>
        <v>1</v>
      </c>
    </row>
    <row r="2608" spans="1:10" ht="51.6" customHeight="1" x14ac:dyDescent="0.45">
      <c r="A2608" s="6">
        <f>'申請書（複数入力用）'!A2610</f>
        <v>2604</v>
      </c>
      <c r="B2608" s="13">
        <f>'申請書（複数入力用）'!AH2610</f>
        <v>0</v>
      </c>
      <c r="C2608" s="6">
        <f>'申請書（複数入力用）'!B2610</f>
        <v>0</v>
      </c>
      <c r="D2608" s="6">
        <f>'申請書（複数入力用）'!D2610</f>
        <v>0</v>
      </c>
      <c r="E2608" s="14">
        <f>'申請書（複数入力用）'!H2610</f>
        <v>0</v>
      </c>
      <c r="F2608" s="11" t="str">
        <f>'申請書（複数入力用）'!J2610</f>
        <v/>
      </c>
      <c r="G2608" s="6" t="str">
        <f>'申請書（複数入力用）'!K2610</f>
        <v>a052r000000jS9ZAAU</v>
      </c>
      <c r="H2608" s="12" t="e">
        <f>'申請書（複数入力用）'!N2610</f>
        <v>#N/A</v>
      </c>
      <c r="I2608" s="12" t="e">
        <f>'申請書（複数入力用）'!O2610</f>
        <v>#N/A</v>
      </c>
      <c r="J2608" s="12">
        <f>'申請書（複数入力用）'!P2610</f>
        <v>1</v>
      </c>
    </row>
    <row r="2609" spans="1:10" ht="51.6" customHeight="1" x14ac:dyDescent="0.45">
      <c r="A2609" s="6">
        <f>'申請書（複数入力用）'!A2611</f>
        <v>2605</v>
      </c>
      <c r="B2609" s="13">
        <f>'申請書（複数入力用）'!AH2611</f>
        <v>0</v>
      </c>
      <c r="C2609" s="6">
        <f>'申請書（複数入力用）'!B2611</f>
        <v>0</v>
      </c>
      <c r="D2609" s="6">
        <f>'申請書（複数入力用）'!D2611</f>
        <v>0</v>
      </c>
      <c r="E2609" s="14">
        <f>'申請書（複数入力用）'!H2611</f>
        <v>0</v>
      </c>
      <c r="F2609" s="11" t="str">
        <f>'申請書（複数入力用）'!J2611</f>
        <v/>
      </c>
      <c r="G2609" s="6" t="str">
        <f>'申請書（複数入力用）'!K2611</f>
        <v>a052r000000jS9ZAAU</v>
      </c>
      <c r="H2609" s="12" t="e">
        <f>'申請書（複数入力用）'!N2611</f>
        <v>#N/A</v>
      </c>
      <c r="I2609" s="12" t="e">
        <f>'申請書（複数入力用）'!O2611</f>
        <v>#N/A</v>
      </c>
      <c r="J2609" s="12">
        <f>'申請書（複数入力用）'!P2611</f>
        <v>1</v>
      </c>
    </row>
    <row r="2610" spans="1:10" ht="51.6" customHeight="1" x14ac:dyDescent="0.45">
      <c r="A2610" s="6">
        <f>'申請書（複数入力用）'!A2612</f>
        <v>2606</v>
      </c>
      <c r="B2610" s="13">
        <f>'申請書（複数入力用）'!AH2612</f>
        <v>0</v>
      </c>
      <c r="C2610" s="6">
        <f>'申請書（複数入力用）'!B2612</f>
        <v>0</v>
      </c>
      <c r="D2610" s="6">
        <f>'申請書（複数入力用）'!D2612</f>
        <v>0</v>
      </c>
      <c r="E2610" s="14">
        <f>'申請書（複数入力用）'!H2612</f>
        <v>0</v>
      </c>
      <c r="F2610" s="11" t="str">
        <f>'申請書（複数入力用）'!J2612</f>
        <v/>
      </c>
      <c r="G2610" s="6" t="str">
        <f>'申請書（複数入力用）'!K2612</f>
        <v>a052r000000jS9ZAAU</v>
      </c>
      <c r="H2610" s="12" t="e">
        <f>'申請書（複数入力用）'!N2612</f>
        <v>#N/A</v>
      </c>
      <c r="I2610" s="12" t="e">
        <f>'申請書（複数入力用）'!O2612</f>
        <v>#N/A</v>
      </c>
      <c r="J2610" s="12">
        <f>'申請書（複数入力用）'!P2612</f>
        <v>1</v>
      </c>
    </row>
    <row r="2611" spans="1:10" ht="51.6" customHeight="1" x14ac:dyDescent="0.45">
      <c r="A2611" s="6">
        <f>'申請書（複数入力用）'!A2613</f>
        <v>2607</v>
      </c>
      <c r="B2611" s="13">
        <f>'申請書（複数入力用）'!AH2613</f>
        <v>0</v>
      </c>
      <c r="C2611" s="6">
        <f>'申請書（複数入力用）'!B2613</f>
        <v>0</v>
      </c>
      <c r="D2611" s="6">
        <f>'申請書（複数入力用）'!D2613</f>
        <v>0</v>
      </c>
      <c r="E2611" s="14">
        <f>'申請書（複数入力用）'!H2613</f>
        <v>0</v>
      </c>
      <c r="F2611" s="11" t="str">
        <f>'申請書（複数入力用）'!J2613</f>
        <v/>
      </c>
      <c r="G2611" s="6" t="str">
        <f>'申請書（複数入力用）'!K2613</f>
        <v>a052r000000jS9ZAAU</v>
      </c>
      <c r="H2611" s="12" t="e">
        <f>'申請書（複数入力用）'!N2613</f>
        <v>#N/A</v>
      </c>
      <c r="I2611" s="12" t="e">
        <f>'申請書（複数入力用）'!O2613</f>
        <v>#N/A</v>
      </c>
      <c r="J2611" s="12">
        <f>'申請書（複数入力用）'!P2613</f>
        <v>1</v>
      </c>
    </row>
    <row r="2612" spans="1:10" ht="51.6" customHeight="1" x14ac:dyDescent="0.45">
      <c r="A2612" s="6">
        <f>'申請書（複数入力用）'!A2614</f>
        <v>2608</v>
      </c>
      <c r="B2612" s="13">
        <f>'申請書（複数入力用）'!AH2614</f>
        <v>0</v>
      </c>
      <c r="C2612" s="6">
        <f>'申請書（複数入力用）'!B2614</f>
        <v>0</v>
      </c>
      <c r="D2612" s="6">
        <f>'申請書（複数入力用）'!D2614</f>
        <v>0</v>
      </c>
      <c r="E2612" s="14">
        <f>'申請書（複数入力用）'!H2614</f>
        <v>0</v>
      </c>
      <c r="F2612" s="11" t="str">
        <f>'申請書（複数入力用）'!J2614</f>
        <v/>
      </c>
      <c r="G2612" s="6" t="str">
        <f>'申請書（複数入力用）'!K2614</f>
        <v>a052r000000jS9ZAAU</v>
      </c>
      <c r="H2612" s="12" t="e">
        <f>'申請書（複数入力用）'!N2614</f>
        <v>#N/A</v>
      </c>
      <c r="I2612" s="12" t="e">
        <f>'申請書（複数入力用）'!O2614</f>
        <v>#N/A</v>
      </c>
      <c r="J2612" s="12">
        <f>'申請書（複数入力用）'!P2614</f>
        <v>1</v>
      </c>
    </row>
    <row r="2613" spans="1:10" ht="51.6" customHeight="1" x14ac:dyDescent="0.45">
      <c r="A2613" s="6">
        <f>'申請書（複数入力用）'!A2615</f>
        <v>2609</v>
      </c>
      <c r="B2613" s="13">
        <f>'申請書（複数入力用）'!AH2615</f>
        <v>0</v>
      </c>
      <c r="C2613" s="6">
        <f>'申請書（複数入力用）'!B2615</f>
        <v>0</v>
      </c>
      <c r="D2613" s="6">
        <f>'申請書（複数入力用）'!D2615</f>
        <v>0</v>
      </c>
      <c r="E2613" s="14">
        <f>'申請書（複数入力用）'!H2615</f>
        <v>0</v>
      </c>
      <c r="F2613" s="11" t="str">
        <f>'申請書（複数入力用）'!J2615</f>
        <v/>
      </c>
      <c r="G2613" s="6" t="str">
        <f>'申請書（複数入力用）'!K2615</f>
        <v>a052r000000jS9ZAAU</v>
      </c>
      <c r="H2613" s="12" t="e">
        <f>'申請書（複数入力用）'!N2615</f>
        <v>#N/A</v>
      </c>
      <c r="I2613" s="12" t="e">
        <f>'申請書（複数入力用）'!O2615</f>
        <v>#N/A</v>
      </c>
      <c r="J2613" s="12">
        <f>'申請書（複数入力用）'!P2615</f>
        <v>1</v>
      </c>
    </row>
    <row r="2614" spans="1:10" ht="51.6" customHeight="1" x14ac:dyDescent="0.45">
      <c r="A2614" s="6">
        <f>'申請書（複数入力用）'!A2616</f>
        <v>2610</v>
      </c>
      <c r="B2614" s="13">
        <f>'申請書（複数入力用）'!AH2616</f>
        <v>0</v>
      </c>
      <c r="C2614" s="6">
        <f>'申請書（複数入力用）'!B2616</f>
        <v>0</v>
      </c>
      <c r="D2614" s="6">
        <f>'申請書（複数入力用）'!D2616</f>
        <v>0</v>
      </c>
      <c r="E2614" s="14">
        <f>'申請書（複数入力用）'!H2616</f>
        <v>0</v>
      </c>
      <c r="F2614" s="11" t="str">
        <f>'申請書（複数入力用）'!J2616</f>
        <v/>
      </c>
      <c r="G2614" s="6" t="str">
        <f>'申請書（複数入力用）'!K2616</f>
        <v>a052r000000jS9ZAAU</v>
      </c>
      <c r="H2614" s="12" t="e">
        <f>'申請書（複数入力用）'!N2616</f>
        <v>#N/A</v>
      </c>
      <c r="I2614" s="12" t="e">
        <f>'申請書（複数入力用）'!O2616</f>
        <v>#N/A</v>
      </c>
      <c r="J2614" s="12">
        <f>'申請書（複数入力用）'!P2616</f>
        <v>1</v>
      </c>
    </row>
    <row r="2615" spans="1:10" ht="51.6" customHeight="1" x14ac:dyDescent="0.45">
      <c r="A2615" s="6">
        <f>'申請書（複数入力用）'!A2617</f>
        <v>2611</v>
      </c>
      <c r="B2615" s="13">
        <f>'申請書（複数入力用）'!AH2617</f>
        <v>0</v>
      </c>
      <c r="C2615" s="6">
        <f>'申請書（複数入力用）'!B2617</f>
        <v>0</v>
      </c>
      <c r="D2615" s="6">
        <f>'申請書（複数入力用）'!D2617</f>
        <v>0</v>
      </c>
      <c r="E2615" s="14">
        <f>'申請書（複数入力用）'!H2617</f>
        <v>0</v>
      </c>
      <c r="F2615" s="11" t="str">
        <f>'申請書（複数入力用）'!J2617</f>
        <v/>
      </c>
      <c r="G2615" s="6" t="str">
        <f>'申請書（複数入力用）'!K2617</f>
        <v>a052r000000jS9ZAAU</v>
      </c>
      <c r="H2615" s="12" t="e">
        <f>'申請書（複数入力用）'!N2617</f>
        <v>#N/A</v>
      </c>
      <c r="I2615" s="12" t="e">
        <f>'申請書（複数入力用）'!O2617</f>
        <v>#N/A</v>
      </c>
      <c r="J2615" s="12">
        <f>'申請書（複数入力用）'!P2617</f>
        <v>1</v>
      </c>
    </row>
    <row r="2616" spans="1:10" ht="51.6" customHeight="1" x14ac:dyDescent="0.45">
      <c r="A2616" s="6">
        <f>'申請書（複数入力用）'!A2618</f>
        <v>2612</v>
      </c>
      <c r="B2616" s="13">
        <f>'申請書（複数入力用）'!AH2618</f>
        <v>0</v>
      </c>
      <c r="C2616" s="6">
        <f>'申請書（複数入力用）'!B2618</f>
        <v>0</v>
      </c>
      <c r="D2616" s="6">
        <f>'申請書（複数入力用）'!D2618</f>
        <v>0</v>
      </c>
      <c r="E2616" s="14">
        <f>'申請書（複数入力用）'!H2618</f>
        <v>0</v>
      </c>
      <c r="F2616" s="11" t="str">
        <f>'申請書（複数入力用）'!J2618</f>
        <v/>
      </c>
      <c r="G2616" s="6" t="str">
        <f>'申請書（複数入力用）'!K2618</f>
        <v>a052r000000jS9ZAAU</v>
      </c>
      <c r="H2616" s="12" t="e">
        <f>'申請書（複数入力用）'!N2618</f>
        <v>#N/A</v>
      </c>
      <c r="I2616" s="12" t="e">
        <f>'申請書（複数入力用）'!O2618</f>
        <v>#N/A</v>
      </c>
      <c r="J2616" s="12">
        <f>'申請書（複数入力用）'!P2618</f>
        <v>1</v>
      </c>
    </row>
    <row r="2617" spans="1:10" ht="51.6" customHeight="1" x14ac:dyDescent="0.45">
      <c r="A2617" s="6">
        <f>'申請書（複数入力用）'!A2619</f>
        <v>2613</v>
      </c>
      <c r="B2617" s="13">
        <f>'申請書（複数入力用）'!AH2619</f>
        <v>0</v>
      </c>
      <c r="C2617" s="6">
        <f>'申請書（複数入力用）'!B2619</f>
        <v>0</v>
      </c>
      <c r="D2617" s="6">
        <f>'申請書（複数入力用）'!D2619</f>
        <v>0</v>
      </c>
      <c r="E2617" s="14">
        <f>'申請書（複数入力用）'!H2619</f>
        <v>0</v>
      </c>
      <c r="F2617" s="11" t="str">
        <f>'申請書（複数入力用）'!J2619</f>
        <v/>
      </c>
      <c r="G2617" s="6" t="str">
        <f>'申請書（複数入力用）'!K2619</f>
        <v>a052r000000jS9ZAAU</v>
      </c>
      <c r="H2617" s="12" t="e">
        <f>'申請書（複数入力用）'!N2619</f>
        <v>#N/A</v>
      </c>
      <c r="I2617" s="12" t="e">
        <f>'申請書（複数入力用）'!O2619</f>
        <v>#N/A</v>
      </c>
      <c r="J2617" s="12">
        <f>'申請書（複数入力用）'!P2619</f>
        <v>1</v>
      </c>
    </row>
    <row r="2618" spans="1:10" ht="51.6" customHeight="1" x14ac:dyDescent="0.45">
      <c r="A2618" s="6">
        <f>'申請書（複数入力用）'!A2620</f>
        <v>2614</v>
      </c>
      <c r="B2618" s="13">
        <f>'申請書（複数入力用）'!AH2620</f>
        <v>0</v>
      </c>
      <c r="C2618" s="6">
        <f>'申請書（複数入力用）'!B2620</f>
        <v>0</v>
      </c>
      <c r="D2618" s="6">
        <f>'申請書（複数入力用）'!D2620</f>
        <v>0</v>
      </c>
      <c r="E2618" s="14">
        <f>'申請書（複数入力用）'!H2620</f>
        <v>0</v>
      </c>
      <c r="F2618" s="11" t="str">
        <f>'申請書（複数入力用）'!J2620</f>
        <v/>
      </c>
      <c r="G2618" s="6" t="str">
        <f>'申請書（複数入力用）'!K2620</f>
        <v>a052r000000jS9ZAAU</v>
      </c>
      <c r="H2618" s="12" t="e">
        <f>'申請書（複数入力用）'!N2620</f>
        <v>#N/A</v>
      </c>
      <c r="I2618" s="12" t="e">
        <f>'申請書（複数入力用）'!O2620</f>
        <v>#N/A</v>
      </c>
      <c r="J2618" s="12">
        <f>'申請書（複数入力用）'!P2620</f>
        <v>1</v>
      </c>
    </row>
    <row r="2619" spans="1:10" ht="51.6" customHeight="1" x14ac:dyDescent="0.45">
      <c r="A2619" s="6">
        <f>'申請書（複数入力用）'!A2621</f>
        <v>2615</v>
      </c>
      <c r="B2619" s="13">
        <f>'申請書（複数入力用）'!AH2621</f>
        <v>0</v>
      </c>
      <c r="C2619" s="6">
        <f>'申請書（複数入力用）'!B2621</f>
        <v>0</v>
      </c>
      <c r="D2619" s="6">
        <f>'申請書（複数入力用）'!D2621</f>
        <v>0</v>
      </c>
      <c r="E2619" s="14">
        <f>'申請書（複数入力用）'!H2621</f>
        <v>0</v>
      </c>
      <c r="F2619" s="11" t="str">
        <f>'申請書（複数入力用）'!J2621</f>
        <v/>
      </c>
      <c r="G2619" s="6" t="str">
        <f>'申請書（複数入力用）'!K2621</f>
        <v>a052r000000jS9ZAAU</v>
      </c>
      <c r="H2619" s="12" t="e">
        <f>'申請書（複数入力用）'!N2621</f>
        <v>#N/A</v>
      </c>
      <c r="I2619" s="12" t="e">
        <f>'申請書（複数入力用）'!O2621</f>
        <v>#N/A</v>
      </c>
      <c r="J2619" s="12">
        <f>'申請書（複数入力用）'!P2621</f>
        <v>1</v>
      </c>
    </row>
    <row r="2620" spans="1:10" ht="51.6" customHeight="1" x14ac:dyDescent="0.45">
      <c r="A2620" s="6">
        <f>'申請書（複数入力用）'!A2622</f>
        <v>2616</v>
      </c>
      <c r="B2620" s="13">
        <f>'申請書（複数入力用）'!AH2622</f>
        <v>0</v>
      </c>
      <c r="C2620" s="6">
        <f>'申請書（複数入力用）'!B2622</f>
        <v>0</v>
      </c>
      <c r="D2620" s="6">
        <f>'申請書（複数入力用）'!D2622</f>
        <v>0</v>
      </c>
      <c r="E2620" s="14">
        <f>'申請書（複数入力用）'!H2622</f>
        <v>0</v>
      </c>
      <c r="F2620" s="11" t="str">
        <f>'申請書（複数入力用）'!J2622</f>
        <v/>
      </c>
      <c r="G2620" s="6" t="str">
        <f>'申請書（複数入力用）'!K2622</f>
        <v>a052r000000jS9ZAAU</v>
      </c>
      <c r="H2620" s="12" t="e">
        <f>'申請書（複数入力用）'!N2622</f>
        <v>#N/A</v>
      </c>
      <c r="I2620" s="12" t="e">
        <f>'申請書（複数入力用）'!O2622</f>
        <v>#N/A</v>
      </c>
      <c r="J2620" s="12">
        <f>'申請書（複数入力用）'!P2622</f>
        <v>1</v>
      </c>
    </row>
    <row r="2621" spans="1:10" ht="51.6" customHeight="1" x14ac:dyDescent="0.45">
      <c r="A2621" s="6">
        <f>'申請書（複数入力用）'!A2623</f>
        <v>2617</v>
      </c>
      <c r="B2621" s="13">
        <f>'申請書（複数入力用）'!AH2623</f>
        <v>0</v>
      </c>
      <c r="C2621" s="6">
        <f>'申請書（複数入力用）'!B2623</f>
        <v>0</v>
      </c>
      <c r="D2621" s="6">
        <f>'申請書（複数入力用）'!D2623</f>
        <v>0</v>
      </c>
      <c r="E2621" s="14">
        <f>'申請書（複数入力用）'!H2623</f>
        <v>0</v>
      </c>
      <c r="F2621" s="11" t="str">
        <f>'申請書（複数入力用）'!J2623</f>
        <v/>
      </c>
      <c r="G2621" s="6" t="str">
        <f>'申請書（複数入力用）'!K2623</f>
        <v>a052r000000jS9ZAAU</v>
      </c>
      <c r="H2621" s="12" t="e">
        <f>'申請書（複数入力用）'!N2623</f>
        <v>#N/A</v>
      </c>
      <c r="I2621" s="12" t="e">
        <f>'申請書（複数入力用）'!O2623</f>
        <v>#N/A</v>
      </c>
      <c r="J2621" s="12">
        <f>'申請書（複数入力用）'!P2623</f>
        <v>1</v>
      </c>
    </row>
    <row r="2622" spans="1:10" ht="51.6" customHeight="1" x14ac:dyDescent="0.45">
      <c r="A2622" s="6">
        <f>'申請書（複数入力用）'!A2624</f>
        <v>2618</v>
      </c>
      <c r="B2622" s="13">
        <f>'申請書（複数入力用）'!AH2624</f>
        <v>0</v>
      </c>
      <c r="C2622" s="6">
        <f>'申請書（複数入力用）'!B2624</f>
        <v>0</v>
      </c>
      <c r="D2622" s="6">
        <f>'申請書（複数入力用）'!D2624</f>
        <v>0</v>
      </c>
      <c r="E2622" s="14">
        <f>'申請書（複数入力用）'!H2624</f>
        <v>0</v>
      </c>
      <c r="F2622" s="11" t="str">
        <f>'申請書（複数入力用）'!J2624</f>
        <v/>
      </c>
      <c r="G2622" s="6" t="str">
        <f>'申請書（複数入力用）'!K2624</f>
        <v>a052r000000jS9ZAAU</v>
      </c>
      <c r="H2622" s="12" t="e">
        <f>'申請書（複数入力用）'!N2624</f>
        <v>#N/A</v>
      </c>
      <c r="I2622" s="12" t="e">
        <f>'申請書（複数入力用）'!O2624</f>
        <v>#N/A</v>
      </c>
      <c r="J2622" s="12">
        <f>'申請書（複数入力用）'!P2624</f>
        <v>1</v>
      </c>
    </row>
    <row r="2623" spans="1:10" ht="51.6" customHeight="1" x14ac:dyDescent="0.45">
      <c r="A2623" s="6">
        <f>'申請書（複数入力用）'!A2625</f>
        <v>2619</v>
      </c>
      <c r="B2623" s="13">
        <f>'申請書（複数入力用）'!AH2625</f>
        <v>0</v>
      </c>
      <c r="C2623" s="6">
        <f>'申請書（複数入力用）'!B2625</f>
        <v>0</v>
      </c>
      <c r="D2623" s="6">
        <f>'申請書（複数入力用）'!D2625</f>
        <v>0</v>
      </c>
      <c r="E2623" s="14">
        <f>'申請書（複数入力用）'!H2625</f>
        <v>0</v>
      </c>
      <c r="F2623" s="11" t="str">
        <f>'申請書（複数入力用）'!J2625</f>
        <v/>
      </c>
      <c r="G2623" s="6" t="str">
        <f>'申請書（複数入力用）'!K2625</f>
        <v>a052r000000jS9ZAAU</v>
      </c>
      <c r="H2623" s="12" t="e">
        <f>'申請書（複数入力用）'!N2625</f>
        <v>#N/A</v>
      </c>
      <c r="I2623" s="12" t="e">
        <f>'申請書（複数入力用）'!O2625</f>
        <v>#N/A</v>
      </c>
      <c r="J2623" s="12">
        <f>'申請書（複数入力用）'!P2625</f>
        <v>1</v>
      </c>
    </row>
    <row r="2624" spans="1:10" ht="51.6" customHeight="1" x14ac:dyDescent="0.45">
      <c r="A2624" s="6">
        <f>'申請書（複数入力用）'!A2626</f>
        <v>2620</v>
      </c>
      <c r="B2624" s="13">
        <f>'申請書（複数入力用）'!AH2626</f>
        <v>0</v>
      </c>
      <c r="C2624" s="6">
        <f>'申請書（複数入力用）'!B2626</f>
        <v>0</v>
      </c>
      <c r="D2624" s="6">
        <f>'申請書（複数入力用）'!D2626</f>
        <v>0</v>
      </c>
      <c r="E2624" s="14">
        <f>'申請書（複数入力用）'!H2626</f>
        <v>0</v>
      </c>
      <c r="F2624" s="11" t="str">
        <f>'申請書（複数入力用）'!J2626</f>
        <v/>
      </c>
      <c r="G2624" s="6" t="str">
        <f>'申請書（複数入力用）'!K2626</f>
        <v>a052r000000jS9ZAAU</v>
      </c>
      <c r="H2624" s="12" t="e">
        <f>'申請書（複数入力用）'!N2626</f>
        <v>#N/A</v>
      </c>
      <c r="I2624" s="12" t="e">
        <f>'申請書（複数入力用）'!O2626</f>
        <v>#N/A</v>
      </c>
      <c r="J2624" s="12">
        <f>'申請書（複数入力用）'!P2626</f>
        <v>1</v>
      </c>
    </row>
    <row r="2625" spans="1:10" ht="51.6" customHeight="1" x14ac:dyDescent="0.45">
      <c r="A2625" s="6">
        <f>'申請書（複数入力用）'!A2627</f>
        <v>2621</v>
      </c>
      <c r="B2625" s="13">
        <f>'申請書（複数入力用）'!AH2627</f>
        <v>0</v>
      </c>
      <c r="C2625" s="6">
        <f>'申請書（複数入力用）'!B2627</f>
        <v>0</v>
      </c>
      <c r="D2625" s="6">
        <f>'申請書（複数入力用）'!D2627</f>
        <v>0</v>
      </c>
      <c r="E2625" s="14">
        <f>'申請書（複数入力用）'!H2627</f>
        <v>0</v>
      </c>
      <c r="F2625" s="11" t="str">
        <f>'申請書（複数入力用）'!J2627</f>
        <v/>
      </c>
      <c r="G2625" s="6" t="str">
        <f>'申請書（複数入力用）'!K2627</f>
        <v>a052r000000jS9ZAAU</v>
      </c>
      <c r="H2625" s="12" t="e">
        <f>'申請書（複数入力用）'!N2627</f>
        <v>#N/A</v>
      </c>
      <c r="I2625" s="12" t="e">
        <f>'申請書（複数入力用）'!O2627</f>
        <v>#N/A</v>
      </c>
      <c r="J2625" s="12">
        <f>'申請書（複数入力用）'!P2627</f>
        <v>1</v>
      </c>
    </row>
    <row r="2626" spans="1:10" ht="51.6" customHeight="1" x14ac:dyDescent="0.45">
      <c r="A2626" s="6">
        <f>'申請書（複数入力用）'!A2628</f>
        <v>2622</v>
      </c>
      <c r="B2626" s="13">
        <f>'申請書（複数入力用）'!AH2628</f>
        <v>0</v>
      </c>
      <c r="C2626" s="6">
        <f>'申請書（複数入力用）'!B2628</f>
        <v>0</v>
      </c>
      <c r="D2626" s="6">
        <f>'申請書（複数入力用）'!D2628</f>
        <v>0</v>
      </c>
      <c r="E2626" s="14">
        <f>'申請書（複数入力用）'!H2628</f>
        <v>0</v>
      </c>
      <c r="F2626" s="11" t="str">
        <f>'申請書（複数入力用）'!J2628</f>
        <v/>
      </c>
      <c r="G2626" s="6" t="str">
        <f>'申請書（複数入力用）'!K2628</f>
        <v>a052r000000jS9ZAAU</v>
      </c>
      <c r="H2626" s="12" t="e">
        <f>'申請書（複数入力用）'!N2628</f>
        <v>#N/A</v>
      </c>
      <c r="I2626" s="12" t="e">
        <f>'申請書（複数入力用）'!O2628</f>
        <v>#N/A</v>
      </c>
      <c r="J2626" s="12">
        <f>'申請書（複数入力用）'!P2628</f>
        <v>1</v>
      </c>
    </row>
    <row r="2627" spans="1:10" ht="51.6" customHeight="1" x14ac:dyDescent="0.45">
      <c r="A2627" s="6">
        <f>'申請書（複数入力用）'!A2629</f>
        <v>2623</v>
      </c>
      <c r="B2627" s="13">
        <f>'申請書（複数入力用）'!AH2629</f>
        <v>0</v>
      </c>
      <c r="C2627" s="6">
        <f>'申請書（複数入力用）'!B2629</f>
        <v>0</v>
      </c>
      <c r="D2627" s="6">
        <f>'申請書（複数入力用）'!D2629</f>
        <v>0</v>
      </c>
      <c r="E2627" s="14">
        <f>'申請書（複数入力用）'!H2629</f>
        <v>0</v>
      </c>
      <c r="F2627" s="11" t="str">
        <f>'申請書（複数入力用）'!J2629</f>
        <v/>
      </c>
      <c r="G2627" s="6" t="str">
        <f>'申請書（複数入力用）'!K2629</f>
        <v>a052r000000jS9ZAAU</v>
      </c>
      <c r="H2627" s="12" t="e">
        <f>'申請書（複数入力用）'!N2629</f>
        <v>#N/A</v>
      </c>
      <c r="I2627" s="12" t="e">
        <f>'申請書（複数入力用）'!O2629</f>
        <v>#N/A</v>
      </c>
      <c r="J2627" s="12">
        <f>'申請書（複数入力用）'!P2629</f>
        <v>1</v>
      </c>
    </row>
    <row r="2628" spans="1:10" ht="51.6" customHeight="1" x14ac:dyDescent="0.45">
      <c r="A2628" s="6">
        <f>'申請書（複数入力用）'!A2630</f>
        <v>2624</v>
      </c>
      <c r="B2628" s="13">
        <f>'申請書（複数入力用）'!AH2630</f>
        <v>0</v>
      </c>
      <c r="C2628" s="6">
        <f>'申請書（複数入力用）'!B2630</f>
        <v>0</v>
      </c>
      <c r="D2628" s="6">
        <f>'申請書（複数入力用）'!D2630</f>
        <v>0</v>
      </c>
      <c r="E2628" s="14">
        <f>'申請書（複数入力用）'!H2630</f>
        <v>0</v>
      </c>
      <c r="F2628" s="11" t="str">
        <f>'申請書（複数入力用）'!J2630</f>
        <v/>
      </c>
      <c r="G2628" s="6" t="str">
        <f>'申請書（複数入力用）'!K2630</f>
        <v>a052r000000jS9ZAAU</v>
      </c>
      <c r="H2628" s="12" t="e">
        <f>'申請書（複数入力用）'!N2630</f>
        <v>#N/A</v>
      </c>
      <c r="I2628" s="12" t="e">
        <f>'申請書（複数入力用）'!O2630</f>
        <v>#N/A</v>
      </c>
      <c r="J2628" s="12">
        <f>'申請書（複数入力用）'!P2630</f>
        <v>1</v>
      </c>
    </row>
    <row r="2629" spans="1:10" ht="51.6" customHeight="1" x14ac:dyDescent="0.45">
      <c r="A2629" s="6">
        <f>'申請書（複数入力用）'!A2631</f>
        <v>2625</v>
      </c>
      <c r="B2629" s="13">
        <f>'申請書（複数入力用）'!AH2631</f>
        <v>0</v>
      </c>
      <c r="C2629" s="6">
        <f>'申請書（複数入力用）'!B2631</f>
        <v>0</v>
      </c>
      <c r="D2629" s="6">
        <f>'申請書（複数入力用）'!D2631</f>
        <v>0</v>
      </c>
      <c r="E2629" s="14">
        <f>'申請書（複数入力用）'!H2631</f>
        <v>0</v>
      </c>
      <c r="F2629" s="11" t="str">
        <f>'申請書（複数入力用）'!J2631</f>
        <v/>
      </c>
      <c r="G2629" s="6" t="str">
        <f>'申請書（複数入力用）'!K2631</f>
        <v>a052r000000jS9ZAAU</v>
      </c>
      <c r="H2629" s="12" t="e">
        <f>'申請書（複数入力用）'!N2631</f>
        <v>#N/A</v>
      </c>
      <c r="I2629" s="12" t="e">
        <f>'申請書（複数入力用）'!O2631</f>
        <v>#N/A</v>
      </c>
      <c r="J2629" s="12">
        <f>'申請書（複数入力用）'!P2631</f>
        <v>1</v>
      </c>
    </row>
    <row r="2630" spans="1:10" ht="51.6" customHeight="1" x14ac:dyDescent="0.45">
      <c r="A2630" s="6">
        <f>'申請書（複数入力用）'!A2632</f>
        <v>2626</v>
      </c>
      <c r="B2630" s="13">
        <f>'申請書（複数入力用）'!AH2632</f>
        <v>0</v>
      </c>
      <c r="C2630" s="6">
        <f>'申請書（複数入力用）'!B2632</f>
        <v>0</v>
      </c>
      <c r="D2630" s="6">
        <f>'申請書（複数入力用）'!D2632</f>
        <v>0</v>
      </c>
      <c r="E2630" s="14">
        <f>'申請書（複数入力用）'!H2632</f>
        <v>0</v>
      </c>
      <c r="F2630" s="11" t="str">
        <f>'申請書（複数入力用）'!J2632</f>
        <v/>
      </c>
      <c r="G2630" s="6" t="str">
        <f>'申請書（複数入力用）'!K2632</f>
        <v>a052r000000jS9ZAAU</v>
      </c>
      <c r="H2630" s="12" t="e">
        <f>'申請書（複数入力用）'!N2632</f>
        <v>#N/A</v>
      </c>
      <c r="I2630" s="12" t="e">
        <f>'申請書（複数入力用）'!O2632</f>
        <v>#N/A</v>
      </c>
      <c r="J2630" s="12">
        <f>'申請書（複数入力用）'!P2632</f>
        <v>1</v>
      </c>
    </row>
    <row r="2631" spans="1:10" ht="51.6" customHeight="1" x14ac:dyDescent="0.45">
      <c r="A2631" s="6">
        <f>'申請書（複数入力用）'!A2633</f>
        <v>2627</v>
      </c>
      <c r="B2631" s="13">
        <f>'申請書（複数入力用）'!AH2633</f>
        <v>0</v>
      </c>
      <c r="C2631" s="6">
        <f>'申請書（複数入力用）'!B2633</f>
        <v>0</v>
      </c>
      <c r="D2631" s="6">
        <f>'申請書（複数入力用）'!D2633</f>
        <v>0</v>
      </c>
      <c r="E2631" s="14">
        <f>'申請書（複数入力用）'!H2633</f>
        <v>0</v>
      </c>
      <c r="F2631" s="11" t="str">
        <f>'申請書（複数入力用）'!J2633</f>
        <v/>
      </c>
      <c r="G2631" s="6" t="str">
        <f>'申請書（複数入力用）'!K2633</f>
        <v>a052r000000jS9ZAAU</v>
      </c>
      <c r="H2631" s="12" t="e">
        <f>'申請書（複数入力用）'!N2633</f>
        <v>#N/A</v>
      </c>
      <c r="I2631" s="12" t="e">
        <f>'申請書（複数入力用）'!O2633</f>
        <v>#N/A</v>
      </c>
      <c r="J2631" s="12">
        <f>'申請書（複数入力用）'!P2633</f>
        <v>1</v>
      </c>
    </row>
    <row r="2632" spans="1:10" ht="51.6" customHeight="1" x14ac:dyDescent="0.45">
      <c r="A2632" s="6">
        <f>'申請書（複数入力用）'!A2634</f>
        <v>2628</v>
      </c>
      <c r="B2632" s="13">
        <f>'申請書（複数入力用）'!AH2634</f>
        <v>0</v>
      </c>
      <c r="C2632" s="6">
        <f>'申請書（複数入力用）'!B2634</f>
        <v>0</v>
      </c>
      <c r="D2632" s="6">
        <f>'申請書（複数入力用）'!D2634</f>
        <v>0</v>
      </c>
      <c r="E2632" s="14">
        <f>'申請書（複数入力用）'!H2634</f>
        <v>0</v>
      </c>
      <c r="F2632" s="11" t="str">
        <f>'申請書（複数入力用）'!J2634</f>
        <v/>
      </c>
      <c r="G2632" s="6" t="str">
        <f>'申請書（複数入力用）'!K2634</f>
        <v>a052r000000jS9ZAAU</v>
      </c>
      <c r="H2632" s="12" t="e">
        <f>'申請書（複数入力用）'!N2634</f>
        <v>#N/A</v>
      </c>
      <c r="I2632" s="12" t="e">
        <f>'申請書（複数入力用）'!O2634</f>
        <v>#N/A</v>
      </c>
      <c r="J2632" s="12">
        <f>'申請書（複数入力用）'!P2634</f>
        <v>1</v>
      </c>
    </row>
    <row r="2633" spans="1:10" ht="51.6" customHeight="1" x14ac:dyDescent="0.45">
      <c r="A2633" s="6">
        <f>'申請書（複数入力用）'!A2635</f>
        <v>2629</v>
      </c>
      <c r="B2633" s="13">
        <f>'申請書（複数入力用）'!AH2635</f>
        <v>0</v>
      </c>
      <c r="C2633" s="6">
        <f>'申請書（複数入力用）'!B2635</f>
        <v>0</v>
      </c>
      <c r="D2633" s="6">
        <f>'申請書（複数入力用）'!D2635</f>
        <v>0</v>
      </c>
      <c r="E2633" s="14">
        <f>'申請書（複数入力用）'!H2635</f>
        <v>0</v>
      </c>
      <c r="F2633" s="11" t="str">
        <f>'申請書（複数入力用）'!J2635</f>
        <v/>
      </c>
      <c r="G2633" s="6" t="str">
        <f>'申請書（複数入力用）'!K2635</f>
        <v>a052r000000jS9ZAAU</v>
      </c>
      <c r="H2633" s="12" t="e">
        <f>'申請書（複数入力用）'!N2635</f>
        <v>#N/A</v>
      </c>
      <c r="I2633" s="12" t="e">
        <f>'申請書（複数入力用）'!O2635</f>
        <v>#N/A</v>
      </c>
      <c r="J2633" s="12">
        <f>'申請書（複数入力用）'!P2635</f>
        <v>1</v>
      </c>
    </row>
    <row r="2634" spans="1:10" ht="51.6" customHeight="1" x14ac:dyDescent="0.45">
      <c r="A2634" s="6">
        <f>'申請書（複数入力用）'!A2636</f>
        <v>2630</v>
      </c>
      <c r="B2634" s="13">
        <f>'申請書（複数入力用）'!AH2636</f>
        <v>0</v>
      </c>
      <c r="C2634" s="6">
        <f>'申請書（複数入力用）'!B2636</f>
        <v>0</v>
      </c>
      <c r="D2634" s="6">
        <f>'申請書（複数入力用）'!D2636</f>
        <v>0</v>
      </c>
      <c r="E2634" s="14">
        <f>'申請書（複数入力用）'!H2636</f>
        <v>0</v>
      </c>
      <c r="F2634" s="11" t="str">
        <f>'申請書（複数入力用）'!J2636</f>
        <v/>
      </c>
      <c r="G2634" s="6" t="str">
        <f>'申請書（複数入力用）'!K2636</f>
        <v>a052r000000jS9ZAAU</v>
      </c>
      <c r="H2634" s="12" t="e">
        <f>'申請書（複数入力用）'!N2636</f>
        <v>#N/A</v>
      </c>
      <c r="I2634" s="12" t="e">
        <f>'申請書（複数入力用）'!O2636</f>
        <v>#N/A</v>
      </c>
      <c r="J2634" s="12">
        <f>'申請書（複数入力用）'!P2636</f>
        <v>1</v>
      </c>
    </row>
    <row r="2635" spans="1:10" ht="51.6" customHeight="1" x14ac:dyDescent="0.45">
      <c r="A2635" s="6">
        <f>'申請書（複数入力用）'!A2637</f>
        <v>2631</v>
      </c>
      <c r="B2635" s="13">
        <f>'申請書（複数入力用）'!AH2637</f>
        <v>0</v>
      </c>
      <c r="C2635" s="6">
        <f>'申請書（複数入力用）'!B2637</f>
        <v>0</v>
      </c>
      <c r="D2635" s="6">
        <f>'申請書（複数入力用）'!D2637</f>
        <v>0</v>
      </c>
      <c r="E2635" s="14">
        <f>'申請書（複数入力用）'!H2637</f>
        <v>0</v>
      </c>
      <c r="F2635" s="11" t="str">
        <f>'申請書（複数入力用）'!J2637</f>
        <v/>
      </c>
      <c r="G2635" s="6" t="str">
        <f>'申請書（複数入力用）'!K2637</f>
        <v>a052r000000jS9ZAAU</v>
      </c>
      <c r="H2635" s="12" t="e">
        <f>'申請書（複数入力用）'!N2637</f>
        <v>#N/A</v>
      </c>
      <c r="I2635" s="12" t="e">
        <f>'申請書（複数入力用）'!O2637</f>
        <v>#N/A</v>
      </c>
      <c r="J2635" s="12">
        <f>'申請書（複数入力用）'!P2637</f>
        <v>1</v>
      </c>
    </row>
    <row r="2636" spans="1:10" ht="51.6" customHeight="1" x14ac:dyDescent="0.45">
      <c r="A2636" s="6">
        <f>'申請書（複数入力用）'!A2638</f>
        <v>2632</v>
      </c>
      <c r="B2636" s="13">
        <f>'申請書（複数入力用）'!AH2638</f>
        <v>0</v>
      </c>
      <c r="C2636" s="6">
        <f>'申請書（複数入力用）'!B2638</f>
        <v>0</v>
      </c>
      <c r="D2636" s="6">
        <f>'申請書（複数入力用）'!D2638</f>
        <v>0</v>
      </c>
      <c r="E2636" s="14">
        <f>'申請書（複数入力用）'!H2638</f>
        <v>0</v>
      </c>
      <c r="F2636" s="11" t="str">
        <f>'申請書（複数入力用）'!J2638</f>
        <v/>
      </c>
      <c r="G2636" s="6" t="str">
        <f>'申請書（複数入力用）'!K2638</f>
        <v>a052r000000jS9ZAAU</v>
      </c>
      <c r="H2636" s="12" t="e">
        <f>'申請書（複数入力用）'!N2638</f>
        <v>#N/A</v>
      </c>
      <c r="I2636" s="12" t="e">
        <f>'申請書（複数入力用）'!O2638</f>
        <v>#N/A</v>
      </c>
      <c r="J2636" s="12">
        <f>'申請書（複数入力用）'!P2638</f>
        <v>1</v>
      </c>
    </row>
    <row r="2637" spans="1:10" ht="51.6" customHeight="1" x14ac:dyDescent="0.45">
      <c r="A2637" s="6">
        <f>'申請書（複数入力用）'!A2639</f>
        <v>2633</v>
      </c>
      <c r="B2637" s="13">
        <f>'申請書（複数入力用）'!AH2639</f>
        <v>0</v>
      </c>
      <c r="C2637" s="6">
        <f>'申請書（複数入力用）'!B2639</f>
        <v>0</v>
      </c>
      <c r="D2637" s="6">
        <f>'申請書（複数入力用）'!D2639</f>
        <v>0</v>
      </c>
      <c r="E2637" s="14">
        <f>'申請書（複数入力用）'!H2639</f>
        <v>0</v>
      </c>
      <c r="F2637" s="11" t="str">
        <f>'申請書（複数入力用）'!J2639</f>
        <v/>
      </c>
      <c r="G2637" s="6" t="str">
        <f>'申請書（複数入力用）'!K2639</f>
        <v>a052r000000jS9ZAAU</v>
      </c>
      <c r="H2637" s="12" t="e">
        <f>'申請書（複数入力用）'!N2639</f>
        <v>#N/A</v>
      </c>
      <c r="I2637" s="12" t="e">
        <f>'申請書（複数入力用）'!O2639</f>
        <v>#N/A</v>
      </c>
      <c r="J2637" s="12">
        <f>'申請書（複数入力用）'!P2639</f>
        <v>1</v>
      </c>
    </row>
    <row r="2638" spans="1:10" ht="51.6" customHeight="1" x14ac:dyDescent="0.45">
      <c r="A2638" s="6">
        <f>'申請書（複数入力用）'!A2640</f>
        <v>2634</v>
      </c>
      <c r="B2638" s="13">
        <f>'申請書（複数入力用）'!AH2640</f>
        <v>0</v>
      </c>
      <c r="C2638" s="6">
        <f>'申請書（複数入力用）'!B2640</f>
        <v>0</v>
      </c>
      <c r="D2638" s="6">
        <f>'申請書（複数入力用）'!D2640</f>
        <v>0</v>
      </c>
      <c r="E2638" s="14">
        <f>'申請書（複数入力用）'!H2640</f>
        <v>0</v>
      </c>
      <c r="F2638" s="11" t="str">
        <f>'申請書（複数入力用）'!J2640</f>
        <v/>
      </c>
      <c r="G2638" s="6" t="str">
        <f>'申請書（複数入力用）'!K2640</f>
        <v>a052r000000jS9ZAAU</v>
      </c>
      <c r="H2638" s="12" t="e">
        <f>'申請書（複数入力用）'!N2640</f>
        <v>#N/A</v>
      </c>
      <c r="I2638" s="12" t="e">
        <f>'申請書（複数入力用）'!O2640</f>
        <v>#N/A</v>
      </c>
      <c r="J2638" s="12">
        <f>'申請書（複数入力用）'!P2640</f>
        <v>1</v>
      </c>
    </row>
    <row r="2639" spans="1:10" ht="51.6" customHeight="1" x14ac:dyDescent="0.45">
      <c r="A2639" s="6">
        <f>'申請書（複数入力用）'!A2641</f>
        <v>2635</v>
      </c>
      <c r="B2639" s="13">
        <f>'申請書（複数入力用）'!AH2641</f>
        <v>0</v>
      </c>
      <c r="C2639" s="6">
        <f>'申請書（複数入力用）'!B2641</f>
        <v>0</v>
      </c>
      <c r="D2639" s="6">
        <f>'申請書（複数入力用）'!D2641</f>
        <v>0</v>
      </c>
      <c r="E2639" s="14">
        <f>'申請書（複数入力用）'!H2641</f>
        <v>0</v>
      </c>
      <c r="F2639" s="11" t="str">
        <f>'申請書（複数入力用）'!J2641</f>
        <v/>
      </c>
      <c r="G2639" s="6" t="str">
        <f>'申請書（複数入力用）'!K2641</f>
        <v>a052r000000jS9ZAAU</v>
      </c>
      <c r="H2639" s="12" t="e">
        <f>'申請書（複数入力用）'!N2641</f>
        <v>#N/A</v>
      </c>
      <c r="I2639" s="12" t="e">
        <f>'申請書（複数入力用）'!O2641</f>
        <v>#N/A</v>
      </c>
      <c r="J2639" s="12">
        <f>'申請書（複数入力用）'!P2641</f>
        <v>1</v>
      </c>
    </row>
    <row r="2640" spans="1:10" ht="51.6" customHeight="1" x14ac:dyDescent="0.45">
      <c r="A2640" s="6">
        <f>'申請書（複数入力用）'!A2642</f>
        <v>2636</v>
      </c>
      <c r="B2640" s="13">
        <f>'申請書（複数入力用）'!AH2642</f>
        <v>0</v>
      </c>
      <c r="C2640" s="6">
        <f>'申請書（複数入力用）'!B2642</f>
        <v>0</v>
      </c>
      <c r="D2640" s="6">
        <f>'申請書（複数入力用）'!D2642</f>
        <v>0</v>
      </c>
      <c r="E2640" s="14">
        <f>'申請書（複数入力用）'!H2642</f>
        <v>0</v>
      </c>
      <c r="F2640" s="11" t="str">
        <f>'申請書（複数入力用）'!J2642</f>
        <v/>
      </c>
      <c r="G2640" s="6" t="str">
        <f>'申請書（複数入力用）'!K2642</f>
        <v>a052r000000jS9ZAAU</v>
      </c>
      <c r="H2640" s="12" t="e">
        <f>'申請書（複数入力用）'!N2642</f>
        <v>#N/A</v>
      </c>
      <c r="I2640" s="12" t="e">
        <f>'申請書（複数入力用）'!O2642</f>
        <v>#N/A</v>
      </c>
      <c r="J2640" s="12">
        <f>'申請書（複数入力用）'!P2642</f>
        <v>1</v>
      </c>
    </row>
    <row r="2641" spans="1:10" ht="51.6" customHeight="1" x14ac:dyDescent="0.45">
      <c r="A2641" s="6">
        <f>'申請書（複数入力用）'!A2643</f>
        <v>2637</v>
      </c>
      <c r="B2641" s="13">
        <f>'申請書（複数入力用）'!AH2643</f>
        <v>0</v>
      </c>
      <c r="C2641" s="6">
        <f>'申請書（複数入力用）'!B2643</f>
        <v>0</v>
      </c>
      <c r="D2641" s="6">
        <f>'申請書（複数入力用）'!D2643</f>
        <v>0</v>
      </c>
      <c r="E2641" s="14">
        <f>'申請書（複数入力用）'!H2643</f>
        <v>0</v>
      </c>
      <c r="F2641" s="11" t="str">
        <f>'申請書（複数入力用）'!J2643</f>
        <v/>
      </c>
      <c r="G2641" s="6" t="str">
        <f>'申請書（複数入力用）'!K2643</f>
        <v>a052r000000jS9ZAAU</v>
      </c>
      <c r="H2641" s="12" t="e">
        <f>'申請書（複数入力用）'!N2643</f>
        <v>#N/A</v>
      </c>
      <c r="I2641" s="12" t="e">
        <f>'申請書（複数入力用）'!O2643</f>
        <v>#N/A</v>
      </c>
      <c r="J2641" s="12">
        <f>'申請書（複数入力用）'!P2643</f>
        <v>1</v>
      </c>
    </row>
    <row r="2642" spans="1:10" ht="51.6" customHeight="1" x14ac:dyDescent="0.45">
      <c r="A2642" s="6">
        <f>'申請書（複数入力用）'!A2644</f>
        <v>2638</v>
      </c>
      <c r="B2642" s="13">
        <f>'申請書（複数入力用）'!AH2644</f>
        <v>0</v>
      </c>
      <c r="C2642" s="6">
        <f>'申請書（複数入力用）'!B2644</f>
        <v>0</v>
      </c>
      <c r="D2642" s="6">
        <f>'申請書（複数入力用）'!D2644</f>
        <v>0</v>
      </c>
      <c r="E2642" s="14">
        <f>'申請書（複数入力用）'!H2644</f>
        <v>0</v>
      </c>
      <c r="F2642" s="11" t="str">
        <f>'申請書（複数入力用）'!J2644</f>
        <v/>
      </c>
      <c r="G2642" s="6" t="str">
        <f>'申請書（複数入力用）'!K2644</f>
        <v>a052r000000jS9ZAAU</v>
      </c>
      <c r="H2642" s="12" t="e">
        <f>'申請書（複数入力用）'!N2644</f>
        <v>#N/A</v>
      </c>
      <c r="I2642" s="12" t="e">
        <f>'申請書（複数入力用）'!O2644</f>
        <v>#N/A</v>
      </c>
      <c r="J2642" s="12">
        <f>'申請書（複数入力用）'!P2644</f>
        <v>1</v>
      </c>
    </row>
    <row r="2643" spans="1:10" ht="51.6" customHeight="1" x14ac:dyDescent="0.45">
      <c r="A2643" s="6">
        <f>'申請書（複数入力用）'!A2645</f>
        <v>2639</v>
      </c>
      <c r="B2643" s="13">
        <f>'申請書（複数入力用）'!AH2645</f>
        <v>0</v>
      </c>
      <c r="C2643" s="6">
        <f>'申請書（複数入力用）'!B2645</f>
        <v>0</v>
      </c>
      <c r="D2643" s="6">
        <f>'申請書（複数入力用）'!D2645</f>
        <v>0</v>
      </c>
      <c r="E2643" s="14">
        <f>'申請書（複数入力用）'!H2645</f>
        <v>0</v>
      </c>
      <c r="F2643" s="11" t="str">
        <f>'申請書（複数入力用）'!J2645</f>
        <v/>
      </c>
      <c r="G2643" s="6" t="str">
        <f>'申請書（複数入力用）'!K2645</f>
        <v>a052r000000jS9ZAAU</v>
      </c>
      <c r="H2643" s="12" t="e">
        <f>'申請書（複数入力用）'!N2645</f>
        <v>#N/A</v>
      </c>
      <c r="I2643" s="12" t="e">
        <f>'申請書（複数入力用）'!O2645</f>
        <v>#N/A</v>
      </c>
      <c r="J2643" s="12">
        <f>'申請書（複数入力用）'!P2645</f>
        <v>1</v>
      </c>
    </row>
    <row r="2644" spans="1:10" ht="51.6" customHeight="1" x14ac:dyDescent="0.45">
      <c r="A2644" s="6">
        <f>'申請書（複数入力用）'!A2646</f>
        <v>2640</v>
      </c>
      <c r="B2644" s="13">
        <f>'申請書（複数入力用）'!AH2646</f>
        <v>0</v>
      </c>
      <c r="C2644" s="6">
        <f>'申請書（複数入力用）'!B2646</f>
        <v>0</v>
      </c>
      <c r="D2644" s="6">
        <f>'申請書（複数入力用）'!D2646</f>
        <v>0</v>
      </c>
      <c r="E2644" s="14">
        <f>'申請書（複数入力用）'!H2646</f>
        <v>0</v>
      </c>
      <c r="F2644" s="11" t="str">
        <f>'申請書（複数入力用）'!J2646</f>
        <v/>
      </c>
      <c r="G2644" s="6" t="str">
        <f>'申請書（複数入力用）'!K2646</f>
        <v>a052r000000jS9ZAAU</v>
      </c>
      <c r="H2644" s="12" t="e">
        <f>'申請書（複数入力用）'!N2646</f>
        <v>#N/A</v>
      </c>
      <c r="I2644" s="12" t="e">
        <f>'申請書（複数入力用）'!O2646</f>
        <v>#N/A</v>
      </c>
      <c r="J2644" s="12">
        <f>'申請書（複数入力用）'!P2646</f>
        <v>1</v>
      </c>
    </row>
    <row r="2645" spans="1:10" ht="51.6" customHeight="1" x14ac:dyDescent="0.45">
      <c r="A2645" s="6">
        <f>'申請書（複数入力用）'!A2647</f>
        <v>2641</v>
      </c>
      <c r="B2645" s="13">
        <f>'申請書（複数入力用）'!AH2647</f>
        <v>0</v>
      </c>
      <c r="C2645" s="6">
        <f>'申請書（複数入力用）'!B2647</f>
        <v>0</v>
      </c>
      <c r="D2645" s="6">
        <f>'申請書（複数入力用）'!D2647</f>
        <v>0</v>
      </c>
      <c r="E2645" s="14">
        <f>'申請書（複数入力用）'!H2647</f>
        <v>0</v>
      </c>
      <c r="F2645" s="11" t="str">
        <f>'申請書（複数入力用）'!J2647</f>
        <v/>
      </c>
      <c r="G2645" s="6" t="str">
        <f>'申請書（複数入力用）'!K2647</f>
        <v>a052r000000jS9ZAAU</v>
      </c>
      <c r="H2645" s="12" t="e">
        <f>'申請書（複数入力用）'!N2647</f>
        <v>#N/A</v>
      </c>
      <c r="I2645" s="12" t="e">
        <f>'申請書（複数入力用）'!O2647</f>
        <v>#N/A</v>
      </c>
      <c r="J2645" s="12">
        <f>'申請書（複数入力用）'!P2647</f>
        <v>1</v>
      </c>
    </row>
    <row r="2646" spans="1:10" ht="51.6" customHeight="1" x14ac:dyDescent="0.45">
      <c r="A2646" s="6">
        <f>'申請書（複数入力用）'!A2648</f>
        <v>2642</v>
      </c>
      <c r="B2646" s="13">
        <f>'申請書（複数入力用）'!AH2648</f>
        <v>0</v>
      </c>
      <c r="C2646" s="6">
        <f>'申請書（複数入力用）'!B2648</f>
        <v>0</v>
      </c>
      <c r="D2646" s="6">
        <f>'申請書（複数入力用）'!D2648</f>
        <v>0</v>
      </c>
      <c r="E2646" s="14">
        <f>'申請書（複数入力用）'!H2648</f>
        <v>0</v>
      </c>
      <c r="F2646" s="11" t="str">
        <f>'申請書（複数入力用）'!J2648</f>
        <v/>
      </c>
      <c r="G2646" s="6" t="str">
        <f>'申請書（複数入力用）'!K2648</f>
        <v>a052r000000jS9ZAAU</v>
      </c>
      <c r="H2646" s="12" t="e">
        <f>'申請書（複数入力用）'!N2648</f>
        <v>#N/A</v>
      </c>
      <c r="I2646" s="12" t="e">
        <f>'申請書（複数入力用）'!O2648</f>
        <v>#N/A</v>
      </c>
      <c r="J2646" s="12">
        <f>'申請書（複数入力用）'!P2648</f>
        <v>1</v>
      </c>
    </row>
    <row r="2647" spans="1:10" ht="51.6" customHeight="1" x14ac:dyDescent="0.45">
      <c r="A2647" s="6">
        <f>'申請書（複数入力用）'!A2649</f>
        <v>2643</v>
      </c>
      <c r="B2647" s="13">
        <f>'申請書（複数入力用）'!AH2649</f>
        <v>0</v>
      </c>
      <c r="C2647" s="6">
        <f>'申請書（複数入力用）'!B2649</f>
        <v>0</v>
      </c>
      <c r="D2647" s="6">
        <f>'申請書（複数入力用）'!D2649</f>
        <v>0</v>
      </c>
      <c r="E2647" s="14">
        <f>'申請書（複数入力用）'!H2649</f>
        <v>0</v>
      </c>
      <c r="F2647" s="11" t="str">
        <f>'申請書（複数入力用）'!J2649</f>
        <v/>
      </c>
      <c r="G2647" s="6" t="str">
        <f>'申請書（複数入力用）'!K2649</f>
        <v>a052r000000jS9ZAAU</v>
      </c>
      <c r="H2647" s="12" t="e">
        <f>'申請書（複数入力用）'!N2649</f>
        <v>#N/A</v>
      </c>
      <c r="I2647" s="12" t="e">
        <f>'申請書（複数入力用）'!O2649</f>
        <v>#N/A</v>
      </c>
      <c r="J2647" s="12">
        <f>'申請書（複数入力用）'!P2649</f>
        <v>1</v>
      </c>
    </row>
    <row r="2648" spans="1:10" ht="51.6" customHeight="1" x14ac:dyDescent="0.45">
      <c r="A2648" s="6">
        <f>'申請書（複数入力用）'!A2650</f>
        <v>2644</v>
      </c>
      <c r="B2648" s="13">
        <f>'申請書（複数入力用）'!AH2650</f>
        <v>0</v>
      </c>
      <c r="C2648" s="6">
        <f>'申請書（複数入力用）'!B2650</f>
        <v>0</v>
      </c>
      <c r="D2648" s="6">
        <f>'申請書（複数入力用）'!D2650</f>
        <v>0</v>
      </c>
      <c r="E2648" s="14">
        <f>'申請書（複数入力用）'!H2650</f>
        <v>0</v>
      </c>
      <c r="F2648" s="11" t="str">
        <f>'申請書（複数入力用）'!J2650</f>
        <v/>
      </c>
      <c r="G2648" s="6" t="str">
        <f>'申請書（複数入力用）'!K2650</f>
        <v>a052r000000jS9ZAAU</v>
      </c>
      <c r="H2648" s="12" t="e">
        <f>'申請書（複数入力用）'!N2650</f>
        <v>#N/A</v>
      </c>
      <c r="I2648" s="12" t="e">
        <f>'申請書（複数入力用）'!O2650</f>
        <v>#N/A</v>
      </c>
      <c r="J2648" s="12">
        <f>'申請書（複数入力用）'!P2650</f>
        <v>1</v>
      </c>
    </row>
    <row r="2649" spans="1:10" ht="51.6" customHeight="1" x14ac:dyDescent="0.45">
      <c r="A2649" s="6">
        <f>'申請書（複数入力用）'!A2651</f>
        <v>2645</v>
      </c>
      <c r="B2649" s="13">
        <f>'申請書（複数入力用）'!AH2651</f>
        <v>0</v>
      </c>
      <c r="C2649" s="6">
        <f>'申請書（複数入力用）'!B2651</f>
        <v>0</v>
      </c>
      <c r="D2649" s="6">
        <f>'申請書（複数入力用）'!D2651</f>
        <v>0</v>
      </c>
      <c r="E2649" s="14">
        <f>'申請書（複数入力用）'!H2651</f>
        <v>0</v>
      </c>
      <c r="F2649" s="11" t="str">
        <f>'申請書（複数入力用）'!J2651</f>
        <v/>
      </c>
      <c r="G2649" s="6" t="str">
        <f>'申請書（複数入力用）'!K2651</f>
        <v>a052r000000jS9ZAAU</v>
      </c>
      <c r="H2649" s="12" t="e">
        <f>'申請書（複数入力用）'!N2651</f>
        <v>#N/A</v>
      </c>
      <c r="I2649" s="12" t="e">
        <f>'申請書（複数入力用）'!O2651</f>
        <v>#N/A</v>
      </c>
      <c r="J2649" s="12">
        <f>'申請書（複数入力用）'!P2651</f>
        <v>1</v>
      </c>
    </row>
    <row r="2650" spans="1:10" ht="51.6" customHeight="1" x14ac:dyDescent="0.45">
      <c r="A2650" s="6">
        <f>'申請書（複数入力用）'!A2652</f>
        <v>2646</v>
      </c>
      <c r="B2650" s="13">
        <f>'申請書（複数入力用）'!AH2652</f>
        <v>0</v>
      </c>
      <c r="C2650" s="6">
        <f>'申請書（複数入力用）'!B2652</f>
        <v>0</v>
      </c>
      <c r="D2650" s="6">
        <f>'申請書（複数入力用）'!D2652</f>
        <v>0</v>
      </c>
      <c r="E2650" s="14">
        <f>'申請書（複数入力用）'!H2652</f>
        <v>0</v>
      </c>
      <c r="F2650" s="11" t="str">
        <f>'申請書（複数入力用）'!J2652</f>
        <v/>
      </c>
      <c r="G2650" s="6" t="str">
        <f>'申請書（複数入力用）'!K2652</f>
        <v>a052r000000jS9ZAAU</v>
      </c>
      <c r="H2650" s="12" t="e">
        <f>'申請書（複数入力用）'!N2652</f>
        <v>#N/A</v>
      </c>
      <c r="I2650" s="12" t="e">
        <f>'申請書（複数入力用）'!O2652</f>
        <v>#N/A</v>
      </c>
      <c r="J2650" s="12">
        <f>'申請書（複数入力用）'!P2652</f>
        <v>1</v>
      </c>
    </row>
    <row r="2651" spans="1:10" ht="51.6" customHeight="1" x14ac:dyDescent="0.45">
      <c r="A2651" s="6">
        <f>'申請書（複数入力用）'!A2653</f>
        <v>2647</v>
      </c>
      <c r="B2651" s="13">
        <f>'申請書（複数入力用）'!AH2653</f>
        <v>0</v>
      </c>
      <c r="C2651" s="6">
        <f>'申請書（複数入力用）'!B2653</f>
        <v>0</v>
      </c>
      <c r="D2651" s="6">
        <f>'申請書（複数入力用）'!D2653</f>
        <v>0</v>
      </c>
      <c r="E2651" s="14">
        <f>'申請書（複数入力用）'!H2653</f>
        <v>0</v>
      </c>
      <c r="F2651" s="11" t="str">
        <f>'申請書（複数入力用）'!J2653</f>
        <v/>
      </c>
      <c r="G2651" s="6" t="str">
        <f>'申請書（複数入力用）'!K2653</f>
        <v>a052r000000jS9ZAAU</v>
      </c>
      <c r="H2651" s="12" t="e">
        <f>'申請書（複数入力用）'!N2653</f>
        <v>#N/A</v>
      </c>
      <c r="I2651" s="12" t="e">
        <f>'申請書（複数入力用）'!O2653</f>
        <v>#N/A</v>
      </c>
      <c r="J2651" s="12">
        <f>'申請書（複数入力用）'!P2653</f>
        <v>1</v>
      </c>
    </row>
    <row r="2652" spans="1:10" ht="51.6" customHeight="1" x14ac:dyDescent="0.45">
      <c r="A2652" s="6">
        <f>'申請書（複数入力用）'!A2654</f>
        <v>2648</v>
      </c>
      <c r="B2652" s="13">
        <f>'申請書（複数入力用）'!AH2654</f>
        <v>0</v>
      </c>
      <c r="C2652" s="6">
        <f>'申請書（複数入力用）'!B2654</f>
        <v>0</v>
      </c>
      <c r="D2652" s="6">
        <f>'申請書（複数入力用）'!D2654</f>
        <v>0</v>
      </c>
      <c r="E2652" s="14">
        <f>'申請書（複数入力用）'!H2654</f>
        <v>0</v>
      </c>
      <c r="F2652" s="11" t="str">
        <f>'申請書（複数入力用）'!J2654</f>
        <v/>
      </c>
      <c r="G2652" s="6" t="str">
        <f>'申請書（複数入力用）'!K2654</f>
        <v>a052r000000jS9ZAAU</v>
      </c>
      <c r="H2652" s="12" t="e">
        <f>'申請書（複数入力用）'!N2654</f>
        <v>#N/A</v>
      </c>
      <c r="I2652" s="12" t="e">
        <f>'申請書（複数入力用）'!O2654</f>
        <v>#N/A</v>
      </c>
      <c r="J2652" s="12">
        <f>'申請書（複数入力用）'!P2654</f>
        <v>1</v>
      </c>
    </row>
    <row r="2653" spans="1:10" ht="51.6" customHeight="1" x14ac:dyDescent="0.45">
      <c r="A2653" s="6">
        <f>'申請書（複数入力用）'!A2655</f>
        <v>2649</v>
      </c>
      <c r="B2653" s="13">
        <f>'申請書（複数入力用）'!AH2655</f>
        <v>0</v>
      </c>
      <c r="C2653" s="6">
        <f>'申請書（複数入力用）'!B2655</f>
        <v>0</v>
      </c>
      <c r="D2653" s="6">
        <f>'申請書（複数入力用）'!D2655</f>
        <v>0</v>
      </c>
      <c r="E2653" s="14">
        <f>'申請書（複数入力用）'!H2655</f>
        <v>0</v>
      </c>
      <c r="F2653" s="11" t="str">
        <f>'申請書（複数入力用）'!J2655</f>
        <v/>
      </c>
      <c r="G2653" s="6" t="str">
        <f>'申請書（複数入力用）'!K2655</f>
        <v>a052r000000jS9ZAAU</v>
      </c>
      <c r="H2653" s="12" t="e">
        <f>'申請書（複数入力用）'!N2655</f>
        <v>#N/A</v>
      </c>
      <c r="I2653" s="12" t="e">
        <f>'申請書（複数入力用）'!O2655</f>
        <v>#N/A</v>
      </c>
      <c r="J2653" s="12">
        <f>'申請書（複数入力用）'!P2655</f>
        <v>1</v>
      </c>
    </row>
    <row r="2654" spans="1:10" ht="51.6" customHeight="1" x14ac:dyDescent="0.45">
      <c r="A2654" s="6">
        <f>'申請書（複数入力用）'!A2656</f>
        <v>2650</v>
      </c>
      <c r="B2654" s="13">
        <f>'申請書（複数入力用）'!AH2656</f>
        <v>0</v>
      </c>
      <c r="C2654" s="6">
        <f>'申請書（複数入力用）'!B2656</f>
        <v>0</v>
      </c>
      <c r="D2654" s="6">
        <f>'申請書（複数入力用）'!D2656</f>
        <v>0</v>
      </c>
      <c r="E2654" s="14">
        <f>'申請書（複数入力用）'!H2656</f>
        <v>0</v>
      </c>
      <c r="F2654" s="11" t="str">
        <f>'申請書（複数入力用）'!J2656</f>
        <v/>
      </c>
      <c r="G2654" s="6" t="str">
        <f>'申請書（複数入力用）'!K2656</f>
        <v>a052r000000jS9ZAAU</v>
      </c>
      <c r="H2654" s="12" t="e">
        <f>'申請書（複数入力用）'!N2656</f>
        <v>#N/A</v>
      </c>
      <c r="I2654" s="12" t="e">
        <f>'申請書（複数入力用）'!O2656</f>
        <v>#N/A</v>
      </c>
      <c r="J2654" s="12">
        <f>'申請書（複数入力用）'!P2656</f>
        <v>1</v>
      </c>
    </row>
    <row r="2655" spans="1:10" ht="51.6" customHeight="1" x14ac:dyDescent="0.45">
      <c r="A2655" s="6">
        <f>'申請書（複数入力用）'!A2657</f>
        <v>2651</v>
      </c>
      <c r="B2655" s="13">
        <f>'申請書（複数入力用）'!AH2657</f>
        <v>0</v>
      </c>
      <c r="C2655" s="6">
        <f>'申請書（複数入力用）'!B2657</f>
        <v>0</v>
      </c>
      <c r="D2655" s="6">
        <f>'申請書（複数入力用）'!D2657</f>
        <v>0</v>
      </c>
      <c r="E2655" s="14">
        <f>'申請書（複数入力用）'!H2657</f>
        <v>0</v>
      </c>
      <c r="F2655" s="11" t="str">
        <f>'申請書（複数入力用）'!J2657</f>
        <v/>
      </c>
      <c r="G2655" s="6" t="str">
        <f>'申請書（複数入力用）'!K2657</f>
        <v>a052r000000jS9ZAAU</v>
      </c>
      <c r="H2655" s="12" t="e">
        <f>'申請書（複数入力用）'!N2657</f>
        <v>#N/A</v>
      </c>
      <c r="I2655" s="12" t="e">
        <f>'申請書（複数入力用）'!O2657</f>
        <v>#N/A</v>
      </c>
      <c r="J2655" s="12">
        <f>'申請書（複数入力用）'!P2657</f>
        <v>1</v>
      </c>
    </row>
    <row r="2656" spans="1:10" ht="51.6" customHeight="1" x14ac:dyDescent="0.45">
      <c r="A2656" s="6">
        <f>'申請書（複数入力用）'!A2658</f>
        <v>2652</v>
      </c>
      <c r="B2656" s="13">
        <f>'申請書（複数入力用）'!AH2658</f>
        <v>0</v>
      </c>
      <c r="C2656" s="6">
        <f>'申請書（複数入力用）'!B2658</f>
        <v>0</v>
      </c>
      <c r="D2656" s="6">
        <f>'申請書（複数入力用）'!D2658</f>
        <v>0</v>
      </c>
      <c r="E2656" s="14">
        <f>'申請書（複数入力用）'!H2658</f>
        <v>0</v>
      </c>
      <c r="F2656" s="11" t="str">
        <f>'申請書（複数入力用）'!J2658</f>
        <v/>
      </c>
      <c r="G2656" s="6" t="str">
        <f>'申請書（複数入力用）'!K2658</f>
        <v>a052r000000jS9ZAAU</v>
      </c>
      <c r="H2656" s="12" t="e">
        <f>'申請書（複数入力用）'!N2658</f>
        <v>#N/A</v>
      </c>
      <c r="I2656" s="12" t="e">
        <f>'申請書（複数入力用）'!O2658</f>
        <v>#N/A</v>
      </c>
      <c r="J2656" s="12">
        <f>'申請書（複数入力用）'!P2658</f>
        <v>1</v>
      </c>
    </row>
    <row r="2657" spans="1:10" ht="51.6" customHeight="1" x14ac:dyDescent="0.45">
      <c r="A2657" s="6">
        <f>'申請書（複数入力用）'!A2659</f>
        <v>2653</v>
      </c>
      <c r="B2657" s="13">
        <f>'申請書（複数入力用）'!AH2659</f>
        <v>0</v>
      </c>
      <c r="C2657" s="6">
        <f>'申請書（複数入力用）'!B2659</f>
        <v>0</v>
      </c>
      <c r="D2657" s="6">
        <f>'申請書（複数入力用）'!D2659</f>
        <v>0</v>
      </c>
      <c r="E2657" s="14">
        <f>'申請書（複数入力用）'!H2659</f>
        <v>0</v>
      </c>
      <c r="F2657" s="11" t="str">
        <f>'申請書（複数入力用）'!J2659</f>
        <v/>
      </c>
      <c r="G2657" s="6" t="str">
        <f>'申請書（複数入力用）'!K2659</f>
        <v>a052r000000jS9ZAAU</v>
      </c>
      <c r="H2657" s="12" t="e">
        <f>'申請書（複数入力用）'!N2659</f>
        <v>#N/A</v>
      </c>
      <c r="I2657" s="12" t="e">
        <f>'申請書（複数入力用）'!O2659</f>
        <v>#N/A</v>
      </c>
      <c r="J2657" s="12">
        <f>'申請書（複数入力用）'!P2659</f>
        <v>1</v>
      </c>
    </row>
    <row r="2658" spans="1:10" ht="51.6" customHeight="1" x14ac:dyDescent="0.45">
      <c r="A2658" s="6">
        <f>'申請書（複数入力用）'!A2660</f>
        <v>2654</v>
      </c>
      <c r="B2658" s="13">
        <f>'申請書（複数入力用）'!AH2660</f>
        <v>0</v>
      </c>
      <c r="C2658" s="6">
        <f>'申請書（複数入力用）'!B2660</f>
        <v>0</v>
      </c>
      <c r="D2658" s="6">
        <f>'申請書（複数入力用）'!D2660</f>
        <v>0</v>
      </c>
      <c r="E2658" s="14">
        <f>'申請書（複数入力用）'!H2660</f>
        <v>0</v>
      </c>
      <c r="F2658" s="11" t="str">
        <f>'申請書（複数入力用）'!J2660</f>
        <v/>
      </c>
      <c r="G2658" s="6" t="str">
        <f>'申請書（複数入力用）'!K2660</f>
        <v>a052r000000jS9ZAAU</v>
      </c>
      <c r="H2658" s="12" t="e">
        <f>'申請書（複数入力用）'!N2660</f>
        <v>#N/A</v>
      </c>
      <c r="I2658" s="12" t="e">
        <f>'申請書（複数入力用）'!O2660</f>
        <v>#N/A</v>
      </c>
      <c r="J2658" s="12">
        <f>'申請書（複数入力用）'!P2660</f>
        <v>1</v>
      </c>
    </row>
    <row r="2659" spans="1:10" ht="51.6" customHeight="1" x14ac:dyDescent="0.45">
      <c r="A2659" s="6">
        <f>'申請書（複数入力用）'!A2661</f>
        <v>2655</v>
      </c>
      <c r="B2659" s="13">
        <f>'申請書（複数入力用）'!AH2661</f>
        <v>0</v>
      </c>
      <c r="C2659" s="6">
        <f>'申請書（複数入力用）'!B2661</f>
        <v>0</v>
      </c>
      <c r="D2659" s="6">
        <f>'申請書（複数入力用）'!D2661</f>
        <v>0</v>
      </c>
      <c r="E2659" s="14">
        <f>'申請書（複数入力用）'!H2661</f>
        <v>0</v>
      </c>
      <c r="F2659" s="11" t="str">
        <f>'申請書（複数入力用）'!J2661</f>
        <v/>
      </c>
      <c r="G2659" s="6" t="str">
        <f>'申請書（複数入力用）'!K2661</f>
        <v>a052r000000jS9ZAAU</v>
      </c>
      <c r="H2659" s="12" t="e">
        <f>'申請書（複数入力用）'!N2661</f>
        <v>#N/A</v>
      </c>
      <c r="I2659" s="12" t="e">
        <f>'申請書（複数入力用）'!O2661</f>
        <v>#N/A</v>
      </c>
      <c r="J2659" s="12">
        <f>'申請書（複数入力用）'!P2661</f>
        <v>1</v>
      </c>
    </row>
    <row r="2660" spans="1:10" ht="51.6" customHeight="1" x14ac:dyDescent="0.45">
      <c r="A2660" s="6">
        <f>'申請書（複数入力用）'!A2662</f>
        <v>2656</v>
      </c>
      <c r="B2660" s="13">
        <f>'申請書（複数入力用）'!AH2662</f>
        <v>0</v>
      </c>
      <c r="C2660" s="6">
        <f>'申請書（複数入力用）'!B2662</f>
        <v>0</v>
      </c>
      <c r="D2660" s="6">
        <f>'申請書（複数入力用）'!D2662</f>
        <v>0</v>
      </c>
      <c r="E2660" s="14">
        <f>'申請書（複数入力用）'!H2662</f>
        <v>0</v>
      </c>
      <c r="F2660" s="11" t="str">
        <f>'申請書（複数入力用）'!J2662</f>
        <v/>
      </c>
      <c r="G2660" s="6" t="str">
        <f>'申請書（複数入力用）'!K2662</f>
        <v>a052r000000jS9ZAAU</v>
      </c>
      <c r="H2660" s="12" t="e">
        <f>'申請書（複数入力用）'!N2662</f>
        <v>#N/A</v>
      </c>
      <c r="I2660" s="12" t="e">
        <f>'申請書（複数入力用）'!O2662</f>
        <v>#N/A</v>
      </c>
      <c r="J2660" s="12">
        <f>'申請書（複数入力用）'!P2662</f>
        <v>1</v>
      </c>
    </row>
    <row r="2661" spans="1:10" ht="51.6" customHeight="1" x14ac:dyDescent="0.45">
      <c r="A2661" s="6">
        <f>'申請書（複数入力用）'!A2663</f>
        <v>2657</v>
      </c>
      <c r="B2661" s="13">
        <f>'申請書（複数入力用）'!AH2663</f>
        <v>0</v>
      </c>
      <c r="C2661" s="6">
        <f>'申請書（複数入力用）'!B2663</f>
        <v>0</v>
      </c>
      <c r="D2661" s="6">
        <f>'申請書（複数入力用）'!D2663</f>
        <v>0</v>
      </c>
      <c r="E2661" s="14">
        <f>'申請書（複数入力用）'!H2663</f>
        <v>0</v>
      </c>
      <c r="F2661" s="11" t="str">
        <f>'申請書（複数入力用）'!J2663</f>
        <v/>
      </c>
      <c r="G2661" s="6" t="str">
        <f>'申請書（複数入力用）'!K2663</f>
        <v>a052r000000jS9ZAAU</v>
      </c>
      <c r="H2661" s="12" t="e">
        <f>'申請書（複数入力用）'!N2663</f>
        <v>#N/A</v>
      </c>
      <c r="I2661" s="12" t="e">
        <f>'申請書（複数入力用）'!O2663</f>
        <v>#N/A</v>
      </c>
      <c r="J2661" s="12">
        <f>'申請書（複数入力用）'!P2663</f>
        <v>1</v>
      </c>
    </row>
    <row r="2662" spans="1:10" ht="51.6" customHeight="1" x14ac:dyDescent="0.45">
      <c r="A2662" s="6">
        <f>'申請書（複数入力用）'!A2664</f>
        <v>2658</v>
      </c>
      <c r="B2662" s="13">
        <f>'申請書（複数入力用）'!AH2664</f>
        <v>0</v>
      </c>
      <c r="C2662" s="6">
        <f>'申請書（複数入力用）'!B2664</f>
        <v>0</v>
      </c>
      <c r="D2662" s="6">
        <f>'申請書（複数入力用）'!D2664</f>
        <v>0</v>
      </c>
      <c r="E2662" s="14">
        <f>'申請書（複数入力用）'!H2664</f>
        <v>0</v>
      </c>
      <c r="F2662" s="11" t="str">
        <f>'申請書（複数入力用）'!J2664</f>
        <v/>
      </c>
      <c r="G2662" s="6" t="str">
        <f>'申請書（複数入力用）'!K2664</f>
        <v>a052r000000jS9ZAAU</v>
      </c>
      <c r="H2662" s="12" t="e">
        <f>'申請書（複数入力用）'!N2664</f>
        <v>#N/A</v>
      </c>
      <c r="I2662" s="12" t="e">
        <f>'申請書（複数入力用）'!O2664</f>
        <v>#N/A</v>
      </c>
      <c r="J2662" s="12">
        <f>'申請書（複数入力用）'!P2664</f>
        <v>1</v>
      </c>
    </row>
    <row r="2663" spans="1:10" ht="51.6" customHeight="1" x14ac:dyDescent="0.45">
      <c r="A2663" s="6">
        <f>'申請書（複数入力用）'!A2665</f>
        <v>2659</v>
      </c>
      <c r="B2663" s="13">
        <f>'申請書（複数入力用）'!AH2665</f>
        <v>0</v>
      </c>
      <c r="C2663" s="6">
        <f>'申請書（複数入力用）'!B2665</f>
        <v>0</v>
      </c>
      <c r="D2663" s="6">
        <f>'申請書（複数入力用）'!D2665</f>
        <v>0</v>
      </c>
      <c r="E2663" s="14">
        <f>'申請書（複数入力用）'!H2665</f>
        <v>0</v>
      </c>
      <c r="F2663" s="11" t="str">
        <f>'申請書（複数入力用）'!J2665</f>
        <v/>
      </c>
      <c r="G2663" s="6" t="str">
        <f>'申請書（複数入力用）'!K2665</f>
        <v>a052r000000jS9ZAAU</v>
      </c>
      <c r="H2663" s="12" t="e">
        <f>'申請書（複数入力用）'!N2665</f>
        <v>#N/A</v>
      </c>
      <c r="I2663" s="12" t="e">
        <f>'申請書（複数入力用）'!O2665</f>
        <v>#N/A</v>
      </c>
      <c r="J2663" s="12">
        <f>'申請書（複数入力用）'!P2665</f>
        <v>1</v>
      </c>
    </row>
    <row r="2664" spans="1:10" ht="51.6" customHeight="1" x14ac:dyDescent="0.45">
      <c r="A2664" s="6">
        <f>'申請書（複数入力用）'!A2666</f>
        <v>2660</v>
      </c>
      <c r="B2664" s="13">
        <f>'申請書（複数入力用）'!AH2666</f>
        <v>0</v>
      </c>
      <c r="C2664" s="6">
        <f>'申請書（複数入力用）'!B2666</f>
        <v>0</v>
      </c>
      <c r="D2664" s="6">
        <f>'申請書（複数入力用）'!D2666</f>
        <v>0</v>
      </c>
      <c r="E2664" s="14">
        <f>'申請書（複数入力用）'!H2666</f>
        <v>0</v>
      </c>
      <c r="F2664" s="11" t="str">
        <f>'申請書（複数入力用）'!J2666</f>
        <v/>
      </c>
      <c r="G2664" s="6" t="str">
        <f>'申請書（複数入力用）'!K2666</f>
        <v>a052r000000jS9ZAAU</v>
      </c>
      <c r="H2664" s="12" t="e">
        <f>'申請書（複数入力用）'!N2666</f>
        <v>#N/A</v>
      </c>
      <c r="I2664" s="12" t="e">
        <f>'申請書（複数入力用）'!O2666</f>
        <v>#N/A</v>
      </c>
      <c r="J2664" s="12">
        <f>'申請書（複数入力用）'!P2666</f>
        <v>1</v>
      </c>
    </row>
    <row r="2665" spans="1:10" ht="51.6" customHeight="1" x14ac:dyDescent="0.45">
      <c r="A2665" s="6">
        <f>'申請書（複数入力用）'!A2667</f>
        <v>2661</v>
      </c>
      <c r="B2665" s="13">
        <f>'申請書（複数入力用）'!AH2667</f>
        <v>0</v>
      </c>
      <c r="C2665" s="6">
        <f>'申請書（複数入力用）'!B2667</f>
        <v>0</v>
      </c>
      <c r="D2665" s="6">
        <f>'申請書（複数入力用）'!D2667</f>
        <v>0</v>
      </c>
      <c r="E2665" s="14">
        <f>'申請書（複数入力用）'!H2667</f>
        <v>0</v>
      </c>
      <c r="F2665" s="11" t="str">
        <f>'申請書（複数入力用）'!J2667</f>
        <v/>
      </c>
      <c r="G2665" s="6" t="str">
        <f>'申請書（複数入力用）'!K2667</f>
        <v>a052r000000jS9ZAAU</v>
      </c>
      <c r="H2665" s="12" t="e">
        <f>'申請書（複数入力用）'!N2667</f>
        <v>#N/A</v>
      </c>
      <c r="I2665" s="12" t="e">
        <f>'申請書（複数入力用）'!O2667</f>
        <v>#N/A</v>
      </c>
      <c r="J2665" s="12">
        <f>'申請書（複数入力用）'!P2667</f>
        <v>1</v>
      </c>
    </row>
    <row r="2666" spans="1:10" ht="51.6" customHeight="1" x14ac:dyDescent="0.45">
      <c r="A2666" s="6">
        <f>'申請書（複数入力用）'!A2668</f>
        <v>2662</v>
      </c>
      <c r="B2666" s="13">
        <f>'申請書（複数入力用）'!AH2668</f>
        <v>0</v>
      </c>
      <c r="C2666" s="6">
        <f>'申請書（複数入力用）'!B2668</f>
        <v>0</v>
      </c>
      <c r="D2666" s="6">
        <f>'申請書（複数入力用）'!D2668</f>
        <v>0</v>
      </c>
      <c r="E2666" s="14">
        <f>'申請書（複数入力用）'!H2668</f>
        <v>0</v>
      </c>
      <c r="F2666" s="11" t="str">
        <f>'申請書（複数入力用）'!J2668</f>
        <v/>
      </c>
      <c r="G2666" s="6" t="str">
        <f>'申請書（複数入力用）'!K2668</f>
        <v>a052r000000jS9ZAAU</v>
      </c>
      <c r="H2666" s="12" t="e">
        <f>'申請書（複数入力用）'!N2668</f>
        <v>#N/A</v>
      </c>
      <c r="I2666" s="12" t="e">
        <f>'申請書（複数入力用）'!O2668</f>
        <v>#N/A</v>
      </c>
      <c r="J2666" s="12">
        <f>'申請書（複数入力用）'!P2668</f>
        <v>1</v>
      </c>
    </row>
    <row r="2667" spans="1:10" ht="51.6" customHeight="1" x14ac:dyDescent="0.45">
      <c r="A2667" s="6">
        <f>'申請書（複数入力用）'!A2669</f>
        <v>2663</v>
      </c>
      <c r="B2667" s="13">
        <f>'申請書（複数入力用）'!AH2669</f>
        <v>0</v>
      </c>
      <c r="C2667" s="6">
        <f>'申請書（複数入力用）'!B2669</f>
        <v>0</v>
      </c>
      <c r="D2667" s="6">
        <f>'申請書（複数入力用）'!D2669</f>
        <v>0</v>
      </c>
      <c r="E2667" s="14">
        <f>'申請書（複数入力用）'!H2669</f>
        <v>0</v>
      </c>
      <c r="F2667" s="11" t="str">
        <f>'申請書（複数入力用）'!J2669</f>
        <v/>
      </c>
      <c r="G2667" s="6" t="str">
        <f>'申請書（複数入力用）'!K2669</f>
        <v>a052r000000jS9ZAAU</v>
      </c>
      <c r="H2667" s="12" t="e">
        <f>'申請書（複数入力用）'!N2669</f>
        <v>#N/A</v>
      </c>
      <c r="I2667" s="12" t="e">
        <f>'申請書（複数入力用）'!O2669</f>
        <v>#N/A</v>
      </c>
      <c r="J2667" s="12">
        <f>'申請書（複数入力用）'!P2669</f>
        <v>1</v>
      </c>
    </row>
    <row r="2668" spans="1:10" ht="51.6" customHeight="1" x14ac:dyDescent="0.45">
      <c r="A2668" s="6">
        <f>'申請書（複数入力用）'!A2670</f>
        <v>2664</v>
      </c>
      <c r="B2668" s="13">
        <f>'申請書（複数入力用）'!AH2670</f>
        <v>0</v>
      </c>
      <c r="C2668" s="6">
        <f>'申請書（複数入力用）'!B2670</f>
        <v>0</v>
      </c>
      <c r="D2668" s="6">
        <f>'申請書（複数入力用）'!D2670</f>
        <v>0</v>
      </c>
      <c r="E2668" s="14">
        <f>'申請書（複数入力用）'!H2670</f>
        <v>0</v>
      </c>
      <c r="F2668" s="11" t="str">
        <f>'申請書（複数入力用）'!J2670</f>
        <v/>
      </c>
      <c r="G2668" s="6" t="str">
        <f>'申請書（複数入力用）'!K2670</f>
        <v>a052r000000jS9ZAAU</v>
      </c>
      <c r="H2668" s="12" t="e">
        <f>'申請書（複数入力用）'!N2670</f>
        <v>#N/A</v>
      </c>
      <c r="I2668" s="12" t="e">
        <f>'申請書（複数入力用）'!O2670</f>
        <v>#N/A</v>
      </c>
      <c r="J2668" s="12">
        <f>'申請書（複数入力用）'!P2670</f>
        <v>1</v>
      </c>
    </row>
    <row r="2669" spans="1:10" ht="51.6" customHeight="1" x14ac:dyDescent="0.45">
      <c r="A2669" s="6">
        <f>'申請書（複数入力用）'!A2671</f>
        <v>2665</v>
      </c>
      <c r="B2669" s="13">
        <f>'申請書（複数入力用）'!AH2671</f>
        <v>0</v>
      </c>
      <c r="C2669" s="6">
        <f>'申請書（複数入力用）'!B2671</f>
        <v>0</v>
      </c>
      <c r="D2669" s="6">
        <f>'申請書（複数入力用）'!D2671</f>
        <v>0</v>
      </c>
      <c r="E2669" s="14">
        <f>'申請書（複数入力用）'!H2671</f>
        <v>0</v>
      </c>
      <c r="F2669" s="11" t="str">
        <f>'申請書（複数入力用）'!J2671</f>
        <v/>
      </c>
      <c r="G2669" s="6" t="str">
        <f>'申請書（複数入力用）'!K2671</f>
        <v>a052r000000jS9ZAAU</v>
      </c>
      <c r="H2669" s="12" t="e">
        <f>'申請書（複数入力用）'!N2671</f>
        <v>#N/A</v>
      </c>
      <c r="I2669" s="12" t="e">
        <f>'申請書（複数入力用）'!O2671</f>
        <v>#N/A</v>
      </c>
      <c r="J2669" s="12">
        <f>'申請書（複数入力用）'!P2671</f>
        <v>1</v>
      </c>
    </row>
    <row r="2670" spans="1:10" ht="51.6" customHeight="1" x14ac:dyDescent="0.45">
      <c r="A2670" s="6">
        <f>'申請書（複数入力用）'!A2672</f>
        <v>2666</v>
      </c>
      <c r="B2670" s="13">
        <f>'申請書（複数入力用）'!AH2672</f>
        <v>0</v>
      </c>
      <c r="C2670" s="6">
        <f>'申請書（複数入力用）'!B2672</f>
        <v>0</v>
      </c>
      <c r="D2670" s="6">
        <f>'申請書（複数入力用）'!D2672</f>
        <v>0</v>
      </c>
      <c r="E2670" s="14">
        <f>'申請書（複数入力用）'!H2672</f>
        <v>0</v>
      </c>
      <c r="F2670" s="11" t="str">
        <f>'申請書（複数入力用）'!J2672</f>
        <v/>
      </c>
      <c r="G2670" s="6" t="str">
        <f>'申請書（複数入力用）'!K2672</f>
        <v>a052r000000jS9ZAAU</v>
      </c>
      <c r="H2670" s="12" t="e">
        <f>'申請書（複数入力用）'!N2672</f>
        <v>#N/A</v>
      </c>
      <c r="I2670" s="12" t="e">
        <f>'申請書（複数入力用）'!O2672</f>
        <v>#N/A</v>
      </c>
      <c r="J2670" s="12">
        <f>'申請書（複数入力用）'!P2672</f>
        <v>1</v>
      </c>
    </row>
    <row r="2671" spans="1:10" ht="51.6" customHeight="1" x14ac:dyDescent="0.45">
      <c r="A2671" s="6">
        <f>'申請書（複数入力用）'!A2673</f>
        <v>2667</v>
      </c>
      <c r="B2671" s="13">
        <f>'申請書（複数入力用）'!AH2673</f>
        <v>0</v>
      </c>
      <c r="C2671" s="6">
        <f>'申請書（複数入力用）'!B2673</f>
        <v>0</v>
      </c>
      <c r="D2671" s="6">
        <f>'申請書（複数入力用）'!D2673</f>
        <v>0</v>
      </c>
      <c r="E2671" s="14">
        <f>'申請書（複数入力用）'!H2673</f>
        <v>0</v>
      </c>
      <c r="F2671" s="11" t="str">
        <f>'申請書（複数入力用）'!J2673</f>
        <v/>
      </c>
      <c r="G2671" s="6" t="str">
        <f>'申請書（複数入力用）'!K2673</f>
        <v>a052r000000jS9ZAAU</v>
      </c>
      <c r="H2671" s="12" t="e">
        <f>'申請書（複数入力用）'!N2673</f>
        <v>#N/A</v>
      </c>
      <c r="I2671" s="12" t="e">
        <f>'申請書（複数入力用）'!O2673</f>
        <v>#N/A</v>
      </c>
      <c r="J2671" s="12">
        <f>'申請書（複数入力用）'!P2673</f>
        <v>1</v>
      </c>
    </row>
    <row r="2672" spans="1:10" ht="51.6" customHeight="1" x14ac:dyDescent="0.45">
      <c r="A2672" s="6">
        <f>'申請書（複数入力用）'!A2674</f>
        <v>2668</v>
      </c>
      <c r="B2672" s="13">
        <f>'申請書（複数入力用）'!AH2674</f>
        <v>0</v>
      </c>
      <c r="C2672" s="6">
        <f>'申請書（複数入力用）'!B2674</f>
        <v>0</v>
      </c>
      <c r="D2672" s="6">
        <f>'申請書（複数入力用）'!D2674</f>
        <v>0</v>
      </c>
      <c r="E2672" s="14">
        <f>'申請書（複数入力用）'!H2674</f>
        <v>0</v>
      </c>
      <c r="F2672" s="11" t="str">
        <f>'申請書（複数入力用）'!J2674</f>
        <v/>
      </c>
      <c r="G2672" s="6" t="str">
        <f>'申請書（複数入力用）'!K2674</f>
        <v>a052r000000jS9ZAAU</v>
      </c>
      <c r="H2672" s="12" t="e">
        <f>'申請書（複数入力用）'!N2674</f>
        <v>#N/A</v>
      </c>
      <c r="I2672" s="12" t="e">
        <f>'申請書（複数入力用）'!O2674</f>
        <v>#N/A</v>
      </c>
      <c r="J2672" s="12">
        <f>'申請書（複数入力用）'!P2674</f>
        <v>1</v>
      </c>
    </row>
    <row r="2673" spans="1:10" ht="51.6" customHeight="1" x14ac:dyDescent="0.45">
      <c r="A2673" s="6">
        <f>'申請書（複数入力用）'!A2675</f>
        <v>2669</v>
      </c>
      <c r="B2673" s="13">
        <f>'申請書（複数入力用）'!AH2675</f>
        <v>0</v>
      </c>
      <c r="C2673" s="6">
        <f>'申請書（複数入力用）'!B2675</f>
        <v>0</v>
      </c>
      <c r="D2673" s="6">
        <f>'申請書（複数入力用）'!D2675</f>
        <v>0</v>
      </c>
      <c r="E2673" s="14">
        <f>'申請書（複数入力用）'!H2675</f>
        <v>0</v>
      </c>
      <c r="F2673" s="11" t="str">
        <f>'申請書（複数入力用）'!J2675</f>
        <v/>
      </c>
      <c r="G2673" s="6" t="str">
        <f>'申請書（複数入力用）'!K2675</f>
        <v>a052r000000jS9ZAAU</v>
      </c>
      <c r="H2673" s="12" t="e">
        <f>'申請書（複数入力用）'!N2675</f>
        <v>#N/A</v>
      </c>
      <c r="I2673" s="12" t="e">
        <f>'申請書（複数入力用）'!O2675</f>
        <v>#N/A</v>
      </c>
      <c r="J2673" s="12">
        <f>'申請書（複数入力用）'!P2675</f>
        <v>1</v>
      </c>
    </row>
    <row r="2674" spans="1:10" ht="51.6" customHeight="1" x14ac:dyDescent="0.45">
      <c r="A2674" s="6">
        <f>'申請書（複数入力用）'!A2676</f>
        <v>2670</v>
      </c>
      <c r="B2674" s="13">
        <f>'申請書（複数入力用）'!AH2676</f>
        <v>0</v>
      </c>
      <c r="C2674" s="6">
        <f>'申請書（複数入力用）'!B2676</f>
        <v>0</v>
      </c>
      <c r="D2674" s="6">
        <f>'申請書（複数入力用）'!D2676</f>
        <v>0</v>
      </c>
      <c r="E2674" s="14">
        <f>'申請書（複数入力用）'!H2676</f>
        <v>0</v>
      </c>
      <c r="F2674" s="11" t="str">
        <f>'申請書（複数入力用）'!J2676</f>
        <v/>
      </c>
      <c r="G2674" s="6" t="str">
        <f>'申請書（複数入力用）'!K2676</f>
        <v>a052r000000jS9ZAAU</v>
      </c>
      <c r="H2674" s="12" t="e">
        <f>'申請書（複数入力用）'!N2676</f>
        <v>#N/A</v>
      </c>
      <c r="I2674" s="12" t="e">
        <f>'申請書（複数入力用）'!O2676</f>
        <v>#N/A</v>
      </c>
      <c r="J2674" s="12">
        <f>'申請書（複数入力用）'!P2676</f>
        <v>1</v>
      </c>
    </row>
    <row r="2675" spans="1:10" ht="51.6" customHeight="1" x14ac:dyDescent="0.45">
      <c r="A2675" s="6">
        <f>'申請書（複数入力用）'!A2677</f>
        <v>2671</v>
      </c>
      <c r="B2675" s="13">
        <f>'申請書（複数入力用）'!AH2677</f>
        <v>0</v>
      </c>
      <c r="C2675" s="6">
        <f>'申請書（複数入力用）'!B2677</f>
        <v>0</v>
      </c>
      <c r="D2675" s="6">
        <f>'申請書（複数入力用）'!D2677</f>
        <v>0</v>
      </c>
      <c r="E2675" s="14">
        <f>'申請書（複数入力用）'!H2677</f>
        <v>0</v>
      </c>
      <c r="F2675" s="11" t="str">
        <f>'申請書（複数入力用）'!J2677</f>
        <v/>
      </c>
      <c r="G2675" s="6" t="str">
        <f>'申請書（複数入力用）'!K2677</f>
        <v>a052r000000jS9ZAAU</v>
      </c>
      <c r="H2675" s="12" t="e">
        <f>'申請書（複数入力用）'!N2677</f>
        <v>#N/A</v>
      </c>
      <c r="I2675" s="12" t="e">
        <f>'申請書（複数入力用）'!O2677</f>
        <v>#N/A</v>
      </c>
      <c r="J2675" s="12">
        <f>'申請書（複数入力用）'!P2677</f>
        <v>1</v>
      </c>
    </row>
    <row r="2676" spans="1:10" ht="51.6" customHeight="1" x14ac:dyDescent="0.45">
      <c r="A2676" s="6">
        <f>'申請書（複数入力用）'!A2678</f>
        <v>2672</v>
      </c>
      <c r="B2676" s="13">
        <f>'申請書（複数入力用）'!AH2678</f>
        <v>0</v>
      </c>
      <c r="C2676" s="6">
        <f>'申請書（複数入力用）'!B2678</f>
        <v>0</v>
      </c>
      <c r="D2676" s="6">
        <f>'申請書（複数入力用）'!D2678</f>
        <v>0</v>
      </c>
      <c r="E2676" s="14">
        <f>'申請書（複数入力用）'!H2678</f>
        <v>0</v>
      </c>
      <c r="F2676" s="11" t="str">
        <f>'申請書（複数入力用）'!J2678</f>
        <v/>
      </c>
      <c r="G2676" s="6" t="str">
        <f>'申請書（複数入力用）'!K2678</f>
        <v>a052r000000jS9ZAAU</v>
      </c>
      <c r="H2676" s="12" t="e">
        <f>'申請書（複数入力用）'!N2678</f>
        <v>#N/A</v>
      </c>
      <c r="I2676" s="12" t="e">
        <f>'申請書（複数入力用）'!O2678</f>
        <v>#N/A</v>
      </c>
      <c r="J2676" s="12">
        <f>'申請書（複数入力用）'!P2678</f>
        <v>1</v>
      </c>
    </row>
    <row r="2677" spans="1:10" ht="51.6" customHeight="1" x14ac:dyDescent="0.45">
      <c r="A2677" s="6">
        <f>'申請書（複数入力用）'!A2679</f>
        <v>2673</v>
      </c>
      <c r="B2677" s="13">
        <f>'申請書（複数入力用）'!AH2679</f>
        <v>0</v>
      </c>
      <c r="C2677" s="6">
        <f>'申請書（複数入力用）'!B2679</f>
        <v>0</v>
      </c>
      <c r="D2677" s="6">
        <f>'申請書（複数入力用）'!D2679</f>
        <v>0</v>
      </c>
      <c r="E2677" s="14">
        <f>'申請書（複数入力用）'!H2679</f>
        <v>0</v>
      </c>
      <c r="F2677" s="11" t="str">
        <f>'申請書（複数入力用）'!J2679</f>
        <v/>
      </c>
      <c r="G2677" s="6" t="str">
        <f>'申請書（複数入力用）'!K2679</f>
        <v>a052r000000jS9ZAAU</v>
      </c>
      <c r="H2677" s="12" t="e">
        <f>'申請書（複数入力用）'!N2679</f>
        <v>#N/A</v>
      </c>
      <c r="I2677" s="12" t="e">
        <f>'申請書（複数入力用）'!O2679</f>
        <v>#N/A</v>
      </c>
      <c r="J2677" s="12">
        <f>'申請書（複数入力用）'!P2679</f>
        <v>1</v>
      </c>
    </row>
    <row r="2678" spans="1:10" ht="51.6" customHeight="1" x14ac:dyDescent="0.45">
      <c r="A2678" s="6">
        <f>'申請書（複数入力用）'!A2680</f>
        <v>2674</v>
      </c>
      <c r="B2678" s="13">
        <f>'申請書（複数入力用）'!AH2680</f>
        <v>0</v>
      </c>
      <c r="C2678" s="6">
        <f>'申請書（複数入力用）'!B2680</f>
        <v>0</v>
      </c>
      <c r="D2678" s="6">
        <f>'申請書（複数入力用）'!D2680</f>
        <v>0</v>
      </c>
      <c r="E2678" s="14">
        <f>'申請書（複数入力用）'!H2680</f>
        <v>0</v>
      </c>
      <c r="F2678" s="11" t="str">
        <f>'申請書（複数入力用）'!J2680</f>
        <v/>
      </c>
      <c r="G2678" s="6" t="str">
        <f>'申請書（複数入力用）'!K2680</f>
        <v>a052r000000jS9ZAAU</v>
      </c>
      <c r="H2678" s="12" t="e">
        <f>'申請書（複数入力用）'!N2680</f>
        <v>#N/A</v>
      </c>
      <c r="I2678" s="12" t="e">
        <f>'申請書（複数入力用）'!O2680</f>
        <v>#N/A</v>
      </c>
      <c r="J2678" s="12">
        <f>'申請書（複数入力用）'!P2680</f>
        <v>1</v>
      </c>
    </row>
    <row r="2679" spans="1:10" ht="51.6" customHeight="1" x14ac:dyDescent="0.45">
      <c r="A2679" s="6">
        <f>'申請書（複数入力用）'!A2681</f>
        <v>2675</v>
      </c>
      <c r="B2679" s="13">
        <f>'申請書（複数入力用）'!AH2681</f>
        <v>0</v>
      </c>
      <c r="C2679" s="6">
        <f>'申請書（複数入力用）'!B2681</f>
        <v>0</v>
      </c>
      <c r="D2679" s="6">
        <f>'申請書（複数入力用）'!D2681</f>
        <v>0</v>
      </c>
      <c r="E2679" s="14">
        <f>'申請書（複数入力用）'!H2681</f>
        <v>0</v>
      </c>
      <c r="F2679" s="11" t="str">
        <f>'申請書（複数入力用）'!J2681</f>
        <v/>
      </c>
      <c r="G2679" s="6" t="str">
        <f>'申請書（複数入力用）'!K2681</f>
        <v>a052r000000jS9ZAAU</v>
      </c>
      <c r="H2679" s="12" t="e">
        <f>'申請書（複数入力用）'!N2681</f>
        <v>#N/A</v>
      </c>
      <c r="I2679" s="12" t="e">
        <f>'申請書（複数入力用）'!O2681</f>
        <v>#N/A</v>
      </c>
      <c r="J2679" s="12">
        <f>'申請書（複数入力用）'!P2681</f>
        <v>1</v>
      </c>
    </row>
    <row r="2680" spans="1:10" ht="51.6" customHeight="1" x14ac:dyDescent="0.45">
      <c r="A2680" s="6">
        <f>'申請書（複数入力用）'!A2682</f>
        <v>2676</v>
      </c>
      <c r="B2680" s="13">
        <f>'申請書（複数入力用）'!AH2682</f>
        <v>0</v>
      </c>
      <c r="C2680" s="6">
        <f>'申請書（複数入力用）'!B2682</f>
        <v>0</v>
      </c>
      <c r="D2680" s="6">
        <f>'申請書（複数入力用）'!D2682</f>
        <v>0</v>
      </c>
      <c r="E2680" s="14">
        <f>'申請書（複数入力用）'!H2682</f>
        <v>0</v>
      </c>
      <c r="F2680" s="11" t="str">
        <f>'申請書（複数入力用）'!J2682</f>
        <v/>
      </c>
      <c r="G2680" s="6" t="str">
        <f>'申請書（複数入力用）'!K2682</f>
        <v>a052r000000jS9ZAAU</v>
      </c>
      <c r="H2680" s="12" t="e">
        <f>'申請書（複数入力用）'!N2682</f>
        <v>#N/A</v>
      </c>
      <c r="I2680" s="12" t="e">
        <f>'申請書（複数入力用）'!O2682</f>
        <v>#N/A</v>
      </c>
      <c r="J2680" s="12">
        <f>'申請書（複数入力用）'!P2682</f>
        <v>1</v>
      </c>
    </row>
    <row r="2681" spans="1:10" ht="51.6" customHeight="1" x14ac:dyDescent="0.45">
      <c r="A2681" s="6">
        <f>'申請書（複数入力用）'!A2683</f>
        <v>2677</v>
      </c>
      <c r="B2681" s="13">
        <f>'申請書（複数入力用）'!AH2683</f>
        <v>0</v>
      </c>
      <c r="C2681" s="6">
        <f>'申請書（複数入力用）'!B2683</f>
        <v>0</v>
      </c>
      <c r="D2681" s="6">
        <f>'申請書（複数入力用）'!D2683</f>
        <v>0</v>
      </c>
      <c r="E2681" s="14">
        <f>'申請書（複数入力用）'!H2683</f>
        <v>0</v>
      </c>
      <c r="F2681" s="11" t="str">
        <f>'申請書（複数入力用）'!J2683</f>
        <v/>
      </c>
      <c r="G2681" s="6" t="str">
        <f>'申請書（複数入力用）'!K2683</f>
        <v>a052r000000jS9ZAAU</v>
      </c>
      <c r="H2681" s="12" t="e">
        <f>'申請書（複数入力用）'!N2683</f>
        <v>#N/A</v>
      </c>
      <c r="I2681" s="12" t="e">
        <f>'申請書（複数入力用）'!O2683</f>
        <v>#N/A</v>
      </c>
      <c r="J2681" s="12">
        <f>'申請書（複数入力用）'!P2683</f>
        <v>1</v>
      </c>
    </row>
    <row r="2682" spans="1:10" ht="51.6" customHeight="1" x14ac:dyDescent="0.45">
      <c r="A2682" s="6">
        <f>'申請書（複数入力用）'!A2684</f>
        <v>2678</v>
      </c>
      <c r="B2682" s="13">
        <f>'申請書（複数入力用）'!AH2684</f>
        <v>0</v>
      </c>
      <c r="C2682" s="6">
        <f>'申請書（複数入力用）'!B2684</f>
        <v>0</v>
      </c>
      <c r="D2682" s="6">
        <f>'申請書（複数入力用）'!D2684</f>
        <v>0</v>
      </c>
      <c r="E2682" s="14">
        <f>'申請書（複数入力用）'!H2684</f>
        <v>0</v>
      </c>
      <c r="F2682" s="11" t="str">
        <f>'申請書（複数入力用）'!J2684</f>
        <v/>
      </c>
      <c r="G2682" s="6" t="str">
        <f>'申請書（複数入力用）'!K2684</f>
        <v>a052r000000jS9ZAAU</v>
      </c>
      <c r="H2682" s="12" t="e">
        <f>'申請書（複数入力用）'!N2684</f>
        <v>#N/A</v>
      </c>
      <c r="I2682" s="12" t="e">
        <f>'申請書（複数入力用）'!O2684</f>
        <v>#N/A</v>
      </c>
      <c r="J2682" s="12">
        <f>'申請書（複数入力用）'!P2684</f>
        <v>1</v>
      </c>
    </row>
    <row r="2683" spans="1:10" ht="51.6" customHeight="1" x14ac:dyDescent="0.45">
      <c r="A2683" s="6">
        <f>'申請書（複数入力用）'!A2685</f>
        <v>2679</v>
      </c>
      <c r="B2683" s="13">
        <f>'申請書（複数入力用）'!AH2685</f>
        <v>0</v>
      </c>
      <c r="C2683" s="6">
        <f>'申請書（複数入力用）'!B2685</f>
        <v>0</v>
      </c>
      <c r="D2683" s="6">
        <f>'申請書（複数入力用）'!D2685</f>
        <v>0</v>
      </c>
      <c r="E2683" s="14">
        <f>'申請書（複数入力用）'!H2685</f>
        <v>0</v>
      </c>
      <c r="F2683" s="11" t="str">
        <f>'申請書（複数入力用）'!J2685</f>
        <v/>
      </c>
      <c r="G2683" s="6" t="str">
        <f>'申請書（複数入力用）'!K2685</f>
        <v>a052r000000jS9ZAAU</v>
      </c>
      <c r="H2683" s="12" t="e">
        <f>'申請書（複数入力用）'!N2685</f>
        <v>#N/A</v>
      </c>
      <c r="I2683" s="12" t="e">
        <f>'申請書（複数入力用）'!O2685</f>
        <v>#N/A</v>
      </c>
      <c r="J2683" s="12">
        <f>'申請書（複数入力用）'!P2685</f>
        <v>1</v>
      </c>
    </row>
    <row r="2684" spans="1:10" ht="51.6" customHeight="1" x14ac:dyDescent="0.45">
      <c r="A2684" s="6">
        <f>'申請書（複数入力用）'!A2686</f>
        <v>2680</v>
      </c>
      <c r="B2684" s="13">
        <f>'申請書（複数入力用）'!AH2686</f>
        <v>0</v>
      </c>
      <c r="C2684" s="6">
        <f>'申請書（複数入力用）'!B2686</f>
        <v>0</v>
      </c>
      <c r="D2684" s="6">
        <f>'申請書（複数入力用）'!D2686</f>
        <v>0</v>
      </c>
      <c r="E2684" s="14">
        <f>'申請書（複数入力用）'!H2686</f>
        <v>0</v>
      </c>
      <c r="F2684" s="11" t="str">
        <f>'申請書（複数入力用）'!J2686</f>
        <v/>
      </c>
      <c r="G2684" s="6" t="str">
        <f>'申請書（複数入力用）'!K2686</f>
        <v>a052r000000jS9ZAAU</v>
      </c>
      <c r="H2684" s="12" t="e">
        <f>'申請書（複数入力用）'!N2686</f>
        <v>#N/A</v>
      </c>
      <c r="I2684" s="12" t="e">
        <f>'申請書（複数入力用）'!O2686</f>
        <v>#N/A</v>
      </c>
      <c r="J2684" s="12">
        <f>'申請書（複数入力用）'!P2686</f>
        <v>1</v>
      </c>
    </row>
    <row r="2685" spans="1:10" ht="51.6" customHeight="1" x14ac:dyDescent="0.45">
      <c r="A2685" s="6">
        <f>'申請書（複数入力用）'!A2687</f>
        <v>2681</v>
      </c>
      <c r="B2685" s="13">
        <f>'申請書（複数入力用）'!AH2687</f>
        <v>0</v>
      </c>
      <c r="C2685" s="6">
        <f>'申請書（複数入力用）'!B2687</f>
        <v>0</v>
      </c>
      <c r="D2685" s="6">
        <f>'申請書（複数入力用）'!D2687</f>
        <v>0</v>
      </c>
      <c r="E2685" s="14">
        <f>'申請書（複数入力用）'!H2687</f>
        <v>0</v>
      </c>
      <c r="F2685" s="11" t="str">
        <f>'申請書（複数入力用）'!J2687</f>
        <v/>
      </c>
      <c r="G2685" s="6" t="str">
        <f>'申請書（複数入力用）'!K2687</f>
        <v>a052r000000jS9ZAAU</v>
      </c>
      <c r="H2685" s="12" t="e">
        <f>'申請書（複数入力用）'!N2687</f>
        <v>#N/A</v>
      </c>
      <c r="I2685" s="12" t="e">
        <f>'申請書（複数入力用）'!O2687</f>
        <v>#N/A</v>
      </c>
      <c r="J2685" s="12">
        <f>'申請書（複数入力用）'!P2687</f>
        <v>1</v>
      </c>
    </row>
    <row r="2686" spans="1:10" ht="51.6" customHeight="1" x14ac:dyDescent="0.45">
      <c r="A2686" s="6">
        <f>'申請書（複数入力用）'!A2688</f>
        <v>2682</v>
      </c>
      <c r="B2686" s="13">
        <f>'申請書（複数入力用）'!AH2688</f>
        <v>0</v>
      </c>
      <c r="C2686" s="6">
        <f>'申請書（複数入力用）'!B2688</f>
        <v>0</v>
      </c>
      <c r="D2686" s="6">
        <f>'申請書（複数入力用）'!D2688</f>
        <v>0</v>
      </c>
      <c r="E2686" s="14">
        <f>'申請書（複数入力用）'!H2688</f>
        <v>0</v>
      </c>
      <c r="F2686" s="11" t="str">
        <f>'申請書（複数入力用）'!J2688</f>
        <v/>
      </c>
      <c r="G2686" s="6" t="str">
        <f>'申請書（複数入力用）'!K2688</f>
        <v>a052r000000jS9ZAAU</v>
      </c>
      <c r="H2686" s="12" t="e">
        <f>'申請書（複数入力用）'!N2688</f>
        <v>#N/A</v>
      </c>
      <c r="I2686" s="12" t="e">
        <f>'申請書（複数入力用）'!O2688</f>
        <v>#N/A</v>
      </c>
      <c r="J2686" s="12">
        <f>'申請書（複数入力用）'!P2688</f>
        <v>1</v>
      </c>
    </row>
    <row r="2687" spans="1:10" ht="51.6" customHeight="1" x14ac:dyDescent="0.45">
      <c r="A2687" s="6">
        <f>'申請書（複数入力用）'!A2689</f>
        <v>2683</v>
      </c>
      <c r="B2687" s="13">
        <f>'申請書（複数入力用）'!AH2689</f>
        <v>0</v>
      </c>
      <c r="C2687" s="6">
        <f>'申請書（複数入力用）'!B2689</f>
        <v>0</v>
      </c>
      <c r="D2687" s="6">
        <f>'申請書（複数入力用）'!D2689</f>
        <v>0</v>
      </c>
      <c r="E2687" s="14">
        <f>'申請書（複数入力用）'!H2689</f>
        <v>0</v>
      </c>
      <c r="F2687" s="11" t="str">
        <f>'申請書（複数入力用）'!J2689</f>
        <v/>
      </c>
      <c r="G2687" s="6" t="str">
        <f>'申請書（複数入力用）'!K2689</f>
        <v>a052r000000jS9ZAAU</v>
      </c>
      <c r="H2687" s="12" t="e">
        <f>'申請書（複数入力用）'!N2689</f>
        <v>#N/A</v>
      </c>
      <c r="I2687" s="12" t="e">
        <f>'申請書（複数入力用）'!O2689</f>
        <v>#N/A</v>
      </c>
      <c r="J2687" s="12">
        <f>'申請書（複数入力用）'!P2689</f>
        <v>1</v>
      </c>
    </row>
    <row r="2688" spans="1:10" ht="51.6" customHeight="1" x14ac:dyDescent="0.45">
      <c r="A2688" s="6">
        <f>'申請書（複数入力用）'!A2690</f>
        <v>2684</v>
      </c>
      <c r="B2688" s="13">
        <f>'申請書（複数入力用）'!AH2690</f>
        <v>0</v>
      </c>
      <c r="C2688" s="6">
        <f>'申請書（複数入力用）'!B2690</f>
        <v>0</v>
      </c>
      <c r="D2688" s="6">
        <f>'申請書（複数入力用）'!D2690</f>
        <v>0</v>
      </c>
      <c r="E2688" s="14">
        <f>'申請書（複数入力用）'!H2690</f>
        <v>0</v>
      </c>
      <c r="F2688" s="11" t="str">
        <f>'申請書（複数入力用）'!J2690</f>
        <v/>
      </c>
      <c r="G2688" s="6" t="str">
        <f>'申請書（複数入力用）'!K2690</f>
        <v>a052r000000jS9ZAAU</v>
      </c>
      <c r="H2688" s="12" t="e">
        <f>'申請書（複数入力用）'!N2690</f>
        <v>#N/A</v>
      </c>
      <c r="I2688" s="12" t="e">
        <f>'申請書（複数入力用）'!O2690</f>
        <v>#N/A</v>
      </c>
      <c r="J2688" s="12">
        <f>'申請書（複数入力用）'!P2690</f>
        <v>1</v>
      </c>
    </row>
    <row r="2689" spans="1:10" ht="51.6" customHeight="1" x14ac:dyDescent="0.45">
      <c r="A2689" s="6">
        <f>'申請書（複数入力用）'!A2691</f>
        <v>2685</v>
      </c>
      <c r="B2689" s="13">
        <f>'申請書（複数入力用）'!AH2691</f>
        <v>0</v>
      </c>
      <c r="C2689" s="6">
        <f>'申請書（複数入力用）'!B2691</f>
        <v>0</v>
      </c>
      <c r="D2689" s="6">
        <f>'申請書（複数入力用）'!D2691</f>
        <v>0</v>
      </c>
      <c r="E2689" s="14">
        <f>'申請書（複数入力用）'!H2691</f>
        <v>0</v>
      </c>
      <c r="F2689" s="11" t="str">
        <f>'申請書（複数入力用）'!J2691</f>
        <v/>
      </c>
      <c r="G2689" s="6" t="str">
        <f>'申請書（複数入力用）'!K2691</f>
        <v>a052r000000jS9ZAAU</v>
      </c>
      <c r="H2689" s="12" t="e">
        <f>'申請書（複数入力用）'!N2691</f>
        <v>#N/A</v>
      </c>
      <c r="I2689" s="12" t="e">
        <f>'申請書（複数入力用）'!O2691</f>
        <v>#N/A</v>
      </c>
      <c r="J2689" s="12">
        <f>'申請書（複数入力用）'!P2691</f>
        <v>1</v>
      </c>
    </row>
    <row r="2690" spans="1:10" ht="51.6" customHeight="1" x14ac:dyDescent="0.45">
      <c r="A2690" s="6">
        <f>'申請書（複数入力用）'!A2692</f>
        <v>2686</v>
      </c>
      <c r="B2690" s="13">
        <f>'申請書（複数入力用）'!AH2692</f>
        <v>0</v>
      </c>
      <c r="C2690" s="6">
        <f>'申請書（複数入力用）'!B2692</f>
        <v>0</v>
      </c>
      <c r="D2690" s="6">
        <f>'申請書（複数入力用）'!D2692</f>
        <v>0</v>
      </c>
      <c r="E2690" s="14">
        <f>'申請書（複数入力用）'!H2692</f>
        <v>0</v>
      </c>
      <c r="F2690" s="11" t="str">
        <f>'申請書（複数入力用）'!J2692</f>
        <v/>
      </c>
      <c r="G2690" s="6" t="str">
        <f>'申請書（複数入力用）'!K2692</f>
        <v>a052r000000jS9ZAAU</v>
      </c>
      <c r="H2690" s="12" t="e">
        <f>'申請書（複数入力用）'!N2692</f>
        <v>#N/A</v>
      </c>
      <c r="I2690" s="12" t="e">
        <f>'申請書（複数入力用）'!O2692</f>
        <v>#N/A</v>
      </c>
      <c r="J2690" s="12">
        <f>'申請書（複数入力用）'!P2692</f>
        <v>1</v>
      </c>
    </row>
    <row r="2691" spans="1:10" ht="51.6" customHeight="1" x14ac:dyDescent="0.45">
      <c r="A2691" s="6">
        <f>'申請書（複数入力用）'!A2693</f>
        <v>2687</v>
      </c>
      <c r="B2691" s="13">
        <f>'申請書（複数入力用）'!AH2693</f>
        <v>0</v>
      </c>
      <c r="C2691" s="6">
        <f>'申請書（複数入力用）'!B2693</f>
        <v>0</v>
      </c>
      <c r="D2691" s="6">
        <f>'申請書（複数入力用）'!D2693</f>
        <v>0</v>
      </c>
      <c r="E2691" s="14">
        <f>'申請書（複数入力用）'!H2693</f>
        <v>0</v>
      </c>
      <c r="F2691" s="11" t="str">
        <f>'申請書（複数入力用）'!J2693</f>
        <v/>
      </c>
      <c r="G2691" s="6" t="str">
        <f>'申請書（複数入力用）'!K2693</f>
        <v>a052r000000jS9ZAAU</v>
      </c>
      <c r="H2691" s="12" t="e">
        <f>'申請書（複数入力用）'!N2693</f>
        <v>#N/A</v>
      </c>
      <c r="I2691" s="12" t="e">
        <f>'申請書（複数入力用）'!O2693</f>
        <v>#N/A</v>
      </c>
      <c r="J2691" s="12">
        <f>'申請書（複数入力用）'!P2693</f>
        <v>1</v>
      </c>
    </row>
    <row r="2692" spans="1:10" ht="51.6" customHeight="1" x14ac:dyDescent="0.45">
      <c r="A2692" s="6">
        <f>'申請書（複数入力用）'!A2694</f>
        <v>2688</v>
      </c>
      <c r="B2692" s="13">
        <f>'申請書（複数入力用）'!AH2694</f>
        <v>0</v>
      </c>
      <c r="C2692" s="6">
        <f>'申請書（複数入力用）'!B2694</f>
        <v>0</v>
      </c>
      <c r="D2692" s="6">
        <f>'申請書（複数入力用）'!D2694</f>
        <v>0</v>
      </c>
      <c r="E2692" s="14">
        <f>'申請書（複数入力用）'!H2694</f>
        <v>0</v>
      </c>
      <c r="F2692" s="11" t="str">
        <f>'申請書（複数入力用）'!J2694</f>
        <v/>
      </c>
      <c r="G2692" s="6" t="str">
        <f>'申請書（複数入力用）'!K2694</f>
        <v>a052r000000jS9ZAAU</v>
      </c>
      <c r="H2692" s="12" t="e">
        <f>'申請書（複数入力用）'!N2694</f>
        <v>#N/A</v>
      </c>
      <c r="I2692" s="12" t="e">
        <f>'申請書（複数入力用）'!O2694</f>
        <v>#N/A</v>
      </c>
      <c r="J2692" s="12">
        <f>'申請書（複数入力用）'!P2694</f>
        <v>1</v>
      </c>
    </row>
    <row r="2693" spans="1:10" ht="51.6" customHeight="1" x14ac:dyDescent="0.45">
      <c r="A2693" s="6">
        <f>'申請書（複数入力用）'!A2695</f>
        <v>2689</v>
      </c>
      <c r="B2693" s="13">
        <f>'申請書（複数入力用）'!AH2695</f>
        <v>0</v>
      </c>
      <c r="C2693" s="6">
        <f>'申請書（複数入力用）'!B2695</f>
        <v>0</v>
      </c>
      <c r="D2693" s="6">
        <f>'申請書（複数入力用）'!D2695</f>
        <v>0</v>
      </c>
      <c r="E2693" s="14">
        <f>'申請書（複数入力用）'!H2695</f>
        <v>0</v>
      </c>
      <c r="F2693" s="11" t="str">
        <f>'申請書（複数入力用）'!J2695</f>
        <v/>
      </c>
      <c r="G2693" s="6" t="str">
        <f>'申請書（複数入力用）'!K2695</f>
        <v>a052r000000jS9ZAAU</v>
      </c>
      <c r="H2693" s="12" t="e">
        <f>'申請書（複数入力用）'!N2695</f>
        <v>#N/A</v>
      </c>
      <c r="I2693" s="12" t="e">
        <f>'申請書（複数入力用）'!O2695</f>
        <v>#N/A</v>
      </c>
      <c r="J2693" s="12">
        <f>'申請書（複数入力用）'!P2695</f>
        <v>1</v>
      </c>
    </row>
    <row r="2694" spans="1:10" ht="51.6" customHeight="1" x14ac:dyDescent="0.45">
      <c r="A2694" s="6">
        <f>'申請書（複数入力用）'!A2696</f>
        <v>2690</v>
      </c>
      <c r="B2694" s="13">
        <f>'申請書（複数入力用）'!AH2696</f>
        <v>0</v>
      </c>
      <c r="C2694" s="6">
        <f>'申請書（複数入力用）'!B2696</f>
        <v>0</v>
      </c>
      <c r="D2694" s="6">
        <f>'申請書（複数入力用）'!D2696</f>
        <v>0</v>
      </c>
      <c r="E2694" s="14">
        <f>'申請書（複数入力用）'!H2696</f>
        <v>0</v>
      </c>
      <c r="F2694" s="11" t="str">
        <f>'申請書（複数入力用）'!J2696</f>
        <v/>
      </c>
      <c r="G2694" s="6" t="str">
        <f>'申請書（複数入力用）'!K2696</f>
        <v>a052r000000jS9ZAAU</v>
      </c>
      <c r="H2694" s="12" t="e">
        <f>'申請書（複数入力用）'!N2696</f>
        <v>#N/A</v>
      </c>
      <c r="I2694" s="12" t="e">
        <f>'申請書（複数入力用）'!O2696</f>
        <v>#N/A</v>
      </c>
      <c r="J2694" s="12">
        <f>'申請書（複数入力用）'!P2696</f>
        <v>1</v>
      </c>
    </row>
    <row r="2695" spans="1:10" ht="51.6" customHeight="1" x14ac:dyDescent="0.45">
      <c r="A2695" s="6">
        <f>'申請書（複数入力用）'!A2697</f>
        <v>2691</v>
      </c>
      <c r="B2695" s="13">
        <f>'申請書（複数入力用）'!AH2697</f>
        <v>0</v>
      </c>
      <c r="C2695" s="6">
        <f>'申請書（複数入力用）'!B2697</f>
        <v>0</v>
      </c>
      <c r="D2695" s="6">
        <f>'申請書（複数入力用）'!D2697</f>
        <v>0</v>
      </c>
      <c r="E2695" s="14">
        <f>'申請書（複数入力用）'!H2697</f>
        <v>0</v>
      </c>
      <c r="F2695" s="11" t="str">
        <f>'申請書（複数入力用）'!J2697</f>
        <v/>
      </c>
      <c r="G2695" s="6" t="str">
        <f>'申請書（複数入力用）'!K2697</f>
        <v>a052r000000jS9ZAAU</v>
      </c>
      <c r="H2695" s="12" t="e">
        <f>'申請書（複数入力用）'!N2697</f>
        <v>#N/A</v>
      </c>
      <c r="I2695" s="12" t="e">
        <f>'申請書（複数入力用）'!O2697</f>
        <v>#N/A</v>
      </c>
      <c r="J2695" s="12">
        <f>'申請書（複数入力用）'!P2697</f>
        <v>1</v>
      </c>
    </row>
    <row r="2696" spans="1:10" ht="51.6" customHeight="1" x14ac:dyDescent="0.45">
      <c r="A2696" s="6">
        <f>'申請書（複数入力用）'!A2698</f>
        <v>2692</v>
      </c>
      <c r="B2696" s="13">
        <f>'申請書（複数入力用）'!AH2698</f>
        <v>0</v>
      </c>
      <c r="C2696" s="6">
        <f>'申請書（複数入力用）'!B2698</f>
        <v>0</v>
      </c>
      <c r="D2696" s="6">
        <f>'申請書（複数入力用）'!D2698</f>
        <v>0</v>
      </c>
      <c r="E2696" s="14">
        <f>'申請書（複数入力用）'!H2698</f>
        <v>0</v>
      </c>
      <c r="F2696" s="11" t="str">
        <f>'申請書（複数入力用）'!J2698</f>
        <v/>
      </c>
      <c r="G2696" s="6" t="str">
        <f>'申請書（複数入力用）'!K2698</f>
        <v>a052r000000jS9ZAAU</v>
      </c>
      <c r="H2696" s="12" t="e">
        <f>'申請書（複数入力用）'!N2698</f>
        <v>#N/A</v>
      </c>
      <c r="I2696" s="12" t="e">
        <f>'申請書（複数入力用）'!O2698</f>
        <v>#N/A</v>
      </c>
      <c r="J2696" s="12">
        <f>'申請書（複数入力用）'!P2698</f>
        <v>1</v>
      </c>
    </row>
    <row r="2697" spans="1:10" ht="51.6" customHeight="1" x14ac:dyDescent="0.45">
      <c r="A2697" s="6">
        <f>'申請書（複数入力用）'!A2699</f>
        <v>2693</v>
      </c>
      <c r="B2697" s="13">
        <f>'申請書（複数入力用）'!AH2699</f>
        <v>0</v>
      </c>
      <c r="C2697" s="6">
        <f>'申請書（複数入力用）'!B2699</f>
        <v>0</v>
      </c>
      <c r="D2697" s="6">
        <f>'申請書（複数入力用）'!D2699</f>
        <v>0</v>
      </c>
      <c r="E2697" s="14">
        <f>'申請書（複数入力用）'!H2699</f>
        <v>0</v>
      </c>
      <c r="F2697" s="11" t="str">
        <f>'申請書（複数入力用）'!J2699</f>
        <v/>
      </c>
      <c r="G2697" s="6" t="str">
        <f>'申請書（複数入力用）'!K2699</f>
        <v>a052r000000jS9ZAAU</v>
      </c>
      <c r="H2697" s="12" t="e">
        <f>'申請書（複数入力用）'!N2699</f>
        <v>#N/A</v>
      </c>
      <c r="I2697" s="12" t="e">
        <f>'申請書（複数入力用）'!O2699</f>
        <v>#N/A</v>
      </c>
      <c r="J2697" s="12">
        <f>'申請書（複数入力用）'!P2699</f>
        <v>1</v>
      </c>
    </row>
    <row r="2698" spans="1:10" ht="51.6" customHeight="1" x14ac:dyDescent="0.45">
      <c r="A2698" s="6">
        <f>'申請書（複数入力用）'!A2700</f>
        <v>2694</v>
      </c>
      <c r="B2698" s="13">
        <f>'申請書（複数入力用）'!AH2700</f>
        <v>0</v>
      </c>
      <c r="C2698" s="6">
        <f>'申請書（複数入力用）'!B2700</f>
        <v>0</v>
      </c>
      <c r="D2698" s="6">
        <f>'申請書（複数入力用）'!D2700</f>
        <v>0</v>
      </c>
      <c r="E2698" s="14">
        <f>'申請書（複数入力用）'!H2700</f>
        <v>0</v>
      </c>
      <c r="F2698" s="11" t="str">
        <f>'申請書（複数入力用）'!J2700</f>
        <v/>
      </c>
      <c r="G2698" s="6" t="str">
        <f>'申請書（複数入力用）'!K2700</f>
        <v>a052r000000jS9ZAAU</v>
      </c>
      <c r="H2698" s="12" t="e">
        <f>'申請書（複数入力用）'!N2700</f>
        <v>#N/A</v>
      </c>
      <c r="I2698" s="12" t="e">
        <f>'申請書（複数入力用）'!O2700</f>
        <v>#N/A</v>
      </c>
      <c r="J2698" s="12">
        <f>'申請書（複数入力用）'!P2700</f>
        <v>1</v>
      </c>
    </row>
    <row r="2699" spans="1:10" ht="51.6" customHeight="1" x14ac:dyDescent="0.45">
      <c r="A2699" s="6">
        <f>'申請書（複数入力用）'!A2701</f>
        <v>2695</v>
      </c>
      <c r="B2699" s="13">
        <f>'申請書（複数入力用）'!AH2701</f>
        <v>0</v>
      </c>
      <c r="C2699" s="6">
        <f>'申請書（複数入力用）'!B2701</f>
        <v>0</v>
      </c>
      <c r="D2699" s="6">
        <f>'申請書（複数入力用）'!D2701</f>
        <v>0</v>
      </c>
      <c r="E2699" s="14">
        <f>'申請書（複数入力用）'!H2701</f>
        <v>0</v>
      </c>
      <c r="F2699" s="11" t="str">
        <f>'申請書（複数入力用）'!J2701</f>
        <v/>
      </c>
      <c r="G2699" s="6" t="str">
        <f>'申請書（複数入力用）'!K2701</f>
        <v>a052r000000jS9ZAAU</v>
      </c>
      <c r="H2699" s="12" t="e">
        <f>'申請書（複数入力用）'!N2701</f>
        <v>#N/A</v>
      </c>
      <c r="I2699" s="12" t="e">
        <f>'申請書（複数入力用）'!O2701</f>
        <v>#N/A</v>
      </c>
      <c r="J2699" s="12">
        <f>'申請書（複数入力用）'!P2701</f>
        <v>1</v>
      </c>
    </row>
    <row r="2700" spans="1:10" ht="51.6" customHeight="1" x14ac:dyDescent="0.45">
      <c r="A2700" s="6">
        <f>'申請書（複数入力用）'!A2702</f>
        <v>2696</v>
      </c>
      <c r="B2700" s="13">
        <f>'申請書（複数入力用）'!AH2702</f>
        <v>0</v>
      </c>
      <c r="C2700" s="6">
        <f>'申請書（複数入力用）'!B2702</f>
        <v>0</v>
      </c>
      <c r="D2700" s="6">
        <f>'申請書（複数入力用）'!D2702</f>
        <v>0</v>
      </c>
      <c r="E2700" s="14">
        <f>'申請書（複数入力用）'!H2702</f>
        <v>0</v>
      </c>
      <c r="F2700" s="11" t="str">
        <f>'申請書（複数入力用）'!J2702</f>
        <v/>
      </c>
      <c r="G2700" s="6" t="str">
        <f>'申請書（複数入力用）'!K2702</f>
        <v>a052r000000jS9ZAAU</v>
      </c>
      <c r="H2700" s="12" t="e">
        <f>'申請書（複数入力用）'!N2702</f>
        <v>#N/A</v>
      </c>
      <c r="I2700" s="12" t="e">
        <f>'申請書（複数入力用）'!O2702</f>
        <v>#N/A</v>
      </c>
      <c r="J2700" s="12">
        <f>'申請書（複数入力用）'!P2702</f>
        <v>1</v>
      </c>
    </row>
    <row r="2701" spans="1:10" ht="51.6" customHeight="1" x14ac:dyDescent="0.45">
      <c r="A2701" s="6">
        <f>'申請書（複数入力用）'!A2703</f>
        <v>2697</v>
      </c>
      <c r="B2701" s="13">
        <f>'申請書（複数入力用）'!AH2703</f>
        <v>0</v>
      </c>
      <c r="C2701" s="6">
        <f>'申請書（複数入力用）'!B2703</f>
        <v>0</v>
      </c>
      <c r="D2701" s="6">
        <f>'申請書（複数入力用）'!D2703</f>
        <v>0</v>
      </c>
      <c r="E2701" s="14">
        <f>'申請書（複数入力用）'!H2703</f>
        <v>0</v>
      </c>
      <c r="F2701" s="11" t="str">
        <f>'申請書（複数入力用）'!J2703</f>
        <v/>
      </c>
      <c r="G2701" s="6" t="str">
        <f>'申請書（複数入力用）'!K2703</f>
        <v>a052r000000jS9ZAAU</v>
      </c>
      <c r="H2701" s="12" t="e">
        <f>'申請書（複数入力用）'!N2703</f>
        <v>#N/A</v>
      </c>
      <c r="I2701" s="12" t="e">
        <f>'申請書（複数入力用）'!O2703</f>
        <v>#N/A</v>
      </c>
      <c r="J2701" s="12">
        <f>'申請書（複数入力用）'!P2703</f>
        <v>1</v>
      </c>
    </row>
    <row r="2702" spans="1:10" ht="51.6" customHeight="1" x14ac:dyDescent="0.45">
      <c r="A2702" s="6">
        <f>'申請書（複数入力用）'!A2704</f>
        <v>2698</v>
      </c>
      <c r="B2702" s="13">
        <f>'申請書（複数入力用）'!AH2704</f>
        <v>0</v>
      </c>
      <c r="C2702" s="6">
        <f>'申請書（複数入力用）'!B2704</f>
        <v>0</v>
      </c>
      <c r="D2702" s="6">
        <f>'申請書（複数入力用）'!D2704</f>
        <v>0</v>
      </c>
      <c r="E2702" s="14">
        <f>'申請書（複数入力用）'!H2704</f>
        <v>0</v>
      </c>
      <c r="F2702" s="11" t="str">
        <f>'申請書（複数入力用）'!J2704</f>
        <v/>
      </c>
      <c r="G2702" s="6" t="str">
        <f>'申請書（複数入力用）'!K2704</f>
        <v>a052r000000jS9ZAAU</v>
      </c>
      <c r="H2702" s="12" t="e">
        <f>'申請書（複数入力用）'!N2704</f>
        <v>#N/A</v>
      </c>
      <c r="I2702" s="12" t="e">
        <f>'申請書（複数入力用）'!O2704</f>
        <v>#N/A</v>
      </c>
      <c r="J2702" s="12">
        <f>'申請書（複数入力用）'!P2704</f>
        <v>1</v>
      </c>
    </row>
    <row r="2703" spans="1:10" ht="51.6" customHeight="1" x14ac:dyDescent="0.45">
      <c r="A2703" s="6">
        <f>'申請書（複数入力用）'!A2705</f>
        <v>2699</v>
      </c>
      <c r="B2703" s="13">
        <f>'申請書（複数入力用）'!AH2705</f>
        <v>0</v>
      </c>
      <c r="C2703" s="6">
        <f>'申請書（複数入力用）'!B2705</f>
        <v>0</v>
      </c>
      <c r="D2703" s="6">
        <f>'申請書（複数入力用）'!D2705</f>
        <v>0</v>
      </c>
      <c r="E2703" s="14">
        <f>'申請書（複数入力用）'!H2705</f>
        <v>0</v>
      </c>
      <c r="F2703" s="11" t="str">
        <f>'申請書（複数入力用）'!J2705</f>
        <v/>
      </c>
      <c r="G2703" s="6" t="str">
        <f>'申請書（複数入力用）'!K2705</f>
        <v>a052r000000jS9ZAAU</v>
      </c>
      <c r="H2703" s="12" t="e">
        <f>'申請書（複数入力用）'!N2705</f>
        <v>#N/A</v>
      </c>
      <c r="I2703" s="12" t="e">
        <f>'申請書（複数入力用）'!O2705</f>
        <v>#N/A</v>
      </c>
      <c r="J2703" s="12">
        <f>'申請書（複数入力用）'!P2705</f>
        <v>1</v>
      </c>
    </row>
    <row r="2704" spans="1:10" ht="51.6" customHeight="1" x14ac:dyDescent="0.45">
      <c r="A2704" s="6">
        <f>'申請書（複数入力用）'!A2706</f>
        <v>2700</v>
      </c>
      <c r="B2704" s="13">
        <f>'申請書（複数入力用）'!AH2706</f>
        <v>0</v>
      </c>
      <c r="C2704" s="6">
        <f>'申請書（複数入力用）'!B2706</f>
        <v>0</v>
      </c>
      <c r="D2704" s="6">
        <f>'申請書（複数入力用）'!D2706</f>
        <v>0</v>
      </c>
      <c r="E2704" s="14">
        <f>'申請書（複数入力用）'!H2706</f>
        <v>0</v>
      </c>
      <c r="F2704" s="11" t="str">
        <f>'申請書（複数入力用）'!J2706</f>
        <v/>
      </c>
      <c r="G2704" s="6" t="str">
        <f>'申請書（複数入力用）'!K2706</f>
        <v>a052r000000jS9ZAAU</v>
      </c>
      <c r="H2704" s="12" t="e">
        <f>'申請書（複数入力用）'!N2706</f>
        <v>#N/A</v>
      </c>
      <c r="I2704" s="12" t="e">
        <f>'申請書（複数入力用）'!O2706</f>
        <v>#N/A</v>
      </c>
      <c r="J2704" s="12">
        <f>'申請書（複数入力用）'!P2706</f>
        <v>1</v>
      </c>
    </row>
    <row r="2705" spans="1:10" ht="51.6" customHeight="1" x14ac:dyDescent="0.45">
      <c r="A2705" s="6">
        <f>'申請書（複数入力用）'!A2707</f>
        <v>2701</v>
      </c>
      <c r="B2705" s="13">
        <f>'申請書（複数入力用）'!AH2707</f>
        <v>0</v>
      </c>
      <c r="C2705" s="6">
        <f>'申請書（複数入力用）'!B2707</f>
        <v>0</v>
      </c>
      <c r="D2705" s="6">
        <f>'申請書（複数入力用）'!D2707</f>
        <v>0</v>
      </c>
      <c r="E2705" s="14">
        <f>'申請書（複数入力用）'!H2707</f>
        <v>0</v>
      </c>
      <c r="F2705" s="11" t="str">
        <f>'申請書（複数入力用）'!J2707</f>
        <v/>
      </c>
      <c r="G2705" s="6" t="str">
        <f>'申請書（複数入力用）'!K2707</f>
        <v>a052r000000jS9ZAAU</v>
      </c>
      <c r="H2705" s="12" t="e">
        <f>'申請書（複数入力用）'!N2707</f>
        <v>#N/A</v>
      </c>
      <c r="I2705" s="12" t="e">
        <f>'申請書（複数入力用）'!O2707</f>
        <v>#N/A</v>
      </c>
      <c r="J2705" s="12">
        <f>'申請書（複数入力用）'!P2707</f>
        <v>1</v>
      </c>
    </row>
    <row r="2706" spans="1:10" ht="51.6" customHeight="1" x14ac:dyDescent="0.45">
      <c r="A2706" s="6">
        <f>'申請書（複数入力用）'!A2708</f>
        <v>2702</v>
      </c>
      <c r="B2706" s="13">
        <f>'申請書（複数入力用）'!AH2708</f>
        <v>0</v>
      </c>
      <c r="C2706" s="6">
        <f>'申請書（複数入力用）'!B2708</f>
        <v>0</v>
      </c>
      <c r="D2706" s="6">
        <f>'申請書（複数入力用）'!D2708</f>
        <v>0</v>
      </c>
      <c r="E2706" s="14">
        <f>'申請書（複数入力用）'!H2708</f>
        <v>0</v>
      </c>
      <c r="F2706" s="11" t="str">
        <f>'申請書（複数入力用）'!J2708</f>
        <v/>
      </c>
      <c r="G2706" s="6" t="str">
        <f>'申請書（複数入力用）'!K2708</f>
        <v>a052r000000jS9ZAAU</v>
      </c>
      <c r="H2706" s="12" t="e">
        <f>'申請書（複数入力用）'!N2708</f>
        <v>#N/A</v>
      </c>
      <c r="I2706" s="12" t="e">
        <f>'申請書（複数入力用）'!O2708</f>
        <v>#N/A</v>
      </c>
      <c r="J2706" s="12">
        <f>'申請書（複数入力用）'!P2708</f>
        <v>1</v>
      </c>
    </row>
    <row r="2707" spans="1:10" ht="51.6" customHeight="1" x14ac:dyDescent="0.45">
      <c r="A2707" s="6">
        <f>'申請書（複数入力用）'!A2709</f>
        <v>2703</v>
      </c>
      <c r="B2707" s="13">
        <f>'申請書（複数入力用）'!AH2709</f>
        <v>0</v>
      </c>
      <c r="C2707" s="6">
        <f>'申請書（複数入力用）'!B2709</f>
        <v>0</v>
      </c>
      <c r="D2707" s="6">
        <f>'申請書（複数入力用）'!D2709</f>
        <v>0</v>
      </c>
      <c r="E2707" s="14">
        <f>'申請書（複数入力用）'!H2709</f>
        <v>0</v>
      </c>
      <c r="F2707" s="11" t="str">
        <f>'申請書（複数入力用）'!J2709</f>
        <v/>
      </c>
      <c r="G2707" s="6" t="str">
        <f>'申請書（複数入力用）'!K2709</f>
        <v>a052r000000jS9ZAAU</v>
      </c>
      <c r="H2707" s="12" t="e">
        <f>'申請書（複数入力用）'!N2709</f>
        <v>#N/A</v>
      </c>
      <c r="I2707" s="12" t="e">
        <f>'申請書（複数入力用）'!O2709</f>
        <v>#N/A</v>
      </c>
      <c r="J2707" s="12">
        <f>'申請書（複数入力用）'!P2709</f>
        <v>1</v>
      </c>
    </row>
    <row r="2708" spans="1:10" ht="51.6" customHeight="1" x14ac:dyDescent="0.45">
      <c r="A2708" s="6">
        <f>'申請書（複数入力用）'!A2710</f>
        <v>2704</v>
      </c>
      <c r="B2708" s="13">
        <f>'申請書（複数入力用）'!AH2710</f>
        <v>0</v>
      </c>
      <c r="C2708" s="6">
        <f>'申請書（複数入力用）'!B2710</f>
        <v>0</v>
      </c>
      <c r="D2708" s="6">
        <f>'申請書（複数入力用）'!D2710</f>
        <v>0</v>
      </c>
      <c r="E2708" s="14">
        <f>'申請書（複数入力用）'!H2710</f>
        <v>0</v>
      </c>
      <c r="F2708" s="11" t="str">
        <f>'申請書（複数入力用）'!J2710</f>
        <v/>
      </c>
      <c r="G2708" s="6" t="str">
        <f>'申請書（複数入力用）'!K2710</f>
        <v>a052r000000jS9ZAAU</v>
      </c>
      <c r="H2708" s="12" t="e">
        <f>'申請書（複数入力用）'!N2710</f>
        <v>#N/A</v>
      </c>
      <c r="I2708" s="12" t="e">
        <f>'申請書（複数入力用）'!O2710</f>
        <v>#N/A</v>
      </c>
      <c r="J2708" s="12">
        <f>'申請書（複数入力用）'!P2710</f>
        <v>1</v>
      </c>
    </row>
    <row r="2709" spans="1:10" ht="51.6" customHeight="1" x14ac:dyDescent="0.45">
      <c r="A2709" s="6">
        <f>'申請書（複数入力用）'!A2711</f>
        <v>2705</v>
      </c>
      <c r="B2709" s="13">
        <f>'申請書（複数入力用）'!AH2711</f>
        <v>0</v>
      </c>
      <c r="C2709" s="6">
        <f>'申請書（複数入力用）'!B2711</f>
        <v>0</v>
      </c>
      <c r="D2709" s="6">
        <f>'申請書（複数入力用）'!D2711</f>
        <v>0</v>
      </c>
      <c r="E2709" s="14">
        <f>'申請書（複数入力用）'!H2711</f>
        <v>0</v>
      </c>
      <c r="F2709" s="11" t="str">
        <f>'申請書（複数入力用）'!J2711</f>
        <v/>
      </c>
      <c r="G2709" s="6" t="str">
        <f>'申請書（複数入力用）'!K2711</f>
        <v>a052r000000jS9ZAAU</v>
      </c>
      <c r="H2709" s="12" t="e">
        <f>'申請書（複数入力用）'!N2711</f>
        <v>#N/A</v>
      </c>
      <c r="I2709" s="12" t="e">
        <f>'申請書（複数入力用）'!O2711</f>
        <v>#N/A</v>
      </c>
      <c r="J2709" s="12">
        <f>'申請書（複数入力用）'!P2711</f>
        <v>1</v>
      </c>
    </row>
    <row r="2710" spans="1:10" ht="51.6" customHeight="1" x14ac:dyDescent="0.45">
      <c r="A2710" s="6">
        <f>'申請書（複数入力用）'!A2712</f>
        <v>2706</v>
      </c>
      <c r="B2710" s="13">
        <f>'申請書（複数入力用）'!AH2712</f>
        <v>0</v>
      </c>
      <c r="C2710" s="6">
        <f>'申請書（複数入力用）'!B2712</f>
        <v>0</v>
      </c>
      <c r="D2710" s="6">
        <f>'申請書（複数入力用）'!D2712</f>
        <v>0</v>
      </c>
      <c r="E2710" s="14">
        <f>'申請書（複数入力用）'!H2712</f>
        <v>0</v>
      </c>
      <c r="F2710" s="11" t="str">
        <f>'申請書（複数入力用）'!J2712</f>
        <v/>
      </c>
      <c r="G2710" s="6" t="str">
        <f>'申請書（複数入力用）'!K2712</f>
        <v>a052r000000jS9ZAAU</v>
      </c>
      <c r="H2710" s="12" t="e">
        <f>'申請書（複数入力用）'!N2712</f>
        <v>#N/A</v>
      </c>
      <c r="I2710" s="12" t="e">
        <f>'申請書（複数入力用）'!O2712</f>
        <v>#N/A</v>
      </c>
      <c r="J2710" s="12">
        <f>'申請書（複数入力用）'!P2712</f>
        <v>1</v>
      </c>
    </row>
    <row r="2711" spans="1:10" ht="51.6" customHeight="1" x14ac:dyDescent="0.45">
      <c r="A2711" s="6">
        <f>'申請書（複数入力用）'!A2713</f>
        <v>2707</v>
      </c>
      <c r="B2711" s="13">
        <f>'申請書（複数入力用）'!AH2713</f>
        <v>0</v>
      </c>
      <c r="C2711" s="6">
        <f>'申請書（複数入力用）'!B2713</f>
        <v>0</v>
      </c>
      <c r="D2711" s="6">
        <f>'申請書（複数入力用）'!D2713</f>
        <v>0</v>
      </c>
      <c r="E2711" s="14">
        <f>'申請書（複数入力用）'!H2713</f>
        <v>0</v>
      </c>
      <c r="F2711" s="11" t="str">
        <f>'申請書（複数入力用）'!J2713</f>
        <v/>
      </c>
      <c r="G2711" s="6" t="str">
        <f>'申請書（複数入力用）'!K2713</f>
        <v>a052r000000jS9ZAAU</v>
      </c>
      <c r="H2711" s="12" t="e">
        <f>'申請書（複数入力用）'!N2713</f>
        <v>#N/A</v>
      </c>
      <c r="I2711" s="12" t="e">
        <f>'申請書（複数入力用）'!O2713</f>
        <v>#N/A</v>
      </c>
      <c r="J2711" s="12">
        <f>'申請書（複数入力用）'!P2713</f>
        <v>1</v>
      </c>
    </row>
    <row r="2712" spans="1:10" ht="51.6" customHeight="1" x14ac:dyDescent="0.45">
      <c r="A2712" s="6">
        <f>'申請書（複数入力用）'!A2714</f>
        <v>2708</v>
      </c>
      <c r="B2712" s="13">
        <f>'申請書（複数入力用）'!AH2714</f>
        <v>0</v>
      </c>
      <c r="C2712" s="6">
        <f>'申請書（複数入力用）'!B2714</f>
        <v>0</v>
      </c>
      <c r="D2712" s="6">
        <f>'申請書（複数入力用）'!D2714</f>
        <v>0</v>
      </c>
      <c r="E2712" s="14">
        <f>'申請書（複数入力用）'!H2714</f>
        <v>0</v>
      </c>
      <c r="F2712" s="11" t="str">
        <f>'申請書（複数入力用）'!J2714</f>
        <v/>
      </c>
      <c r="G2712" s="6" t="str">
        <f>'申請書（複数入力用）'!K2714</f>
        <v>a052r000000jS9ZAAU</v>
      </c>
      <c r="H2712" s="12" t="e">
        <f>'申請書（複数入力用）'!N2714</f>
        <v>#N/A</v>
      </c>
      <c r="I2712" s="12" t="e">
        <f>'申請書（複数入力用）'!O2714</f>
        <v>#N/A</v>
      </c>
      <c r="J2712" s="12">
        <f>'申請書（複数入力用）'!P2714</f>
        <v>1</v>
      </c>
    </row>
    <row r="2713" spans="1:10" ht="51.6" customHeight="1" x14ac:dyDescent="0.45">
      <c r="A2713" s="6">
        <f>'申請書（複数入力用）'!A2715</f>
        <v>2709</v>
      </c>
      <c r="B2713" s="13">
        <f>'申請書（複数入力用）'!AH2715</f>
        <v>0</v>
      </c>
      <c r="C2713" s="6">
        <f>'申請書（複数入力用）'!B2715</f>
        <v>0</v>
      </c>
      <c r="D2713" s="6">
        <f>'申請書（複数入力用）'!D2715</f>
        <v>0</v>
      </c>
      <c r="E2713" s="14">
        <f>'申請書（複数入力用）'!H2715</f>
        <v>0</v>
      </c>
      <c r="F2713" s="11" t="str">
        <f>'申請書（複数入力用）'!J2715</f>
        <v/>
      </c>
      <c r="G2713" s="6" t="str">
        <f>'申請書（複数入力用）'!K2715</f>
        <v>a052r000000jS9ZAAU</v>
      </c>
      <c r="H2713" s="12" t="e">
        <f>'申請書（複数入力用）'!N2715</f>
        <v>#N/A</v>
      </c>
      <c r="I2713" s="12" t="e">
        <f>'申請書（複数入力用）'!O2715</f>
        <v>#N/A</v>
      </c>
      <c r="J2713" s="12">
        <f>'申請書（複数入力用）'!P2715</f>
        <v>1</v>
      </c>
    </row>
    <row r="2714" spans="1:10" ht="51.6" customHeight="1" x14ac:dyDescent="0.45">
      <c r="A2714" s="6">
        <f>'申請書（複数入力用）'!A2716</f>
        <v>2710</v>
      </c>
      <c r="B2714" s="13">
        <f>'申請書（複数入力用）'!AH2716</f>
        <v>0</v>
      </c>
      <c r="C2714" s="6">
        <f>'申請書（複数入力用）'!B2716</f>
        <v>0</v>
      </c>
      <c r="D2714" s="6">
        <f>'申請書（複数入力用）'!D2716</f>
        <v>0</v>
      </c>
      <c r="E2714" s="14">
        <f>'申請書（複数入力用）'!H2716</f>
        <v>0</v>
      </c>
      <c r="F2714" s="11" t="str">
        <f>'申請書（複数入力用）'!J2716</f>
        <v/>
      </c>
      <c r="G2714" s="6" t="str">
        <f>'申請書（複数入力用）'!K2716</f>
        <v>a052r000000jS9ZAAU</v>
      </c>
      <c r="H2714" s="12" t="e">
        <f>'申請書（複数入力用）'!N2716</f>
        <v>#N/A</v>
      </c>
      <c r="I2714" s="12" t="e">
        <f>'申請書（複数入力用）'!O2716</f>
        <v>#N/A</v>
      </c>
      <c r="J2714" s="12">
        <f>'申請書（複数入力用）'!P2716</f>
        <v>1</v>
      </c>
    </row>
    <row r="2715" spans="1:10" ht="51.6" customHeight="1" x14ac:dyDescent="0.45">
      <c r="A2715" s="6">
        <f>'申請書（複数入力用）'!A2717</f>
        <v>2711</v>
      </c>
      <c r="B2715" s="13">
        <f>'申請書（複数入力用）'!AH2717</f>
        <v>0</v>
      </c>
      <c r="C2715" s="6">
        <f>'申請書（複数入力用）'!B2717</f>
        <v>0</v>
      </c>
      <c r="D2715" s="6">
        <f>'申請書（複数入力用）'!D2717</f>
        <v>0</v>
      </c>
      <c r="E2715" s="14">
        <f>'申請書（複数入力用）'!H2717</f>
        <v>0</v>
      </c>
      <c r="F2715" s="11" t="str">
        <f>'申請書（複数入力用）'!J2717</f>
        <v/>
      </c>
      <c r="G2715" s="6" t="str">
        <f>'申請書（複数入力用）'!K2717</f>
        <v>a052r000000jS9ZAAU</v>
      </c>
      <c r="H2715" s="12" t="e">
        <f>'申請書（複数入力用）'!N2717</f>
        <v>#N/A</v>
      </c>
      <c r="I2715" s="12" t="e">
        <f>'申請書（複数入力用）'!O2717</f>
        <v>#N/A</v>
      </c>
      <c r="J2715" s="12">
        <f>'申請書（複数入力用）'!P2717</f>
        <v>1</v>
      </c>
    </row>
    <row r="2716" spans="1:10" ht="51.6" customHeight="1" x14ac:dyDescent="0.45">
      <c r="A2716" s="6">
        <f>'申請書（複数入力用）'!A2718</f>
        <v>2712</v>
      </c>
      <c r="B2716" s="13">
        <f>'申請書（複数入力用）'!AH2718</f>
        <v>0</v>
      </c>
      <c r="C2716" s="6">
        <f>'申請書（複数入力用）'!B2718</f>
        <v>0</v>
      </c>
      <c r="D2716" s="6">
        <f>'申請書（複数入力用）'!D2718</f>
        <v>0</v>
      </c>
      <c r="E2716" s="14">
        <f>'申請書（複数入力用）'!H2718</f>
        <v>0</v>
      </c>
      <c r="F2716" s="11" t="str">
        <f>'申請書（複数入力用）'!J2718</f>
        <v/>
      </c>
      <c r="G2716" s="6" t="str">
        <f>'申請書（複数入力用）'!K2718</f>
        <v>a052r000000jS9ZAAU</v>
      </c>
      <c r="H2716" s="12" t="e">
        <f>'申請書（複数入力用）'!N2718</f>
        <v>#N/A</v>
      </c>
      <c r="I2716" s="12" t="e">
        <f>'申請書（複数入力用）'!O2718</f>
        <v>#N/A</v>
      </c>
      <c r="J2716" s="12">
        <f>'申請書（複数入力用）'!P2718</f>
        <v>1</v>
      </c>
    </row>
    <row r="2717" spans="1:10" ht="51.6" customHeight="1" x14ac:dyDescent="0.45">
      <c r="A2717" s="6">
        <f>'申請書（複数入力用）'!A2719</f>
        <v>2713</v>
      </c>
      <c r="B2717" s="13">
        <f>'申請書（複数入力用）'!AH2719</f>
        <v>0</v>
      </c>
      <c r="C2717" s="6">
        <f>'申請書（複数入力用）'!B2719</f>
        <v>0</v>
      </c>
      <c r="D2717" s="6">
        <f>'申請書（複数入力用）'!D2719</f>
        <v>0</v>
      </c>
      <c r="E2717" s="14">
        <f>'申請書（複数入力用）'!H2719</f>
        <v>0</v>
      </c>
      <c r="F2717" s="11" t="str">
        <f>'申請書（複数入力用）'!J2719</f>
        <v/>
      </c>
      <c r="G2717" s="6" t="str">
        <f>'申請書（複数入力用）'!K2719</f>
        <v>a052r000000jS9ZAAU</v>
      </c>
      <c r="H2717" s="12" t="e">
        <f>'申請書（複数入力用）'!N2719</f>
        <v>#N/A</v>
      </c>
      <c r="I2717" s="12" t="e">
        <f>'申請書（複数入力用）'!O2719</f>
        <v>#N/A</v>
      </c>
      <c r="J2717" s="12">
        <f>'申請書（複数入力用）'!P2719</f>
        <v>1</v>
      </c>
    </row>
    <row r="2718" spans="1:10" ht="51.6" customHeight="1" x14ac:dyDescent="0.45">
      <c r="A2718" s="6">
        <f>'申請書（複数入力用）'!A2720</f>
        <v>2714</v>
      </c>
      <c r="B2718" s="13">
        <f>'申請書（複数入力用）'!AH2720</f>
        <v>0</v>
      </c>
      <c r="C2718" s="6">
        <f>'申請書（複数入力用）'!B2720</f>
        <v>0</v>
      </c>
      <c r="D2718" s="6">
        <f>'申請書（複数入力用）'!D2720</f>
        <v>0</v>
      </c>
      <c r="E2718" s="14">
        <f>'申請書（複数入力用）'!H2720</f>
        <v>0</v>
      </c>
      <c r="F2718" s="11" t="str">
        <f>'申請書（複数入力用）'!J2720</f>
        <v/>
      </c>
      <c r="G2718" s="6" t="str">
        <f>'申請書（複数入力用）'!K2720</f>
        <v>a052r000000jS9ZAAU</v>
      </c>
      <c r="H2718" s="12" t="e">
        <f>'申請書（複数入力用）'!N2720</f>
        <v>#N/A</v>
      </c>
      <c r="I2718" s="12" t="e">
        <f>'申請書（複数入力用）'!O2720</f>
        <v>#N/A</v>
      </c>
      <c r="J2718" s="12">
        <f>'申請書（複数入力用）'!P2720</f>
        <v>1</v>
      </c>
    </row>
    <row r="2719" spans="1:10" ht="51.6" customHeight="1" x14ac:dyDescent="0.45">
      <c r="A2719" s="6">
        <f>'申請書（複数入力用）'!A2721</f>
        <v>2715</v>
      </c>
      <c r="B2719" s="13">
        <f>'申請書（複数入力用）'!AH2721</f>
        <v>0</v>
      </c>
      <c r="C2719" s="6">
        <f>'申請書（複数入力用）'!B2721</f>
        <v>0</v>
      </c>
      <c r="D2719" s="6">
        <f>'申請書（複数入力用）'!D2721</f>
        <v>0</v>
      </c>
      <c r="E2719" s="14">
        <f>'申請書（複数入力用）'!H2721</f>
        <v>0</v>
      </c>
      <c r="F2719" s="11" t="str">
        <f>'申請書（複数入力用）'!J2721</f>
        <v/>
      </c>
      <c r="G2719" s="6" t="str">
        <f>'申請書（複数入力用）'!K2721</f>
        <v>a052r000000jS9ZAAU</v>
      </c>
      <c r="H2719" s="12" t="e">
        <f>'申請書（複数入力用）'!N2721</f>
        <v>#N/A</v>
      </c>
      <c r="I2719" s="12" t="e">
        <f>'申請書（複数入力用）'!O2721</f>
        <v>#N/A</v>
      </c>
      <c r="J2719" s="12">
        <f>'申請書（複数入力用）'!P2721</f>
        <v>1</v>
      </c>
    </row>
    <row r="2720" spans="1:10" ht="51.6" customHeight="1" x14ac:dyDescent="0.45">
      <c r="A2720" s="6">
        <f>'申請書（複数入力用）'!A2722</f>
        <v>2716</v>
      </c>
      <c r="B2720" s="13">
        <f>'申請書（複数入力用）'!AH2722</f>
        <v>0</v>
      </c>
      <c r="C2720" s="6">
        <f>'申請書（複数入力用）'!B2722</f>
        <v>0</v>
      </c>
      <c r="D2720" s="6">
        <f>'申請書（複数入力用）'!D2722</f>
        <v>0</v>
      </c>
      <c r="E2720" s="14">
        <f>'申請書（複数入力用）'!H2722</f>
        <v>0</v>
      </c>
      <c r="F2720" s="11" t="str">
        <f>'申請書（複数入力用）'!J2722</f>
        <v/>
      </c>
      <c r="G2720" s="6" t="str">
        <f>'申請書（複数入力用）'!K2722</f>
        <v>a052r000000jS9ZAAU</v>
      </c>
      <c r="H2720" s="12" t="e">
        <f>'申請書（複数入力用）'!N2722</f>
        <v>#N/A</v>
      </c>
      <c r="I2720" s="12" t="e">
        <f>'申請書（複数入力用）'!O2722</f>
        <v>#N/A</v>
      </c>
      <c r="J2720" s="12">
        <f>'申請書（複数入力用）'!P2722</f>
        <v>1</v>
      </c>
    </row>
    <row r="2721" spans="1:10" ht="51.6" customHeight="1" x14ac:dyDescent="0.45">
      <c r="A2721" s="6">
        <f>'申請書（複数入力用）'!A2723</f>
        <v>2717</v>
      </c>
      <c r="B2721" s="13">
        <f>'申請書（複数入力用）'!AH2723</f>
        <v>0</v>
      </c>
      <c r="C2721" s="6">
        <f>'申請書（複数入力用）'!B2723</f>
        <v>0</v>
      </c>
      <c r="D2721" s="6">
        <f>'申請書（複数入力用）'!D2723</f>
        <v>0</v>
      </c>
      <c r="E2721" s="14">
        <f>'申請書（複数入力用）'!H2723</f>
        <v>0</v>
      </c>
      <c r="F2721" s="11" t="str">
        <f>'申請書（複数入力用）'!J2723</f>
        <v/>
      </c>
      <c r="G2721" s="6" t="str">
        <f>'申請書（複数入力用）'!K2723</f>
        <v>a052r000000jS9ZAAU</v>
      </c>
      <c r="H2721" s="12" t="e">
        <f>'申請書（複数入力用）'!N2723</f>
        <v>#N/A</v>
      </c>
      <c r="I2721" s="12" t="e">
        <f>'申請書（複数入力用）'!O2723</f>
        <v>#N/A</v>
      </c>
      <c r="J2721" s="12">
        <f>'申請書（複数入力用）'!P2723</f>
        <v>1</v>
      </c>
    </row>
    <row r="2722" spans="1:10" ht="51.6" customHeight="1" x14ac:dyDescent="0.45">
      <c r="A2722" s="6">
        <f>'申請書（複数入力用）'!A2724</f>
        <v>2718</v>
      </c>
      <c r="B2722" s="13">
        <f>'申請書（複数入力用）'!AH2724</f>
        <v>0</v>
      </c>
      <c r="C2722" s="6">
        <f>'申請書（複数入力用）'!B2724</f>
        <v>0</v>
      </c>
      <c r="D2722" s="6">
        <f>'申請書（複数入力用）'!D2724</f>
        <v>0</v>
      </c>
      <c r="E2722" s="14">
        <f>'申請書（複数入力用）'!H2724</f>
        <v>0</v>
      </c>
      <c r="F2722" s="11" t="str">
        <f>'申請書（複数入力用）'!J2724</f>
        <v/>
      </c>
      <c r="G2722" s="6" t="str">
        <f>'申請書（複数入力用）'!K2724</f>
        <v>a052r000000jS9ZAAU</v>
      </c>
      <c r="H2722" s="12" t="e">
        <f>'申請書（複数入力用）'!N2724</f>
        <v>#N/A</v>
      </c>
      <c r="I2722" s="12" t="e">
        <f>'申請書（複数入力用）'!O2724</f>
        <v>#N/A</v>
      </c>
      <c r="J2722" s="12">
        <f>'申請書（複数入力用）'!P2724</f>
        <v>1</v>
      </c>
    </row>
    <row r="2723" spans="1:10" ht="51.6" customHeight="1" x14ac:dyDescent="0.45">
      <c r="A2723" s="6">
        <f>'申請書（複数入力用）'!A2725</f>
        <v>2719</v>
      </c>
      <c r="B2723" s="13">
        <f>'申請書（複数入力用）'!AH2725</f>
        <v>0</v>
      </c>
      <c r="C2723" s="6">
        <f>'申請書（複数入力用）'!B2725</f>
        <v>0</v>
      </c>
      <c r="D2723" s="6">
        <f>'申請書（複数入力用）'!D2725</f>
        <v>0</v>
      </c>
      <c r="E2723" s="14">
        <f>'申請書（複数入力用）'!H2725</f>
        <v>0</v>
      </c>
      <c r="F2723" s="11" t="str">
        <f>'申請書（複数入力用）'!J2725</f>
        <v/>
      </c>
      <c r="G2723" s="6" t="str">
        <f>'申請書（複数入力用）'!K2725</f>
        <v>a052r000000jS9ZAAU</v>
      </c>
      <c r="H2723" s="12" t="e">
        <f>'申請書（複数入力用）'!N2725</f>
        <v>#N/A</v>
      </c>
      <c r="I2723" s="12" t="e">
        <f>'申請書（複数入力用）'!O2725</f>
        <v>#N/A</v>
      </c>
      <c r="J2723" s="12">
        <f>'申請書（複数入力用）'!P2725</f>
        <v>1</v>
      </c>
    </row>
    <row r="2724" spans="1:10" ht="51.6" customHeight="1" x14ac:dyDescent="0.45">
      <c r="A2724" s="6">
        <f>'申請書（複数入力用）'!A2726</f>
        <v>2720</v>
      </c>
      <c r="B2724" s="13">
        <f>'申請書（複数入力用）'!AH2726</f>
        <v>0</v>
      </c>
      <c r="C2724" s="6">
        <f>'申請書（複数入力用）'!B2726</f>
        <v>0</v>
      </c>
      <c r="D2724" s="6">
        <f>'申請書（複数入力用）'!D2726</f>
        <v>0</v>
      </c>
      <c r="E2724" s="14">
        <f>'申請書（複数入力用）'!H2726</f>
        <v>0</v>
      </c>
      <c r="F2724" s="11" t="str">
        <f>'申請書（複数入力用）'!J2726</f>
        <v/>
      </c>
      <c r="G2724" s="6" t="str">
        <f>'申請書（複数入力用）'!K2726</f>
        <v>a052r000000jS9ZAAU</v>
      </c>
      <c r="H2724" s="12" t="e">
        <f>'申請書（複数入力用）'!N2726</f>
        <v>#N/A</v>
      </c>
      <c r="I2724" s="12" t="e">
        <f>'申請書（複数入力用）'!O2726</f>
        <v>#N/A</v>
      </c>
      <c r="J2724" s="12">
        <f>'申請書（複数入力用）'!P2726</f>
        <v>1</v>
      </c>
    </row>
    <row r="2725" spans="1:10" ht="51.6" customHeight="1" x14ac:dyDescent="0.45">
      <c r="A2725" s="6">
        <f>'申請書（複数入力用）'!A2727</f>
        <v>2721</v>
      </c>
      <c r="B2725" s="13">
        <f>'申請書（複数入力用）'!AH2727</f>
        <v>0</v>
      </c>
      <c r="C2725" s="6">
        <f>'申請書（複数入力用）'!B2727</f>
        <v>0</v>
      </c>
      <c r="D2725" s="6">
        <f>'申請書（複数入力用）'!D2727</f>
        <v>0</v>
      </c>
      <c r="E2725" s="14">
        <f>'申請書（複数入力用）'!H2727</f>
        <v>0</v>
      </c>
      <c r="F2725" s="11" t="str">
        <f>'申請書（複数入力用）'!J2727</f>
        <v/>
      </c>
      <c r="G2725" s="6" t="str">
        <f>'申請書（複数入力用）'!K2727</f>
        <v>a052r000000jS9ZAAU</v>
      </c>
      <c r="H2725" s="12" t="e">
        <f>'申請書（複数入力用）'!N2727</f>
        <v>#N/A</v>
      </c>
      <c r="I2725" s="12" t="e">
        <f>'申請書（複数入力用）'!O2727</f>
        <v>#N/A</v>
      </c>
      <c r="J2725" s="12">
        <f>'申請書（複数入力用）'!P2727</f>
        <v>1</v>
      </c>
    </row>
    <row r="2726" spans="1:10" ht="51.6" customHeight="1" x14ac:dyDescent="0.45">
      <c r="A2726" s="6">
        <f>'申請書（複数入力用）'!A2728</f>
        <v>2722</v>
      </c>
      <c r="B2726" s="13">
        <f>'申請書（複数入力用）'!AH2728</f>
        <v>0</v>
      </c>
      <c r="C2726" s="6">
        <f>'申請書（複数入力用）'!B2728</f>
        <v>0</v>
      </c>
      <c r="D2726" s="6">
        <f>'申請書（複数入力用）'!D2728</f>
        <v>0</v>
      </c>
      <c r="E2726" s="14">
        <f>'申請書（複数入力用）'!H2728</f>
        <v>0</v>
      </c>
      <c r="F2726" s="11" t="str">
        <f>'申請書（複数入力用）'!J2728</f>
        <v/>
      </c>
      <c r="G2726" s="6" t="str">
        <f>'申請書（複数入力用）'!K2728</f>
        <v>a052r000000jS9ZAAU</v>
      </c>
      <c r="H2726" s="12" t="e">
        <f>'申請書（複数入力用）'!N2728</f>
        <v>#N/A</v>
      </c>
      <c r="I2726" s="12" t="e">
        <f>'申請書（複数入力用）'!O2728</f>
        <v>#N/A</v>
      </c>
      <c r="J2726" s="12">
        <f>'申請書（複数入力用）'!P2728</f>
        <v>1</v>
      </c>
    </row>
    <row r="2727" spans="1:10" ht="51.6" customHeight="1" x14ac:dyDescent="0.45">
      <c r="A2727" s="6">
        <f>'申請書（複数入力用）'!A2729</f>
        <v>2723</v>
      </c>
      <c r="B2727" s="13">
        <f>'申請書（複数入力用）'!AH2729</f>
        <v>0</v>
      </c>
      <c r="C2727" s="6">
        <f>'申請書（複数入力用）'!B2729</f>
        <v>0</v>
      </c>
      <c r="D2727" s="6">
        <f>'申請書（複数入力用）'!D2729</f>
        <v>0</v>
      </c>
      <c r="E2727" s="14">
        <f>'申請書（複数入力用）'!H2729</f>
        <v>0</v>
      </c>
      <c r="F2727" s="11" t="str">
        <f>'申請書（複数入力用）'!J2729</f>
        <v/>
      </c>
      <c r="G2727" s="6" t="str">
        <f>'申請書（複数入力用）'!K2729</f>
        <v>a052r000000jS9ZAAU</v>
      </c>
      <c r="H2727" s="12" t="e">
        <f>'申請書（複数入力用）'!N2729</f>
        <v>#N/A</v>
      </c>
      <c r="I2727" s="12" t="e">
        <f>'申請書（複数入力用）'!O2729</f>
        <v>#N/A</v>
      </c>
      <c r="J2727" s="12">
        <f>'申請書（複数入力用）'!P2729</f>
        <v>1</v>
      </c>
    </row>
    <row r="2728" spans="1:10" ht="51.6" customHeight="1" x14ac:dyDescent="0.45">
      <c r="A2728" s="6">
        <f>'申請書（複数入力用）'!A2730</f>
        <v>2724</v>
      </c>
      <c r="B2728" s="13">
        <f>'申請書（複数入力用）'!AH2730</f>
        <v>0</v>
      </c>
      <c r="C2728" s="6">
        <f>'申請書（複数入力用）'!B2730</f>
        <v>0</v>
      </c>
      <c r="D2728" s="6">
        <f>'申請書（複数入力用）'!D2730</f>
        <v>0</v>
      </c>
      <c r="E2728" s="14">
        <f>'申請書（複数入力用）'!H2730</f>
        <v>0</v>
      </c>
      <c r="F2728" s="11" t="str">
        <f>'申請書（複数入力用）'!J2730</f>
        <v/>
      </c>
      <c r="G2728" s="6" t="str">
        <f>'申請書（複数入力用）'!K2730</f>
        <v>a052r000000jS9ZAAU</v>
      </c>
      <c r="H2728" s="12" t="e">
        <f>'申請書（複数入力用）'!N2730</f>
        <v>#N/A</v>
      </c>
      <c r="I2728" s="12" t="e">
        <f>'申請書（複数入力用）'!O2730</f>
        <v>#N/A</v>
      </c>
      <c r="J2728" s="12">
        <f>'申請書（複数入力用）'!P2730</f>
        <v>1</v>
      </c>
    </row>
    <row r="2729" spans="1:10" ht="51.6" customHeight="1" x14ac:dyDescent="0.45">
      <c r="A2729" s="6">
        <f>'申請書（複数入力用）'!A2731</f>
        <v>2725</v>
      </c>
      <c r="B2729" s="13">
        <f>'申請書（複数入力用）'!AH2731</f>
        <v>0</v>
      </c>
      <c r="C2729" s="6">
        <f>'申請書（複数入力用）'!B2731</f>
        <v>0</v>
      </c>
      <c r="D2729" s="6">
        <f>'申請書（複数入力用）'!D2731</f>
        <v>0</v>
      </c>
      <c r="E2729" s="14">
        <f>'申請書（複数入力用）'!H2731</f>
        <v>0</v>
      </c>
      <c r="F2729" s="11" t="str">
        <f>'申請書（複数入力用）'!J2731</f>
        <v/>
      </c>
      <c r="G2729" s="6" t="str">
        <f>'申請書（複数入力用）'!K2731</f>
        <v>a052r000000jS9ZAAU</v>
      </c>
      <c r="H2729" s="12" t="e">
        <f>'申請書（複数入力用）'!N2731</f>
        <v>#N/A</v>
      </c>
      <c r="I2729" s="12" t="e">
        <f>'申請書（複数入力用）'!O2731</f>
        <v>#N/A</v>
      </c>
      <c r="J2729" s="12">
        <f>'申請書（複数入力用）'!P2731</f>
        <v>1</v>
      </c>
    </row>
    <row r="2730" spans="1:10" ht="51.6" customHeight="1" x14ac:dyDescent="0.45">
      <c r="A2730" s="6">
        <f>'申請書（複数入力用）'!A2732</f>
        <v>2726</v>
      </c>
      <c r="B2730" s="13">
        <f>'申請書（複数入力用）'!AH2732</f>
        <v>0</v>
      </c>
      <c r="C2730" s="6">
        <f>'申請書（複数入力用）'!B2732</f>
        <v>0</v>
      </c>
      <c r="D2730" s="6">
        <f>'申請書（複数入力用）'!D2732</f>
        <v>0</v>
      </c>
      <c r="E2730" s="14">
        <f>'申請書（複数入力用）'!H2732</f>
        <v>0</v>
      </c>
      <c r="F2730" s="11" t="str">
        <f>'申請書（複数入力用）'!J2732</f>
        <v/>
      </c>
      <c r="G2730" s="6" t="str">
        <f>'申請書（複数入力用）'!K2732</f>
        <v>a052r000000jS9ZAAU</v>
      </c>
      <c r="H2730" s="12" t="e">
        <f>'申請書（複数入力用）'!N2732</f>
        <v>#N/A</v>
      </c>
      <c r="I2730" s="12" t="e">
        <f>'申請書（複数入力用）'!O2732</f>
        <v>#N/A</v>
      </c>
      <c r="J2730" s="12">
        <f>'申請書（複数入力用）'!P2732</f>
        <v>1</v>
      </c>
    </row>
    <row r="2731" spans="1:10" ht="51.6" customHeight="1" x14ac:dyDescent="0.45">
      <c r="A2731" s="6">
        <f>'申請書（複数入力用）'!A2733</f>
        <v>2727</v>
      </c>
      <c r="B2731" s="13">
        <f>'申請書（複数入力用）'!AH2733</f>
        <v>0</v>
      </c>
      <c r="C2731" s="6">
        <f>'申請書（複数入力用）'!B2733</f>
        <v>0</v>
      </c>
      <c r="D2731" s="6">
        <f>'申請書（複数入力用）'!D2733</f>
        <v>0</v>
      </c>
      <c r="E2731" s="14">
        <f>'申請書（複数入力用）'!H2733</f>
        <v>0</v>
      </c>
      <c r="F2731" s="11" t="str">
        <f>'申請書（複数入力用）'!J2733</f>
        <v/>
      </c>
      <c r="G2731" s="6" t="str">
        <f>'申請書（複数入力用）'!K2733</f>
        <v>a052r000000jS9ZAAU</v>
      </c>
      <c r="H2731" s="12" t="e">
        <f>'申請書（複数入力用）'!N2733</f>
        <v>#N/A</v>
      </c>
      <c r="I2731" s="12" t="e">
        <f>'申請書（複数入力用）'!O2733</f>
        <v>#N/A</v>
      </c>
      <c r="J2731" s="12">
        <f>'申請書（複数入力用）'!P2733</f>
        <v>1</v>
      </c>
    </row>
    <row r="2732" spans="1:10" ht="51.6" customHeight="1" x14ac:dyDescent="0.45">
      <c r="A2732" s="6">
        <f>'申請書（複数入力用）'!A2734</f>
        <v>2728</v>
      </c>
      <c r="B2732" s="13">
        <f>'申請書（複数入力用）'!AH2734</f>
        <v>0</v>
      </c>
      <c r="C2732" s="6">
        <f>'申請書（複数入力用）'!B2734</f>
        <v>0</v>
      </c>
      <c r="D2732" s="6">
        <f>'申請書（複数入力用）'!D2734</f>
        <v>0</v>
      </c>
      <c r="E2732" s="14">
        <f>'申請書（複数入力用）'!H2734</f>
        <v>0</v>
      </c>
      <c r="F2732" s="11" t="str">
        <f>'申請書（複数入力用）'!J2734</f>
        <v/>
      </c>
      <c r="G2732" s="6" t="str">
        <f>'申請書（複数入力用）'!K2734</f>
        <v>a052r000000jS9ZAAU</v>
      </c>
      <c r="H2732" s="12" t="e">
        <f>'申請書（複数入力用）'!N2734</f>
        <v>#N/A</v>
      </c>
      <c r="I2732" s="12" t="e">
        <f>'申請書（複数入力用）'!O2734</f>
        <v>#N/A</v>
      </c>
      <c r="J2732" s="12">
        <f>'申請書（複数入力用）'!P2734</f>
        <v>1</v>
      </c>
    </row>
    <row r="2733" spans="1:10" ht="51.6" customHeight="1" x14ac:dyDescent="0.45">
      <c r="A2733" s="6">
        <f>'申請書（複数入力用）'!A2735</f>
        <v>2729</v>
      </c>
      <c r="B2733" s="13">
        <f>'申請書（複数入力用）'!AH2735</f>
        <v>0</v>
      </c>
      <c r="C2733" s="6">
        <f>'申請書（複数入力用）'!B2735</f>
        <v>0</v>
      </c>
      <c r="D2733" s="6">
        <f>'申請書（複数入力用）'!D2735</f>
        <v>0</v>
      </c>
      <c r="E2733" s="14">
        <f>'申請書（複数入力用）'!H2735</f>
        <v>0</v>
      </c>
      <c r="F2733" s="11" t="str">
        <f>'申請書（複数入力用）'!J2735</f>
        <v/>
      </c>
      <c r="G2733" s="6" t="str">
        <f>'申請書（複数入力用）'!K2735</f>
        <v>a052r000000jS9ZAAU</v>
      </c>
      <c r="H2733" s="12" t="e">
        <f>'申請書（複数入力用）'!N2735</f>
        <v>#N/A</v>
      </c>
      <c r="I2733" s="12" t="e">
        <f>'申請書（複数入力用）'!O2735</f>
        <v>#N/A</v>
      </c>
      <c r="J2733" s="12">
        <f>'申請書（複数入力用）'!P2735</f>
        <v>1</v>
      </c>
    </row>
    <row r="2734" spans="1:10" ht="51.6" customHeight="1" x14ac:dyDescent="0.45">
      <c r="A2734" s="6">
        <f>'申請書（複数入力用）'!A2736</f>
        <v>2730</v>
      </c>
      <c r="B2734" s="13">
        <f>'申請書（複数入力用）'!AH2736</f>
        <v>0</v>
      </c>
      <c r="C2734" s="6">
        <f>'申請書（複数入力用）'!B2736</f>
        <v>0</v>
      </c>
      <c r="D2734" s="6">
        <f>'申請書（複数入力用）'!D2736</f>
        <v>0</v>
      </c>
      <c r="E2734" s="14">
        <f>'申請書（複数入力用）'!H2736</f>
        <v>0</v>
      </c>
      <c r="F2734" s="11" t="str">
        <f>'申請書（複数入力用）'!J2736</f>
        <v/>
      </c>
      <c r="G2734" s="6" t="str">
        <f>'申請書（複数入力用）'!K2736</f>
        <v>a052r000000jS9ZAAU</v>
      </c>
      <c r="H2734" s="12" t="e">
        <f>'申請書（複数入力用）'!N2736</f>
        <v>#N/A</v>
      </c>
      <c r="I2734" s="12" t="e">
        <f>'申請書（複数入力用）'!O2736</f>
        <v>#N/A</v>
      </c>
      <c r="J2734" s="12">
        <f>'申請書（複数入力用）'!P2736</f>
        <v>1</v>
      </c>
    </row>
    <row r="2735" spans="1:10" ht="51.6" customHeight="1" x14ac:dyDescent="0.45">
      <c r="A2735" s="6">
        <f>'申請書（複数入力用）'!A2737</f>
        <v>2731</v>
      </c>
      <c r="B2735" s="13">
        <f>'申請書（複数入力用）'!AH2737</f>
        <v>0</v>
      </c>
      <c r="C2735" s="6">
        <f>'申請書（複数入力用）'!B2737</f>
        <v>0</v>
      </c>
      <c r="D2735" s="6">
        <f>'申請書（複数入力用）'!D2737</f>
        <v>0</v>
      </c>
      <c r="E2735" s="14">
        <f>'申請書（複数入力用）'!H2737</f>
        <v>0</v>
      </c>
      <c r="F2735" s="11" t="str">
        <f>'申請書（複数入力用）'!J2737</f>
        <v/>
      </c>
      <c r="G2735" s="6" t="str">
        <f>'申請書（複数入力用）'!K2737</f>
        <v>a052r000000jS9ZAAU</v>
      </c>
      <c r="H2735" s="12" t="e">
        <f>'申請書（複数入力用）'!N2737</f>
        <v>#N/A</v>
      </c>
      <c r="I2735" s="12" t="e">
        <f>'申請書（複数入力用）'!O2737</f>
        <v>#N/A</v>
      </c>
      <c r="J2735" s="12">
        <f>'申請書（複数入力用）'!P2737</f>
        <v>1</v>
      </c>
    </row>
    <row r="2736" spans="1:10" ht="51.6" customHeight="1" x14ac:dyDescent="0.45">
      <c r="A2736" s="6">
        <f>'申請書（複数入力用）'!A2738</f>
        <v>2732</v>
      </c>
      <c r="B2736" s="13">
        <f>'申請書（複数入力用）'!AH2738</f>
        <v>0</v>
      </c>
      <c r="C2736" s="6">
        <f>'申請書（複数入力用）'!B2738</f>
        <v>0</v>
      </c>
      <c r="D2736" s="6">
        <f>'申請書（複数入力用）'!D2738</f>
        <v>0</v>
      </c>
      <c r="E2736" s="14">
        <f>'申請書（複数入力用）'!H2738</f>
        <v>0</v>
      </c>
      <c r="F2736" s="11" t="str">
        <f>'申請書（複数入力用）'!J2738</f>
        <v/>
      </c>
      <c r="G2736" s="6" t="str">
        <f>'申請書（複数入力用）'!K2738</f>
        <v>a052r000000jS9ZAAU</v>
      </c>
      <c r="H2736" s="12" t="e">
        <f>'申請書（複数入力用）'!N2738</f>
        <v>#N/A</v>
      </c>
      <c r="I2736" s="12" t="e">
        <f>'申請書（複数入力用）'!O2738</f>
        <v>#N/A</v>
      </c>
      <c r="J2736" s="12">
        <f>'申請書（複数入力用）'!P2738</f>
        <v>1</v>
      </c>
    </row>
    <row r="2737" spans="1:10" ht="51.6" customHeight="1" x14ac:dyDescent="0.45">
      <c r="A2737" s="6">
        <f>'申請書（複数入力用）'!A2739</f>
        <v>2733</v>
      </c>
      <c r="B2737" s="13">
        <f>'申請書（複数入力用）'!AH2739</f>
        <v>0</v>
      </c>
      <c r="C2737" s="6">
        <f>'申請書（複数入力用）'!B2739</f>
        <v>0</v>
      </c>
      <c r="D2737" s="6">
        <f>'申請書（複数入力用）'!D2739</f>
        <v>0</v>
      </c>
      <c r="E2737" s="14">
        <f>'申請書（複数入力用）'!H2739</f>
        <v>0</v>
      </c>
      <c r="F2737" s="11" t="str">
        <f>'申請書（複数入力用）'!J2739</f>
        <v/>
      </c>
      <c r="G2737" s="6" t="str">
        <f>'申請書（複数入力用）'!K2739</f>
        <v>a052r000000jS9ZAAU</v>
      </c>
      <c r="H2737" s="12" t="e">
        <f>'申請書（複数入力用）'!N2739</f>
        <v>#N/A</v>
      </c>
      <c r="I2737" s="12" t="e">
        <f>'申請書（複数入力用）'!O2739</f>
        <v>#N/A</v>
      </c>
      <c r="J2737" s="12">
        <f>'申請書（複数入力用）'!P2739</f>
        <v>1</v>
      </c>
    </row>
    <row r="2738" spans="1:10" ht="51.6" customHeight="1" x14ac:dyDescent="0.45">
      <c r="A2738" s="6">
        <f>'申請書（複数入力用）'!A2740</f>
        <v>2734</v>
      </c>
      <c r="B2738" s="13">
        <f>'申請書（複数入力用）'!AH2740</f>
        <v>0</v>
      </c>
      <c r="C2738" s="6">
        <f>'申請書（複数入力用）'!B2740</f>
        <v>0</v>
      </c>
      <c r="D2738" s="6">
        <f>'申請書（複数入力用）'!D2740</f>
        <v>0</v>
      </c>
      <c r="E2738" s="14">
        <f>'申請書（複数入力用）'!H2740</f>
        <v>0</v>
      </c>
      <c r="F2738" s="11" t="str">
        <f>'申請書（複数入力用）'!J2740</f>
        <v/>
      </c>
      <c r="G2738" s="6" t="str">
        <f>'申請書（複数入力用）'!K2740</f>
        <v>a052r000000jS9ZAAU</v>
      </c>
      <c r="H2738" s="12" t="e">
        <f>'申請書（複数入力用）'!N2740</f>
        <v>#N/A</v>
      </c>
      <c r="I2738" s="12" t="e">
        <f>'申請書（複数入力用）'!O2740</f>
        <v>#N/A</v>
      </c>
      <c r="J2738" s="12">
        <f>'申請書（複数入力用）'!P2740</f>
        <v>1</v>
      </c>
    </row>
    <row r="2739" spans="1:10" ht="51.6" customHeight="1" x14ac:dyDescent="0.45">
      <c r="A2739" s="6">
        <f>'申請書（複数入力用）'!A2741</f>
        <v>2735</v>
      </c>
      <c r="B2739" s="13">
        <f>'申請書（複数入力用）'!AH2741</f>
        <v>0</v>
      </c>
      <c r="C2739" s="6">
        <f>'申請書（複数入力用）'!B2741</f>
        <v>0</v>
      </c>
      <c r="D2739" s="6">
        <f>'申請書（複数入力用）'!D2741</f>
        <v>0</v>
      </c>
      <c r="E2739" s="14">
        <f>'申請書（複数入力用）'!H2741</f>
        <v>0</v>
      </c>
      <c r="F2739" s="11" t="str">
        <f>'申請書（複数入力用）'!J2741</f>
        <v/>
      </c>
      <c r="G2739" s="6" t="str">
        <f>'申請書（複数入力用）'!K2741</f>
        <v>a052r000000jS9ZAAU</v>
      </c>
      <c r="H2739" s="12" t="e">
        <f>'申請書（複数入力用）'!N2741</f>
        <v>#N/A</v>
      </c>
      <c r="I2739" s="12" t="e">
        <f>'申請書（複数入力用）'!O2741</f>
        <v>#N/A</v>
      </c>
      <c r="J2739" s="12">
        <f>'申請書（複数入力用）'!P2741</f>
        <v>1</v>
      </c>
    </row>
    <row r="2740" spans="1:10" ht="51.6" customHeight="1" x14ac:dyDescent="0.45">
      <c r="A2740" s="6">
        <f>'申請書（複数入力用）'!A2742</f>
        <v>2736</v>
      </c>
      <c r="B2740" s="13">
        <f>'申請書（複数入力用）'!AH2742</f>
        <v>0</v>
      </c>
      <c r="C2740" s="6">
        <f>'申請書（複数入力用）'!B2742</f>
        <v>0</v>
      </c>
      <c r="D2740" s="6">
        <f>'申請書（複数入力用）'!D2742</f>
        <v>0</v>
      </c>
      <c r="E2740" s="14">
        <f>'申請書（複数入力用）'!H2742</f>
        <v>0</v>
      </c>
      <c r="F2740" s="11" t="str">
        <f>'申請書（複数入力用）'!J2742</f>
        <v/>
      </c>
      <c r="G2740" s="6" t="str">
        <f>'申請書（複数入力用）'!K2742</f>
        <v>a052r000000jS9ZAAU</v>
      </c>
      <c r="H2740" s="12" t="e">
        <f>'申請書（複数入力用）'!N2742</f>
        <v>#N/A</v>
      </c>
      <c r="I2740" s="12" t="e">
        <f>'申請書（複数入力用）'!O2742</f>
        <v>#N/A</v>
      </c>
      <c r="J2740" s="12">
        <f>'申請書（複数入力用）'!P2742</f>
        <v>1</v>
      </c>
    </row>
    <row r="2741" spans="1:10" ht="51.6" customHeight="1" x14ac:dyDescent="0.45">
      <c r="A2741" s="6">
        <f>'申請書（複数入力用）'!A2743</f>
        <v>2737</v>
      </c>
      <c r="B2741" s="13">
        <f>'申請書（複数入力用）'!AH2743</f>
        <v>0</v>
      </c>
      <c r="C2741" s="6">
        <f>'申請書（複数入力用）'!B2743</f>
        <v>0</v>
      </c>
      <c r="D2741" s="6">
        <f>'申請書（複数入力用）'!D2743</f>
        <v>0</v>
      </c>
      <c r="E2741" s="14">
        <f>'申請書（複数入力用）'!H2743</f>
        <v>0</v>
      </c>
      <c r="F2741" s="11" t="str">
        <f>'申請書（複数入力用）'!J2743</f>
        <v/>
      </c>
      <c r="G2741" s="6" t="str">
        <f>'申請書（複数入力用）'!K2743</f>
        <v>a052r000000jS9ZAAU</v>
      </c>
      <c r="H2741" s="12" t="e">
        <f>'申請書（複数入力用）'!N2743</f>
        <v>#N/A</v>
      </c>
      <c r="I2741" s="12" t="e">
        <f>'申請書（複数入力用）'!O2743</f>
        <v>#N/A</v>
      </c>
      <c r="J2741" s="12">
        <f>'申請書（複数入力用）'!P2743</f>
        <v>1</v>
      </c>
    </row>
    <row r="2742" spans="1:10" ht="51.6" customHeight="1" x14ac:dyDescent="0.45">
      <c r="A2742" s="6">
        <f>'申請書（複数入力用）'!A2744</f>
        <v>2738</v>
      </c>
      <c r="B2742" s="13">
        <f>'申請書（複数入力用）'!AH2744</f>
        <v>0</v>
      </c>
      <c r="C2742" s="6">
        <f>'申請書（複数入力用）'!B2744</f>
        <v>0</v>
      </c>
      <c r="D2742" s="6">
        <f>'申請書（複数入力用）'!D2744</f>
        <v>0</v>
      </c>
      <c r="E2742" s="14">
        <f>'申請書（複数入力用）'!H2744</f>
        <v>0</v>
      </c>
      <c r="F2742" s="11" t="str">
        <f>'申請書（複数入力用）'!J2744</f>
        <v/>
      </c>
      <c r="G2742" s="6" t="str">
        <f>'申請書（複数入力用）'!K2744</f>
        <v>a052r000000jS9ZAAU</v>
      </c>
      <c r="H2742" s="12" t="e">
        <f>'申請書（複数入力用）'!N2744</f>
        <v>#N/A</v>
      </c>
      <c r="I2742" s="12" t="e">
        <f>'申請書（複数入力用）'!O2744</f>
        <v>#N/A</v>
      </c>
      <c r="J2742" s="12">
        <f>'申請書（複数入力用）'!P2744</f>
        <v>1</v>
      </c>
    </row>
    <row r="2743" spans="1:10" ht="51.6" customHeight="1" x14ac:dyDescent="0.45">
      <c r="A2743" s="6">
        <f>'申請書（複数入力用）'!A2745</f>
        <v>2739</v>
      </c>
      <c r="B2743" s="13">
        <f>'申請書（複数入力用）'!AH2745</f>
        <v>0</v>
      </c>
      <c r="C2743" s="6">
        <f>'申請書（複数入力用）'!B2745</f>
        <v>0</v>
      </c>
      <c r="D2743" s="6">
        <f>'申請書（複数入力用）'!D2745</f>
        <v>0</v>
      </c>
      <c r="E2743" s="14">
        <f>'申請書（複数入力用）'!H2745</f>
        <v>0</v>
      </c>
      <c r="F2743" s="11" t="str">
        <f>'申請書（複数入力用）'!J2745</f>
        <v/>
      </c>
      <c r="G2743" s="6" t="str">
        <f>'申請書（複数入力用）'!K2745</f>
        <v>a052r000000jS9ZAAU</v>
      </c>
      <c r="H2743" s="12" t="e">
        <f>'申請書（複数入力用）'!N2745</f>
        <v>#N/A</v>
      </c>
      <c r="I2743" s="12" t="e">
        <f>'申請書（複数入力用）'!O2745</f>
        <v>#N/A</v>
      </c>
      <c r="J2743" s="12">
        <f>'申請書（複数入力用）'!P2745</f>
        <v>1</v>
      </c>
    </row>
    <row r="2744" spans="1:10" ht="51.6" customHeight="1" x14ac:dyDescent="0.45">
      <c r="A2744" s="6">
        <f>'申請書（複数入力用）'!A2746</f>
        <v>2740</v>
      </c>
      <c r="B2744" s="13">
        <f>'申請書（複数入力用）'!AH2746</f>
        <v>0</v>
      </c>
      <c r="C2744" s="6">
        <f>'申請書（複数入力用）'!B2746</f>
        <v>0</v>
      </c>
      <c r="D2744" s="6">
        <f>'申請書（複数入力用）'!D2746</f>
        <v>0</v>
      </c>
      <c r="E2744" s="14">
        <f>'申請書（複数入力用）'!H2746</f>
        <v>0</v>
      </c>
      <c r="F2744" s="11" t="str">
        <f>'申請書（複数入力用）'!J2746</f>
        <v/>
      </c>
      <c r="G2744" s="6" t="str">
        <f>'申請書（複数入力用）'!K2746</f>
        <v>a052r000000jS9ZAAU</v>
      </c>
      <c r="H2744" s="12" t="e">
        <f>'申請書（複数入力用）'!N2746</f>
        <v>#N/A</v>
      </c>
      <c r="I2744" s="12" t="e">
        <f>'申請書（複数入力用）'!O2746</f>
        <v>#N/A</v>
      </c>
      <c r="J2744" s="12">
        <f>'申請書（複数入力用）'!P2746</f>
        <v>1</v>
      </c>
    </row>
    <row r="2745" spans="1:10" ht="51.6" customHeight="1" x14ac:dyDescent="0.45">
      <c r="A2745" s="6">
        <f>'申請書（複数入力用）'!A2747</f>
        <v>2741</v>
      </c>
      <c r="B2745" s="13">
        <f>'申請書（複数入力用）'!AH2747</f>
        <v>0</v>
      </c>
      <c r="C2745" s="6">
        <f>'申請書（複数入力用）'!B2747</f>
        <v>0</v>
      </c>
      <c r="D2745" s="6">
        <f>'申請書（複数入力用）'!D2747</f>
        <v>0</v>
      </c>
      <c r="E2745" s="14">
        <f>'申請書（複数入力用）'!H2747</f>
        <v>0</v>
      </c>
      <c r="F2745" s="11" t="str">
        <f>'申請書（複数入力用）'!J2747</f>
        <v/>
      </c>
      <c r="G2745" s="6" t="str">
        <f>'申請書（複数入力用）'!K2747</f>
        <v>a052r000000jS9ZAAU</v>
      </c>
      <c r="H2745" s="12" t="e">
        <f>'申請書（複数入力用）'!N2747</f>
        <v>#N/A</v>
      </c>
      <c r="I2745" s="12" t="e">
        <f>'申請書（複数入力用）'!O2747</f>
        <v>#N/A</v>
      </c>
      <c r="J2745" s="12">
        <f>'申請書（複数入力用）'!P2747</f>
        <v>1</v>
      </c>
    </row>
    <row r="2746" spans="1:10" ht="51.6" customHeight="1" x14ac:dyDescent="0.45">
      <c r="A2746" s="6">
        <f>'申請書（複数入力用）'!A2748</f>
        <v>2742</v>
      </c>
      <c r="B2746" s="13">
        <f>'申請書（複数入力用）'!AH2748</f>
        <v>0</v>
      </c>
      <c r="C2746" s="6">
        <f>'申請書（複数入力用）'!B2748</f>
        <v>0</v>
      </c>
      <c r="D2746" s="6">
        <f>'申請書（複数入力用）'!D2748</f>
        <v>0</v>
      </c>
      <c r="E2746" s="14">
        <f>'申請書（複数入力用）'!H2748</f>
        <v>0</v>
      </c>
      <c r="F2746" s="11" t="str">
        <f>'申請書（複数入力用）'!J2748</f>
        <v/>
      </c>
      <c r="G2746" s="6" t="str">
        <f>'申請書（複数入力用）'!K2748</f>
        <v>a052r000000jS9ZAAU</v>
      </c>
      <c r="H2746" s="12" t="e">
        <f>'申請書（複数入力用）'!N2748</f>
        <v>#N/A</v>
      </c>
      <c r="I2746" s="12" t="e">
        <f>'申請書（複数入力用）'!O2748</f>
        <v>#N/A</v>
      </c>
      <c r="J2746" s="12">
        <f>'申請書（複数入力用）'!P2748</f>
        <v>1</v>
      </c>
    </row>
    <row r="2747" spans="1:10" ht="51.6" customHeight="1" x14ac:dyDescent="0.45">
      <c r="A2747" s="6">
        <f>'申請書（複数入力用）'!A2749</f>
        <v>2743</v>
      </c>
      <c r="B2747" s="13">
        <f>'申請書（複数入力用）'!AH2749</f>
        <v>0</v>
      </c>
      <c r="C2747" s="6">
        <f>'申請書（複数入力用）'!B2749</f>
        <v>0</v>
      </c>
      <c r="D2747" s="6">
        <f>'申請書（複数入力用）'!D2749</f>
        <v>0</v>
      </c>
      <c r="E2747" s="14">
        <f>'申請書（複数入力用）'!H2749</f>
        <v>0</v>
      </c>
      <c r="F2747" s="11" t="str">
        <f>'申請書（複数入力用）'!J2749</f>
        <v/>
      </c>
      <c r="G2747" s="6" t="str">
        <f>'申請書（複数入力用）'!K2749</f>
        <v>a052r000000jS9ZAAU</v>
      </c>
      <c r="H2747" s="12" t="e">
        <f>'申請書（複数入力用）'!N2749</f>
        <v>#N/A</v>
      </c>
      <c r="I2747" s="12" t="e">
        <f>'申請書（複数入力用）'!O2749</f>
        <v>#N/A</v>
      </c>
      <c r="J2747" s="12">
        <f>'申請書（複数入力用）'!P2749</f>
        <v>1</v>
      </c>
    </row>
    <row r="2748" spans="1:10" ht="51.6" customHeight="1" x14ac:dyDescent="0.45">
      <c r="A2748" s="6">
        <f>'申請書（複数入力用）'!A2750</f>
        <v>2744</v>
      </c>
      <c r="B2748" s="13">
        <f>'申請書（複数入力用）'!AH2750</f>
        <v>0</v>
      </c>
      <c r="C2748" s="6">
        <f>'申請書（複数入力用）'!B2750</f>
        <v>0</v>
      </c>
      <c r="D2748" s="6">
        <f>'申請書（複数入力用）'!D2750</f>
        <v>0</v>
      </c>
      <c r="E2748" s="14">
        <f>'申請書（複数入力用）'!H2750</f>
        <v>0</v>
      </c>
      <c r="F2748" s="11" t="str">
        <f>'申請書（複数入力用）'!J2750</f>
        <v/>
      </c>
      <c r="G2748" s="6" t="str">
        <f>'申請書（複数入力用）'!K2750</f>
        <v>a052r000000jS9ZAAU</v>
      </c>
      <c r="H2748" s="12" t="e">
        <f>'申請書（複数入力用）'!N2750</f>
        <v>#N/A</v>
      </c>
      <c r="I2748" s="12" t="e">
        <f>'申請書（複数入力用）'!O2750</f>
        <v>#N/A</v>
      </c>
      <c r="J2748" s="12">
        <f>'申請書（複数入力用）'!P2750</f>
        <v>1</v>
      </c>
    </row>
    <row r="2749" spans="1:10" ht="51.6" customHeight="1" x14ac:dyDescent="0.45">
      <c r="A2749" s="6">
        <f>'申請書（複数入力用）'!A2751</f>
        <v>2745</v>
      </c>
      <c r="B2749" s="13">
        <f>'申請書（複数入力用）'!AH2751</f>
        <v>0</v>
      </c>
      <c r="C2749" s="6">
        <f>'申請書（複数入力用）'!B2751</f>
        <v>0</v>
      </c>
      <c r="D2749" s="6">
        <f>'申請書（複数入力用）'!D2751</f>
        <v>0</v>
      </c>
      <c r="E2749" s="14">
        <f>'申請書（複数入力用）'!H2751</f>
        <v>0</v>
      </c>
      <c r="F2749" s="11" t="str">
        <f>'申請書（複数入力用）'!J2751</f>
        <v/>
      </c>
      <c r="G2749" s="6" t="str">
        <f>'申請書（複数入力用）'!K2751</f>
        <v>a052r000000jS9ZAAU</v>
      </c>
      <c r="H2749" s="12" t="e">
        <f>'申請書（複数入力用）'!N2751</f>
        <v>#N/A</v>
      </c>
      <c r="I2749" s="12" t="e">
        <f>'申請書（複数入力用）'!O2751</f>
        <v>#N/A</v>
      </c>
      <c r="J2749" s="12">
        <f>'申請書（複数入力用）'!P2751</f>
        <v>1</v>
      </c>
    </row>
    <row r="2750" spans="1:10" ht="51.6" customHeight="1" x14ac:dyDescent="0.45">
      <c r="A2750" s="6">
        <f>'申請書（複数入力用）'!A2752</f>
        <v>2746</v>
      </c>
      <c r="B2750" s="13">
        <f>'申請書（複数入力用）'!AH2752</f>
        <v>0</v>
      </c>
      <c r="C2750" s="6">
        <f>'申請書（複数入力用）'!B2752</f>
        <v>0</v>
      </c>
      <c r="D2750" s="6">
        <f>'申請書（複数入力用）'!D2752</f>
        <v>0</v>
      </c>
      <c r="E2750" s="14">
        <f>'申請書（複数入力用）'!H2752</f>
        <v>0</v>
      </c>
      <c r="F2750" s="11" t="str">
        <f>'申請書（複数入力用）'!J2752</f>
        <v/>
      </c>
      <c r="G2750" s="6" t="str">
        <f>'申請書（複数入力用）'!K2752</f>
        <v>a052r000000jS9ZAAU</v>
      </c>
      <c r="H2750" s="12" t="e">
        <f>'申請書（複数入力用）'!N2752</f>
        <v>#N/A</v>
      </c>
      <c r="I2750" s="12" t="e">
        <f>'申請書（複数入力用）'!O2752</f>
        <v>#N/A</v>
      </c>
      <c r="J2750" s="12">
        <f>'申請書（複数入力用）'!P2752</f>
        <v>1</v>
      </c>
    </row>
    <row r="2751" spans="1:10" ht="51.6" customHeight="1" x14ac:dyDescent="0.45">
      <c r="A2751" s="6">
        <f>'申請書（複数入力用）'!A2753</f>
        <v>2747</v>
      </c>
      <c r="B2751" s="13">
        <f>'申請書（複数入力用）'!AH2753</f>
        <v>0</v>
      </c>
      <c r="C2751" s="6">
        <f>'申請書（複数入力用）'!B2753</f>
        <v>0</v>
      </c>
      <c r="D2751" s="6">
        <f>'申請書（複数入力用）'!D2753</f>
        <v>0</v>
      </c>
      <c r="E2751" s="14">
        <f>'申請書（複数入力用）'!H2753</f>
        <v>0</v>
      </c>
      <c r="F2751" s="11" t="str">
        <f>'申請書（複数入力用）'!J2753</f>
        <v/>
      </c>
      <c r="G2751" s="6" t="str">
        <f>'申請書（複数入力用）'!K2753</f>
        <v>a052r000000jS9ZAAU</v>
      </c>
      <c r="H2751" s="12" t="e">
        <f>'申請書（複数入力用）'!N2753</f>
        <v>#N/A</v>
      </c>
      <c r="I2751" s="12" t="e">
        <f>'申請書（複数入力用）'!O2753</f>
        <v>#N/A</v>
      </c>
      <c r="J2751" s="12">
        <f>'申請書（複数入力用）'!P2753</f>
        <v>1</v>
      </c>
    </row>
    <row r="2752" spans="1:10" ht="51.6" customHeight="1" x14ac:dyDescent="0.45">
      <c r="A2752" s="6">
        <f>'申請書（複数入力用）'!A2754</f>
        <v>2748</v>
      </c>
      <c r="B2752" s="13">
        <f>'申請書（複数入力用）'!AH2754</f>
        <v>0</v>
      </c>
      <c r="C2752" s="6">
        <f>'申請書（複数入力用）'!B2754</f>
        <v>0</v>
      </c>
      <c r="D2752" s="6">
        <f>'申請書（複数入力用）'!D2754</f>
        <v>0</v>
      </c>
      <c r="E2752" s="14">
        <f>'申請書（複数入力用）'!H2754</f>
        <v>0</v>
      </c>
      <c r="F2752" s="11" t="str">
        <f>'申請書（複数入力用）'!J2754</f>
        <v/>
      </c>
      <c r="G2752" s="6" t="str">
        <f>'申請書（複数入力用）'!K2754</f>
        <v>a052r000000jS9ZAAU</v>
      </c>
      <c r="H2752" s="12" t="e">
        <f>'申請書（複数入力用）'!N2754</f>
        <v>#N/A</v>
      </c>
      <c r="I2752" s="12" t="e">
        <f>'申請書（複数入力用）'!O2754</f>
        <v>#N/A</v>
      </c>
      <c r="J2752" s="12">
        <f>'申請書（複数入力用）'!P2754</f>
        <v>1</v>
      </c>
    </row>
    <row r="2753" spans="1:10" ht="51.6" customHeight="1" x14ac:dyDescent="0.45">
      <c r="A2753" s="6">
        <f>'申請書（複数入力用）'!A2755</f>
        <v>2749</v>
      </c>
      <c r="B2753" s="13">
        <f>'申請書（複数入力用）'!AH2755</f>
        <v>0</v>
      </c>
      <c r="C2753" s="6">
        <f>'申請書（複数入力用）'!B2755</f>
        <v>0</v>
      </c>
      <c r="D2753" s="6">
        <f>'申請書（複数入力用）'!D2755</f>
        <v>0</v>
      </c>
      <c r="E2753" s="14">
        <f>'申請書（複数入力用）'!H2755</f>
        <v>0</v>
      </c>
      <c r="F2753" s="11" t="str">
        <f>'申請書（複数入力用）'!J2755</f>
        <v/>
      </c>
      <c r="G2753" s="6" t="str">
        <f>'申請書（複数入力用）'!K2755</f>
        <v>a052r000000jS9ZAAU</v>
      </c>
      <c r="H2753" s="12" t="e">
        <f>'申請書（複数入力用）'!N2755</f>
        <v>#N/A</v>
      </c>
      <c r="I2753" s="12" t="e">
        <f>'申請書（複数入力用）'!O2755</f>
        <v>#N/A</v>
      </c>
      <c r="J2753" s="12">
        <f>'申請書（複数入力用）'!P2755</f>
        <v>1</v>
      </c>
    </row>
    <row r="2754" spans="1:10" ht="51.6" customHeight="1" x14ac:dyDescent="0.45">
      <c r="A2754" s="6">
        <f>'申請書（複数入力用）'!A2756</f>
        <v>2750</v>
      </c>
      <c r="B2754" s="13">
        <f>'申請書（複数入力用）'!AH2756</f>
        <v>0</v>
      </c>
      <c r="C2754" s="6">
        <f>'申請書（複数入力用）'!B2756</f>
        <v>0</v>
      </c>
      <c r="D2754" s="6">
        <f>'申請書（複数入力用）'!D2756</f>
        <v>0</v>
      </c>
      <c r="E2754" s="14">
        <f>'申請書（複数入力用）'!H2756</f>
        <v>0</v>
      </c>
      <c r="F2754" s="11" t="str">
        <f>'申請書（複数入力用）'!J2756</f>
        <v/>
      </c>
      <c r="G2754" s="6" t="str">
        <f>'申請書（複数入力用）'!K2756</f>
        <v>a052r000000jS9ZAAU</v>
      </c>
      <c r="H2754" s="12" t="e">
        <f>'申請書（複数入力用）'!N2756</f>
        <v>#N/A</v>
      </c>
      <c r="I2754" s="12" t="e">
        <f>'申請書（複数入力用）'!O2756</f>
        <v>#N/A</v>
      </c>
      <c r="J2754" s="12">
        <f>'申請書（複数入力用）'!P2756</f>
        <v>1</v>
      </c>
    </row>
    <row r="2755" spans="1:10" ht="51.6" customHeight="1" x14ac:dyDescent="0.45">
      <c r="A2755" s="6">
        <f>'申請書（複数入力用）'!A2757</f>
        <v>2751</v>
      </c>
      <c r="B2755" s="13">
        <f>'申請書（複数入力用）'!AH2757</f>
        <v>0</v>
      </c>
      <c r="C2755" s="6">
        <f>'申請書（複数入力用）'!B2757</f>
        <v>0</v>
      </c>
      <c r="D2755" s="6">
        <f>'申請書（複数入力用）'!D2757</f>
        <v>0</v>
      </c>
      <c r="E2755" s="14">
        <f>'申請書（複数入力用）'!H2757</f>
        <v>0</v>
      </c>
      <c r="F2755" s="11" t="str">
        <f>'申請書（複数入力用）'!J2757</f>
        <v/>
      </c>
      <c r="G2755" s="6" t="str">
        <f>'申請書（複数入力用）'!K2757</f>
        <v>a052r000000jS9ZAAU</v>
      </c>
      <c r="H2755" s="12" t="e">
        <f>'申請書（複数入力用）'!N2757</f>
        <v>#N/A</v>
      </c>
      <c r="I2755" s="12" t="e">
        <f>'申請書（複数入力用）'!O2757</f>
        <v>#N/A</v>
      </c>
      <c r="J2755" s="12">
        <f>'申請書（複数入力用）'!P2757</f>
        <v>1</v>
      </c>
    </row>
    <row r="2756" spans="1:10" ht="51.6" customHeight="1" x14ac:dyDescent="0.45">
      <c r="A2756" s="6">
        <f>'申請書（複数入力用）'!A2758</f>
        <v>2752</v>
      </c>
      <c r="B2756" s="13">
        <f>'申請書（複数入力用）'!AH2758</f>
        <v>0</v>
      </c>
      <c r="C2756" s="6">
        <f>'申請書（複数入力用）'!B2758</f>
        <v>0</v>
      </c>
      <c r="D2756" s="6">
        <f>'申請書（複数入力用）'!D2758</f>
        <v>0</v>
      </c>
      <c r="E2756" s="14">
        <f>'申請書（複数入力用）'!H2758</f>
        <v>0</v>
      </c>
      <c r="F2756" s="11" t="str">
        <f>'申請書（複数入力用）'!J2758</f>
        <v/>
      </c>
      <c r="G2756" s="6" t="str">
        <f>'申請書（複数入力用）'!K2758</f>
        <v>a052r000000jS9ZAAU</v>
      </c>
      <c r="H2756" s="12" t="e">
        <f>'申請書（複数入力用）'!N2758</f>
        <v>#N/A</v>
      </c>
      <c r="I2756" s="12" t="e">
        <f>'申請書（複数入力用）'!O2758</f>
        <v>#N/A</v>
      </c>
      <c r="J2756" s="12">
        <f>'申請書（複数入力用）'!P2758</f>
        <v>1</v>
      </c>
    </row>
    <row r="2757" spans="1:10" ht="51.6" customHeight="1" x14ac:dyDescent="0.45">
      <c r="A2757" s="6">
        <f>'申請書（複数入力用）'!A2759</f>
        <v>2753</v>
      </c>
      <c r="B2757" s="13">
        <f>'申請書（複数入力用）'!AH2759</f>
        <v>0</v>
      </c>
      <c r="C2757" s="6">
        <f>'申請書（複数入力用）'!B2759</f>
        <v>0</v>
      </c>
      <c r="D2757" s="6">
        <f>'申請書（複数入力用）'!D2759</f>
        <v>0</v>
      </c>
      <c r="E2757" s="14">
        <f>'申請書（複数入力用）'!H2759</f>
        <v>0</v>
      </c>
      <c r="F2757" s="11" t="str">
        <f>'申請書（複数入力用）'!J2759</f>
        <v/>
      </c>
      <c r="G2757" s="6" t="str">
        <f>'申請書（複数入力用）'!K2759</f>
        <v>a052r000000jS9ZAAU</v>
      </c>
      <c r="H2757" s="12" t="e">
        <f>'申請書（複数入力用）'!N2759</f>
        <v>#N/A</v>
      </c>
      <c r="I2757" s="12" t="e">
        <f>'申請書（複数入力用）'!O2759</f>
        <v>#N/A</v>
      </c>
      <c r="J2757" s="12">
        <f>'申請書（複数入力用）'!P2759</f>
        <v>1</v>
      </c>
    </row>
    <row r="2758" spans="1:10" ht="51.6" customHeight="1" x14ac:dyDescent="0.45">
      <c r="A2758" s="6">
        <f>'申請書（複数入力用）'!A2760</f>
        <v>2754</v>
      </c>
      <c r="B2758" s="13">
        <f>'申請書（複数入力用）'!AH2760</f>
        <v>0</v>
      </c>
      <c r="C2758" s="6">
        <f>'申請書（複数入力用）'!B2760</f>
        <v>0</v>
      </c>
      <c r="D2758" s="6">
        <f>'申請書（複数入力用）'!D2760</f>
        <v>0</v>
      </c>
      <c r="E2758" s="14">
        <f>'申請書（複数入力用）'!H2760</f>
        <v>0</v>
      </c>
      <c r="F2758" s="11" t="str">
        <f>'申請書（複数入力用）'!J2760</f>
        <v/>
      </c>
      <c r="G2758" s="6" t="str">
        <f>'申請書（複数入力用）'!K2760</f>
        <v>a052r000000jS9ZAAU</v>
      </c>
      <c r="H2758" s="12" t="e">
        <f>'申請書（複数入力用）'!N2760</f>
        <v>#N/A</v>
      </c>
      <c r="I2758" s="12" t="e">
        <f>'申請書（複数入力用）'!O2760</f>
        <v>#N/A</v>
      </c>
      <c r="J2758" s="12">
        <f>'申請書（複数入力用）'!P2760</f>
        <v>1</v>
      </c>
    </row>
    <row r="2759" spans="1:10" ht="51.6" customHeight="1" x14ac:dyDescent="0.45">
      <c r="A2759" s="6">
        <f>'申請書（複数入力用）'!A2761</f>
        <v>2755</v>
      </c>
      <c r="B2759" s="13">
        <f>'申請書（複数入力用）'!AH2761</f>
        <v>0</v>
      </c>
      <c r="C2759" s="6">
        <f>'申請書（複数入力用）'!B2761</f>
        <v>0</v>
      </c>
      <c r="D2759" s="6">
        <f>'申請書（複数入力用）'!D2761</f>
        <v>0</v>
      </c>
      <c r="E2759" s="14">
        <f>'申請書（複数入力用）'!H2761</f>
        <v>0</v>
      </c>
      <c r="F2759" s="11" t="str">
        <f>'申請書（複数入力用）'!J2761</f>
        <v/>
      </c>
      <c r="G2759" s="6" t="str">
        <f>'申請書（複数入力用）'!K2761</f>
        <v>a052r000000jS9ZAAU</v>
      </c>
      <c r="H2759" s="12" t="e">
        <f>'申請書（複数入力用）'!N2761</f>
        <v>#N/A</v>
      </c>
      <c r="I2759" s="12" t="e">
        <f>'申請書（複数入力用）'!O2761</f>
        <v>#N/A</v>
      </c>
      <c r="J2759" s="12">
        <f>'申請書（複数入力用）'!P2761</f>
        <v>1</v>
      </c>
    </row>
    <row r="2760" spans="1:10" ht="51.6" customHeight="1" x14ac:dyDescent="0.45">
      <c r="A2760" s="6">
        <f>'申請書（複数入力用）'!A2762</f>
        <v>2756</v>
      </c>
      <c r="B2760" s="13">
        <f>'申請書（複数入力用）'!AH2762</f>
        <v>0</v>
      </c>
      <c r="C2760" s="6">
        <f>'申請書（複数入力用）'!B2762</f>
        <v>0</v>
      </c>
      <c r="D2760" s="6">
        <f>'申請書（複数入力用）'!D2762</f>
        <v>0</v>
      </c>
      <c r="E2760" s="14">
        <f>'申請書（複数入力用）'!H2762</f>
        <v>0</v>
      </c>
      <c r="F2760" s="11" t="str">
        <f>'申請書（複数入力用）'!J2762</f>
        <v/>
      </c>
      <c r="G2760" s="6" t="str">
        <f>'申請書（複数入力用）'!K2762</f>
        <v>a052r000000jS9ZAAU</v>
      </c>
      <c r="H2760" s="12" t="e">
        <f>'申請書（複数入力用）'!N2762</f>
        <v>#N/A</v>
      </c>
      <c r="I2760" s="12" t="e">
        <f>'申請書（複数入力用）'!O2762</f>
        <v>#N/A</v>
      </c>
      <c r="J2760" s="12">
        <f>'申請書（複数入力用）'!P2762</f>
        <v>1</v>
      </c>
    </row>
    <row r="2761" spans="1:10" ht="51.6" customHeight="1" x14ac:dyDescent="0.45">
      <c r="A2761" s="6">
        <f>'申請書（複数入力用）'!A2763</f>
        <v>2757</v>
      </c>
      <c r="B2761" s="13">
        <f>'申請書（複数入力用）'!AH2763</f>
        <v>0</v>
      </c>
      <c r="C2761" s="6">
        <f>'申請書（複数入力用）'!B2763</f>
        <v>0</v>
      </c>
      <c r="D2761" s="6">
        <f>'申請書（複数入力用）'!D2763</f>
        <v>0</v>
      </c>
      <c r="E2761" s="14">
        <f>'申請書（複数入力用）'!H2763</f>
        <v>0</v>
      </c>
      <c r="F2761" s="11" t="str">
        <f>'申請書（複数入力用）'!J2763</f>
        <v/>
      </c>
      <c r="G2761" s="6" t="str">
        <f>'申請書（複数入力用）'!K2763</f>
        <v>a052r000000jS9ZAAU</v>
      </c>
      <c r="H2761" s="12" t="e">
        <f>'申請書（複数入力用）'!N2763</f>
        <v>#N/A</v>
      </c>
      <c r="I2761" s="12" t="e">
        <f>'申請書（複数入力用）'!O2763</f>
        <v>#N/A</v>
      </c>
      <c r="J2761" s="12">
        <f>'申請書（複数入力用）'!P2763</f>
        <v>1</v>
      </c>
    </row>
    <row r="2762" spans="1:10" ht="51.6" customHeight="1" x14ac:dyDescent="0.45">
      <c r="A2762" s="6">
        <f>'申請書（複数入力用）'!A2764</f>
        <v>2758</v>
      </c>
      <c r="B2762" s="13">
        <f>'申請書（複数入力用）'!AH2764</f>
        <v>0</v>
      </c>
      <c r="C2762" s="6">
        <f>'申請書（複数入力用）'!B2764</f>
        <v>0</v>
      </c>
      <c r="D2762" s="6">
        <f>'申請書（複数入力用）'!D2764</f>
        <v>0</v>
      </c>
      <c r="E2762" s="14">
        <f>'申請書（複数入力用）'!H2764</f>
        <v>0</v>
      </c>
      <c r="F2762" s="11" t="str">
        <f>'申請書（複数入力用）'!J2764</f>
        <v/>
      </c>
      <c r="G2762" s="6" t="str">
        <f>'申請書（複数入力用）'!K2764</f>
        <v>a052r000000jS9ZAAU</v>
      </c>
      <c r="H2762" s="12" t="e">
        <f>'申請書（複数入力用）'!N2764</f>
        <v>#N/A</v>
      </c>
      <c r="I2762" s="12" t="e">
        <f>'申請書（複数入力用）'!O2764</f>
        <v>#N/A</v>
      </c>
      <c r="J2762" s="12">
        <f>'申請書（複数入力用）'!P2764</f>
        <v>1</v>
      </c>
    </row>
    <row r="2763" spans="1:10" ht="51.6" customHeight="1" x14ac:dyDescent="0.45">
      <c r="A2763" s="6">
        <f>'申請書（複数入力用）'!A2765</f>
        <v>2759</v>
      </c>
      <c r="B2763" s="13">
        <f>'申請書（複数入力用）'!AH2765</f>
        <v>0</v>
      </c>
      <c r="C2763" s="6">
        <f>'申請書（複数入力用）'!B2765</f>
        <v>0</v>
      </c>
      <c r="D2763" s="6">
        <f>'申請書（複数入力用）'!D2765</f>
        <v>0</v>
      </c>
      <c r="E2763" s="14">
        <f>'申請書（複数入力用）'!H2765</f>
        <v>0</v>
      </c>
      <c r="F2763" s="11" t="str">
        <f>'申請書（複数入力用）'!J2765</f>
        <v/>
      </c>
      <c r="G2763" s="6" t="str">
        <f>'申請書（複数入力用）'!K2765</f>
        <v>a052r000000jS9ZAAU</v>
      </c>
      <c r="H2763" s="12" t="e">
        <f>'申請書（複数入力用）'!N2765</f>
        <v>#N/A</v>
      </c>
      <c r="I2763" s="12" t="e">
        <f>'申請書（複数入力用）'!O2765</f>
        <v>#N/A</v>
      </c>
      <c r="J2763" s="12">
        <f>'申請書（複数入力用）'!P2765</f>
        <v>1</v>
      </c>
    </row>
    <row r="2764" spans="1:10" ht="51.6" customHeight="1" x14ac:dyDescent="0.45">
      <c r="A2764" s="6">
        <f>'申請書（複数入力用）'!A2766</f>
        <v>2760</v>
      </c>
      <c r="B2764" s="13">
        <f>'申請書（複数入力用）'!AH2766</f>
        <v>0</v>
      </c>
      <c r="C2764" s="6">
        <f>'申請書（複数入力用）'!B2766</f>
        <v>0</v>
      </c>
      <c r="D2764" s="6">
        <f>'申請書（複数入力用）'!D2766</f>
        <v>0</v>
      </c>
      <c r="E2764" s="14">
        <f>'申請書（複数入力用）'!H2766</f>
        <v>0</v>
      </c>
      <c r="F2764" s="11" t="str">
        <f>'申請書（複数入力用）'!J2766</f>
        <v/>
      </c>
      <c r="G2764" s="6" t="str">
        <f>'申請書（複数入力用）'!K2766</f>
        <v>a052r000000jS9ZAAU</v>
      </c>
      <c r="H2764" s="12" t="e">
        <f>'申請書（複数入力用）'!N2766</f>
        <v>#N/A</v>
      </c>
      <c r="I2764" s="12" t="e">
        <f>'申請書（複数入力用）'!O2766</f>
        <v>#N/A</v>
      </c>
      <c r="J2764" s="12">
        <f>'申請書（複数入力用）'!P2766</f>
        <v>1</v>
      </c>
    </row>
    <row r="2765" spans="1:10" ht="51.6" customHeight="1" x14ac:dyDescent="0.45">
      <c r="A2765" s="6">
        <f>'申請書（複数入力用）'!A2767</f>
        <v>2761</v>
      </c>
      <c r="B2765" s="13">
        <f>'申請書（複数入力用）'!AH2767</f>
        <v>0</v>
      </c>
      <c r="C2765" s="6">
        <f>'申請書（複数入力用）'!B2767</f>
        <v>0</v>
      </c>
      <c r="D2765" s="6">
        <f>'申請書（複数入力用）'!D2767</f>
        <v>0</v>
      </c>
      <c r="E2765" s="14">
        <f>'申請書（複数入力用）'!H2767</f>
        <v>0</v>
      </c>
      <c r="F2765" s="11" t="str">
        <f>'申請書（複数入力用）'!J2767</f>
        <v/>
      </c>
      <c r="G2765" s="6" t="str">
        <f>'申請書（複数入力用）'!K2767</f>
        <v>a052r000000jS9ZAAU</v>
      </c>
      <c r="H2765" s="12" t="e">
        <f>'申請書（複数入力用）'!N2767</f>
        <v>#N/A</v>
      </c>
      <c r="I2765" s="12" t="e">
        <f>'申請書（複数入力用）'!O2767</f>
        <v>#N/A</v>
      </c>
      <c r="J2765" s="12">
        <f>'申請書（複数入力用）'!P2767</f>
        <v>1</v>
      </c>
    </row>
    <row r="2766" spans="1:10" ht="51.6" customHeight="1" x14ac:dyDescent="0.45">
      <c r="A2766" s="6">
        <f>'申請書（複数入力用）'!A2768</f>
        <v>2762</v>
      </c>
      <c r="B2766" s="13">
        <f>'申請書（複数入力用）'!AH2768</f>
        <v>0</v>
      </c>
      <c r="C2766" s="6">
        <f>'申請書（複数入力用）'!B2768</f>
        <v>0</v>
      </c>
      <c r="D2766" s="6">
        <f>'申請書（複数入力用）'!D2768</f>
        <v>0</v>
      </c>
      <c r="E2766" s="14">
        <f>'申請書（複数入力用）'!H2768</f>
        <v>0</v>
      </c>
      <c r="F2766" s="11" t="str">
        <f>'申請書（複数入力用）'!J2768</f>
        <v/>
      </c>
      <c r="G2766" s="6" t="str">
        <f>'申請書（複数入力用）'!K2768</f>
        <v>a052r000000jS9ZAAU</v>
      </c>
      <c r="H2766" s="12" t="e">
        <f>'申請書（複数入力用）'!N2768</f>
        <v>#N/A</v>
      </c>
      <c r="I2766" s="12" t="e">
        <f>'申請書（複数入力用）'!O2768</f>
        <v>#N/A</v>
      </c>
      <c r="J2766" s="12">
        <f>'申請書（複数入力用）'!P2768</f>
        <v>1</v>
      </c>
    </row>
    <row r="2767" spans="1:10" ht="51.6" customHeight="1" x14ac:dyDescent="0.45">
      <c r="A2767" s="6">
        <f>'申請書（複数入力用）'!A2769</f>
        <v>2763</v>
      </c>
      <c r="B2767" s="13">
        <f>'申請書（複数入力用）'!AH2769</f>
        <v>0</v>
      </c>
      <c r="C2767" s="6">
        <f>'申請書（複数入力用）'!B2769</f>
        <v>0</v>
      </c>
      <c r="D2767" s="6">
        <f>'申請書（複数入力用）'!D2769</f>
        <v>0</v>
      </c>
      <c r="E2767" s="14">
        <f>'申請書（複数入力用）'!H2769</f>
        <v>0</v>
      </c>
      <c r="F2767" s="11" t="str">
        <f>'申請書（複数入力用）'!J2769</f>
        <v/>
      </c>
      <c r="G2767" s="6" t="str">
        <f>'申請書（複数入力用）'!K2769</f>
        <v>a052r000000jS9ZAAU</v>
      </c>
      <c r="H2767" s="12" t="e">
        <f>'申請書（複数入力用）'!N2769</f>
        <v>#N/A</v>
      </c>
      <c r="I2767" s="12" t="e">
        <f>'申請書（複数入力用）'!O2769</f>
        <v>#N/A</v>
      </c>
      <c r="J2767" s="12">
        <f>'申請書（複数入力用）'!P2769</f>
        <v>1</v>
      </c>
    </row>
    <row r="2768" spans="1:10" ht="51.6" customHeight="1" x14ac:dyDescent="0.45">
      <c r="A2768" s="6">
        <f>'申請書（複数入力用）'!A2770</f>
        <v>2764</v>
      </c>
      <c r="B2768" s="13">
        <f>'申請書（複数入力用）'!AH2770</f>
        <v>0</v>
      </c>
      <c r="C2768" s="6">
        <f>'申請書（複数入力用）'!B2770</f>
        <v>0</v>
      </c>
      <c r="D2768" s="6">
        <f>'申請書（複数入力用）'!D2770</f>
        <v>0</v>
      </c>
      <c r="E2768" s="14">
        <f>'申請書（複数入力用）'!H2770</f>
        <v>0</v>
      </c>
      <c r="F2768" s="11" t="str">
        <f>'申請書（複数入力用）'!J2770</f>
        <v/>
      </c>
      <c r="G2768" s="6" t="str">
        <f>'申請書（複数入力用）'!K2770</f>
        <v>a052r000000jS9ZAAU</v>
      </c>
      <c r="H2768" s="12" t="e">
        <f>'申請書（複数入力用）'!N2770</f>
        <v>#N/A</v>
      </c>
      <c r="I2768" s="12" t="e">
        <f>'申請書（複数入力用）'!O2770</f>
        <v>#N/A</v>
      </c>
      <c r="J2768" s="12">
        <f>'申請書（複数入力用）'!P2770</f>
        <v>1</v>
      </c>
    </row>
    <row r="2769" spans="1:10" ht="51.6" customHeight="1" x14ac:dyDescent="0.45">
      <c r="A2769" s="6">
        <f>'申請書（複数入力用）'!A2771</f>
        <v>2765</v>
      </c>
      <c r="B2769" s="13">
        <f>'申請書（複数入力用）'!AH2771</f>
        <v>0</v>
      </c>
      <c r="C2769" s="6">
        <f>'申請書（複数入力用）'!B2771</f>
        <v>0</v>
      </c>
      <c r="D2769" s="6">
        <f>'申請書（複数入力用）'!D2771</f>
        <v>0</v>
      </c>
      <c r="E2769" s="14">
        <f>'申請書（複数入力用）'!H2771</f>
        <v>0</v>
      </c>
      <c r="F2769" s="11" t="str">
        <f>'申請書（複数入力用）'!J2771</f>
        <v/>
      </c>
      <c r="G2769" s="6" t="str">
        <f>'申請書（複数入力用）'!K2771</f>
        <v>a052r000000jS9ZAAU</v>
      </c>
      <c r="H2769" s="12" t="e">
        <f>'申請書（複数入力用）'!N2771</f>
        <v>#N/A</v>
      </c>
      <c r="I2769" s="12" t="e">
        <f>'申請書（複数入力用）'!O2771</f>
        <v>#N/A</v>
      </c>
      <c r="J2769" s="12">
        <f>'申請書（複数入力用）'!P2771</f>
        <v>1</v>
      </c>
    </row>
    <row r="2770" spans="1:10" ht="51.6" customHeight="1" x14ac:dyDescent="0.45">
      <c r="A2770" s="6">
        <f>'申請書（複数入力用）'!A2772</f>
        <v>2766</v>
      </c>
      <c r="B2770" s="13">
        <f>'申請書（複数入力用）'!AH2772</f>
        <v>0</v>
      </c>
      <c r="C2770" s="6">
        <f>'申請書（複数入力用）'!B2772</f>
        <v>0</v>
      </c>
      <c r="D2770" s="6">
        <f>'申請書（複数入力用）'!D2772</f>
        <v>0</v>
      </c>
      <c r="E2770" s="14">
        <f>'申請書（複数入力用）'!H2772</f>
        <v>0</v>
      </c>
      <c r="F2770" s="11" t="str">
        <f>'申請書（複数入力用）'!J2772</f>
        <v/>
      </c>
      <c r="G2770" s="6" t="str">
        <f>'申請書（複数入力用）'!K2772</f>
        <v>a052r000000jS9ZAAU</v>
      </c>
      <c r="H2770" s="12" t="e">
        <f>'申請書（複数入力用）'!N2772</f>
        <v>#N/A</v>
      </c>
      <c r="I2770" s="12" t="e">
        <f>'申請書（複数入力用）'!O2772</f>
        <v>#N/A</v>
      </c>
      <c r="J2770" s="12">
        <f>'申請書（複数入力用）'!P2772</f>
        <v>1</v>
      </c>
    </row>
    <row r="2771" spans="1:10" ht="51.6" customHeight="1" x14ac:dyDescent="0.45">
      <c r="A2771" s="6">
        <f>'申請書（複数入力用）'!A2773</f>
        <v>2767</v>
      </c>
      <c r="B2771" s="13">
        <f>'申請書（複数入力用）'!AH2773</f>
        <v>0</v>
      </c>
      <c r="C2771" s="6">
        <f>'申請書（複数入力用）'!B2773</f>
        <v>0</v>
      </c>
      <c r="D2771" s="6">
        <f>'申請書（複数入力用）'!D2773</f>
        <v>0</v>
      </c>
      <c r="E2771" s="14">
        <f>'申請書（複数入力用）'!H2773</f>
        <v>0</v>
      </c>
      <c r="F2771" s="11" t="str">
        <f>'申請書（複数入力用）'!J2773</f>
        <v/>
      </c>
      <c r="G2771" s="6" t="str">
        <f>'申請書（複数入力用）'!K2773</f>
        <v>a052r000000jS9ZAAU</v>
      </c>
      <c r="H2771" s="12" t="e">
        <f>'申請書（複数入力用）'!N2773</f>
        <v>#N/A</v>
      </c>
      <c r="I2771" s="12" t="e">
        <f>'申請書（複数入力用）'!O2773</f>
        <v>#N/A</v>
      </c>
      <c r="J2771" s="12">
        <f>'申請書（複数入力用）'!P2773</f>
        <v>1</v>
      </c>
    </row>
    <row r="2772" spans="1:10" ht="51.6" customHeight="1" x14ac:dyDescent="0.45">
      <c r="A2772" s="6">
        <f>'申請書（複数入力用）'!A2774</f>
        <v>2768</v>
      </c>
      <c r="B2772" s="13">
        <f>'申請書（複数入力用）'!AH2774</f>
        <v>0</v>
      </c>
      <c r="C2772" s="6">
        <f>'申請書（複数入力用）'!B2774</f>
        <v>0</v>
      </c>
      <c r="D2772" s="6">
        <f>'申請書（複数入力用）'!D2774</f>
        <v>0</v>
      </c>
      <c r="E2772" s="14">
        <f>'申請書（複数入力用）'!H2774</f>
        <v>0</v>
      </c>
      <c r="F2772" s="11" t="str">
        <f>'申請書（複数入力用）'!J2774</f>
        <v/>
      </c>
      <c r="G2772" s="6" t="str">
        <f>'申請書（複数入力用）'!K2774</f>
        <v>a052r000000jS9ZAAU</v>
      </c>
      <c r="H2772" s="12" t="e">
        <f>'申請書（複数入力用）'!N2774</f>
        <v>#N/A</v>
      </c>
      <c r="I2772" s="12" t="e">
        <f>'申請書（複数入力用）'!O2774</f>
        <v>#N/A</v>
      </c>
      <c r="J2772" s="12">
        <f>'申請書（複数入力用）'!P2774</f>
        <v>1</v>
      </c>
    </row>
    <row r="2773" spans="1:10" ht="51.6" customHeight="1" x14ac:dyDescent="0.45">
      <c r="A2773" s="6">
        <f>'申請書（複数入力用）'!A2775</f>
        <v>2769</v>
      </c>
      <c r="B2773" s="13">
        <f>'申請書（複数入力用）'!AH2775</f>
        <v>0</v>
      </c>
      <c r="C2773" s="6">
        <f>'申請書（複数入力用）'!B2775</f>
        <v>0</v>
      </c>
      <c r="D2773" s="6">
        <f>'申請書（複数入力用）'!D2775</f>
        <v>0</v>
      </c>
      <c r="E2773" s="14">
        <f>'申請書（複数入力用）'!H2775</f>
        <v>0</v>
      </c>
      <c r="F2773" s="11" t="str">
        <f>'申請書（複数入力用）'!J2775</f>
        <v/>
      </c>
      <c r="G2773" s="6" t="str">
        <f>'申請書（複数入力用）'!K2775</f>
        <v>a052r000000jS9ZAAU</v>
      </c>
      <c r="H2773" s="12" t="e">
        <f>'申請書（複数入力用）'!N2775</f>
        <v>#N/A</v>
      </c>
      <c r="I2773" s="12" t="e">
        <f>'申請書（複数入力用）'!O2775</f>
        <v>#N/A</v>
      </c>
      <c r="J2773" s="12">
        <f>'申請書（複数入力用）'!P2775</f>
        <v>1</v>
      </c>
    </row>
    <row r="2774" spans="1:10" ht="51.6" customHeight="1" x14ac:dyDescent="0.45">
      <c r="A2774" s="6">
        <f>'申請書（複数入力用）'!A2776</f>
        <v>2770</v>
      </c>
      <c r="B2774" s="13">
        <f>'申請書（複数入力用）'!AH2776</f>
        <v>0</v>
      </c>
      <c r="C2774" s="6">
        <f>'申請書（複数入力用）'!B2776</f>
        <v>0</v>
      </c>
      <c r="D2774" s="6">
        <f>'申請書（複数入力用）'!D2776</f>
        <v>0</v>
      </c>
      <c r="E2774" s="14">
        <f>'申請書（複数入力用）'!H2776</f>
        <v>0</v>
      </c>
      <c r="F2774" s="11" t="str">
        <f>'申請書（複数入力用）'!J2776</f>
        <v/>
      </c>
      <c r="G2774" s="6" t="str">
        <f>'申請書（複数入力用）'!K2776</f>
        <v>a052r000000jS9ZAAU</v>
      </c>
      <c r="H2774" s="12" t="e">
        <f>'申請書（複数入力用）'!N2776</f>
        <v>#N/A</v>
      </c>
      <c r="I2774" s="12" t="e">
        <f>'申請書（複数入力用）'!O2776</f>
        <v>#N/A</v>
      </c>
      <c r="J2774" s="12">
        <f>'申請書（複数入力用）'!P2776</f>
        <v>1</v>
      </c>
    </row>
    <row r="2775" spans="1:10" ht="51.6" customHeight="1" x14ac:dyDescent="0.45">
      <c r="A2775" s="6">
        <f>'申請書（複数入力用）'!A2777</f>
        <v>2771</v>
      </c>
      <c r="B2775" s="13">
        <f>'申請書（複数入力用）'!AH2777</f>
        <v>0</v>
      </c>
      <c r="C2775" s="6">
        <f>'申請書（複数入力用）'!B2777</f>
        <v>0</v>
      </c>
      <c r="D2775" s="6">
        <f>'申請書（複数入力用）'!D2777</f>
        <v>0</v>
      </c>
      <c r="E2775" s="14">
        <f>'申請書（複数入力用）'!H2777</f>
        <v>0</v>
      </c>
      <c r="F2775" s="11" t="str">
        <f>'申請書（複数入力用）'!J2777</f>
        <v/>
      </c>
      <c r="G2775" s="6" t="str">
        <f>'申請書（複数入力用）'!K2777</f>
        <v>a052r000000jS9ZAAU</v>
      </c>
      <c r="H2775" s="12" t="e">
        <f>'申請書（複数入力用）'!N2777</f>
        <v>#N/A</v>
      </c>
      <c r="I2775" s="12" t="e">
        <f>'申請書（複数入力用）'!O2777</f>
        <v>#N/A</v>
      </c>
      <c r="J2775" s="12">
        <f>'申請書（複数入力用）'!P2777</f>
        <v>1</v>
      </c>
    </row>
    <row r="2776" spans="1:10" ht="51.6" customHeight="1" x14ac:dyDescent="0.45">
      <c r="A2776" s="6">
        <f>'申請書（複数入力用）'!A2778</f>
        <v>2772</v>
      </c>
      <c r="B2776" s="13">
        <f>'申請書（複数入力用）'!AH2778</f>
        <v>0</v>
      </c>
      <c r="C2776" s="6">
        <f>'申請書（複数入力用）'!B2778</f>
        <v>0</v>
      </c>
      <c r="D2776" s="6">
        <f>'申請書（複数入力用）'!D2778</f>
        <v>0</v>
      </c>
      <c r="E2776" s="14">
        <f>'申請書（複数入力用）'!H2778</f>
        <v>0</v>
      </c>
      <c r="F2776" s="11" t="str">
        <f>'申請書（複数入力用）'!J2778</f>
        <v/>
      </c>
      <c r="G2776" s="6" t="str">
        <f>'申請書（複数入力用）'!K2778</f>
        <v>a052r000000jS9ZAAU</v>
      </c>
      <c r="H2776" s="12" t="e">
        <f>'申請書（複数入力用）'!N2778</f>
        <v>#N/A</v>
      </c>
      <c r="I2776" s="12" t="e">
        <f>'申請書（複数入力用）'!O2778</f>
        <v>#N/A</v>
      </c>
      <c r="J2776" s="12">
        <f>'申請書（複数入力用）'!P2778</f>
        <v>1</v>
      </c>
    </row>
    <row r="2777" spans="1:10" ht="51.6" customHeight="1" x14ac:dyDescent="0.45">
      <c r="A2777" s="6">
        <f>'申請書（複数入力用）'!A2779</f>
        <v>2773</v>
      </c>
      <c r="B2777" s="13">
        <f>'申請書（複数入力用）'!AH2779</f>
        <v>0</v>
      </c>
      <c r="C2777" s="6">
        <f>'申請書（複数入力用）'!B2779</f>
        <v>0</v>
      </c>
      <c r="D2777" s="6">
        <f>'申請書（複数入力用）'!D2779</f>
        <v>0</v>
      </c>
      <c r="E2777" s="14">
        <f>'申請書（複数入力用）'!H2779</f>
        <v>0</v>
      </c>
      <c r="F2777" s="11" t="str">
        <f>'申請書（複数入力用）'!J2779</f>
        <v/>
      </c>
      <c r="G2777" s="6" t="str">
        <f>'申請書（複数入力用）'!K2779</f>
        <v>a052r000000jS9ZAAU</v>
      </c>
      <c r="H2777" s="12" t="e">
        <f>'申請書（複数入力用）'!N2779</f>
        <v>#N/A</v>
      </c>
      <c r="I2777" s="12" t="e">
        <f>'申請書（複数入力用）'!O2779</f>
        <v>#N/A</v>
      </c>
      <c r="J2777" s="12">
        <f>'申請書（複数入力用）'!P2779</f>
        <v>1</v>
      </c>
    </row>
    <row r="2778" spans="1:10" ht="51.6" customHeight="1" x14ac:dyDescent="0.45">
      <c r="A2778" s="6">
        <f>'申請書（複数入力用）'!A2780</f>
        <v>2774</v>
      </c>
      <c r="B2778" s="13">
        <f>'申請書（複数入力用）'!AH2780</f>
        <v>0</v>
      </c>
      <c r="C2778" s="6">
        <f>'申請書（複数入力用）'!B2780</f>
        <v>0</v>
      </c>
      <c r="D2778" s="6">
        <f>'申請書（複数入力用）'!D2780</f>
        <v>0</v>
      </c>
      <c r="E2778" s="14">
        <f>'申請書（複数入力用）'!H2780</f>
        <v>0</v>
      </c>
      <c r="F2778" s="11" t="str">
        <f>'申請書（複数入力用）'!J2780</f>
        <v/>
      </c>
      <c r="G2778" s="6" t="str">
        <f>'申請書（複数入力用）'!K2780</f>
        <v>a052r000000jS9ZAAU</v>
      </c>
      <c r="H2778" s="12" t="e">
        <f>'申請書（複数入力用）'!N2780</f>
        <v>#N/A</v>
      </c>
      <c r="I2778" s="12" t="e">
        <f>'申請書（複数入力用）'!O2780</f>
        <v>#N/A</v>
      </c>
      <c r="J2778" s="12">
        <f>'申請書（複数入力用）'!P2780</f>
        <v>1</v>
      </c>
    </row>
    <row r="2779" spans="1:10" ht="51.6" customHeight="1" x14ac:dyDescent="0.45">
      <c r="A2779" s="6">
        <f>'申請書（複数入力用）'!A2781</f>
        <v>2775</v>
      </c>
      <c r="B2779" s="13">
        <f>'申請書（複数入力用）'!AH2781</f>
        <v>0</v>
      </c>
      <c r="C2779" s="6">
        <f>'申請書（複数入力用）'!B2781</f>
        <v>0</v>
      </c>
      <c r="D2779" s="6">
        <f>'申請書（複数入力用）'!D2781</f>
        <v>0</v>
      </c>
      <c r="E2779" s="14">
        <f>'申請書（複数入力用）'!H2781</f>
        <v>0</v>
      </c>
      <c r="F2779" s="11" t="str">
        <f>'申請書（複数入力用）'!J2781</f>
        <v/>
      </c>
      <c r="G2779" s="6" t="str">
        <f>'申請書（複数入力用）'!K2781</f>
        <v>a052r000000jS9ZAAU</v>
      </c>
      <c r="H2779" s="12" t="e">
        <f>'申請書（複数入力用）'!N2781</f>
        <v>#N/A</v>
      </c>
      <c r="I2779" s="12" t="e">
        <f>'申請書（複数入力用）'!O2781</f>
        <v>#N/A</v>
      </c>
      <c r="J2779" s="12">
        <f>'申請書（複数入力用）'!P2781</f>
        <v>1</v>
      </c>
    </row>
    <row r="2780" spans="1:10" ht="51.6" customHeight="1" x14ac:dyDescent="0.45">
      <c r="A2780" s="6">
        <f>'申請書（複数入力用）'!A2782</f>
        <v>2776</v>
      </c>
      <c r="B2780" s="13">
        <f>'申請書（複数入力用）'!AH2782</f>
        <v>0</v>
      </c>
      <c r="C2780" s="6">
        <f>'申請書（複数入力用）'!B2782</f>
        <v>0</v>
      </c>
      <c r="D2780" s="6">
        <f>'申請書（複数入力用）'!D2782</f>
        <v>0</v>
      </c>
      <c r="E2780" s="14">
        <f>'申請書（複数入力用）'!H2782</f>
        <v>0</v>
      </c>
      <c r="F2780" s="11" t="str">
        <f>'申請書（複数入力用）'!J2782</f>
        <v/>
      </c>
      <c r="G2780" s="6" t="str">
        <f>'申請書（複数入力用）'!K2782</f>
        <v>a052r000000jS9ZAAU</v>
      </c>
      <c r="H2780" s="12" t="e">
        <f>'申請書（複数入力用）'!N2782</f>
        <v>#N/A</v>
      </c>
      <c r="I2780" s="12" t="e">
        <f>'申請書（複数入力用）'!O2782</f>
        <v>#N/A</v>
      </c>
      <c r="J2780" s="12">
        <f>'申請書（複数入力用）'!P2782</f>
        <v>1</v>
      </c>
    </row>
    <row r="2781" spans="1:10" ht="51.6" customHeight="1" x14ac:dyDescent="0.45">
      <c r="A2781" s="6">
        <f>'申請書（複数入力用）'!A2783</f>
        <v>2777</v>
      </c>
      <c r="B2781" s="13">
        <f>'申請書（複数入力用）'!AH2783</f>
        <v>0</v>
      </c>
      <c r="C2781" s="6">
        <f>'申請書（複数入力用）'!B2783</f>
        <v>0</v>
      </c>
      <c r="D2781" s="6">
        <f>'申請書（複数入力用）'!D2783</f>
        <v>0</v>
      </c>
      <c r="E2781" s="14">
        <f>'申請書（複数入力用）'!H2783</f>
        <v>0</v>
      </c>
      <c r="F2781" s="11" t="str">
        <f>'申請書（複数入力用）'!J2783</f>
        <v/>
      </c>
      <c r="G2781" s="6" t="str">
        <f>'申請書（複数入力用）'!K2783</f>
        <v>a052r000000jS9ZAAU</v>
      </c>
      <c r="H2781" s="12" t="e">
        <f>'申請書（複数入力用）'!N2783</f>
        <v>#N/A</v>
      </c>
      <c r="I2781" s="12" t="e">
        <f>'申請書（複数入力用）'!O2783</f>
        <v>#N/A</v>
      </c>
      <c r="J2781" s="12">
        <f>'申請書（複数入力用）'!P2783</f>
        <v>1</v>
      </c>
    </row>
    <row r="2782" spans="1:10" ht="51.6" customHeight="1" x14ac:dyDescent="0.45">
      <c r="A2782" s="6">
        <f>'申請書（複数入力用）'!A2784</f>
        <v>2778</v>
      </c>
      <c r="B2782" s="13">
        <f>'申請書（複数入力用）'!AH2784</f>
        <v>0</v>
      </c>
      <c r="C2782" s="6">
        <f>'申請書（複数入力用）'!B2784</f>
        <v>0</v>
      </c>
      <c r="D2782" s="6">
        <f>'申請書（複数入力用）'!D2784</f>
        <v>0</v>
      </c>
      <c r="E2782" s="14">
        <f>'申請書（複数入力用）'!H2784</f>
        <v>0</v>
      </c>
      <c r="F2782" s="11" t="str">
        <f>'申請書（複数入力用）'!J2784</f>
        <v/>
      </c>
      <c r="G2782" s="6" t="str">
        <f>'申請書（複数入力用）'!K2784</f>
        <v>a052r000000jS9ZAAU</v>
      </c>
      <c r="H2782" s="12" t="e">
        <f>'申請書（複数入力用）'!N2784</f>
        <v>#N/A</v>
      </c>
      <c r="I2782" s="12" t="e">
        <f>'申請書（複数入力用）'!O2784</f>
        <v>#N/A</v>
      </c>
      <c r="J2782" s="12">
        <f>'申請書（複数入力用）'!P2784</f>
        <v>1</v>
      </c>
    </row>
    <row r="2783" spans="1:10" ht="51.6" customHeight="1" x14ac:dyDescent="0.45">
      <c r="A2783" s="6">
        <f>'申請書（複数入力用）'!A2785</f>
        <v>2779</v>
      </c>
      <c r="B2783" s="13">
        <f>'申請書（複数入力用）'!AH2785</f>
        <v>0</v>
      </c>
      <c r="C2783" s="6">
        <f>'申請書（複数入力用）'!B2785</f>
        <v>0</v>
      </c>
      <c r="D2783" s="6">
        <f>'申請書（複数入力用）'!D2785</f>
        <v>0</v>
      </c>
      <c r="E2783" s="14">
        <f>'申請書（複数入力用）'!H2785</f>
        <v>0</v>
      </c>
      <c r="F2783" s="11" t="str">
        <f>'申請書（複数入力用）'!J2785</f>
        <v/>
      </c>
      <c r="G2783" s="6" t="str">
        <f>'申請書（複数入力用）'!K2785</f>
        <v>a052r000000jS9ZAAU</v>
      </c>
      <c r="H2783" s="12" t="e">
        <f>'申請書（複数入力用）'!N2785</f>
        <v>#N/A</v>
      </c>
      <c r="I2783" s="12" t="e">
        <f>'申請書（複数入力用）'!O2785</f>
        <v>#N/A</v>
      </c>
      <c r="J2783" s="12">
        <f>'申請書（複数入力用）'!P2785</f>
        <v>1</v>
      </c>
    </row>
    <row r="2784" spans="1:10" ht="51.6" customHeight="1" x14ac:dyDescent="0.45">
      <c r="A2784" s="6">
        <f>'申請書（複数入力用）'!A2786</f>
        <v>2780</v>
      </c>
      <c r="B2784" s="13">
        <f>'申請書（複数入力用）'!AH2786</f>
        <v>0</v>
      </c>
      <c r="C2784" s="6">
        <f>'申請書（複数入力用）'!B2786</f>
        <v>0</v>
      </c>
      <c r="D2784" s="6">
        <f>'申請書（複数入力用）'!D2786</f>
        <v>0</v>
      </c>
      <c r="E2784" s="14">
        <f>'申請書（複数入力用）'!H2786</f>
        <v>0</v>
      </c>
      <c r="F2784" s="11" t="str">
        <f>'申請書（複数入力用）'!J2786</f>
        <v/>
      </c>
      <c r="G2784" s="6" t="str">
        <f>'申請書（複数入力用）'!K2786</f>
        <v>a052r000000jS9ZAAU</v>
      </c>
      <c r="H2784" s="12" t="e">
        <f>'申請書（複数入力用）'!N2786</f>
        <v>#N/A</v>
      </c>
      <c r="I2784" s="12" t="e">
        <f>'申請書（複数入力用）'!O2786</f>
        <v>#N/A</v>
      </c>
      <c r="J2784" s="12">
        <f>'申請書（複数入力用）'!P2786</f>
        <v>1</v>
      </c>
    </row>
    <row r="2785" spans="1:10" ht="51.6" customHeight="1" x14ac:dyDescent="0.45">
      <c r="A2785" s="6">
        <f>'申請書（複数入力用）'!A2787</f>
        <v>2781</v>
      </c>
      <c r="B2785" s="13">
        <f>'申請書（複数入力用）'!AH2787</f>
        <v>0</v>
      </c>
      <c r="C2785" s="6">
        <f>'申請書（複数入力用）'!B2787</f>
        <v>0</v>
      </c>
      <c r="D2785" s="6">
        <f>'申請書（複数入力用）'!D2787</f>
        <v>0</v>
      </c>
      <c r="E2785" s="14">
        <f>'申請書（複数入力用）'!H2787</f>
        <v>0</v>
      </c>
      <c r="F2785" s="11" t="str">
        <f>'申請書（複数入力用）'!J2787</f>
        <v/>
      </c>
      <c r="G2785" s="6" t="str">
        <f>'申請書（複数入力用）'!K2787</f>
        <v>a052r000000jS9ZAAU</v>
      </c>
      <c r="H2785" s="12" t="e">
        <f>'申請書（複数入力用）'!N2787</f>
        <v>#N/A</v>
      </c>
      <c r="I2785" s="12" t="e">
        <f>'申請書（複数入力用）'!O2787</f>
        <v>#N/A</v>
      </c>
      <c r="J2785" s="12">
        <f>'申請書（複数入力用）'!P2787</f>
        <v>1</v>
      </c>
    </row>
    <row r="2786" spans="1:10" ht="51.6" customHeight="1" x14ac:dyDescent="0.45">
      <c r="A2786" s="6">
        <f>'申請書（複数入力用）'!A2788</f>
        <v>2782</v>
      </c>
      <c r="B2786" s="13">
        <f>'申請書（複数入力用）'!AH2788</f>
        <v>0</v>
      </c>
      <c r="C2786" s="6">
        <f>'申請書（複数入力用）'!B2788</f>
        <v>0</v>
      </c>
      <c r="D2786" s="6">
        <f>'申請書（複数入力用）'!D2788</f>
        <v>0</v>
      </c>
      <c r="E2786" s="14">
        <f>'申請書（複数入力用）'!H2788</f>
        <v>0</v>
      </c>
      <c r="F2786" s="11" t="str">
        <f>'申請書（複数入力用）'!J2788</f>
        <v/>
      </c>
      <c r="G2786" s="6" t="str">
        <f>'申請書（複数入力用）'!K2788</f>
        <v>a052r000000jS9ZAAU</v>
      </c>
      <c r="H2786" s="12" t="e">
        <f>'申請書（複数入力用）'!N2788</f>
        <v>#N/A</v>
      </c>
      <c r="I2786" s="12" t="e">
        <f>'申請書（複数入力用）'!O2788</f>
        <v>#N/A</v>
      </c>
      <c r="J2786" s="12">
        <f>'申請書（複数入力用）'!P2788</f>
        <v>1</v>
      </c>
    </row>
    <row r="2787" spans="1:10" ht="51.6" customHeight="1" x14ac:dyDescent="0.45">
      <c r="A2787" s="6">
        <f>'申請書（複数入力用）'!A2789</f>
        <v>2783</v>
      </c>
      <c r="B2787" s="13">
        <f>'申請書（複数入力用）'!AH2789</f>
        <v>0</v>
      </c>
      <c r="C2787" s="6">
        <f>'申請書（複数入力用）'!B2789</f>
        <v>0</v>
      </c>
      <c r="D2787" s="6">
        <f>'申請書（複数入力用）'!D2789</f>
        <v>0</v>
      </c>
      <c r="E2787" s="14">
        <f>'申請書（複数入力用）'!H2789</f>
        <v>0</v>
      </c>
      <c r="F2787" s="11" t="str">
        <f>'申請書（複数入力用）'!J2789</f>
        <v/>
      </c>
      <c r="G2787" s="6" t="str">
        <f>'申請書（複数入力用）'!K2789</f>
        <v>a052r000000jS9ZAAU</v>
      </c>
      <c r="H2787" s="12" t="e">
        <f>'申請書（複数入力用）'!N2789</f>
        <v>#N/A</v>
      </c>
      <c r="I2787" s="12" t="e">
        <f>'申請書（複数入力用）'!O2789</f>
        <v>#N/A</v>
      </c>
      <c r="J2787" s="12">
        <f>'申請書（複数入力用）'!P2789</f>
        <v>1</v>
      </c>
    </row>
    <row r="2788" spans="1:10" ht="51.6" customHeight="1" x14ac:dyDescent="0.45">
      <c r="A2788" s="6">
        <f>'申請書（複数入力用）'!A2790</f>
        <v>2784</v>
      </c>
      <c r="B2788" s="13">
        <f>'申請書（複数入力用）'!AH2790</f>
        <v>0</v>
      </c>
      <c r="C2788" s="6">
        <f>'申請書（複数入力用）'!B2790</f>
        <v>0</v>
      </c>
      <c r="D2788" s="6">
        <f>'申請書（複数入力用）'!D2790</f>
        <v>0</v>
      </c>
      <c r="E2788" s="14">
        <f>'申請書（複数入力用）'!H2790</f>
        <v>0</v>
      </c>
      <c r="F2788" s="11" t="str">
        <f>'申請書（複数入力用）'!J2790</f>
        <v/>
      </c>
      <c r="G2788" s="6" t="str">
        <f>'申請書（複数入力用）'!K2790</f>
        <v>a052r000000jS9ZAAU</v>
      </c>
      <c r="H2788" s="12" t="e">
        <f>'申請書（複数入力用）'!N2790</f>
        <v>#N/A</v>
      </c>
      <c r="I2788" s="12" t="e">
        <f>'申請書（複数入力用）'!O2790</f>
        <v>#N/A</v>
      </c>
      <c r="J2788" s="12">
        <f>'申請書（複数入力用）'!P2790</f>
        <v>1</v>
      </c>
    </row>
    <row r="2789" spans="1:10" ht="51.6" customHeight="1" x14ac:dyDescent="0.45">
      <c r="A2789" s="6">
        <f>'申請書（複数入力用）'!A2791</f>
        <v>2785</v>
      </c>
      <c r="B2789" s="13">
        <f>'申請書（複数入力用）'!AH2791</f>
        <v>0</v>
      </c>
      <c r="C2789" s="6">
        <f>'申請書（複数入力用）'!B2791</f>
        <v>0</v>
      </c>
      <c r="D2789" s="6">
        <f>'申請書（複数入力用）'!D2791</f>
        <v>0</v>
      </c>
      <c r="E2789" s="14">
        <f>'申請書（複数入力用）'!H2791</f>
        <v>0</v>
      </c>
      <c r="F2789" s="11" t="str">
        <f>'申請書（複数入力用）'!J2791</f>
        <v/>
      </c>
      <c r="G2789" s="6" t="str">
        <f>'申請書（複数入力用）'!K2791</f>
        <v>a052r000000jS9ZAAU</v>
      </c>
      <c r="H2789" s="12" t="e">
        <f>'申請書（複数入力用）'!N2791</f>
        <v>#N/A</v>
      </c>
      <c r="I2789" s="12" t="e">
        <f>'申請書（複数入力用）'!O2791</f>
        <v>#N/A</v>
      </c>
      <c r="J2789" s="12">
        <f>'申請書（複数入力用）'!P2791</f>
        <v>1</v>
      </c>
    </row>
    <row r="2790" spans="1:10" ht="51.6" customHeight="1" x14ac:dyDescent="0.45">
      <c r="A2790" s="6">
        <f>'申請書（複数入力用）'!A2792</f>
        <v>2786</v>
      </c>
      <c r="B2790" s="13">
        <f>'申請書（複数入力用）'!AH2792</f>
        <v>0</v>
      </c>
      <c r="C2790" s="6">
        <f>'申請書（複数入力用）'!B2792</f>
        <v>0</v>
      </c>
      <c r="D2790" s="6">
        <f>'申請書（複数入力用）'!D2792</f>
        <v>0</v>
      </c>
      <c r="E2790" s="14">
        <f>'申請書（複数入力用）'!H2792</f>
        <v>0</v>
      </c>
      <c r="F2790" s="11" t="str">
        <f>'申請書（複数入力用）'!J2792</f>
        <v/>
      </c>
      <c r="G2790" s="6" t="str">
        <f>'申請書（複数入力用）'!K2792</f>
        <v>a052r000000jS9ZAAU</v>
      </c>
      <c r="H2790" s="12" t="e">
        <f>'申請書（複数入力用）'!N2792</f>
        <v>#N/A</v>
      </c>
      <c r="I2790" s="12" t="e">
        <f>'申請書（複数入力用）'!O2792</f>
        <v>#N/A</v>
      </c>
      <c r="J2790" s="12">
        <f>'申請書（複数入力用）'!P2792</f>
        <v>1</v>
      </c>
    </row>
    <row r="2791" spans="1:10" ht="51.6" customHeight="1" x14ac:dyDescent="0.45">
      <c r="A2791" s="6">
        <f>'申請書（複数入力用）'!A2793</f>
        <v>2787</v>
      </c>
      <c r="B2791" s="13">
        <f>'申請書（複数入力用）'!AH2793</f>
        <v>0</v>
      </c>
      <c r="C2791" s="6">
        <f>'申請書（複数入力用）'!B2793</f>
        <v>0</v>
      </c>
      <c r="D2791" s="6">
        <f>'申請書（複数入力用）'!D2793</f>
        <v>0</v>
      </c>
      <c r="E2791" s="14">
        <f>'申請書（複数入力用）'!H2793</f>
        <v>0</v>
      </c>
      <c r="F2791" s="11" t="str">
        <f>'申請書（複数入力用）'!J2793</f>
        <v/>
      </c>
      <c r="G2791" s="6" t="str">
        <f>'申請書（複数入力用）'!K2793</f>
        <v>a052r000000jS9ZAAU</v>
      </c>
      <c r="H2791" s="12" t="e">
        <f>'申請書（複数入力用）'!N2793</f>
        <v>#N/A</v>
      </c>
      <c r="I2791" s="12" t="e">
        <f>'申請書（複数入力用）'!O2793</f>
        <v>#N/A</v>
      </c>
      <c r="J2791" s="12">
        <f>'申請書（複数入力用）'!P2793</f>
        <v>1</v>
      </c>
    </row>
    <row r="2792" spans="1:10" ht="51.6" customHeight="1" x14ac:dyDescent="0.45">
      <c r="A2792" s="6">
        <f>'申請書（複数入力用）'!A2794</f>
        <v>2788</v>
      </c>
      <c r="B2792" s="13">
        <f>'申請書（複数入力用）'!AH2794</f>
        <v>0</v>
      </c>
      <c r="C2792" s="6">
        <f>'申請書（複数入力用）'!B2794</f>
        <v>0</v>
      </c>
      <c r="D2792" s="6">
        <f>'申請書（複数入力用）'!D2794</f>
        <v>0</v>
      </c>
      <c r="E2792" s="14">
        <f>'申請書（複数入力用）'!H2794</f>
        <v>0</v>
      </c>
      <c r="F2792" s="11" t="str">
        <f>'申請書（複数入力用）'!J2794</f>
        <v/>
      </c>
      <c r="G2792" s="6" t="str">
        <f>'申請書（複数入力用）'!K2794</f>
        <v>a052r000000jS9ZAAU</v>
      </c>
      <c r="H2792" s="12" t="e">
        <f>'申請書（複数入力用）'!N2794</f>
        <v>#N/A</v>
      </c>
      <c r="I2792" s="12" t="e">
        <f>'申請書（複数入力用）'!O2794</f>
        <v>#N/A</v>
      </c>
      <c r="J2792" s="12">
        <f>'申請書（複数入力用）'!P2794</f>
        <v>1</v>
      </c>
    </row>
    <row r="2793" spans="1:10" ht="51.6" customHeight="1" x14ac:dyDescent="0.45">
      <c r="A2793" s="6">
        <f>'申請書（複数入力用）'!A2795</f>
        <v>2789</v>
      </c>
      <c r="B2793" s="13">
        <f>'申請書（複数入力用）'!AH2795</f>
        <v>0</v>
      </c>
      <c r="C2793" s="6">
        <f>'申請書（複数入力用）'!B2795</f>
        <v>0</v>
      </c>
      <c r="D2793" s="6">
        <f>'申請書（複数入力用）'!D2795</f>
        <v>0</v>
      </c>
      <c r="E2793" s="14">
        <f>'申請書（複数入力用）'!H2795</f>
        <v>0</v>
      </c>
      <c r="F2793" s="11" t="str">
        <f>'申請書（複数入力用）'!J2795</f>
        <v/>
      </c>
      <c r="G2793" s="6" t="str">
        <f>'申請書（複数入力用）'!K2795</f>
        <v>a052r000000jS9ZAAU</v>
      </c>
      <c r="H2793" s="12" t="e">
        <f>'申請書（複数入力用）'!N2795</f>
        <v>#N/A</v>
      </c>
      <c r="I2793" s="12" t="e">
        <f>'申請書（複数入力用）'!O2795</f>
        <v>#N/A</v>
      </c>
      <c r="J2793" s="12">
        <f>'申請書（複数入力用）'!P2795</f>
        <v>1</v>
      </c>
    </row>
    <row r="2794" spans="1:10" ht="51.6" customHeight="1" x14ac:dyDescent="0.45">
      <c r="A2794" s="6">
        <f>'申請書（複数入力用）'!A2796</f>
        <v>2790</v>
      </c>
      <c r="B2794" s="13">
        <f>'申請書（複数入力用）'!AH2796</f>
        <v>0</v>
      </c>
      <c r="C2794" s="6">
        <f>'申請書（複数入力用）'!B2796</f>
        <v>0</v>
      </c>
      <c r="D2794" s="6">
        <f>'申請書（複数入力用）'!D2796</f>
        <v>0</v>
      </c>
      <c r="E2794" s="14">
        <f>'申請書（複数入力用）'!H2796</f>
        <v>0</v>
      </c>
      <c r="F2794" s="11" t="str">
        <f>'申請書（複数入力用）'!J2796</f>
        <v/>
      </c>
      <c r="G2794" s="6" t="str">
        <f>'申請書（複数入力用）'!K2796</f>
        <v>a052r000000jS9ZAAU</v>
      </c>
      <c r="H2794" s="12" t="e">
        <f>'申請書（複数入力用）'!N2796</f>
        <v>#N/A</v>
      </c>
      <c r="I2794" s="12" t="e">
        <f>'申請書（複数入力用）'!O2796</f>
        <v>#N/A</v>
      </c>
      <c r="J2794" s="12">
        <f>'申請書（複数入力用）'!P2796</f>
        <v>1</v>
      </c>
    </row>
    <row r="2795" spans="1:10" ht="51.6" customHeight="1" x14ac:dyDescent="0.45">
      <c r="A2795" s="6">
        <f>'申請書（複数入力用）'!A2797</f>
        <v>2791</v>
      </c>
      <c r="B2795" s="13">
        <f>'申請書（複数入力用）'!AH2797</f>
        <v>0</v>
      </c>
      <c r="C2795" s="6">
        <f>'申請書（複数入力用）'!B2797</f>
        <v>0</v>
      </c>
      <c r="D2795" s="6">
        <f>'申請書（複数入力用）'!D2797</f>
        <v>0</v>
      </c>
      <c r="E2795" s="14">
        <f>'申請書（複数入力用）'!H2797</f>
        <v>0</v>
      </c>
      <c r="F2795" s="11" t="str">
        <f>'申請書（複数入力用）'!J2797</f>
        <v/>
      </c>
      <c r="G2795" s="6" t="str">
        <f>'申請書（複数入力用）'!K2797</f>
        <v>a052r000000jS9ZAAU</v>
      </c>
      <c r="H2795" s="12" t="e">
        <f>'申請書（複数入力用）'!N2797</f>
        <v>#N/A</v>
      </c>
      <c r="I2795" s="12" t="e">
        <f>'申請書（複数入力用）'!O2797</f>
        <v>#N/A</v>
      </c>
      <c r="J2795" s="12">
        <f>'申請書（複数入力用）'!P2797</f>
        <v>1</v>
      </c>
    </row>
    <row r="2796" spans="1:10" ht="51.6" customHeight="1" x14ac:dyDescent="0.45">
      <c r="A2796" s="6">
        <f>'申請書（複数入力用）'!A2798</f>
        <v>2792</v>
      </c>
      <c r="B2796" s="13">
        <f>'申請書（複数入力用）'!AH2798</f>
        <v>0</v>
      </c>
      <c r="C2796" s="6">
        <f>'申請書（複数入力用）'!B2798</f>
        <v>0</v>
      </c>
      <c r="D2796" s="6">
        <f>'申請書（複数入力用）'!D2798</f>
        <v>0</v>
      </c>
      <c r="E2796" s="14">
        <f>'申請書（複数入力用）'!H2798</f>
        <v>0</v>
      </c>
      <c r="F2796" s="11" t="str">
        <f>'申請書（複数入力用）'!J2798</f>
        <v/>
      </c>
      <c r="G2796" s="6" t="str">
        <f>'申請書（複数入力用）'!K2798</f>
        <v>a052r000000jS9ZAAU</v>
      </c>
      <c r="H2796" s="12" t="e">
        <f>'申請書（複数入力用）'!N2798</f>
        <v>#N/A</v>
      </c>
      <c r="I2796" s="12" t="e">
        <f>'申請書（複数入力用）'!O2798</f>
        <v>#N/A</v>
      </c>
      <c r="J2796" s="12">
        <f>'申請書（複数入力用）'!P2798</f>
        <v>1</v>
      </c>
    </row>
    <row r="2797" spans="1:10" ht="51.6" customHeight="1" x14ac:dyDescent="0.45">
      <c r="A2797" s="6">
        <f>'申請書（複数入力用）'!A2799</f>
        <v>2793</v>
      </c>
      <c r="B2797" s="13">
        <f>'申請書（複数入力用）'!AH2799</f>
        <v>0</v>
      </c>
      <c r="C2797" s="6">
        <f>'申請書（複数入力用）'!B2799</f>
        <v>0</v>
      </c>
      <c r="D2797" s="6">
        <f>'申請書（複数入力用）'!D2799</f>
        <v>0</v>
      </c>
      <c r="E2797" s="14">
        <f>'申請書（複数入力用）'!H2799</f>
        <v>0</v>
      </c>
      <c r="F2797" s="11" t="str">
        <f>'申請書（複数入力用）'!J2799</f>
        <v/>
      </c>
      <c r="G2797" s="6" t="str">
        <f>'申請書（複数入力用）'!K2799</f>
        <v>a052r000000jS9ZAAU</v>
      </c>
      <c r="H2797" s="12" t="e">
        <f>'申請書（複数入力用）'!N2799</f>
        <v>#N/A</v>
      </c>
      <c r="I2797" s="12" t="e">
        <f>'申請書（複数入力用）'!O2799</f>
        <v>#N/A</v>
      </c>
      <c r="J2797" s="12">
        <f>'申請書（複数入力用）'!P2799</f>
        <v>1</v>
      </c>
    </row>
    <row r="2798" spans="1:10" ht="51.6" customHeight="1" x14ac:dyDescent="0.45">
      <c r="A2798" s="6">
        <f>'申請書（複数入力用）'!A2800</f>
        <v>2794</v>
      </c>
      <c r="B2798" s="13">
        <f>'申請書（複数入力用）'!AH2800</f>
        <v>0</v>
      </c>
      <c r="C2798" s="6">
        <f>'申請書（複数入力用）'!B2800</f>
        <v>0</v>
      </c>
      <c r="D2798" s="6">
        <f>'申請書（複数入力用）'!D2800</f>
        <v>0</v>
      </c>
      <c r="E2798" s="14">
        <f>'申請書（複数入力用）'!H2800</f>
        <v>0</v>
      </c>
      <c r="F2798" s="11" t="str">
        <f>'申請書（複数入力用）'!J2800</f>
        <v/>
      </c>
      <c r="G2798" s="6" t="str">
        <f>'申請書（複数入力用）'!K2800</f>
        <v>a052r000000jS9ZAAU</v>
      </c>
      <c r="H2798" s="12" t="e">
        <f>'申請書（複数入力用）'!N2800</f>
        <v>#N/A</v>
      </c>
      <c r="I2798" s="12" t="e">
        <f>'申請書（複数入力用）'!O2800</f>
        <v>#N/A</v>
      </c>
      <c r="J2798" s="12">
        <f>'申請書（複数入力用）'!P2800</f>
        <v>1</v>
      </c>
    </row>
    <row r="2799" spans="1:10" ht="51.6" customHeight="1" x14ac:dyDescent="0.45">
      <c r="A2799" s="6">
        <f>'申請書（複数入力用）'!A2801</f>
        <v>2795</v>
      </c>
      <c r="B2799" s="13">
        <f>'申請書（複数入力用）'!AH2801</f>
        <v>0</v>
      </c>
      <c r="C2799" s="6">
        <f>'申請書（複数入力用）'!B2801</f>
        <v>0</v>
      </c>
      <c r="D2799" s="6">
        <f>'申請書（複数入力用）'!D2801</f>
        <v>0</v>
      </c>
      <c r="E2799" s="14">
        <f>'申請書（複数入力用）'!H2801</f>
        <v>0</v>
      </c>
      <c r="F2799" s="11" t="str">
        <f>'申請書（複数入力用）'!J2801</f>
        <v/>
      </c>
      <c r="G2799" s="6" t="str">
        <f>'申請書（複数入力用）'!K2801</f>
        <v>a052r000000jS9ZAAU</v>
      </c>
      <c r="H2799" s="12" t="e">
        <f>'申請書（複数入力用）'!N2801</f>
        <v>#N/A</v>
      </c>
      <c r="I2799" s="12" t="e">
        <f>'申請書（複数入力用）'!O2801</f>
        <v>#N/A</v>
      </c>
      <c r="J2799" s="12">
        <f>'申請書（複数入力用）'!P2801</f>
        <v>1</v>
      </c>
    </row>
    <row r="2800" spans="1:10" ht="51.6" customHeight="1" x14ac:dyDescent="0.45">
      <c r="A2800" s="6">
        <f>'申請書（複数入力用）'!A2802</f>
        <v>2796</v>
      </c>
      <c r="B2800" s="13">
        <f>'申請書（複数入力用）'!AH2802</f>
        <v>0</v>
      </c>
      <c r="C2800" s="6">
        <f>'申請書（複数入力用）'!B2802</f>
        <v>0</v>
      </c>
      <c r="D2800" s="6">
        <f>'申請書（複数入力用）'!D2802</f>
        <v>0</v>
      </c>
      <c r="E2800" s="14">
        <f>'申請書（複数入力用）'!H2802</f>
        <v>0</v>
      </c>
      <c r="F2800" s="11" t="str">
        <f>'申請書（複数入力用）'!J2802</f>
        <v/>
      </c>
      <c r="G2800" s="6" t="str">
        <f>'申請書（複数入力用）'!K2802</f>
        <v>a052r000000jS9ZAAU</v>
      </c>
      <c r="H2800" s="12" t="e">
        <f>'申請書（複数入力用）'!N2802</f>
        <v>#N/A</v>
      </c>
      <c r="I2800" s="12" t="e">
        <f>'申請書（複数入力用）'!O2802</f>
        <v>#N/A</v>
      </c>
      <c r="J2800" s="12">
        <f>'申請書（複数入力用）'!P2802</f>
        <v>1</v>
      </c>
    </row>
    <row r="2801" spans="1:10" ht="51.6" customHeight="1" x14ac:dyDescent="0.45">
      <c r="A2801" s="6">
        <f>'申請書（複数入力用）'!A2803</f>
        <v>2797</v>
      </c>
      <c r="B2801" s="13">
        <f>'申請書（複数入力用）'!AH2803</f>
        <v>0</v>
      </c>
      <c r="C2801" s="6">
        <f>'申請書（複数入力用）'!B2803</f>
        <v>0</v>
      </c>
      <c r="D2801" s="6">
        <f>'申請書（複数入力用）'!D2803</f>
        <v>0</v>
      </c>
      <c r="E2801" s="14">
        <f>'申請書（複数入力用）'!H2803</f>
        <v>0</v>
      </c>
      <c r="F2801" s="11" t="str">
        <f>'申請書（複数入力用）'!J2803</f>
        <v/>
      </c>
      <c r="G2801" s="6" t="str">
        <f>'申請書（複数入力用）'!K2803</f>
        <v>a052r000000jS9ZAAU</v>
      </c>
      <c r="H2801" s="12" t="e">
        <f>'申請書（複数入力用）'!N2803</f>
        <v>#N/A</v>
      </c>
      <c r="I2801" s="12" t="e">
        <f>'申請書（複数入力用）'!O2803</f>
        <v>#N/A</v>
      </c>
      <c r="J2801" s="12">
        <f>'申請書（複数入力用）'!P2803</f>
        <v>1</v>
      </c>
    </row>
    <row r="2802" spans="1:10" ht="51.6" customHeight="1" x14ac:dyDescent="0.45">
      <c r="A2802" s="6">
        <f>'申請書（複数入力用）'!A2804</f>
        <v>2798</v>
      </c>
      <c r="B2802" s="13">
        <f>'申請書（複数入力用）'!AH2804</f>
        <v>0</v>
      </c>
      <c r="C2802" s="6">
        <f>'申請書（複数入力用）'!B2804</f>
        <v>0</v>
      </c>
      <c r="D2802" s="6">
        <f>'申請書（複数入力用）'!D2804</f>
        <v>0</v>
      </c>
      <c r="E2802" s="14">
        <f>'申請書（複数入力用）'!H2804</f>
        <v>0</v>
      </c>
      <c r="F2802" s="11" t="str">
        <f>'申請書（複数入力用）'!J2804</f>
        <v/>
      </c>
      <c r="G2802" s="6" t="str">
        <f>'申請書（複数入力用）'!K2804</f>
        <v>a052r000000jS9ZAAU</v>
      </c>
      <c r="H2802" s="12" t="e">
        <f>'申請書（複数入力用）'!N2804</f>
        <v>#N/A</v>
      </c>
      <c r="I2802" s="12" t="e">
        <f>'申請書（複数入力用）'!O2804</f>
        <v>#N/A</v>
      </c>
      <c r="J2802" s="12">
        <f>'申請書（複数入力用）'!P2804</f>
        <v>1</v>
      </c>
    </row>
    <row r="2803" spans="1:10" ht="51.6" customHeight="1" x14ac:dyDescent="0.45">
      <c r="A2803" s="6">
        <f>'申請書（複数入力用）'!A2805</f>
        <v>2799</v>
      </c>
      <c r="B2803" s="13">
        <f>'申請書（複数入力用）'!AH2805</f>
        <v>0</v>
      </c>
      <c r="C2803" s="6">
        <f>'申請書（複数入力用）'!B2805</f>
        <v>0</v>
      </c>
      <c r="D2803" s="6">
        <f>'申請書（複数入力用）'!D2805</f>
        <v>0</v>
      </c>
      <c r="E2803" s="14">
        <f>'申請書（複数入力用）'!H2805</f>
        <v>0</v>
      </c>
      <c r="F2803" s="11" t="str">
        <f>'申請書（複数入力用）'!J2805</f>
        <v/>
      </c>
      <c r="G2803" s="6" t="str">
        <f>'申請書（複数入力用）'!K2805</f>
        <v>a052r000000jS9ZAAU</v>
      </c>
      <c r="H2803" s="12" t="e">
        <f>'申請書（複数入力用）'!N2805</f>
        <v>#N/A</v>
      </c>
      <c r="I2803" s="12" t="e">
        <f>'申請書（複数入力用）'!O2805</f>
        <v>#N/A</v>
      </c>
      <c r="J2803" s="12">
        <f>'申請書（複数入力用）'!P2805</f>
        <v>1</v>
      </c>
    </row>
    <row r="2804" spans="1:10" ht="51.6" customHeight="1" x14ac:dyDescent="0.45">
      <c r="A2804" s="6">
        <f>'申請書（複数入力用）'!A2806</f>
        <v>2800</v>
      </c>
      <c r="B2804" s="13">
        <f>'申請書（複数入力用）'!AH2806</f>
        <v>0</v>
      </c>
      <c r="C2804" s="6">
        <f>'申請書（複数入力用）'!B2806</f>
        <v>0</v>
      </c>
      <c r="D2804" s="6">
        <f>'申請書（複数入力用）'!D2806</f>
        <v>0</v>
      </c>
      <c r="E2804" s="14">
        <f>'申請書（複数入力用）'!H2806</f>
        <v>0</v>
      </c>
      <c r="F2804" s="11" t="str">
        <f>'申請書（複数入力用）'!J2806</f>
        <v/>
      </c>
      <c r="G2804" s="6" t="str">
        <f>'申請書（複数入力用）'!K2806</f>
        <v>a052r000000jS9ZAAU</v>
      </c>
      <c r="H2804" s="12" t="e">
        <f>'申請書（複数入力用）'!N2806</f>
        <v>#N/A</v>
      </c>
      <c r="I2804" s="12" t="e">
        <f>'申請書（複数入力用）'!O2806</f>
        <v>#N/A</v>
      </c>
      <c r="J2804" s="12">
        <f>'申請書（複数入力用）'!P2806</f>
        <v>1</v>
      </c>
    </row>
    <row r="2805" spans="1:10" ht="51.6" customHeight="1" x14ac:dyDescent="0.45">
      <c r="A2805" s="6">
        <f>'申請書（複数入力用）'!A2807</f>
        <v>2801</v>
      </c>
      <c r="B2805" s="13">
        <f>'申請書（複数入力用）'!AH2807</f>
        <v>0</v>
      </c>
      <c r="C2805" s="6">
        <f>'申請書（複数入力用）'!B2807</f>
        <v>0</v>
      </c>
      <c r="D2805" s="6">
        <f>'申請書（複数入力用）'!D2807</f>
        <v>0</v>
      </c>
      <c r="E2805" s="14">
        <f>'申請書（複数入力用）'!H2807</f>
        <v>0</v>
      </c>
      <c r="F2805" s="11" t="str">
        <f>'申請書（複数入力用）'!J2807</f>
        <v/>
      </c>
      <c r="G2805" s="6" t="str">
        <f>'申請書（複数入力用）'!K2807</f>
        <v>a052r000000jS9ZAAU</v>
      </c>
      <c r="H2805" s="12" t="e">
        <f>'申請書（複数入力用）'!N2807</f>
        <v>#N/A</v>
      </c>
      <c r="I2805" s="12" t="e">
        <f>'申請書（複数入力用）'!O2807</f>
        <v>#N/A</v>
      </c>
      <c r="J2805" s="12">
        <f>'申請書（複数入力用）'!P2807</f>
        <v>1</v>
      </c>
    </row>
    <row r="2806" spans="1:10" ht="51.6" customHeight="1" x14ac:dyDescent="0.45">
      <c r="A2806" s="6">
        <f>'申請書（複数入力用）'!A2808</f>
        <v>2802</v>
      </c>
      <c r="B2806" s="13">
        <f>'申請書（複数入力用）'!AH2808</f>
        <v>0</v>
      </c>
      <c r="C2806" s="6">
        <f>'申請書（複数入力用）'!B2808</f>
        <v>0</v>
      </c>
      <c r="D2806" s="6">
        <f>'申請書（複数入力用）'!D2808</f>
        <v>0</v>
      </c>
      <c r="E2806" s="14">
        <f>'申請書（複数入力用）'!H2808</f>
        <v>0</v>
      </c>
      <c r="F2806" s="11" t="str">
        <f>'申請書（複数入力用）'!J2808</f>
        <v/>
      </c>
      <c r="G2806" s="6" t="str">
        <f>'申請書（複数入力用）'!K2808</f>
        <v>a052r000000jS9ZAAU</v>
      </c>
      <c r="H2806" s="12" t="e">
        <f>'申請書（複数入力用）'!N2808</f>
        <v>#N/A</v>
      </c>
      <c r="I2806" s="12" t="e">
        <f>'申請書（複数入力用）'!O2808</f>
        <v>#N/A</v>
      </c>
      <c r="J2806" s="12">
        <f>'申請書（複数入力用）'!P2808</f>
        <v>1</v>
      </c>
    </row>
    <row r="2807" spans="1:10" ht="51.6" customHeight="1" x14ac:dyDescent="0.45">
      <c r="A2807" s="6">
        <f>'申請書（複数入力用）'!A2809</f>
        <v>2803</v>
      </c>
      <c r="B2807" s="13">
        <f>'申請書（複数入力用）'!AH2809</f>
        <v>0</v>
      </c>
      <c r="C2807" s="6">
        <f>'申請書（複数入力用）'!B2809</f>
        <v>0</v>
      </c>
      <c r="D2807" s="6">
        <f>'申請書（複数入力用）'!D2809</f>
        <v>0</v>
      </c>
      <c r="E2807" s="14">
        <f>'申請書（複数入力用）'!H2809</f>
        <v>0</v>
      </c>
      <c r="F2807" s="11" t="str">
        <f>'申請書（複数入力用）'!J2809</f>
        <v/>
      </c>
      <c r="G2807" s="6" t="str">
        <f>'申請書（複数入力用）'!K2809</f>
        <v>a052r000000jS9ZAAU</v>
      </c>
      <c r="H2807" s="12" t="e">
        <f>'申請書（複数入力用）'!N2809</f>
        <v>#N/A</v>
      </c>
      <c r="I2807" s="12" t="e">
        <f>'申請書（複数入力用）'!O2809</f>
        <v>#N/A</v>
      </c>
      <c r="J2807" s="12">
        <f>'申請書（複数入力用）'!P2809</f>
        <v>1</v>
      </c>
    </row>
    <row r="2808" spans="1:10" ht="51.6" customHeight="1" x14ac:dyDescent="0.45">
      <c r="A2808" s="6">
        <f>'申請書（複数入力用）'!A2810</f>
        <v>2804</v>
      </c>
      <c r="B2808" s="13">
        <f>'申請書（複数入力用）'!AH2810</f>
        <v>0</v>
      </c>
      <c r="C2808" s="6">
        <f>'申請書（複数入力用）'!B2810</f>
        <v>0</v>
      </c>
      <c r="D2808" s="6">
        <f>'申請書（複数入力用）'!D2810</f>
        <v>0</v>
      </c>
      <c r="E2808" s="14">
        <f>'申請書（複数入力用）'!H2810</f>
        <v>0</v>
      </c>
      <c r="F2808" s="11" t="str">
        <f>'申請書（複数入力用）'!J2810</f>
        <v/>
      </c>
      <c r="G2808" s="6" t="str">
        <f>'申請書（複数入力用）'!K2810</f>
        <v>a052r000000jS9ZAAU</v>
      </c>
      <c r="H2808" s="12" t="e">
        <f>'申請書（複数入力用）'!N2810</f>
        <v>#N/A</v>
      </c>
      <c r="I2808" s="12" t="e">
        <f>'申請書（複数入力用）'!O2810</f>
        <v>#N/A</v>
      </c>
      <c r="J2808" s="12">
        <f>'申請書（複数入力用）'!P2810</f>
        <v>1</v>
      </c>
    </row>
    <row r="2809" spans="1:10" ht="51.6" customHeight="1" x14ac:dyDescent="0.45">
      <c r="A2809" s="6">
        <f>'申請書（複数入力用）'!A2811</f>
        <v>2805</v>
      </c>
      <c r="B2809" s="13">
        <f>'申請書（複数入力用）'!AH2811</f>
        <v>0</v>
      </c>
      <c r="C2809" s="6">
        <f>'申請書（複数入力用）'!B2811</f>
        <v>0</v>
      </c>
      <c r="D2809" s="6">
        <f>'申請書（複数入力用）'!D2811</f>
        <v>0</v>
      </c>
      <c r="E2809" s="14">
        <f>'申請書（複数入力用）'!H2811</f>
        <v>0</v>
      </c>
      <c r="F2809" s="11" t="str">
        <f>'申請書（複数入力用）'!J2811</f>
        <v/>
      </c>
      <c r="G2809" s="6" t="str">
        <f>'申請書（複数入力用）'!K2811</f>
        <v>a052r000000jS9ZAAU</v>
      </c>
      <c r="H2809" s="12" t="e">
        <f>'申請書（複数入力用）'!N2811</f>
        <v>#N/A</v>
      </c>
      <c r="I2809" s="12" t="e">
        <f>'申請書（複数入力用）'!O2811</f>
        <v>#N/A</v>
      </c>
      <c r="J2809" s="12">
        <f>'申請書（複数入力用）'!P2811</f>
        <v>1</v>
      </c>
    </row>
    <row r="2810" spans="1:10" ht="51.6" customHeight="1" x14ac:dyDescent="0.45">
      <c r="A2810" s="6">
        <f>'申請書（複数入力用）'!A2812</f>
        <v>2806</v>
      </c>
      <c r="B2810" s="13">
        <f>'申請書（複数入力用）'!AH2812</f>
        <v>0</v>
      </c>
      <c r="C2810" s="6">
        <f>'申請書（複数入力用）'!B2812</f>
        <v>0</v>
      </c>
      <c r="D2810" s="6">
        <f>'申請書（複数入力用）'!D2812</f>
        <v>0</v>
      </c>
      <c r="E2810" s="14">
        <f>'申請書（複数入力用）'!H2812</f>
        <v>0</v>
      </c>
      <c r="F2810" s="11" t="str">
        <f>'申請書（複数入力用）'!J2812</f>
        <v/>
      </c>
      <c r="G2810" s="6" t="str">
        <f>'申請書（複数入力用）'!K2812</f>
        <v>a052r000000jS9ZAAU</v>
      </c>
      <c r="H2810" s="12" t="e">
        <f>'申請書（複数入力用）'!N2812</f>
        <v>#N/A</v>
      </c>
      <c r="I2810" s="12" t="e">
        <f>'申請書（複数入力用）'!O2812</f>
        <v>#N/A</v>
      </c>
      <c r="J2810" s="12">
        <f>'申請書（複数入力用）'!P2812</f>
        <v>1</v>
      </c>
    </row>
    <row r="2811" spans="1:10" ht="51.6" customHeight="1" x14ac:dyDescent="0.45">
      <c r="A2811" s="6">
        <f>'申請書（複数入力用）'!A2813</f>
        <v>2807</v>
      </c>
      <c r="B2811" s="13">
        <f>'申請書（複数入力用）'!AH2813</f>
        <v>0</v>
      </c>
      <c r="C2811" s="6">
        <f>'申請書（複数入力用）'!B2813</f>
        <v>0</v>
      </c>
      <c r="D2811" s="6">
        <f>'申請書（複数入力用）'!D2813</f>
        <v>0</v>
      </c>
      <c r="E2811" s="14">
        <f>'申請書（複数入力用）'!H2813</f>
        <v>0</v>
      </c>
      <c r="F2811" s="11" t="str">
        <f>'申請書（複数入力用）'!J2813</f>
        <v/>
      </c>
      <c r="G2811" s="6" t="str">
        <f>'申請書（複数入力用）'!K2813</f>
        <v>a052r000000jS9ZAAU</v>
      </c>
      <c r="H2811" s="12" t="e">
        <f>'申請書（複数入力用）'!N2813</f>
        <v>#N/A</v>
      </c>
      <c r="I2811" s="12" t="e">
        <f>'申請書（複数入力用）'!O2813</f>
        <v>#N/A</v>
      </c>
      <c r="J2811" s="12">
        <f>'申請書（複数入力用）'!P2813</f>
        <v>1</v>
      </c>
    </row>
    <row r="2812" spans="1:10" ht="51.6" customHeight="1" x14ac:dyDescent="0.45">
      <c r="A2812" s="6">
        <f>'申請書（複数入力用）'!A2814</f>
        <v>2808</v>
      </c>
      <c r="B2812" s="13">
        <f>'申請書（複数入力用）'!AH2814</f>
        <v>0</v>
      </c>
      <c r="C2812" s="6">
        <f>'申請書（複数入力用）'!B2814</f>
        <v>0</v>
      </c>
      <c r="D2812" s="6">
        <f>'申請書（複数入力用）'!D2814</f>
        <v>0</v>
      </c>
      <c r="E2812" s="14">
        <f>'申請書（複数入力用）'!H2814</f>
        <v>0</v>
      </c>
      <c r="F2812" s="11" t="str">
        <f>'申請書（複数入力用）'!J2814</f>
        <v/>
      </c>
      <c r="G2812" s="6" t="str">
        <f>'申請書（複数入力用）'!K2814</f>
        <v>a052r000000jS9ZAAU</v>
      </c>
      <c r="H2812" s="12" t="e">
        <f>'申請書（複数入力用）'!N2814</f>
        <v>#N/A</v>
      </c>
      <c r="I2812" s="12" t="e">
        <f>'申請書（複数入力用）'!O2814</f>
        <v>#N/A</v>
      </c>
      <c r="J2812" s="12">
        <f>'申請書（複数入力用）'!P2814</f>
        <v>1</v>
      </c>
    </row>
    <row r="2813" spans="1:10" ht="51.6" customHeight="1" x14ac:dyDescent="0.45">
      <c r="A2813" s="6">
        <f>'申請書（複数入力用）'!A2815</f>
        <v>2809</v>
      </c>
      <c r="B2813" s="13">
        <f>'申請書（複数入力用）'!AH2815</f>
        <v>0</v>
      </c>
      <c r="C2813" s="6">
        <f>'申請書（複数入力用）'!B2815</f>
        <v>0</v>
      </c>
      <c r="D2813" s="6">
        <f>'申請書（複数入力用）'!D2815</f>
        <v>0</v>
      </c>
      <c r="E2813" s="14">
        <f>'申請書（複数入力用）'!H2815</f>
        <v>0</v>
      </c>
      <c r="F2813" s="11" t="str">
        <f>'申請書（複数入力用）'!J2815</f>
        <v/>
      </c>
      <c r="G2813" s="6" t="str">
        <f>'申請書（複数入力用）'!K2815</f>
        <v>a052r000000jS9ZAAU</v>
      </c>
      <c r="H2813" s="12" t="e">
        <f>'申請書（複数入力用）'!N2815</f>
        <v>#N/A</v>
      </c>
      <c r="I2813" s="12" t="e">
        <f>'申請書（複数入力用）'!O2815</f>
        <v>#N/A</v>
      </c>
      <c r="J2813" s="12">
        <f>'申請書（複数入力用）'!P2815</f>
        <v>1</v>
      </c>
    </row>
    <row r="2814" spans="1:10" ht="51.6" customHeight="1" x14ac:dyDescent="0.45">
      <c r="A2814" s="6">
        <f>'申請書（複数入力用）'!A2816</f>
        <v>2810</v>
      </c>
      <c r="B2814" s="13">
        <f>'申請書（複数入力用）'!AH2816</f>
        <v>0</v>
      </c>
      <c r="C2814" s="6">
        <f>'申請書（複数入力用）'!B2816</f>
        <v>0</v>
      </c>
      <c r="D2814" s="6">
        <f>'申請書（複数入力用）'!D2816</f>
        <v>0</v>
      </c>
      <c r="E2814" s="14">
        <f>'申請書（複数入力用）'!H2816</f>
        <v>0</v>
      </c>
      <c r="F2814" s="11" t="str">
        <f>'申請書（複数入力用）'!J2816</f>
        <v/>
      </c>
      <c r="G2814" s="6" t="str">
        <f>'申請書（複数入力用）'!K2816</f>
        <v>a052r000000jS9ZAAU</v>
      </c>
      <c r="H2814" s="12" t="e">
        <f>'申請書（複数入力用）'!N2816</f>
        <v>#N/A</v>
      </c>
      <c r="I2814" s="12" t="e">
        <f>'申請書（複数入力用）'!O2816</f>
        <v>#N/A</v>
      </c>
      <c r="J2814" s="12">
        <f>'申請書（複数入力用）'!P2816</f>
        <v>1</v>
      </c>
    </row>
    <row r="2815" spans="1:10" ht="51.6" customHeight="1" x14ac:dyDescent="0.45">
      <c r="A2815" s="6">
        <f>'申請書（複数入力用）'!A2817</f>
        <v>2811</v>
      </c>
      <c r="B2815" s="13">
        <f>'申請書（複数入力用）'!AH2817</f>
        <v>0</v>
      </c>
      <c r="C2815" s="6">
        <f>'申請書（複数入力用）'!B2817</f>
        <v>0</v>
      </c>
      <c r="D2815" s="6">
        <f>'申請書（複数入力用）'!D2817</f>
        <v>0</v>
      </c>
      <c r="E2815" s="14">
        <f>'申請書（複数入力用）'!H2817</f>
        <v>0</v>
      </c>
      <c r="F2815" s="11" t="str">
        <f>'申請書（複数入力用）'!J2817</f>
        <v/>
      </c>
      <c r="G2815" s="6" t="str">
        <f>'申請書（複数入力用）'!K2817</f>
        <v>a052r000000jS9ZAAU</v>
      </c>
      <c r="H2815" s="12" t="e">
        <f>'申請書（複数入力用）'!N2817</f>
        <v>#N/A</v>
      </c>
      <c r="I2815" s="12" t="e">
        <f>'申請書（複数入力用）'!O2817</f>
        <v>#N/A</v>
      </c>
      <c r="J2815" s="12">
        <f>'申請書（複数入力用）'!P2817</f>
        <v>1</v>
      </c>
    </row>
    <row r="2816" spans="1:10" ht="51.6" customHeight="1" x14ac:dyDescent="0.45">
      <c r="A2816" s="6">
        <f>'申請書（複数入力用）'!A2818</f>
        <v>2812</v>
      </c>
      <c r="B2816" s="13">
        <f>'申請書（複数入力用）'!AH2818</f>
        <v>0</v>
      </c>
      <c r="C2816" s="6">
        <f>'申請書（複数入力用）'!B2818</f>
        <v>0</v>
      </c>
      <c r="D2816" s="6">
        <f>'申請書（複数入力用）'!D2818</f>
        <v>0</v>
      </c>
      <c r="E2816" s="14">
        <f>'申請書（複数入力用）'!H2818</f>
        <v>0</v>
      </c>
      <c r="F2816" s="11" t="str">
        <f>'申請書（複数入力用）'!J2818</f>
        <v/>
      </c>
      <c r="G2816" s="6" t="str">
        <f>'申請書（複数入力用）'!K2818</f>
        <v>a052r000000jS9ZAAU</v>
      </c>
      <c r="H2816" s="12" t="e">
        <f>'申請書（複数入力用）'!N2818</f>
        <v>#N/A</v>
      </c>
      <c r="I2816" s="12" t="e">
        <f>'申請書（複数入力用）'!O2818</f>
        <v>#N/A</v>
      </c>
      <c r="J2816" s="12">
        <f>'申請書（複数入力用）'!P2818</f>
        <v>1</v>
      </c>
    </row>
    <row r="2817" spans="1:10" ht="51.6" customHeight="1" x14ac:dyDescent="0.45">
      <c r="A2817" s="6">
        <f>'申請書（複数入力用）'!A2819</f>
        <v>2813</v>
      </c>
      <c r="B2817" s="13">
        <f>'申請書（複数入力用）'!AH2819</f>
        <v>0</v>
      </c>
      <c r="C2817" s="6">
        <f>'申請書（複数入力用）'!B2819</f>
        <v>0</v>
      </c>
      <c r="D2817" s="6">
        <f>'申請書（複数入力用）'!D2819</f>
        <v>0</v>
      </c>
      <c r="E2817" s="14">
        <f>'申請書（複数入力用）'!H2819</f>
        <v>0</v>
      </c>
      <c r="F2817" s="11" t="str">
        <f>'申請書（複数入力用）'!J2819</f>
        <v/>
      </c>
      <c r="G2817" s="6" t="str">
        <f>'申請書（複数入力用）'!K2819</f>
        <v>a052r000000jS9ZAAU</v>
      </c>
      <c r="H2817" s="12" t="e">
        <f>'申請書（複数入力用）'!N2819</f>
        <v>#N/A</v>
      </c>
      <c r="I2817" s="12" t="e">
        <f>'申請書（複数入力用）'!O2819</f>
        <v>#N/A</v>
      </c>
      <c r="J2817" s="12">
        <f>'申請書（複数入力用）'!P2819</f>
        <v>1</v>
      </c>
    </row>
    <row r="2818" spans="1:10" ht="51.6" customHeight="1" x14ac:dyDescent="0.45">
      <c r="A2818" s="6">
        <f>'申請書（複数入力用）'!A2820</f>
        <v>2814</v>
      </c>
      <c r="B2818" s="13">
        <f>'申請書（複数入力用）'!AH2820</f>
        <v>0</v>
      </c>
      <c r="C2818" s="6">
        <f>'申請書（複数入力用）'!B2820</f>
        <v>0</v>
      </c>
      <c r="D2818" s="6">
        <f>'申請書（複数入力用）'!D2820</f>
        <v>0</v>
      </c>
      <c r="E2818" s="14">
        <f>'申請書（複数入力用）'!H2820</f>
        <v>0</v>
      </c>
      <c r="F2818" s="11" t="str">
        <f>'申請書（複数入力用）'!J2820</f>
        <v/>
      </c>
      <c r="G2818" s="6" t="str">
        <f>'申請書（複数入力用）'!K2820</f>
        <v>a052r000000jS9ZAAU</v>
      </c>
      <c r="H2818" s="12" t="e">
        <f>'申請書（複数入力用）'!N2820</f>
        <v>#N/A</v>
      </c>
      <c r="I2818" s="12" t="e">
        <f>'申請書（複数入力用）'!O2820</f>
        <v>#N/A</v>
      </c>
      <c r="J2818" s="12">
        <f>'申請書（複数入力用）'!P2820</f>
        <v>1</v>
      </c>
    </row>
    <row r="2819" spans="1:10" ht="51.6" customHeight="1" x14ac:dyDescent="0.45">
      <c r="A2819" s="6">
        <f>'申請書（複数入力用）'!A2821</f>
        <v>2815</v>
      </c>
      <c r="B2819" s="13">
        <f>'申請書（複数入力用）'!AH2821</f>
        <v>0</v>
      </c>
      <c r="C2819" s="6">
        <f>'申請書（複数入力用）'!B2821</f>
        <v>0</v>
      </c>
      <c r="D2819" s="6">
        <f>'申請書（複数入力用）'!D2821</f>
        <v>0</v>
      </c>
      <c r="E2819" s="14">
        <f>'申請書（複数入力用）'!H2821</f>
        <v>0</v>
      </c>
      <c r="F2819" s="11" t="str">
        <f>'申請書（複数入力用）'!J2821</f>
        <v/>
      </c>
      <c r="G2819" s="6" t="str">
        <f>'申請書（複数入力用）'!K2821</f>
        <v>a052r000000jS9ZAAU</v>
      </c>
      <c r="H2819" s="12" t="e">
        <f>'申請書（複数入力用）'!N2821</f>
        <v>#N/A</v>
      </c>
      <c r="I2819" s="12" t="e">
        <f>'申請書（複数入力用）'!O2821</f>
        <v>#N/A</v>
      </c>
      <c r="J2819" s="12">
        <f>'申請書（複数入力用）'!P2821</f>
        <v>1</v>
      </c>
    </row>
    <row r="2820" spans="1:10" ht="51.6" customHeight="1" x14ac:dyDescent="0.45">
      <c r="A2820" s="6">
        <f>'申請書（複数入力用）'!A2822</f>
        <v>2816</v>
      </c>
      <c r="B2820" s="13">
        <f>'申請書（複数入力用）'!AH2822</f>
        <v>0</v>
      </c>
      <c r="C2820" s="6">
        <f>'申請書（複数入力用）'!B2822</f>
        <v>0</v>
      </c>
      <c r="D2820" s="6">
        <f>'申請書（複数入力用）'!D2822</f>
        <v>0</v>
      </c>
      <c r="E2820" s="14">
        <f>'申請書（複数入力用）'!H2822</f>
        <v>0</v>
      </c>
      <c r="F2820" s="11" t="str">
        <f>'申請書（複数入力用）'!J2822</f>
        <v/>
      </c>
      <c r="G2820" s="6" t="str">
        <f>'申請書（複数入力用）'!K2822</f>
        <v>a052r000000jS9ZAAU</v>
      </c>
      <c r="H2820" s="12" t="e">
        <f>'申請書（複数入力用）'!N2822</f>
        <v>#N/A</v>
      </c>
      <c r="I2820" s="12" t="e">
        <f>'申請書（複数入力用）'!O2822</f>
        <v>#N/A</v>
      </c>
      <c r="J2820" s="12">
        <f>'申請書（複数入力用）'!P2822</f>
        <v>1</v>
      </c>
    </row>
    <row r="2821" spans="1:10" ht="51.6" customHeight="1" x14ac:dyDescent="0.45">
      <c r="A2821" s="6">
        <f>'申請書（複数入力用）'!A2823</f>
        <v>2817</v>
      </c>
      <c r="B2821" s="13">
        <f>'申請書（複数入力用）'!AH2823</f>
        <v>0</v>
      </c>
      <c r="C2821" s="6">
        <f>'申請書（複数入力用）'!B2823</f>
        <v>0</v>
      </c>
      <c r="D2821" s="6">
        <f>'申請書（複数入力用）'!D2823</f>
        <v>0</v>
      </c>
      <c r="E2821" s="14">
        <f>'申請書（複数入力用）'!H2823</f>
        <v>0</v>
      </c>
      <c r="F2821" s="11" t="str">
        <f>'申請書（複数入力用）'!J2823</f>
        <v/>
      </c>
      <c r="G2821" s="6" t="str">
        <f>'申請書（複数入力用）'!K2823</f>
        <v>a052r000000jS9ZAAU</v>
      </c>
      <c r="H2821" s="12" t="e">
        <f>'申請書（複数入力用）'!N2823</f>
        <v>#N/A</v>
      </c>
      <c r="I2821" s="12" t="e">
        <f>'申請書（複数入力用）'!O2823</f>
        <v>#N/A</v>
      </c>
      <c r="J2821" s="12">
        <f>'申請書（複数入力用）'!P2823</f>
        <v>1</v>
      </c>
    </row>
    <row r="2822" spans="1:10" ht="51.6" customHeight="1" x14ac:dyDescent="0.45">
      <c r="A2822" s="6">
        <f>'申請書（複数入力用）'!A2824</f>
        <v>2818</v>
      </c>
      <c r="B2822" s="13">
        <f>'申請書（複数入力用）'!AH2824</f>
        <v>0</v>
      </c>
      <c r="C2822" s="6">
        <f>'申請書（複数入力用）'!B2824</f>
        <v>0</v>
      </c>
      <c r="D2822" s="6">
        <f>'申請書（複数入力用）'!D2824</f>
        <v>0</v>
      </c>
      <c r="E2822" s="14">
        <f>'申請書（複数入力用）'!H2824</f>
        <v>0</v>
      </c>
      <c r="F2822" s="11" t="str">
        <f>'申請書（複数入力用）'!J2824</f>
        <v/>
      </c>
      <c r="G2822" s="6" t="str">
        <f>'申請書（複数入力用）'!K2824</f>
        <v>a052r000000jS9ZAAU</v>
      </c>
      <c r="H2822" s="12" t="e">
        <f>'申請書（複数入力用）'!N2824</f>
        <v>#N/A</v>
      </c>
      <c r="I2822" s="12" t="e">
        <f>'申請書（複数入力用）'!O2824</f>
        <v>#N/A</v>
      </c>
      <c r="J2822" s="12">
        <f>'申請書（複数入力用）'!P2824</f>
        <v>1</v>
      </c>
    </row>
    <row r="2823" spans="1:10" ht="51.6" customHeight="1" x14ac:dyDescent="0.45">
      <c r="A2823" s="6">
        <f>'申請書（複数入力用）'!A2825</f>
        <v>2819</v>
      </c>
      <c r="B2823" s="13">
        <f>'申請書（複数入力用）'!AH2825</f>
        <v>0</v>
      </c>
      <c r="C2823" s="6">
        <f>'申請書（複数入力用）'!B2825</f>
        <v>0</v>
      </c>
      <c r="D2823" s="6">
        <f>'申請書（複数入力用）'!D2825</f>
        <v>0</v>
      </c>
      <c r="E2823" s="14">
        <f>'申請書（複数入力用）'!H2825</f>
        <v>0</v>
      </c>
      <c r="F2823" s="11" t="str">
        <f>'申請書（複数入力用）'!J2825</f>
        <v/>
      </c>
      <c r="G2823" s="6" t="str">
        <f>'申請書（複数入力用）'!K2825</f>
        <v>a052r000000jS9ZAAU</v>
      </c>
      <c r="H2823" s="12" t="e">
        <f>'申請書（複数入力用）'!N2825</f>
        <v>#N/A</v>
      </c>
      <c r="I2823" s="12" t="e">
        <f>'申請書（複数入力用）'!O2825</f>
        <v>#N/A</v>
      </c>
      <c r="J2823" s="12">
        <f>'申請書（複数入力用）'!P2825</f>
        <v>1</v>
      </c>
    </row>
    <row r="2824" spans="1:10" ht="51.6" customHeight="1" x14ac:dyDescent="0.45">
      <c r="A2824" s="6">
        <f>'申請書（複数入力用）'!A2826</f>
        <v>2820</v>
      </c>
      <c r="B2824" s="13">
        <f>'申請書（複数入力用）'!AH2826</f>
        <v>0</v>
      </c>
      <c r="C2824" s="6">
        <f>'申請書（複数入力用）'!B2826</f>
        <v>0</v>
      </c>
      <c r="D2824" s="6">
        <f>'申請書（複数入力用）'!D2826</f>
        <v>0</v>
      </c>
      <c r="E2824" s="14">
        <f>'申請書（複数入力用）'!H2826</f>
        <v>0</v>
      </c>
      <c r="F2824" s="11" t="str">
        <f>'申請書（複数入力用）'!J2826</f>
        <v/>
      </c>
      <c r="G2824" s="6" t="str">
        <f>'申請書（複数入力用）'!K2826</f>
        <v>a052r000000jS9ZAAU</v>
      </c>
      <c r="H2824" s="12" t="e">
        <f>'申請書（複数入力用）'!N2826</f>
        <v>#N/A</v>
      </c>
      <c r="I2824" s="12" t="e">
        <f>'申請書（複数入力用）'!O2826</f>
        <v>#N/A</v>
      </c>
      <c r="J2824" s="12">
        <f>'申請書（複数入力用）'!P2826</f>
        <v>1</v>
      </c>
    </row>
    <row r="2825" spans="1:10" ht="51.6" customHeight="1" x14ac:dyDescent="0.45">
      <c r="A2825" s="6">
        <f>'申請書（複数入力用）'!A2827</f>
        <v>2821</v>
      </c>
      <c r="B2825" s="13">
        <f>'申請書（複数入力用）'!AH2827</f>
        <v>0</v>
      </c>
      <c r="C2825" s="6">
        <f>'申請書（複数入力用）'!B2827</f>
        <v>0</v>
      </c>
      <c r="D2825" s="6">
        <f>'申請書（複数入力用）'!D2827</f>
        <v>0</v>
      </c>
      <c r="E2825" s="14">
        <f>'申請書（複数入力用）'!H2827</f>
        <v>0</v>
      </c>
      <c r="F2825" s="11" t="str">
        <f>'申請書（複数入力用）'!J2827</f>
        <v/>
      </c>
      <c r="G2825" s="6" t="str">
        <f>'申請書（複数入力用）'!K2827</f>
        <v>a052r000000jS9ZAAU</v>
      </c>
      <c r="H2825" s="12" t="e">
        <f>'申請書（複数入力用）'!N2827</f>
        <v>#N/A</v>
      </c>
      <c r="I2825" s="12" t="e">
        <f>'申請書（複数入力用）'!O2827</f>
        <v>#N/A</v>
      </c>
      <c r="J2825" s="12">
        <f>'申請書（複数入力用）'!P2827</f>
        <v>1</v>
      </c>
    </row>
    <row r="2826" spans="1:10" ht="51.6" customHeight="1" x14ac:dyDescent="0.45">
      <c r="A2826" s="6">
        <f>'申請書（複数入力用）'!A2828</f>
        <v>2822</v>
      </c>
      <c r="B2826" s="13">
        <f>'申請書（複数入力用）'!AH2828</f>
        <v>0</v>
      </c>
      <c r="C2826" s="6">
        <f>'申請書（複数入力用）'!B2828</f>
        <v>0</v>
      </c>
      <c r="D2826" s="6">
        <f>'申請書（複数入力用）'!D2828</f>
        <v>0</v>
      </c>
      <c r="E2826" s="14">
        <f>'申請書（複数入力用）'!H2828</f>
        <v>0</v>
      </c>
      <c r="F2826" s="11" t="str">
        <f>'申請書（複数入力用）'!J2828</f>
        <v/>
      </c>
      <c r="G2826" s="6" t="str">
        <f>'申請書（複数入力用）'!K2828</f>
        <v>a052r000000jS9ZAAU</v>
      </c>
      <c r="H2826" s="12" t="e">
        <f>'申請書（複数入力用）'!N2828</f>
        <v>#N/A</v>
      </c>
      <c r="I2826" s="12" t="e">
        <f>'申請書（複数入力用）'!O2828</f>
        <v>#N/A</v>
      </c>
      <c r="J2826" s="12">
        <f>'申請書（複数入力用）'!P2828</f>
        <v>1</v>
      </c>
    </row>
    <row r="2827" spans="1:10" ht="51.6" customHeight="1" x14ac:dyDescent="0.45">
      <c r="A2827" s="6">
        <f>'申請書（複数入力用）'!A2829</f>
        <v>2823</v>
      </c>
      <c r="B2827" s="13">
        <f>'申請書（複数入力用）'!AH2829</f>
        <v>0</v>
      </c>
      <c r="C2827" s="6">
        <f>'申請書（複数入力用）'!B2829</f>
        <v>0</v>
      </c>
      <c r="D2827" s="6">
        <f>'申請書（複数入力用）'!D2829</f>
        <v>0</v>
      </c>
      <c r="E2827" s="14">
        <f>'申請書（複数入力用）'!H2829</f>
        <v>0</v>
      </c>
      <c r="F2827" s="11" t="str">
        <f>'申請書（複数入力用）'!J2829</f>
        <v/>
      </c>
      <c r="G2827" s="6" t="str">
        <f>'申請書（複数入力用）'!K2829</f>
        <v>a052r000000jS9ZAAU</v>
      </c>
      <c r="H2827" s="12" t="e">
        <f>'申請書（複数入力用）'!N2829</f>
        <v>#N/A</v>
      </c>
      <c r="I2827" s="12" t="e">
        <f>'申請書（複数入力用）'!O2829</f>
        <v>#N/A</v>
      </c>
      <c r="J2827" s="12">
        <f>'申請書（複数入力用）'!P2829</f>
        <v>1</v>
      </c>
    </row>
    <row r="2828" spans="1:10" ht="51.6" customHeight="1" x14ac:dyDescent="0.45">
      <c r="A2828" s="6">
        <f>'申請書（複数入力用）'!A2830</f>
        <v>2824</v>
      </c>
      <c r="B2828" s="13">
        <f>'申請書（複数入力用）'!AH2830</f>
        <v>0</v>
      </c>
      <c r="C2828" s="6">
        <f>'申請書（複数入力用）'!B2830</f>
        <v>0</v>
      </c>
      <c r="D2828" s="6">
        <f>'申請書（複数入力用）'!D2830</f>
        <v>0</v>
      </c>
      <c r="E2828" s="14">
        <f>'申請書（複数入力用）'!H2830</f>
        <v>0</v>
      </c>
      <c r="F2828" s="11" t="str">
        <f>'申請書（複数入力用）'!J2830</f>
        <v/>
      </c>
      <c r="G2828" s="6" t="str">
        <f>'申請書（複数入力用）'!K2830</f>
        <v>a052r000000jS9ZAAU</v>
      </c>
      <c r="H2828" s="12" t="e">
        <f>'申請書（複数入力用）'!N2830</f>
        <v>#N/A</v>
      </c>
      <c r="I2828" s="12" t="e">
        <f>'申請書（複数入力用）'!O2830</f>
        <v>#N/A</v>
      </c>
      <c r="J2828" s="12">
        <f>'申請書（複数入力用）'!P2830</f>
        <v>1</v>
      </c>
    </row>
    <row r="2829" spans="1:10" ht="51.6" customHeight="1" x14ac:dyDescent="0.45">
      <c r="A2829" s="6">
        <f>'申請書（複数入力用）'!A2831</f>
        <v>2825</v>
      </c>
      <c r="B2829" s="13">
        <f>'申請書（複数入力用）'!AH2831</f>
        <v>0</v>
      </c>
      <c r="C2829" s="6">
        <f>'申請書（複数入力用）'!B2831</f>
        <v>0</v>
      </c>
      <c r="D2829" s="6">
        <f>'申請書（複数入力用）'!D2831</f>
        <v>0</v>
      </c>
      <c r="E2829" s="14">
        <f>'申請書（複数入力用）'!H2831</f>
        <v>0</v>
      </c>
      <c r="F2829" s="11" t="str">
        <f>'申請書（複数入力用）'!J2831</f>
        <v/>
      </c>
      <c r="G2829" s="6" t="str">
        <f>'申請書（複数入力用）'!K2831</f>
        <v>a052r000000jS9ZAAU</v>
      </c>
      <c r="H2829" s="12" t="e">
        <f>'申請書（複数入力用）'!N2831</f>
        <v>#N/A</v>
      </c>
      <c r="I2829" s="12" t="e">
        <f>'申請書（複数入力用）'!O2831</f>
        <v>#N/A</v>
      </c>
      <c r="J2829" s="12">
        <f>'申請書（複数入力用）'!P2831</f>
        <v>1</v>
      </c>
    </row>
    <row r="2830" spans="1:10" ht="51.6" customHeight="1" x14ac:dyDescent="0.45">
      <c r="A2830" s="6">
        <f>'申請書（複数入力用）'!A2832</f>
        <v>2826</v>
      </c>
      <c r="B2830" s="13">
        <f>'申請書（複数入力用）'!AH2832</f>
        <v>0</v>
      </c>
      <c r="C2830" s="6">
        <f>'申請書（複数入力用）'!B2832</f>
        <v>0</v>
      </c>
      <c r="D2830" s="6">
        <f>'申請書（複数入力用）'!D2832</f>
        <v>0</v>
      </c>
      <c r="E2830" s="14">
        <f>'申請書（複数入力用）'!H2832</f>
        <v>0</v>
      </c>
      <c r="F2830" s="11" t="str">
        <f>'申請書（複数入力用）'!J2832</f>
        <v/>
      </c>
      <c r="G2830" s="6" t="str">
        <f>'申請書（複数入力用）'!K2832</f>
        <v>a052r000000jS9ZAAU</v>
      </c>
      <c r="H2830" s="12" t="e">
        <f>'申請書（複数入力用）'!N2832</f>
        <v>#N/A</v>
      </c>
      <c r="I2830" s="12" t="e">
        <f>'申請書（複数入力用）'!O2832</f>
        <v>#N/A</v>
      </c>
      <c r="J2830" s="12">
        <f>'申請書（複数入力用）'!P2832</f>
        <v>1</v>
      </c>
    </row>
    <row r="2831" spans="1:10" ht="51.6" customHeight="1" x14ac:dyDescent="0.45">
      <c r="A2831" s="6">
        <f>'申請書（複数入力用）'!A2833</f>
        <v>2827</v>
      </c>
      <c r="B2831" s="13">
        <f>'申請書（複数入力用）'!AH2833</f>
        <v>0</v>
      </c>
      <c r="C2831" s="6">
        <f>'申請書（複数入力用）'!B2833</f>
        <v>0</v>
      </c>
      <c r="D2831" s="6">
        <f>'申請書（複数入力用）'!D2833</f>
        <v>0</v>
      </c>
      <c r="E2831" s="14">
        <f>'申請書（複数入力用）'!H2833</f>
        <v>0</v>
      </c>
      <c r="F2831" s="11" t="str">
        <f>'申請書（複数入力用）'!J2833</f>
        <v/>
      </c>
      <c r="G2831" s="6" t="str">
        <f>'申請書（複数入力用）'!K2833</f>
        <v>a052r000000jS9ZAAU</v>
      </c>
      <c r="H2831" s="12" t="e">
        <f>'申請書（複数入力用）'!N2833</f>
        <v>#N/A</v>
      </c>
      <c r="I2831" s="12" t="e">
        <f>'申請書（複数入力用）'!O2833</f>
        <v>#N/A</v>
      </c>
      <c r="J2831" s="12">
        <f>'申請書（複数入力用）'!P2833</f>
        <v>1</v>
      </c>
    </row>
    <row r="2832" spans="1:10" ht="51.6" customHeight="1" x14ac:dyDescent="0.45">
      <c r="A2832" s="6">
        <f>'申請書（複数入力用）'!A2834</f>
        <v>2828</v>
      </c>
      <c r="B2832" s="13">
        <f>'申請書（複数入力用）'!AH2834</f>
        <v>0</v>
      </c>
      <c r="C2832" s="6">
        <f>'申請書（複数入力用）'!B2834</f>
        <v>0</v>
      </c>
      <c r="D2832" s="6">
        <f>'申請書（複数入力用）'!D2834</f>
        <v>0</v>
      </c>
      <c r="E2832" s="14">
        <f>'申請書（複数入力用）'!H2834</f>
        <v>0</v>
      </c>
      <c r="F2832" s="11" t="str">
        <f>'申請書（複数入力用）'!J2834</f>
        <v/>
      </c>
      <c r="G2832" s="6" t="str">
        <f>'申請書（複数入力用）'!K2834</f>
        <v>a052r000000jS9ZAAU</v>
      </c>
      <c r="H2832" s="12" t="e">
        <f>'申請書（複数入力用）'!N2834</f>
        <v>#N/A</v>
      </c>
      <c r="I2832" s="12" t="e">
        <f>'申請書（複数入力用）'!O2834</f>
        <v>#N/A</v>
      </c>
      <c r="J2832" s="12">
        <f>'申請書（複数入力用）'!P2834</f>
        <v>1</v>
      </c>
    </row>
    <row r="2833" spans="1:10" ht="51.6" customHeight="1" x14ac:dyDescent="0.45">
      <c r="A2833" s="6">
        <f>'申請書（複数入力用）'!A2835</f>
        <v>2829</v>
      </c>
      <c r="B2833" s="13">
        <f>'申請書（複数入力用）'!AH2835</f>
        <v>0</v>
      </c>
      <c r="C2833" s="6">
        <f>'申請書（複数入力用）'!B2835</f>
        <v>0</v>
      </c>
      <c r="D2833" s="6">
        <f>'申請書（複数入力用）'!D2835</f>
        <v>0</v>
      </c>
      <c r="E2833" s="14">
        <f>'申請書（複数入力用）'!H2835</f>
        <v>0</v>
      </c>
      <c r="F2833" s="11" t="str">
        <f>'申請書（複数入力用）'!J2835</f>
        <v/>
      </c>
      <c r="G2833" s="6" t="str">
        <f>'申請書（複数入力用）'!K2835</f>
        <v>a052r000000jS9ZAAU</v>
      </c>
      <c r="H2833" s="12" t="e">
        <f>'申請書（複数入力用）'!N2835</f>
        <v>#N/A</v>
      </c>
      <c r="I2833" s="12" t="e">
        <f>'申請書（複数入力用）'!O2835</f>
        <v>#N/A</v>
      </c>
      <c r="J2833" s="12">
        <f>'申請書（複数入力用）'!P2835</f>
        <v>1</v>
      </c>
    </row>
    <row r="2834" spans="1:10" ht="51.6" customHeight="1" x14ac:dyDescent="0.45">
      <c r="A2834" s="6">
        <f>'申請書（複数入力用）'!A2836</f>
        <v>2830</v>
      </c>
      <c r="B2834" s="13">
        <f>'申請書（複数入力用）'!AH2836</f>
        <v>0</v>
      </c>
      <c r="C2834" s="6">
        <f>'申請書（複数入力用）'!B2836</f>
        <v>0</v>
      </c>
      <c r="D2834" s="6">
        <f>'申請書（複数入力用）'!D2836</f>
        <v>0</v>
      </c>
      <c r="E2834" s="14">
        <f>'申請書（複数入力用）'!H2836</f>
        <v>0</v>
      </c>
      <c r="F2834" s="11" t="str">
        <f>'申請書（複数入力用）'!J2836</f>
        <v/>
      </c>
      <c r="G2834" s="6" t="str">
        <f>'申請書（複数入力用）'!K2836</f>
        <v>a052r000000jS9ZAAU</v>
      </c>
      <c r="H2834" s="12" t="e">
        <f>'申請書（複数入力用）'!N2836</f>
        <v>#N/A</v>
      </c>
      <c r="I2834" s="12" t="e">
        <f>'申請書（複数入力用）'!O2836</f>
        <v>#N/A</v>
      </c>
      <c r="J2834" s="12">
        <f>'申請書（複数入力用）'!P2836</f>
        <v>1</v>
      </c>
    </row>
    <row r="2835" spans="1:10" ht="51.6" customHeight="1" x14ac:dyDescent="0.45">
      <c r="A2835" s="6">
        <f>'申請書（複数入力用）'!A2837</f>
        <v>2831</v>
      </c>
      <c r="B2835" s="13">
        <f>'申請書（複数入力用）'!AH2837</f>
        <v>0</v>
      </c>
      <c r="C2835" s="6">
        <f>'申請書（複数入力用）'!B2837</f>
        <v>0</v>
      </c>
      <c r="D2835" s="6">
        <f>'申請書（複数入力用）'!D2837</f>
        <v>0</v>
      </c>
      <c r="E2835" s="14">
        <f>'申請書（複数入力用）'!H2837</f>
        <v>0</v>
      </c>
      <c r="F2835" s="11" t="str">
        <f>'申請書（複数入力用）'!J2837</f>
        <v/>
      </c>
      <c r="G2835" s="6" t="str">
        <f>'申請書（複数入力用）'!K2837</f>
        <v>a052r000000jS9ZAAU</v>
      </c>
      <c r="H2835" s="12" t="e">
        <f>'申請書（複数入力用）'!N2837</f>
        <v>#N/A</v>
      </c>
      <c r="I2835" s="12" t="e">
        <f>'申請書（複数入力用）'!O2837</f>
        <v>#N/A</v>
      </c>
      <c r="J2835" s="12">
        <f>'申請書（複数入力用）'!P2837</f>
        <v>1</v>
      </c>
    </row>
    <row r="2836" spans="1:10" ht="51.6" customHeight="1" x14ac:dyDescent="0.45">
      <c r="A2836" s="6">
        <f>'申請書（複数入力用）'!A2838</f>
        <v>2832</v>
      </c>
      <c r="B2836" s="13">
        <f>'申請書（複数入力用）'!AH2838</f>
        <v>0</v>
      </c>
      <c r="C2836" s="6">
        <f>'申請書（複数入力用）'!B2838</f>
        <v>0</v>
      </c>
      <c r="D2836" s="6">
        <f>'申請書（複数入力用）'!D2838</f>
        <v>0</v>
      </c>
      <c r="E2836" s="14">
        <f>'申請書（複数入力用）'!H2838</f>
        <v>0</v>
      </c>
      <c r="F2836" s="11" t="str">
        <f>'申請書（複数入力用）'!J2838</f>
        <v/>
      </c>
      <c r="G2836" s="6" t="str">
        <f>'申請書（複数入力用）'!K2838</f>
        <v>a052r000000jS9ZAAU</v>
      </c>
      <c r="H2836" s="12" t="e">
        <f>'申請書（複数入力用）'!N2838</f>
        <v>#N/A</v>
      </c>
      <c r="I2836" s="12" t="e">
        <f>'申請書（複数入力用）'!O2838</f>
        <v>#N/A</v>
      </c>
      <c r="J2836" s="12">
        <f>'申請書（複数入力用）'!P2838</f>
        <v>1</v>
      </c>
    </row>
    <row r="2837" spans="1:10" ht="51.6" customHeight="1" x14ac:dyDescent="0.45">
      <c r="A2837" s="6">
        <f>'申請書（複数入力用）'!A2839</f>
        <v>2833</v>
      </c>
      <c r="B2837" s="13">
        <f>'申請書（複数入力用）'!AH2839</f>
        <v>0</v>
      </c>
      <c r="C2837" s="6">
        <f>'申請書（複数入力用）'!B2839</f>
        <v>0</v>
      </c>
      <c r="D2837" s="6">
        <f>'申請書（複数入力用）'!D2839</f>
        <v>0</v>
      </c>
      <c r="E2837" s="14">
        <f>'申請書（複数入力用）'!H2839</f>
        <v>0</v>
      </c>
      <c r="F2837" s="11" t="str">
        <f>'申請書（複数入力用）'!J2839</f>
        <v/>
      </c>
      <c r="G2837" s="6" t="str">
        <f>'申請書（複数入力用）'!K2839</f>
        <v>a052r000000jS9ZAAU</v>
      </c>
      <c r="H2837" s="12" t="e">
        <f>'申請書（複数入力用）'!N2839</f>
        <v>#N/A</v>
      </c>
      <c r="I2837" s="12" t="e">
        <f>'申請書（複数入力用）'!O2839</f>
        <v>#N/A</v>
      </c>
      <c r="J2837" s="12">
        <f>'申請書（複数入力用）'!P2839</f>
        <v>1</v>
      </c>
    </row>
    <row r="2838" spans="1:10" ht="51.6" customHeight="1" x14ac:dyDescent="0.45">
      <c r="A2838" s="6">
        <f>'申請書（複数入力用）'!A2840</f>
        <v>2834</v>
      </c>
      <c r="B2838" s="13">
        <f>'申請書（複数入力用）'!AH2840</f>
        <v>0</v>
      </c>
      <c r="C2838" s="6">
        <f>'申請書（複数入力用）'!B2840</f>
        <v>0</v>
      </c>
      <c r="D2838" s="6">
        <f>'申請書（複数入力用）'!D2840</f>
        <v>0</v>
      </c>
      <c r="E2838" s="14">
        <f>'申請書（複数入力用）'!H2840</f>
        <v>0</v>
      </c>
      <c r="F2838" s="11" t="str">
        <f>'申請書（複数入力用）'!J2840</f>
        <v/>
      </c>
      <c r="G2838" s="6" t="str">
        <f>'申請書（複数入力用）'!K2840</f>
        <v>a052r000000jS9ZAAU</v>
      </c>
      <c r="H2838" s="12" t="e">
        <f>'申請書（複数入力用）'!N2840</f>
        <v>#N/A</v>
      </c>
      <c r="I2838" s="12" t="e">
        <f>'申請書（複数入力用）'!O2840</f>
        <v>#N/A</v>
      </c>
      <c r="J2838" s="12">
        <f>'申請書（複数入力用）'!P2840</f>
        <v>1</v>
      </c>
    </row>
    <row r="2839" spans="1:10" ht="51.6" customHeight="1" x14ac:dyDescent="0.45">
      <c r="A2839" s="6">
        <f>'申請書（複数入力用）'!A2841</f>
        <v>2835</v>
      </c>
      <c r="B2839" s="13">
        <f>'申請書（複数入力用）'!AH2841</f>
        <v>0</v>
      </c>
      <c r="C2839" s="6">
        <f>'申請書（複数入力用）'!B2841</f>
        <v>0</v>
      </c>
      <c r="D2839" s="6">
        <f>'申請書（複数入力用）'!D2841</f>
        <v>0</v>
      </c>
      <c r="E2839" s="14">
        <f>'申請書（複数入力用）'!H2841</f>
        <v>0</v>
      </c>
      <c r="F2839" s="11" t="str">
        <f>'申請書（複数入力用）'!J2841</f>
        <v/>
      </c>
      <c r="G2839" s="6" t="str">
        <f>'申請書（複数入力用）'!K2841</f>
        <v>a052r000000jS9ZAAU</v>
      </c>
      <c r="H2839" s="12" t="e">
        <f>'申請書（複数入力用）'!N2841</f>
        <v>#N/A</v>
      </c>
      <c r="I2839" s="12" t="e">
        <f>'申請書（複数入力用）'!O2841</f>
        <v>#N/A</v>
      </c>
      <c r="J2839" s="12">
        <f>'申請書（複数入力用）'!P2841</f>
        <v>1</v>
      </c>
    </row>
    <row r="2840" spans="1:10" ht="51.6" customHeight="1" x14ac:dyDescent="0.45">
      <c r="A2840" s="6">
        <f>'申請書（複数入力用）'!A2842</f>
        <v>2836</v>
      </c>
      <c r="B2840" s="13">
        <f>'申請書（複数入力用）'!AH2842</f>
        <v>0</v>
      </c>
      <c r="C2840" s="6">
        <f>'申請書（複数入力用）'!B2842</f>
        <v>0</v>
      </c>
      <c r="D2840" s="6">
        <f>'申請書（複数入力用）'!D2842</f>
        <v>0</v>
      </c>
      <c r="E2840" s="14">
        <f>'申請書（複数入力用）'!H2842</f>
        <v>0</v>
      </c>
      <c r="F2840" s="11" t="str">
        <f>'申請書（複数入力用）'!J2842</f>
        <v/>
      </c>
      <c r="G2840" s="6" t="str">
        <f>'申請書（複数入力用）'!K2842</f>
        <v>a052r000000jS9ZAAU</v>
      </c>
      <c r="H2840" s="12" t="e">
        <f>'申請書（複数入力用）'!N2842</f>
        <v>#N/A</v>
      </c>
      <c r="I2840" s="12" t="e">
        <f>'申請書（複数入力用）'!O2842</f>
        <v>#N/A</v>
      </c>
      <c r="J2840" s="12">
        <f>'申請書（複数入力用）'!P2842</f>
        <v>1</v>
      </c>
    </row>
    <row r="2841" spans="1:10" ht="51.6" customHeight="1" x14ac:dyDescent="0.45">
      <c r="A2841" s="6">
        <f>'申請書（複数入力用）'!A2843</f>
        <v>2837</v>
      </c>
      <c r="B2841" s="13">
        <f>'申請書（複数入力用）'!AH2843</f>
        <v>0</v>
      </c>
      <c r="C2841" s="6">
        <f>'申請書（複数入力用）'!B2843</f>
        <v>0</v>
      </c>
      <c r="D2841" s="6">
        <f>'申請書（複数入力用）'!D2843</f>
        <v>0</v>
      </c>
      <c r="E2841" s="14">
        <f>'申請書（複数入力用）'!H2843</f>
        <v>0</v>
      </c>
      <c r="F2841" s="11" t="str">
        <f>'申請書（複数入力用）'!J2843</f>
        <v/>
      </c>
      <c r="G2841" s="6" t="str">
        <f>'申請書（複数入力用）'!K2843</f>
        <v>a052r000000jS9ZAAU</v>
      </c>
      <c r="H2841" s="12" t="e">
        <f>'申請書（複数入力用）'!N2843</f>
        <v>#N/A</v>
      </c>
      <c r="I2841" s="12" t="e">
        <f>'申請書（複数入力用）'!O2843</f>
        <v>#N/A</v>
      </c>
      <c r="J2841" s="12">
        <f>'申請書（複数入力用）'!P2843</f>
        <v>1</v>
      </c>
    </row>
    <row r="2842" spans="1:10" ht="51.6" customHeight="1" x14ac:dyDescent="0.45">
      <c r="A2842" s="6">
        <f>'申請書（複数入力用）'!A2844</f>
        <v>2838</v>
      </c>
      <c r="B2842" s="13">
        <f>'申請書（複数入力用）'!AH2844</f>
        <v>0</v>
      </c>
      <c r="C2842" s="6">
        <f>'申請書（複数入力用）'!B2844</f>
        <v>0</v>
      </c>
      <c r="D2842" s="6">
        <f>'申請書（複数入力用）'!D2844</f>
        <v>0</v>
      </c>
      <c r="E2842" s="14">
        <f>'申請書（複数入力用）'!H2844</f>
        <v>0</v>
      </c>
      <c r="F2842" s="11" t="str">
        <f>'申請書（複数入力用）'!J2844</f>
        <v/>
      </c>
      <c r="G2842" s="6" t="str">
        <f>'申請書（複数入力用）'!K2844</f>
        <v>a052r000000jS9ZAAU</v>
      </c>
      <c r="H2842" s="12" t="e">
        <f>'申請書（複数入力用）'!N2844</f>
        <v>#N/A</v>
      </c>
      <c r="I2842" s="12" t="e">
        <f>'申請書（複数入力用）'!O2844</f>
        <v>#N/A</v>
      </c>
      <c r="J2842" s="12">
        <f>'申請書（複数入力用）'!P2844</f>
        <v>1</v>
      </c>
    </row>
    <row r="2843" spans="1:10" ht="51.6" customHeight="1" x14ac:dyDescent="0.45">
      <c r="A2843" s="6">
        <f>'申請書（複数入力用）'!A2845</f>
        <v>2839</v>
      </c>
      <c r="B2843" s="13">
        <f>'申請書（複数入力用）'!AH2845</f>
        <v>0</v>
      </c>
      <c r="C2843" s="6">
        <f>'申請書（複数入力用）'!B2845</f>
        <v>0</v>
      </c>
      <c r="D2843" s="6">
        <f>'申請書（複数入力用）'!D2845</f>
        <v>0</v>
      </c>
      <c r="E2843" s="14">
        <f>'申請書（複数入力用）'!H2845</f>
        <v>0</v>
      </c>
      <c r="F2843" s="11" t="str">
        <f>'申請書（複数入力用）'!J2845</f>
        <v/>
      </c>
      <c r="G2843" s="6" t="str">
        <f>'申請書（複数入力用）'!K2845</f>
        <v>a052r000000jS9ZAAU</v>
      </c>
      <c r="H2843" s="12" t="e">
        <f>'申請書（複数入力用）'!N2845</f>
        <v>#N/A</v>
      </c>
      <c r="I2843" s="12" t="e">
        <f>'申請書（複数入力用）'!O2845</f>
        <v>#N/A</v>
      </c>
      <c r="J2843" s="12">
        <f>'申請書（複数入力用）'!P2845</f>
        <v>1</v>
      </c>
    </row>
    <row r="2844" spans="1:10" ht="51.6" customHeight="1" x14ac:dyDescent="0.45">
      <c r="A2844" s="6">
        <f>'申請書（複数入力用）'!A2846</f>
        <v>2840</v>
      </c>
      <c r="B2844" s="13">
        <f>'申請書（複数入力用）'!AH2846</f>
        <v>0</v>
      </c>
      <c r="C2844" s="6">
        <f>'申請書（複数入力用）'!B2846</f>
        <v>0</v>
      </c>
      <c r="D2844" s="6">
        <f>'申請書（複数入力用）'!D2846</f>
        <v>0</v>
      </c>
      <c r="E2844" s="14">
        <f>'申請書（複数入力用）'!H2846</f>
        <v>0</v>
      </c>
      <c r="F2844" s="11" t="str">
        <f>'申請書（複数入力用）'!J2846</f>
        <v/>
      </c>
      <c r="G2844" s="6" t="str">
        <f>'申請書（複数入力用）'!K2846</f>
        <v>a052r000000jS9ZAAU</v>
      </c>
      <c r="H2844" s="12" t="e">
        <f>'申請書（複数入力用）'!N2846</f>
        <v>#N/A</v>
      </c>
      <c r="I2844" s="12" t="e">
        <f>'申請書（複数入力用）'!O2846</f>
        <v>#N/A</v>
      </c>
      <c r="J2844" s="12">
        <f>'申請書（複数入力用）'!P2846</f>
        <v>1</v>
      </c>
    </row>
    <row r="2845" spans="1:10" ht="51.6" customHeight="1" x14ac:dyDescent="0.45">
      <c r="A2845" s="6">
        <f>'申請書（複数入力用）'!A2847</f>
        <v>2841</v>
      </c>
      <c r="B2845" s="13">
        <f>'申請書（複数入力用）'!AH2847</f>
        <v>0</v>
      </c>
      <c r="C2845" s="6">
        <f>'申請書（複数入力用）'!B2847</f>
        <v>0</v>
      </c>
      <c r="D2845" s="6">
        <f>'申請書（複数入力用）'!D2847</f>
        <v>0</v>
      </c>
      <c r="E2845" s="14">
        <f>'申請書（複数入力用）'!H2847</f>
        <v>0</v>
      </c>
      <c r="F2845" s="11" t="str">
        <f>'申請書（複数入力用）'!J2847</f>
        <v/>
      </c>
      <c r="G2845" s="6" t="str">
        <f>'申請書（複数入力用）'!K2847</f>
        <v>a052r000000jS9ZAAU</v>
      </c>
      <c r="H2845" s="12" t="e">
        <f>'申請書（複数入力用）'!N2847</f>
        <v>#N/A</v>
      </c>
      <c r="I2845" s="12" t="e">
        <f>'申請書（複数入力用）'!O2847</f>
        <v>#N/A</v>
      </c>
      <c r="J2845" s="12">
        <f>'申請書（複数入力用）'!P2847</f>
        <v>1</v>
      </c>
    </row>
    <row r="2846" spans="1:10" ht="51.6" customHeight="1" x14ac:dyDescent="0.45">
      <c r="A2846" s="6">
        <f>'申請書（複数入力用）'!A2848</f>
        <v>2842</v>
      </c>
      <c r="B2846" s="13">
        <f>'申請書（複数入力用）'!AH2848</f>
        <v>0</v>
      </c>
      <c r="C2846" s="6">
        <f>'申請書（複数入力用）'!B2848</f>
        <v>0</v>
      </c>
      <c r="D2846" s="6">
        <f>'申請書（複数入力用）'!D2848</f>
        <v>0</v>
      </c>
      <c r="E2846" s="14">
        <f>'申請書（複数入力用）'!H2848</f>
        <v>0</v>
      </c>
      <c r="F2846" s="11" t="str">
        <f>'申請書（複数入力用）'!J2848</f>
        <v/>
      </c>
      <c r="G2846" s="6" t="str">
        <f>'申請書（複数入力用）'!K2848</f>
        <v>a052r000000jS9ZAAU</v>
      </c>
      <c r="H2846" s="12" t="e">
        <f>'申請書（複数入力用）'!N2848</f>
        <v>#N/A</v>
      </c>
      <c r="I2846" s="12" t="e">
        <f>'申請書（複数入力用）'!O2848</f>
        <v>#N/A</v>
      </c>
      <c r="J2846" s="12">
        <f>'申請書（複数入力用）'!P2848</f>
        <v>1</v>
      </c>
    </row>
    <row r="2847" spans="1:10" ht="51.6" customHeight="1" x14ac:dyDescent="0.45">
      <c r="A2847" s="6">
        <f>'申請書（複数入力用）'!A2849</f>
        <v>2843</v>
      </c>
      <c r="B2847" s="13">
        <f>'申請書（複数入力用）'!AH2849</f>
        <v>0</v>
      </c>
      <c r="C2847" s="6">
        <f>'申請書（複数入力用）'!B2849</f>
        <v>0</v>
      </c>
      <c r="D2847" s="6">
        <f>'申請書（複数入力用）'!D2849</f>
        <v>0</v>
      </c>
      <c r="E2847" s="14">
        <f>'申請書（複数入力用）'!H2849</f>
        <v>0</v>
      </c>
      <c r="F2847" s="11" t="str">
        <f>'申請書（複数入力用）'!J2849</f>
        <v/>
      </c>
      <c r="G2847" s="6" t="str">
        <f>'申請書（複数入力用）'!K2849</f>
        <v>a052r000000jS9ZAAU</v>
      </c>
      <c r="H2847" s="12" t="e">
        <f>'申請書（複数入力用）'!N2849</f>
        <v>#N/A</v>
      </c>
      <c r="I2847" s="12" t="e">
        <f>'申請書（複数入力用）'!O2849</f>
        <v>#N/A</v>
      </c>
      <c r="J2847" s="12">
        <f>'申請書（複数入力用）'!P2849</f>
        <v>1</v>
      </c>
    </row>
    <row r="2848" spans="1:10" ht="51.6" customHeight="1" x14ac:dyDescent="0.45">
      <c r="A2848" s="6">
        <f>'申請書（複数入力用）'!A2850</f>
        <v>2844</v>
      </c>
      <c r="B2848" s="13">
        <f>'申請書（複数入力用）'!AH2850</f>
        <v>0</v>
      </c>
      <c r="C2848" s="6">
        <f>'申請書（複数入力用）'!B2850</f>
        <v>0</v>
      </c>
      <c r="D2848" s="6">
        <f>'申請書（複数入力用）'!D2850</f>
        <v>0</v>
      </c>
      <c r="E2848" s="14">
        <f>'申請書（複数入力用）'!H2850</f>
        <v>0</v>
      </c>
      <c r="F2848" s="11" t="str">
        <f>'申請書（複数入力用）'!J2850</f>
        <v/>
      </c>
      <c r="G2848" s="6" t="str">
        <f>'申請書（複数入力用）'!K2850</f>
        <v>a052r000000jS9ZAAU</v>
      </c>
      <c r="H2848" s="12" t="e">
        <f>'申請書（複数入力用）'!N2850</f>
        <v>#N/A</v>
      </c>
      <c r="I2848" s="12" t="e">
        <f>'申請書（複数入力用）'!O2850</f>
        <v>#N/A</v>
      </c>
      <c r="J2848" s="12">
        <f>'申請書（複数入力用）'!P2850</f>
        <v>1</v>
      </c>
    </row>
    <row r="2849" spans="1:10" ht="51.6" customHeight="1" x14ac:dyDescent="0.45">
      <c r="A2849" s="6">
        <f>'申請書（複数入力用）'!A2851</f>
        <v>2845</v>
      </c>
      <c r="B2849" s="13">
        <f>'申請書（複数入力用）'!AH2851</f>
        <v>0</v>
      </c>
      <c r="C2849" s="6">
        <f>'申請書（複数入力用）'!B2851</f>
        <v>0</v>
      </c>
      <c r="D2849" s="6">
        <f>'申請書（複数入力用）'!D2851</f>
        <v>0</v>
      </c>
      <c r="E2849" s="14">
        <f>'申請書（複数入力用）'!H2851</f>
        <v>0</v>
      </c>
      <c r="F2849" s="11" t="str">
        <f>'申請書（複数入力用）'!J2851</f>
        <v/>
      </c>
      <c r="G2849" s="6" t="str">
        <f>'申請書（複数入力用）'!K2851</f>
        <v>a052r000000jS9ZAAU</v>
      </c>
      <c r="H2849" s="12" t="e">
        <f>'申請書（複数入力用）'!N2851</f>
        <v>#N/A</v>
      </c>
      <c r="I2849" s="12" t="e">
        <f>'申請書（複数入力用）'!O2851</f>
        <v>#N/A</v>
      </c>
      <c r="J2849" s="12">
        <f>'申請書（複数入力用）'!P2851</f>
        <v>1</v>
      </c>
    </row>
    <row r="2850" spans="1:10" ht="51.6" customHeight="1" x14ac:dyDescent="0.45">
      <c r="A2850" s="6">
        <f>'申請書（複数入力用）'!A2852</f>
        <v>2846</v>
      </c>
      <c r="B2850" s="13">
        <f>'申請書（複数入力用）'!AH2852</f>
        <v>0</v>
      </c>
      <c r="C2850" s="6">
        <f>'申請書（複数入力用）'!B2852</f>
        <v>0</v>
      </c>
      <c r="D2850" s="6">
        <f>'申請書（複数入力用）'!D2852</f>
        <v>0</v>
      </c>
      <c r="E2850" s="14">
        <f>'申請書（複数入力用）'!H2852</f>
        <v>0</v>
      </c>
      <c r="F2850" s="11" t="str">
        <f>'申請書（複数入力用）'!J2852</f>
        <v/>
      </c>
      <c r="G2850" s="6" t="str">
        <f>'申請書（複数入力用）'!K2852</f>
        <v>a052r000000jS9ZAAU</v>
      </c>
      <c r="H2850" s="12" t="e">
        <f>'申請書（複数入力用）'!N2852</f>
        <v>#N/A</v>
      </c>
      <c r="I2850" s="12" t="e">
        <f>'申請書（複数入力用）'!O2852</f>
        <v>#N/A</v>
      </c>
      <c r="J2850" s="12">
        <f>'申請書（複数入力用）'!P2852</f>
        <v>1</v>
      </c>
    </row>
    <row r="2851" spans="1:10" ht="51.6" customHeight="1" x14ac:dyDescent="0.45">
      <c r="A2851" s="6">
        <f>'申請書（複数入力用）'!A2853</f>
        <v>2847</v>
      </c>
      <c r="B2851" s="13">
        <f>'申請書（複数入力用）'!AH2853</f>
        <v>0</v>
      </c>
      <c r="C2851" s="6">
        <f>'申請書（複数入力用）'!B2853</f>
        <v>0</v>
      </c>
      <c r="D2851" s="6">
        <f>'申請書（複数入力用）'!D2853</f>
        <v>0</v>
      </c>
      <c r="E2851" s="14">
        <f>'申請書（複数入力用）'!H2853</f>
        <v>0</v>
      </c>
      <c r="F2851" s="11" t="str">
        <f>'申請書（複数入力用）'!J2853</f>
        <v/>
      </c>
      <c r="G2851" s="6" t="str">
        <f>'申請書（複数入力用）'!K2853</f>
        <v>a052r000000jS9ZAAU</v>
      </c>
      <c r="H2851" s="12" t="e">
        <f>'申請書（複数入力用）'!N2853</f>
        <v>#N/A</v>
      </c>
      <c r="I2851" s="12" t="e">
        <f>'申請書（複数入力用）'!O2853</f>
        <v>#N/A</v>
      </c>
      <c r="J2851" s="12">
        <f>'申請書（複数入力用）'!P2853</f>
        <v>1</v>
      </c>
    </row>
    <row r="2852" spans="1:10" ht="51.6" customHeight="1" x14ac:dyDescent="0.45">
      <c r="A2852" s="6">
        <f>'申請書（複数入力用）'!A2854</f>
        <v>2848</v>
      </c>
      <c r="B2852" s="13">
        <f>'申請書（複数入力用）'!AH2854</f>
        <v>0</v>
      </c>
      <c r="C2852" s="6">
        <f>'申請書（複数入力用）'!B2854</f>
        <v>0</v>
      </c>
      <c r="D2852" s="6">
        <f>'申請書（複数入力用）'!D2854</f>
        <v>0</v>
      </c>
      <c r="E2852" s="14">
        <f>'申請書（複数入力用）'!H2854</f>
        <v>0</v>
      </c>
      <c r="F2852" s="11" t="str">
        <f>'申請書（複数入力用）'!J2854</f>
        <v/>
      </c>
      <c r="G2852" s="6" t="str">
        <f>'申請書（複数入力用）'!K2854</f>
        <v>a052r000000jS9ZAAU</v>
      </c>
      <c r="H2852" s="12" t="e">
        <f>'申請書（複数入力用）'!N2854</f>
        <v>#N/A</v>
      </c>
      <c r="I2852" s="12" t="e">
        <f>'申請書（複数入力用）'!O2854</f>
        <v>#N/A</v>
      </c>
      <c r="J2852" s="12">
        <f>'申請書（複数入力用）'!P2854</f>
        <v>1</v>
      </c>
    </row>
    <row r="2853" spans="1:10" ht="51.6" customHeight="1" x14ac:dyDescent="0.45">
      <c r="A2853" s="6">
        <f>'申請書（複数入力用）'!A2855</f>
        <v>2849</v>
      </c>
      <c r="B2853" s="13">
        <f>'申請書（複数入力用）'!AH2855</f>
        <v>0</v>
      </c>
      <c r="C2853" s="6">
        <f>'申請書（複数入力用）'!B2855</f>
        <v>0</v>
      </c>
      <c r="D2853" s="6">
        <f>'申請書（複数入力用）'!D2855</f>
        <v>0</v>
      </c>
      <c r="E2853" s="14">
        <f>'申請書（複数入力用）'!H2855</f>
        <v>0</v>
      </c>
      <c r="F2853" s="11" t="str">
        <f>'申請書（複数入力用）'!J2855</f>
        <v/>
      </c>
      <c r="G2853" s="6" t="str">
        <f>'申請書（複数入力用）'!K2855</f>
        <v>a052r000000jS9ZAAU</v>
      </c>
      <c r="H2853" s="12" t="e">
        <f>'申請書（複数入力用）'!N2855</f>
        <v>#N/A</v>
      </c>
      <c r="I2853" s="12" t="e">
        <f>'申請書（複数入力用）'!O2855</f>
        <v>#N/A</v>
      </c>
      <c r="J2853" s="12">
        <f>'申請書（複数入力用）'!P2855</f>
        <v>1</v>
      </c>
    </row>
    <row r="2854" spans="1:10" ht="51.6" customHeight="1" x14ac:dyDescent="0.45">
      <c r="A2854" s="6">
        <f>'申請書（複数入力用）'!A2856</f>
        <v>2850</v>
      </c>
      <c r="B2854" s="13">
        <f>'申請書（複数入力用）'!AH2856</f>
        <v>0</v>
      </c>
      <c r="C2854" s="6">
        <f>'申請書（複数入力用）'!B2856</f>
        <v>0</v>
      </c>
      <c r="D2854" s="6">
        <f>'申請書（複数入力用）'!D2856</f>
        <v>0</v>
      </c>
      <c r="E2854" s="14">
        <f>'申請書（複数入力用）'!H2856</f>
        <v>0</v>
      </c>
      <c r="F2854" s="11" t="str">
        <f>'申請書（複数入力用）'!J2856</f>
        <v/>
      </c>
      <c r="G2854" s="6" t="str">
        <f>'申請書（複数入力用）'!K2856</f>
        <v>a052r000000jS9ZAAU</v>
      </c>
      <c r="H2854" s="12" t="e">
        <f>'申請書（複数入力用）'!N2856</f>
        <v>#N/A</v>
      </c>
      <c r="I2854" s="12" t="e">
        <f>'申請書（複数入力用）'!O2856</f>
        <v>#N/A</v>
      </c>
      <c r="J2854" s="12">
        <f>'申請書（複数入力用）'!P2856</f>
        <v>1</v>
      </c>
    </row>
    <row r="2855" spans="1:10" ht="51.6" customHeight="1" x14ac:dyDescent="0.45">
      <c r="A2855" s="6">
        <f>'申請書（複数入力用）'!A2857</f>
        <v>2851</v>
      </c>
      <c r="B2855" s="13">
        <f>'申請書（複数入力用）'!AH2857</f>
        <v>0</v>
      </c>
      <c r="C2855" s="6">
        <f>'申請書（複数入力用）'!B2857</f>
        <v>0</v>
      </c>
      <c r="D2855" s="6">
        <f>'申請書（複数入力用）'!D2857</f>
        <v>0</v>
      </c>
      <c r="E2855" s="14">
        <f>'申請書（複数入力用）'!H2857</f>
        <v>0</v>
      </c>
      <c r="F2855" s="11" t="str">
        <f>'申請書（複数入力用）'!J2857</f>
        <v/>
      </c>
      <c r="G2855" s="6" t="str">
        <f>'申請書（複数入力用）'!K2857</f>
        <v>a052r000000jS9ZAAU</v>
      </c>
      <c r="H2855" s="12" t="e">
        <f>'申請書（複数入力用）'!N2857</f>
        <v>#N/A</v>
      </c>
      <c r="I2855" s="12" t="e">
        <f>'申請書（複数入力用）'!O2857</f>
        <v>#N/A</v>
      </c>
      <c r="J2855" s="12">
        <f>'申請書（複数入力用）'!P2857</f>
        <v>1</v>
      </c>
    </row>
    <row r="2856" spans="1:10" ht="51.6" customHeight="1" x14ac:dyDescent="0.45">
      <c r="A2856" s="6">
        <f>'申請書（複数入力用）'!A2858</f>
        <v>2852</v>
      </c>
      <c r="B2856" s="13">
        <f>'申請書（複数入力用）'!AH2858</f>
        <v>0</v>
      </c>
      <c r="C2856" s="6">
        <f>'申請書（複数入力用）'!B2858</f>
        <v>0</v>
      </c>
      <c r="D2856" s="6">
        <f>'申請書（複数入力用）'!D2858</f>
        <v>0</v>
      </c>
      <c r="E2856" s="14">
        <f>'申請書（複数入力用）'!H2858</f>
        <v>0</v>
      </c>
      <c r="F2856" s="11" t="str">
        <f>'申請書（複数入力用）'!J2858</f>
        <v/>
      </c>
      <c r="G2856" s="6" t="str">
        <f>'申請書（複数入力用）'!K2858</f>
        <v>a052r000000jS9ZAAU</v>
      </c>
      <c r="H2856" s="12" t="e">
        <f>'申請書（複数入力用）'!N2858</f>
        <v>#N/A</v>
      </c>
      <c r="I2856" s="12" t="e">
        <f>'申請書（複数入力用）'!O2858</f>
        <v>#N/A</v>
      </c>
      <c r="J2856" s="12">
        <f>'申請書（複数入力用）'!P2858</f>
        <v>1</v>
      </c>
    </row>
    <row r="2857" spans="1:10" ht="51.6" customHeight="1" x14ac:dyDescent="0.45">
      <c r="A2857" s="6">
        <f>'申請書（複数入力用）'!A2859</f>
        <v>2853</v>
      </c>
      <c r="B2857" s="13">
        <f>'申請書（複数入力用）'!AH2859</f>
        <v>0</v>
      </c>
      <c r="C2857" s="6">
        <f>'申請書（複数入力用）'!B2859</f>
        <v>0</v>
      </c>
      <c r="D2857" s="6">
        <f>'申請書（複数入力用）'!D2859</f>
        <v>0</v>
      </c>
      <c r="E2857" s="14">
        <f>'申請書（複数入力用）'!H2859</f>
        <v>0</v>
      </c>
      <c r="F2857" s="11" t="str">
        <f>'申請書（複数入力用）'!J2859</f>
        <v/>
      </c>
      <c r="G2857" s="6" t="str">
        <f>'申請書（複数入力用）'!K2859</f>
        <v>a052r000000jS9ZAAU</v>
      </c>
      <c r="H2857" s="12" t="e">
        <f>'申請書（複数入力用）'!N2859</f>
        <v>#N/A</v>
      </c>
      <c r="I2857" s="12" t="e">
        <f>'申請書（複数入力用）'!O2859</f>
        <v>#N/A</v>
      </c>
      <c r="J2857" s="12">
        <f>'申請書（複数入力用）'!P2859</f>
        <v>1</v>
      </c>
    </row>
    <row r="2858" spans="1:10" ht="51.6" customHeight="1" x14ac:dyDescent="0.45">
      <c r="A2858" s="6">
        <f>'申請書（複数入力用）'!A2860</f>
        <v>2854</v>
      </c>
      <c r="B2858" s="13">
        <f>'申請書（複数入力用）'!AH2860</f>
        <v>0</v>
      </c>
      <c r="C2858" s="6">
        <f>'申請書（複数入力用）'!B2860</f>
        <v>0</v>
      </c>
      <c r="D2858" s="6">
        <f>'申請書（複数入力用）'!D2860</f>
        <v>0</v>
      </c>
      <c r="E2858" s="14">
        <f>'申請書（複数入力用）'!H2860</f>
        <v>0</v>
      </c>
      <c r="F2858" s="11" t="str">
        <f>'申請書（複数入力用）'!J2860</f>
        <v/>
      </c>
      <c r="G2858" s="6" t="str">
        <f>'申請書（複数入力用）'!K2860</f>
        <v>a052r000000jS9ZAAU</v>
      </c>
      <c r="H2858" s="12" t="e">
        <f>'申請書（複数入力用）'!N2860</f>
        <v>#N/A</v>
      </c>
      <c r="I2858" s="12" t="e">
        <f>'申請書（複数入力用）'!O2860</f>
        <v>#N/A</v>
      </c>
      <c r="J2858" s="12">
        <f>'申請書（複数入力用）'!P2860</f>
        <v>1</v>
      </c>
    </row>
    <row r="2859" spans="1:10" ht="51.6" customHeight="1" x14ac:dyDescent="0.45">
      <c r="A2859" s="6">
        <f>'申請書（複数入力用）'!A2861</f>
        <v>2855</v>
      </c>
      <c r="B2859" s="13">
        <f>'申請書（複数入力用）'!AH2861</f>
        <v>0</v>
      </c>
      <c r="C2859" s="6">
        <f>'申請書（複数入力用）'!B2861</f>
        <v>0</v>
      </c>
      <c r="D2859" s="6">
        <f>'申請書（複数入力用）'!D2861</f>
        <v>0</v>
      </c>
      <c r="E2859" s="14">
        <f>'申請書（複数入力用）'!H2861</f>
        <v>0</v>
      </c>
      <c r="F2859" s="11" t="str">
        <f>'申請書（複数入力用）'!J2861</f>
        <v/>
      </c>
      <c r="G2859" s="6" t="str">
        <f>'申請書（複数入力用）'!K2861</f>
        <v>a052r000000jS9ZAAU</v>
      </c>
      <c r="H2859" s="12" t="e">
        <f>'申請書（複数入力用）'!N2861</f>
        <v>#N/A</v>
      </c>
      <c r="I2859" s="12" t="e">
        <f>'申請書（複数入力用）'!O2861</f>
        <v>#N/A</v>
      </c>
      <c r="J2859" s="12">
        <f>'申請書（複数入力用）'!P2861</f>
        <v>1</v>
      </c>
    </row>
    <row r="2860" spans="1:10" ht="51.6" customHeight="1" x14ac:dyDescent="0.45">
      <c r="A2860" s="6">
        <f>'申請書（複数入力用）'!A2862</f>
        <v>2856</v>
      </c>
      <c r="B2860" s="13">
        <f>'申請書（複数入力用）'!AH2862</f>
        <v>0</v>
      </c>
      <c r="C2860" s="6">
        <f>'申請書（複数入力用）'!B2862</f>
        <v>0</v>
      </c>
      <c r="D2860" s="6">
        <f>'申請書（複数入力用）'!D2862</f>
        <v>0</v>
      </c>
      <c r="E2860" s="14">
        <f>'申請書（複数入力用）'!H2862</f>
        <v>0</v>
      </c>
      <c r="F2860" s="11" t="str">
        <f>'申請書（複数入力用）'!J2862</f>
        <v/>
      </c>
      <c r="G2860" s="6" t="str">
        <f>'申請書（複数入力用）'!K2862</f>
        <v>a052r000000jS9ZAAU</v>
      </c>
      <c r="H2860" s="12" t="e">
        <f>'申請書（複数入力用）'!N2862</f>
        <v>#N/A</v>
      </c>
      <c r="I2860" s="12" t="e">
        <f>'申請書（複数入力用）'!O2862</f>
        <v>#N/A</v>
      </c>
      <c r="J2860" s="12">
        <f>'申請書（複数入力用）'!P2862</f>
        <v>1</v>
      </c>
    </row>
    <row r="2861" spans="1:10" ht="51.6" customHeight="1" x14ac:dyDescent="0.45">
      <c r="A2861" s="6">
        <f>'申請書（複数入力用）'!A2863</f>
        <v>2857</v>
      </c>
      <c r="B2861" s="13">
        <f>'申請書（複数入力用）'!AH2863</f>
        <v>0</v>
      </c>
      <c r="C2861" s="6">
        <f>'申請書（複数入力用）'!B2863</f>
        <v>0</v>
      </c>
      <c r="D2861" s="6">
        <f>'申請書（複数入力用）'!D2863</f>
        <v>0</v>
      </c>
      <c r="E2861" s="14">
        <f>'申請書（複数入力用）'!H2863</f>
        <v>0</v>
      </c>
      <c r="F2861" s="11" t="str">
        <f>'申請書（複数入力用）'!J2863</f>
        <v/>
      </c>
      <c r="G2861" s="6" t="str">
        <f>'申請書（複数入力用）'!K2863</f>
        <v>a052r000000jS9ZAAU</v>
      </c>
      <c r="H2861" s="12" t="e">
        <f>'申請書（複数入力用）'!N2863</f>
        <v>#N/A</v>
      </c>
      <c r="I2861" s="12" t="e">
        <f>'申請書（複数入力用）'!O2863</f>
        <v>#N/A</v>
      </c>
      <c r="J2861" s="12">
        <f>'申請書（複数入力用）'!P2863</f>
        <v>1</v>
      </c>
    </row>
    <row r="2862" spans="1:10" ht="51.6" customHeight="1" x14ac:dyDescent="0.45">
      <c r="A2862" s="6">
        <f>'申請書（複数入力用）'!A2864</f>
        <v>2858</v>
      </c>
      <c r="B2862" s="13">
        <f>'申請書（複数入力用）'!AH2864</f>
        <v>0</v>
      </c>
      <c r="C2862" s="6">
        <f>'申請書（複数入力用）'!B2864</f>
        <v>0</v>
      </c>
      <c r="D2862" s="6">
        <f>'申請書（複数入力用）'!D2864</f>
        <v>0</v>
      </c>
      <c r="E2862" s="14">
        <f>'申請書（複数入力用）'!H2864</f>
        <v>0</v>
      </c>
      <c r="F2862" s="11" t="str">
        <f>'申請書（複数入力用）'!J2864</f>
        <v/>
      </c>
      <c r="G2862" s="6" t="str">
        <f>'申請書（複数入力用）'!K2864</f>
        <v>a052r000000jS9ZAAU</v>
      </c>
      <c r="H2862" s="12" t="e">
        <f>'申請書（複数入力用）'!N2864</f>
        <v>#N/A</v>
      </c>
      <c r="I2862" s="12" t="e">
        <f>'申請書（複数入力用）'!O2864</f>
        <v>#N/A</v>
      </c>
      <c r="J2862" s="12">
        <f>'申請書（複数入力用）'!P2864</f>
        <v>1</v>
      </c>
    </row>
    <row r="2863" spans="1:10" ht="51.6" customHeight="1" x14ac:dyDescent="0.45">
      <c r="A2863" s="6">
        <f>'申請書（複数入力用）'!A2865</f>
        <v>2859</v>
      </c>
      <c r="B2863" s="13">
        <f>'申請書（複数入力用）'!AH2865</f>
        <v>0</v>
      </c>
      <c r="C2863" s="6">
        <f>'申請書（複数入力用）'!B2865</f>
        <v>0</v>
      </c>
      <c r="D2863" s="6">
        <f>'申請書（複数入力用）'!D2865</f>
        <v>0</v>
      </c>
      <c r="E2863" s="14">
        <f>'申請書（複数入力用）'!H2865</f>
        <v>0</v>
      </c>
      <c r="F2863" s="11" t="str">
        <f>'申請書（複数入力用）'!J2865</f>
        <v/>
      </c>
      <c r="G2863" s="6" t="str">
        <f>'申請書（複数入力用）'!K2865</f>
        <v>a052r000000jS9ZAAU</v>
      </c>
      <c r="H2863" s="12" t="e">
        <f>'申請書（複数入力用）'!N2865</f>
        <v>#N/A</v>
      </c>
      <c r="I2863" s="12" t="e">
        <f>'申請書（複数入力用）'!O2865</f>
        <v>#N/A</v>
      </c>
      <c r="J2863" s="12">
        <f>'申請書（複数入力用）'!P2865</f>
        <v>1</v>
      </c>
    </row>
    <row r="2864" spans="1:10" ht="51.6" customHeight="1" x14ac:dyDescent="0.45">
      <c r="A2864" s="6">
        <f>'申請書（複数入力用）'!A2866</f>
        <v>2860</v>
      </c>
      <c r="B2864" s="13">
        <f>'申請書（複数入力用）'!AH2866</f>
        <v>0</v>
      </c>
      <c r="C2864" s="6">
        <f>'申請書（複数入力用）'!B2866</f>
        <v>0</v>
      </c>
      <c r="D2864" s="6">
        <f>'申請書（複数入力用）'!D2866</f>
        <v>0</v>
      </c>
      <c r="E2864" s="14">
        <f>'申請書（複数入力用）'!H2866</f>
        <v>0</v>
      </c>
      <c r="F2864" s="11" t="str">
        <f>'申請書（複数入力用）'!J2866</f>
        <v/>
      </c>
      <c r="G2864" s="6" t="str">
        <f>'申請書（複数入力用）'!K2866</f>
        <v>a052r000000jS9ZAAU</v>
      </c>
      <c r="H2864" s="12" t="e">
        <f>'申請書（複数入力用）'!N2866</f>
        <v>#N/A</v>
      </c>
      <c r="I2864" s="12" t="e">
        <f>'申請書（複数入力用）'!O2866</f>
        <v>#N/A</v>
      </c>
      <c r="J2864" s="12">
        <f>'申請書（複数入力用）'!P2866</f>
        <v>1</v>
      </c>
    </row>
    <row r="2865" spans="1:10" ht="51.6" customHeight="1" x14ac:dyDescent="0.45">
      <c r="A2865" s="6">
        <f>'申請書（複数入力用）'!A2867</f>
        <v>2861</v>
      </c>
      <c r="B2865" s="13">
        <f>'申請書（複数入力用）'!AH2867</f>
        <v>0</v>
      </c>
      <c r="C2865" s="6">
        <f>'申請書（複数入力用）'!B2867</f>
        <v>0</v>
      </c>
      <c r="D2865" s="6">
        <f>'申請書（複数入力用）'!D2867</f>
        <v>0</v>
      </c>
      <c r="E2865" s="14">
        <f>'申請書（複数入力用）'!H2867</f>
        <v>0</v>
      </c>
      <c r="F2865" s="11" t="str">
        <f>'申請書（複数入力用）'!J2867</f>
        <v/>
      </c>
      <c r="G2865" s="6" t="str">
        <f>'申請書（複数入力用）'!K2867</f>
        <v>a052r000000jS9ZAAU</v>
      </c>
      <c r="H2865" s="12" t="e">
        <f>'申請書（複数入力用）'!N2867</f>
        <v>#N/A</v>
      </c>
      <c r="I2865" s="12" t="e">
        <f>'申請書（複数入力用）'!O2867</f>
        <v>#N/A</v>
      </c>
      <c r="J2865" s="12">
        <f>'申請書（複数入力用）'!P2867</f>
        <v>1</v>
      </c>
    </row>
    <row r="2866" spans="1:10" ht="51.6" customHeight="1" x14ac:dyDescent="0.45">
      <c r="A2866" s="6">
        <f>'申請書（複数入力用）'!A2868</f>
        <v>2862</v>
      </c>
      <c r="B2866" s="13">
        <f>'申請書（複数入力用）'!AH2868</f>
        <v>0</v>
      </c>
      <c r="C2866" s="6">
        <f>'申請書（複数入力用）'!B2868</f>
        <v>0</v>
      </c>
      <c r="D2866" s="6">
        <f>'申請書（複数入力用）'!D2868</f>
        <v>0</v>
      </c>
      <c r="E2866" s="14">
        <f>'申請書（複数入力用）'!H2868</f>
        <v>0</v>
      </c>
      <c r="F2866" s="11" t="str">
        <f>'申請書（複数入力用）'!J2868</f>
        <v/>
      </c>
      <c r="G2866" s="6" t="str">
        <f>'申請書（複数入力用）'!K2868</f>
        <v>a052r000000jS9ZAAU</v>
      </c>
      <c r="H2866" s="12" t="e">
        <f>'申請書（複数入力用）'!N2868</f>
        <v>#N/A</v>
      </c>
      <c r="I2866" s="12" t="e">
        <f>'申請書（複数入力用）'!O2868</f>
        <v>#N/A</v>
      </c>
      <c r="J2866" s="12">
        <f>'申請書（複数入力用）'!P2868</f>
        <v>1</v>
      </c>
    </row>
    <row r="2867" spans="1:10" ht="51.6" customHeight="1" x14ac:dyDescent="0.45">
      <c r="A2867" s="6">
        <f>'申請書（複数入力用）'!A2869</f>
        <v>2863</v>
      </c>
      <c r="B2867" s="13">
        <f>'申請書（複数入力用）'!AH2869</f>
        <v>0</v>
      </c>
      <c r="C2867" s="6">
        <f>'申請書（複数入力用）'!B2869</f>
        <v>0</v>
      </c>
      <c r="D2867" s="6">
        <f>'申請書（複数入力用）'!D2869</f>
        <v>0</v>
      </c>
      <c r="E2867" s="14">
        <f>'申請書（複数入力用）'!H2869</f>
        <v>0</v>
      </c>
      <c r="F2867" s="11" t="str">
        <f>'申請書（複数入力用）'!J2869</f>
        <v/>
      </c>
      <c r="G2867" s="6" t="str">
        <f>'申請書（複数入力用）'!K2869</f>
        <v>a052r000000jS9ZAAU</v>
      </c>
      <c r="H2867" s="12" t="e">
        <f>'申請書（複数入力用）'!N2869</f>
        <v>#N/A</v>
      </c>
      <c r="I2867" s="12" t="e">
        <f>'申請書（複数入力用）'!O2869</f>
        <v>#N/A</v>
      </c>
      <c r="J2867" s="12">
        <f>'申請書（複数入力用）'!P2869</f>
        <v>1</v>
      </c>
    </row>
    <row r="2868" spans="1:10" ht="51.6" customHeight="1" x14ac:dyDescent="0.45">
      <c r="A2868" s="6">
        <f>'申請書（複数入力用）'!A2870</f>
        <v>2864</v>
      </c>
      <c r="B2868" s="13">
        <f>'申請書（複数入力用）'!AH2870</f>
        <v>0</v>
      </c>
      <c r="C2868" s="6">
        <f>'申請書（複数入力用）'!B2870</f>
        <v>0</v>
      </c>
      <c r="D2868" s="6">
        <f>'申請書（複数入力用）'!D2870</f>
        <v>0</v>
      </c>
      <c r="E2868" s="14">
        <f>'申請書（複数入力用）'!H2870</f>
        <v>0</v>
      </c>
      <c r="F2868" s="11" t="str">
        <f>'申請書（複数入力用）'!J2870</f>
        <v/>
      </c>
      <c r="G2868" s="6" t="str">
        <f>'申請書（複数入力用）'!K2870</f>
        <v>a052r000000jS9ZAAU</v>
      </c>
      <c r="H2868" s="12" t="e">
        <f>'申請書（複数入力用）'!N2870</f>
        <v>#N/A</v>
      </c>
      <c r="I2868" s="12" t="e">
        <f>'申請書（複数入力用）'!O2870</f>
        <v>#N/A</v>
      </c>
      <c r="J2868" s="12">
        <f>'申請書（複数入力用）'!P2870</f>
        <v>1</v>
      </c>
    </row>
    <row r="2869" spans="1:10" ht="51.6" customHeight="1" x14ac:dyDescent="0.45">
      <c r="A2869" s="6">
        <f>'申請書（複数入力用）'!A2871</f>
        <v>2865</v>
      </c>
      <c r="B2869" s="13">
        <f>'申請書（複数入力用）'!AH2871</f>
        <v>0</v>
      </c>
      <c r="C2869" s="6">
        <f>'申請書（複数入力用）'!B2871</f>
        <v>0</v>
      </c>
      <c r="D2869" s="6">
        <f>'申請書（複数入力用）'!D2871</f>
        <v>0</v>
      </c>
      <c r="E2869" s="14">
        <f>'申請書（複数入力用）'!H2871</f>
        <v>0</v>
      </c>
      <c r="F2869" s="11" t="str">
        <f>'申請書（複数入力用）'!J2871</f>
        <v/>
      </c>
      <c r="G2869" s="6" t="str">
        <f>'申請書（複数入力用）'!K2871</f>
        <v>a052r000000jS9ZAAU</v>
      </c>
      <c r="H2869" s="12" t="e">
        <f>'申請書（複数入力用）'!N2871</f>
        <v>#N/A</v>
      </c>
      <c r="I2869" s="12" t="e">
        <f>'申請書（複数入力用）'!O2871</f>
        <v>#N/A</v>
      </c>
      <c r="J2869" s="12">
        <f>'申請書（複数入力用）'!P2871</f>
        <v>1</v>
      </c>
    </row>
    <row r="2870" spans="1:10" ht="51.6" customHeight="1" x14ac:dyDescent="0.45">
      <c r="A2870" s="6">
        <f>'申請書（複数入力用）'!A2872</f>
        <v>2866</v>
      </c>
      <c r="B2870" s="13">
        <f>'申請書（複数入力用）'!AH2872</f>
        <v>0</v>
      </c>
      <c r="C2870" s="6">
        <f>'申請書（複数入力用）'!B2872</f>
        <v>0</v>
      </c>
      <c r="D2870" s="6">
        <f>'申請書（複数入力用）'!D2872</f>
        <v>0</v>
      </c>
      <c r="E2870" s="14">
        <f>'申請書（複数入力用）'!H2872</f>
        <v>0</v>
      </c>
      <c r="F2870" s="11" t="str">
        <f>'申請書（複数入力用）'!J2872</f>
        <v/>
      </c>
      <c r="G2870" s="6" t="str">
        <f>'申請書（複数入力用）'!K2872</f>
        <v>a052r000000jS9ZAAU</v>
      </c>
      <c r="H2870" s="12" t="e">
        <f>'申請書（複数入力用）'!N2872</f>
        <v>#N/A</v>
      </c>
      <c r="I2870" s="12" t="e">
        <f>'申請書（複数入力用）'!O2872</f>
        <v>#N/A</v>
      </c>
      <c r="J2870" s="12">
        <f>'申請書（複数入力用）'!P2872</f>
        <v>1</v>
      </c>
    </row>
    <row r="2871" spans="1:10" ht="51.6" customHeight="1" x14ac:dyDescent="0.45">
      <c r="A2871" s="6">
        <f>'申請書（複数入力用）'!A2873</f>
        <v>2867</v>
      </c>
      <c r="B2871" s="13">
        <f>'申請書（複数入力用）'!AH2873</f>
        <v>0</v>
      </c>
      <c r="C2871" s="6">
        <f>'申請書（複数入力用）'!B2873</f>
        <v>0</v>
      </c>
      <c r="D2871" s="6">
        <f>'申請書（複数入力用）'!D2873</f>
        <v>0</v>
      </c>
      <c r="E2871" s="14">
        <f>'申請書（複数入力用）'!H2873</f>
        <v>0</v>
      </c>
      <c r="F2871" s="11" t="str">
        <f>'申請書（複数入力用）'!J2873</f>
        <v/>
      </c>
      <c r="G2871" s="6" t="str">
        <f>'申請書（複数入力用）'!K2873</f>
        <v>a052r000000jS9ZAAU</v>
      </c>
      <c r="H2871" s="12" t="e">
        <f>'申請書（複数入力用）'!N2873</f>
        <v>#N/A</v>
      </c>
      <c r="I2871" s="12" t="e">
        <f>'申請書（複数入力用）'!O2873</f>
        <v>#N/A</v>
      </c>
      <c r="J2871" s="12">
        <f>'申請書（複数入力用）'!P2873</f>
        <v>1</v>
      </c>
    </row>
    <row r="2872" spans="1:10" ht="51.6" customHeight="1" x14ac:dyDescent="0.45">
      <c r="A2872" s="6">
        <f>'申請書（複数入力用）'!A2874</f>
        <v>2868</v>
      </c>
      <c r="B2872" s="13">
        <f>'申請書（複数入力用）'!AH2874</f>
        <v>0</v>
      </c>
      <c r="C2872" s="6">
        <f>'申請書（複数入力用）'!B2874</f>
        <v>0</v>
      </c>
      <c r="D2872" s="6">
        <f>'申請書（複数入力用）'!D2874</f>
        <v>0</v>
      </c>
      <c r="E2872" s="14">
        <f>'申請書（複数入力用）'!H2874</f>
        <v>0</v>
      </c>
      <c r="F2872" s="11" t="str">
        <f>'申請書（複数入力用）'!J2874</f>
        <v/>
      </c>
      <c r="G2872" s="6" t="str">
        <f>'申請書（複数入力用）'!K2874</f>
        <v>a052r000000jS9ZAAU</v>
      </c>
      <c r="H2872" s="12" t="e">
        <f>'申請書（複数入力用）'!N2874</f>
        <v>#N/A</v>
      </c>
      <c r="I2872" s="12" t="e">
        <f>'申請書（複数入力用）'!O2874</f>
        <v>#N/A</v>
      </c>
      <c r="J2872" s="12">
        <f>'申請書（複数入力用）'!P2874</f>
        <v>1</v>
      </c>
    </row>
    <row r="2873" spans="1:10" ht="51.6" customHeight="1" x14ac:dyDescent="0.45">
      <c r="A2873" s="6">
        <f>'申請書（複数入力用）'!A2875</f>
        <v>2869</v>
      </c>
      <c r="B2873" s="13">
        <f>'申請書（複数入力用）'!AH2875</f>
        <v>0</v>
      </c>
      <c r="C2873" s="6">
        <f>'申請書（複数入力用）'!B2875</f>
        <v>0</v>
      </c>
      <c r="D2873" s="6">
        <f>'申請書（複数入力用）'!D2875</f>
        <v>0</v>
      </c>
      <c r="E2873" s="14">
        <f>'申請書（複数入力用）'!H2875</f>
        <v>0</v>
      </c>
      <c r="F2873" s="11" t="str">
        <f>'申請書（複数入力用）'!J2875</f>
        <v/>
      </c>
      <c r="G2873" s="6" t="str">
        <f>'申請書（複数入力用）'!K2875</f>
        <v>a052r000000jS9ZAAU</v>
      </c>
      <c r="H2873" s="12" t="e">
        <f>'申請書（複数入力用）'!N2875</f>
        <v>#N/A</v>
      </c>
      <c r="I2873" s="12" t="e">
        <f>'申請書（複数入力用）'!O2875</f>
        <v>#N/A</v>
      </c>
      <c r="J2873" s="12">
        <f>'申請書（複数入力用）'!P2875</f>
        <v>1</v>
      </c>
    </row>
    <row r="2874" spans="1:10" ht="51.6" customHeight="1" x14ac:dyDescent="0.45">
      <c r="A2874" s="6">
        <f>'申請書（複数入力用）'!A2876</f>
        <v>2870</v>
      </c>
      <c r="B2874" s="13">
        <f>'申請書（複数入力用）'!AH2876</f>
        <v>0</v>
      </c>
      <c r="C2874" s="6">
        <f>'申請書（複数入力用）'!B2876</f>
        <v>0</v>
      </c>
      <c r="D2874" s="6">
        <f>'申請書（複数入力用）'!D2876</f>
        <v>0</v>
      </c>
      <c r="E2874" s="14">
        <f>'申請書（複数入力用）'!H2876</f>
        <v>0</v>
      </c>
      <c r="F2874" s="11" t="str">
        <f>'申請書（複数入力用）'!J2876</f>
        <v/>
      </c>
      <c r="G2874" s="6" t="str">
        <f>'申請書（複数入力用）'!K2876</f>
        <v>a052r000000jS9ZAAU</v>
      </c>
      <c r="H2874" s="12" t="e">
        <f>'申請書（複数入力用）'!N2876</f>
        <v>#N/A</v>
      </c>
      <c r="I2874" s="12" t="e">
        <f>'申請書（複数入力用）'!O2876</f>
        <v>#N/A</v>
      </c>
      <c r="J2874" s="12">
        <f>'申請書（複数入力用）'!P2876</f>
        <v>1</v>
      </c>
    </row>
    <row r="2875" spans="1:10" ht="51.6" customHeight="1" x14ac:dyDescent="0.45">
      <c r="A2875" s="6">
        <f>'申請書（複数入力用）'!A2877</f>
        <v>2871</v>
      </c>
      <c r="B2875" s="13">
        <f>'申請書（複数入力用）'!AH2877</f>
        <v>0</v>
      </c>
      <c r="C2875" s="6">
        <f>'申請書（複数入力用）'!B2877</f>
        <v>0</v>
      </c>
      <c r="D2875" s="6">
        <f>'申請書（複数入力用）'!D2877</f>
        <v>0</v>
      </c>
      <c r="E2875" s="14">
        <f>'申請書（複数入力用）'!H2877</f>
        <v>0</v>
      </c>
      <c r="F2875" s="11" t="str">
        <f>'申請書（複数入力用）'!J2877</f>
        <v/>
      </c>
      <c r="G2875" s="6" t="str">
        <f>'申請書（複数入力用）'!K2877</f>
        <v>a052r000000jS9ZAAU</v>
      </c>
      <c r="H2875" s="12" t="e">
        <f>'申請書（複数入力用）'!N2877</f>
        <v>#N/A</v>
      </c>
      <c r="I2875" s="12" t="e">
        <f>'申請書（複数入力用）'!O2877</f>
        <v>#N/A</v>
      </c>
      <c r="J2875" s="12">
        <f>'申請書（複数入力用）'!P2877</f>
        <v>1</v>
      </c>
    </row>
    <row r="2876" spans="1:10" ht="51.6" customHeight="1" x14ac:dyDescent="0.45">
      <c r="A2876" s="6">
        <f>'申請書（複数入力用）'!A2878</f>
        <v>2872</v>
      </c>
      <c r="B2876" s="13">
        <f>'申請書（複数入力用）'!AH2878</f>
        <v>0</v>
      </c>
      <c r="C2876" s="6">
        <f>'申請書（複数入力用）'!B2878</f>
        <v>0</v>
      </c>
      <c r="D2876" s="6">
        <f>'申請書（複数入力用）'!D2878</f>
        <v>0</v>
      </c>
      <c r="E2876" s="14">
        <f>'申請書（複数入力用）'!H2878</f>
        <v>0</v>
      </c>
      <c r="F2876" s="11" t="str">
        <f>'申請書（複数入力用）'!J2878</f>
        <v/>
      </c>
      <c r="G2876" s="6" t="str">
        <f>'申請書（複数入力用）'!K2878</f>
        <v>a052r000000jS9ZAAU</v>
      </c>
      <c r="H2876" s="12" t="e">
        <f>'申請書（複数入力用）'!N2878</f>
        <v>#N/A</v>
      </c>
      <c r="I2876" s="12" t="e">
        <f>'申請書（複数入力用）'!O2878</f>
        <v>#N/A</v>
      </c>
      <c r="J2876" s="12">
        <f>'申請書（複数入力用）'!P2878</f>
        <v>1</v>
      </c>
    </row>
    <row r="2877" spans="1:10" ht="51.6" customHeight="1" x14ac:dyDescent="0.45">
      <c r="A2877" s="6">
        <f>'申請書（複数入力用）'!A2879</f>
        <v>2873</v>
      </c>
      <c r="B2877" s="13">
        <f>'申請書（複数入力用）'!AH2879</f>
        <v>0</v>
      </c>
      <c r="C2877" s="6">
        <f>'申請書（複数入力用）'!B2879</f>
        <v>0</v>
      </c>
      <c r="D2877" s="6">
        <f>'申請書（複数入力用）'!D2879</f>
        <v>0</v>
      </c>
      <c r="E2877" s="14">
        <f>'申請書（複数入力用）'!H2879</f>
        <v>0</v>
      </c>
      <c r="F2877" s="11" t="str">
        <f>'申請書（複数入力用）'!J2879</f>
        <v/>
      </c>
      <c r="G2877" s="6" t="str">
        <f>'申請書（複数入力用）'!K2879</f>
        <v>a052r000000jS9ZAAU</v>
      </c>
      <c r="H2877" s="12" t="e">
        <f>'申請書（複数入力用）'!N2879</f>
        <v>#N/A</v>
      </c>
      <c r="I2877" s="12" t="e">
        <f>'申請書（複数入力用）'!O2879</f>
        <v>#N/A</v>
      </c>
      <c r="J2877" s="12">
        <f>'申請書（複数入力用）'!P2879</f>
        <v>1</v>
      </c>
    </row>
    <row r="2878" spans="1:10" ht="51.6" customHeight="1" x14ac:dyDescent="0.45">
      <c r="A2878" s="6">
        <f>'申請書（複数入力用）'!A2880</f>
        <v>2874</v>
      </c>
      <c r="B2878" s="13">
        <f>'申請書（複数入力用）'!AH2880</f>
        <v>0</v>
      </c>
      <c r="C2878" s="6">
        <f>'申請書（複数入力用）'!B2880</f>
        <v>0</v>
      </c>
      <c r="D2878" s="6">
        <f>'申請書（複数入力用）'!D2880</f>
        <v>0</v>
      </c>
      <c r="E2878" s="14">
        <f>'申請書（複数入力用）'!H2880</f>
        <v>0</v>
      </c>
      <c r="F2878" s="11" t="str">
        <f>'申請書（複数入力用）'!J2880</f>
        <v/>
      </c>
      <c r="G2878" s="6" t="str">
        <f>'申請書（複数入力用）'!K2880</f>
        <v>a052r000000jS9ZAAU</v>
      </c>
      <c r="H2878" s="12" t="e">
        <f>'申請書（複数入力用）'!N2880</f>
        <v>#N/A</v>
      </c>
      <c r="I2878" s="12" t="e">
        <f>'申請書（複数入力用）'!O2880</f>
        <v>#N/A</v>
      </c>
      <c r="J2878" s="12">
        <f>'申請書（複数入力用）'!P2880</f>
        <v>1</v>
      </c>
    </row>
    <row r="2879" spans="1:10" ht="51.6" customHeight="1" x14ac:dyDescent="0.45">
      <c r="A2879" s="6">
        <f>'申請書（複数入力用）'!A2881</f>
        <v>2875</v>
      </c>
      <c r="B2879" s="13">
        <f>'申請書（複数入力用）'!AH2881</f>
        <v>0</v>
      </c>
      <c r="C2879" s="6">
        <f>'申請書（複数入力用）'!B2881</f>
        <v>0</v>
      </c>
      <c r="D2879" s="6">
        <f>'申請書（複数入力用）'!D2881</f>
        <v>0</v>
      </c>
      <c r="E2879" s="14">
        <f>'申請書（複数入力用）'!H2881</f>
        <v>0</v>
      </c>
      <c r="F2879" s="11" t="str">
        <f>'申請書（複数入力用）'!J2881</f>
        <v/>
      </c>
      <c r="G2879" s="6" t="str">
        <f>'申請書（複数入力用）'!K2881</f>
        <v>a052r000000jS9ZAAU</v>
      </c>
      <c r="H2879" s="12" t="e">
        <f>'申請書（複数入力用）'!N2881</f>
        <v>#N/A</v>
      </c>
      <c r="I2879" s="12" t="e">
        <f>'申請書（複数入力用）'!O2881</f>
        <v>#N/A</v>
      </c>
      <c r="J2879" s="12">
        <f>'申請書（複数入力用）'!P2881</f>
        <v>1</v>
      </c>
    </row>
    <row r="2880" spans="1:10" ht="51.6" customHeight="1" x14ac:dyDescent="0.45">
      <c r="A2880" s="6">
        <f>'申請書（複数入力用）'!A2882</f>
        <v>2876</v>
      </c>
      <c r="B2880" s="13">
        <f>'申請書（複数入力用）'!AH2882</f>
        <v>0</v>
      </c>
      <c r="C2880" s="6">
        <f>'申請書（複数入力用）'!B2882</f>
        <v>0</v>
      </c>
      <c r="D2880" s="6">
        <f>'申請書（複数入力用）'!D2882</f>
        <v>0</v>
      </c>
      <c r="E2880" s="14">
        <f>'申請書（複数入力用）'!H2882</f>
        <v>0</v>
      </c>
      <c r="F2880" s="11" t="str">
        <f>'申請書（複数入力用）'!J2882</f>
        <v/>
      </c>
      <c r="G2880" s="6" t="str">
        <f>'申請書（複数入力用）'!K2882</f>
        <v>a052r000000jS9ZAAU</v>
      </c>
      <c r="H2880" s="12" t="e">
        <f>'申請書（複数入力用）'!N2882</f>
        <v>#N/A</v>
      </c>
      <c r="I2880" s="12" t="e">
        <f>'申請書（複数入力用）'!O2882</f>
        <v>#N/A</v>
      </c>
      <c r="J2880" s="12">
        <f>'申請書（複数入力用）'!P2882</f>
        <v>1</v>
      </c>
    </row>
    <row r="2881" spans="1:10" ht="51.6" customHeight="1" x14ac:dyDescent="0.45">
      <c r="A2881" s="6">
        <f>'申請書（複数入力用）'!A2883</f>
        <v>2877</v>
      </c>
      <c r="B2881" s="13">
        <f>'申請書（複数入力用）'!AH2883</f>
        <v>0</v>
      </c>
      <c r="C2881" s="6">
        <f>'申請書（複数入力用）'!B2883</f>
        <v>0</v>
      </c>
      <c r="D2881" s="6">
        <f>'申請書（複数入力用）'!D2883</f>
        <v>0</v>
      </c>
      <c r="E2881" s="14">
        <f>'申請書（複数入力用）'!H2883</f>
        <v>0</v>
      </c>
      <c r="F2881" s="11" t="str">
        <f>'申請書（複数入力用）'!J2883</f>
        <v/>
      </c>
      <c r="G2881" s="6" t="str">
        <f>'申請書（複数入力用）'!K2883</f>
        <v>a052r000000jS9ZAAU</v>
      </c>
      <c r="H2881" s="12" t="e">
        <f>'申請書（複数入力用）'!N2883</f>
        <v>#N/A</v>
      </c>
      <c r="I2881" s="12" t="e">
        <f>'申請書（複数入力用）'!O2883</f>
        <v>#N/A</v>
      </c>
      <c r="J2881" s="12">
        <f>'申請書（複数入力用）'!P2883</f>
        <v>1</v>
      </c>
    </row>
    <row r="2882" spans="1:10" ht="51.6" customHeight="1" x14ac:dyDescent="0.45">
      <c r="A2882" s="6">
        <f>'申請書（複数入力用）'!A2884</f>
        <v>2878</v>
      </c>
      <c r="B2882" s="13">
        <f>'申請書（複数入力用）'!AH2884</f>
        <v>0</v>
      </c>
      <c r="C2882" s="6">
        <f>'申請書（複数入力用）'!B2884</f>
        <v>0</v>
      </c>
      <c r="D2882" s="6">
        <f>'申請書（複数入力用）'!D2884</f>
        <v>0</v>
      </c>
      <c r="E2882" s="14">
        <f>'申請書（複数入力用）'!H2884</f>
        <v>0</v>
      </c>
      <c r="F2882" s="11" t="str">
        <f>'申請書（複数入力用）'!J2884</f>
        <v/>
      </c>
      <c r="G2882" s="6" t="str">
        <f>'申請書（複数入力用）'!K2884</f>
        <v>a052r000000jS9ZAAU</v>
      </c>
      <c r="H2882" s="12" t="e">
        <f>'申請書（複数入力用）'!N2884</f>
        <v>#N/A</v>
      </c>
      <c r="I2882" s="12" t="e">
        <f>'申請書（複数入力用）'!O2884</f>
        <v>#N/A</v>
      </c>
      <c r="J2882" s="12">
        <f>'申請書（複数入力用）'!P2884</f>
        <v>1</v>
      </c>
    </row>
    <row r="2883" spans="1:10" ht="51.6" customHeight="1" x14ac:dyDescent="0.45">
      <c r="A2883" s="6">
        <f>'申請書（複数入力用）'!A2885</f>
        <v>2879</v>
      </c>
      <c r="B2883" s="13">
        <f>'申請書（複数入力用）'!AH2885</f>
        <v>0</v>
      </c>
      <c r="C2883" s="6">
        <f>'申請書（複数入力用）'!B2885</f>
        <v>0</v>
      </c>
      <c r="D2883" s="6">
        <f>'申請書（複数入力用）'!D2885</f>
        <v>0</v>
      </c>
      <c r="E2883" s="14">
        <f>'申請書（複数入力用）'!H2885</f>
        <v>0</v>
      </c>
      <c r="F2883" s="11" t="str">
        <f>'申請書（複数入力用）'!J2885</f>
        <v/>
      </c>
      <c r="G2883" s="6" t="str">
        <f>'申請書（複数入力用）'!K2885</f>
        <v>a052r000000jS9ZAAU</v>
      </c>
      <c r="H2883" s="12" t="e">
        <f>'申請書（複数入力用）'!N2885</f>
        <v>#N/A</v>
      </c>
      <c r="I2883" s="12" t="e">
        <f>'申請書（複数入力用）'!O2885</f>
        <v>#N/A</v>
      </c>
      <c r="J2883" s="12">
        <f>'申請書（複数入力用）'!P2885</f>
        <v>1</v>
      </c>
    </row>
    <row r="2884" spans="1:10" ht="51.6" customHeight="1" x14ac:dyDescent="0.45">
      <c r="A2884" s="6">
        <f>'申請書（複数入力用）'!A2886</f>
        <v>2880</v>
      </c>
      <c r="B2884" s="13">
        <f>'申請書（複数入力用）'!AH2886</f>
        <v>0</v>
      </c>
      <c r="C2884" s="6">
        <f>'申請書（複数入力用）'!B2886</f>
        <v>0</v>
      </c>
      <c r="D2884" s="6">
        <f>'申請書（複数入力用）'!D2886</f>
        <v>0</v>
      </c>
      <c r="E2884" s="14">
        <f>'申請書（複数入力用）'!H2886</f>
        <v>0</v>
      </c>
      <c r="F2884" s="11" t="str">
        <f>'申請書（複数入力用）'!J2886</f>
        <v/>
      </c>
      <c r="G2884" s="6" t="str">
        <f>'申請書（複数入力用）'!K2886</f>
        <v>a052r000000jS9ZAAU</v>
      </c>
      <c r="H2884" s="12" t="e">
        <f>'申請書（複数入力用）'!N2886</f>
        <v>#N/A</v>
      </c>
      <c r="I2884" s="12" t="e">
        <f>'申請書（複数入力用）'!O2886</f>
        <v>#N/A</v>
      </c>
      <c r="J2884" s="12">
        <f>'申請書（複数入力用）'!P2886</f>
        <v>1</v>
      </c>
    </row>
    <row r="2885" spans="1:10" ht="51.6" customHeight="1" x14ac:dyDescent="0.45">
      <c r="A2885" s="6">
        <f>'申請書（複数入力用）'!A2887</f>
        <v>2881</v>
      </c>
      <c r="B2885" s="13">
        <f>'申請書（複数入力用）'!AH2887</f>
        <v>0</v>
      </c>
      <c r="C2885" s="6">
        <f>'申請書（複数入力用）'!B2887</f>
        <v>0</v>
      </c>
      <c r="D2885" s="6">
        <f>'申請書（複数入力用）'!D2887</f>
        <v>0</v>
      </c>
      <c r="E2885" s="14">
        <f>'申請書（複数入力用）'!H2887</f>
        <v>0</v>
      </c>
      <c r="F2885" s="11" t="str">
        <f>'申請書（複数入力用）'!J2887</f>
        <v/>
      </c>
      <c r="G2885" s="6" t="str">
        <f>'申請書（複数入力用）'!K2887</f>
        <v>a052r000000jS9ZAAU</v>
      </c>
      <c r="H2885" s="12" t="e">
        <f>'申請書（複数入力用）'!N2887</f>
        <v>#N/A</v>
      </c>
      <c r="I2885" s="12" t="e">
        <f>'申請書（複数入力用）'!O2887</f>
        <v>#N/A</v>
      </c>
      <c r="J2885" s="12">
        <f>'申請書（複数入力用）'!P2887</f>
        <v>1</v>
      </c>
    </row>
    <row r="2886" spans="1:10" ht="51.6" customHeight="1" x14ac:dyDescent="0.45">
      <c r="A2886" s="6">
        <f>'申請書（複数入力用）'!A2888</f>
        <v>2882</v>
      </c>
      <c r="B2886" s="13">
        <f>'申請書（複数入力用）'!AH2888</f>
        <v>0</v>
      </c>
      <c r="C2886" s="6">
        <f>'申請書（複数入力用）'!B2888</f>
        <v>0</v>
      </c>
      <c r="D2886" s="6">
        <f>'申請書（複数入力用）'!D2888</f>
        <v>0</v>
      </c>
      <c r="E2886" s="14">
        <f>'申請書（複数入力用）'!H2888</f>
        <v>0</v>
      </c>
      <c r="F2886" s="11" t="str">
        <f>'申請書（複数入力用）'!J2888</f>
        <v/>
      </c>
      <c r="G2886" s="6" t="str">
        <f>'申請書（複数入力用）'!K2888</f>
        <v>a052r000000jS9ZAAU</v>
      </c>
      <c r="H2886" s="12" t="e">
        <f>'申請書（複数入力用）'!N2888</f>
        <v>#N/A</v>
      </c>
      <c r="I2886" s="12" t="e">
        <f>'申請書（複数入力用）'!O2888</f>
        <v>#N/A</v>
      </c>
      <c r="J2886" s="12">
        <f>'申請書（複数入力用）'!P2888</f>
        <v>1</v>
      </c>
    </row>
    <row r="2887" spans="1:10" ht="51.6" customHeight="1" x14ac:dyDescent="0.45">
      <c r="A2887" s="6">
        <f>'申請書（複数入力用）'!A2889</f>
        <v>2883</v>
      </c>
      <c r="B2887" s="13">
        <f>'申請書（複数入力用）'!AH2889</f>
        <v>0</v>
      </c>
      <c r="C2887" s="6">
        <f>'申請書（複数入力用）'!B2889</f>
        <v>0</v>
      </c>
      <c r="D2887" s="6">
        <f>'申請書（複数入力用）'!D2889</f>
        <v>0</v>
      </c>
      <c r="E2887" s="14">
        <f>'申請書（複数入力用）'!H2889</f>
        <v>0</v>
      </c>
      <c r="F2887" s="11" t="str">
        <f>'申請書（複数入力用）'!J2889</f>
        <v/>
      </c>
      <c r="G2887" s="6" t="str">
        <f>'申請書（複数入力用）'!K2889</f>
        <v>a052r000000jS9ZAAU</v>
      </c>
      <c r="H2887" s="12" t="e">
        <f>'申請書（複数入力用）'!N2889</f>
        <v>#N/A</v>
      </c>
      <c r="I2887" s="12" t="e">
        <f>'申請書（複数入力用）'!O2889</f>
        <v>#N/A</v>
      </c>
      <c r="J2887" s="12">
        <f>'申請書（複数入力用）'!P2889</f>
        <v>1</v>
      </c>
    </row>
    <row r="2888" spans="1:10" ht="51.6" customHeight="1" x14ac:dyDescent="0.45">
      <c r="A2888" s="6">
        <f>'申請書（複数入力用）'!A2890</f>
        <v>2884</v>
      </c>
      <c r="B2888" s="13">
        <f>'申請書（複数入力用）'!AH2890</f>
        <v>0</v>
      </c>
      <c r="C2888" s="6">
        <f>'申請書（複数入力用）'!B2890</f>
        <v>0</v>
      </c>
      <c r="D2888" s="6">
        <f>'申請書（複数入力用）'!D2890</f>
        <v>0</v>
      </c>
      <c r="E2888" s="14">
        <f>'申請書（複数入力用）'!H2890</f>
        <v>0</v>
      </c>
      <c r="F2888" s="11" t="str">
        <f>'申請書（複数入力用）'!J2890</f>
        <v/>
      </c>
      <c r="G2888" s="6" t="str">
        <f>'申請書（複数入力用）'!K2890</f>
        <v>a052r000000jS9ZAAU</v>
      </c>
      <c r="H2888" s="12" t="e">
        <f>'申請書（複数入力用）'!N2890</f>
        <v>#N/A</v>
      </c>
      <c r="I2888" s="12" t="e">
        <f>'申請書（複数入力用）'!O2890</f>
        <v>#N/A</v>
      </c>
      <c r="J2888" s="12">
        <f>'申請書（複数入力用）'!P2890</f>
        <v>1</v>
      </c>
    </row>
    <row r="2889" spans="1:10" ht="51.6" customHeight="1" x14ac:dyDescent="0.45">
      <c r="A2889" s="6">
        <f>'申請書（複数入力用）'!A2891</f>
        <v>2885</v>
      </c>
      <c r="B2889" s="13">
        <f>'申請書（複数入力用）'!AH2891</f>
        <v>0</v>
      </c>
      <c r="C2889" s="6">
        <f>'申請書（複数入力用）'!B2891</f>
        <v>0</v>
      </c>
      <c r="D2889" s="6">
        <f>'申請書（複数入力用）'!D2891</f>
        <v>0</v>
      </c>
      <c r="E2889" s="14">
        <f>'申請書（複数入力用）'!H2891</f>
        <v>0</v>
      </c>
      <c r="F2889" s="11" t="str">
        <f>'申請書（複数入力用）'!J2891</f>
        <v/>
      </c>
      <c r="G2889" s="6" t="str">
        <f>'申請書（複数入力用）'!K2891</f>
        <v>a052r000000jS9ZAAU</v>
      </c>
      <c r="H2889" s="12" t="e">
        <f>'申請書（複数入力用）'!N2891</f>
        <v>#N/A</v>
      </c>
      <c r="I2889" s="12" t="e">
        <f>'申請書（複数入力用）'!O2891</f>
        <v>#N/A</v>
      </c>
      <c r="J2889" s="12">
        <f>'申請書（複数入力用）'!P2891</f>
        <v>1</v>
      </c>
    </row>
    <row r="2890" spans="1:10" ht="51.6" customHeight="1" x14ac:dyDescent="0.45">
      <c r="A2890" s="6">
        <f>'申請書（複数入力用）'!A2892</f>
        <v>2886</v>
      </c>
      <c r="B2890" s="13">
        <f>'申請書（複数入力用）'!AH2892</f>
        <v>0</v>
      </c>
      <c r="C2890" s="6">
        <f>'申請書（複数入力用）'!B2892</f>
        <v>0</v>
      </c>
      <c r="D2890" s="6">
        <f>'申請書（複数入力用）'!D2892</f>
        <v>0</v>
      </c>
      <c r="E2890" s="14">
        <f>'申請書（複数入力用）'!H2892</f>
        <v>0</v>
      </c>
      <c r="F2890" s="11" t="str">
        <f>'申請書（複数入力用）'!J2892</f>
        <v/>
      </c>
      <c r="G2890" s="6" t="str">
        <f>'申請書（複数入力用）'!K2892</f>
        <v>a052r000000jS9ZAAU</v>
      </c>
      <c r="H2890" s="12" t="e">
        <f>'申請書（複数入力用）'!N2892</f>
        <v>#N/A</v>
      </c>
      <c r="I2890" s="12" t="e">
        <f>'申請書（複数入力用）'!O2892</f>
        <v>#N/A</v>
      </c>
      <c r="J2890" s="12">
        <f>'申請書（複数入力用）'!P2892</f>
        <v>1</v>
      </c>
    </row>
    <row r="2891" spans="1:10" ht="51.6" customHeight="1" x14ac:dyDescent="0.45">
      <c r="A2891" s="6">
        <f>'申請書（複数入力用）'!A2893</f>
        <v>2887</v>
      </c>
      <c r="B2891" s="13">
        <f>'申請書（複数入力用）'!AH2893</f>
        <v>0</v>
      </c>
      <c r="C2891" s="6">
        <f>'申請書（複数入力用）'!B2893</f>
        <v>0</v>
      </c>
      <c r="D2891" s="6">
        <f>'申請書（複数入力用）'!D2893</f>
        <v>0</v>
      </c>
      <c r="E2891" s="14">
        <f>'申請書（複数入力用）'!H2893</f>
        <v>0</v>
      </c>
      <c r="F2891" s="11" t="str">
        <f>'申請書（複数入力用）'!J2893</f>
        <v/>
      </c>
      <c r="G2891" s="6" t="str">
        <f>'申請書（複数入力用）'!K2893</f>
        <v>a052r000000jS9ZAAU</v>
      </c>
      <c r="H2891" s="12" t="e">
        <f>'申請書（複数入力用）'!N2893</f>
        <v>#N/A</v>
      </c>
      <c r="I2891" s="12" t="e">
        <f>'申請書（複数入力用）'!O2893</f>
        <v>#N/A</v>
      </c>
      <c r="J2891" s="12">
        <f>'申請書（複数入力用）'!P2893</f>
        <v>1</v>
      </c>
    </row>
    <row r="2892" spans="1:10" ht="51.6" customHeight="1" x14ac:dyDescent="0.45">
      <c r="A2892" s="6">
        <f>'申請書（複数入力用）'!A2894</f>
        <v>2888</v>
      </c>
      <c r="B2892" s="13">
        <f>'申請書（複数入力用）'!AH2894</f>
        <v>0</v>
      </c>
      <c r="C2892" s="6">
        <f>'申請書（複数入力用）'!B2894</f>
        <v>0</v>
      </c>
      <c r="D2892" s="6">
        <f>'申請書（複数入力用）'!D2894</f>
        <v>0</v>
      </c>
      <c r="E2892" s="14">
        <f>'申請書（複数入力用）'!H2894</f>
        <v>0</v>
      </c>
      <c r="F2892" s="11" t="str">
        <f>'申請書（複数入力用）'!J2894</f>
        <v/>
      </c>
      <c r="G2892" s="6" t="str">
        <f>'申請書（複数入力用）'!K2894</f>
        <v>a052r000000jS9ZAAU</v>
      </c>
      <c r="H2892" s="12" t="e">
        <f>'申請書（複数入力用）'!N2894</f>
        <v>#N/A</v>
      </c>
      <c r="I2892" s="12" t="e">
        <f>'申請書（複数入力用）'!O2894</f>
        <v>#N/A</v>
      </c>
      <c r="J2892" s="12">
        <f>'申請書（複数入力用）'!P2894</f>
        <v>1</v>
      </c>
    </row>
    <row r="2893" spans="1:10" ht="51.6" customHeight="1" x14ac:dyDescent="0.45">
      <c r="A2893" s="6">
        <f>'申請書（複数入力用）'!A2895</f>
        <v>2889</v>
      </c>
      <c r="B2893" s="13">
        <f>'申請書（複数入力用）'!AH2895</f>
        <v>0</v>
      </c>
      <c r="C2893" s="6">
        <f>'申請書（複数入力用）'!B2895</f>
        <v>0</v>
      </c>
      <c r="D2893" s="6">
        <f>'申請書（複数入力用）'!D2895</f>
        <v>0</v>
      </c>
      <c r="E2893" s="14">
        <f>'申請書（複数入力用）'!H2895</f>
        <v>0</v>
      </c>
      <c r="F2893" s="11" t="str">
        <f>'申請書（複数入力用）'!J2895</f>
        <v/>
      </c>
      <c r="G2893" s="6" t="str">
        <f>'申請書（複数入力用）'!K2895</f>
        <v>a052r000000jS9ZAAU</v>
      </c>
      <c r="H2893" s="12" t="e">
        <f>'申請書（複数入力用）'!N2895</f>
        <v>#N/A</v>
      </c>
      <c r="I2893" s="12" t="e">
        <f>'申請書（複数入力用）'!O2895</f>
        <v>#N/A</v>
      </c>
      <c r="J2893" s="12">
        <f>'申請書（複数入力用）'!P2895</f>
        <v>1</v>
      </c>
    </row>
    <row r="2894" spans="1:10" ht="51.6" customHeight="1" x14ac:dyDescent="0.45">
      <c r="A2894" s="6">
        <f>'申請書（複数入力用）'!A2896</f>
        <v>2890</v>
      </c>
      <c r="B2894" s="13">
        <f>'申請書（複数入力用）'!AH2896</f>
        <v>0</v>
      </c>
      <c r="C2894" s="6">
        <f>'申請書（複数入力用）'!B2896</f>
        <v>0</v>
      </c>
      <c r="D2894" s="6">
        <f>'申請書（複数入力用）'!D2896</f>
        <v>0</v>
      </c>
      <c r="E2894" s="14">
        <f>'申請書（複数入力用）'!H2896</f>
        <v>0</v>
      </c>
      <c r="F2894" s="11" t="str">
        <f>'申請書（複数入力用）'!J2896</f>
        <v/>
      </c>
      <c r="G2894" s="6" t="str">
        <f>'申請書（複数入力用）'!K2896</f>
        <v>a052r000000jS9ZAAU</v>
      </c>
      <c r="H2894" s="12" t="e">
        <f>'申請書（複数入力用）'!N2896</f>
        <v>#N/A</v>
      </c>
      <c r="I2894" s="12" t="e">
        <f>'申請書（複数入力用）'!O2896</f>
        <v>#N/A</v>
      </c>
      <c r="J2894" s="12">
        <f>'申請書（複数入力用）'!P2896</f>
        <v>1</v>
      </c>
    </row>
    <row r="2895" spans="1:10" ht="51.6" customHeight="1" x14ac:dyDescent="0.45">
      <c r="A2895" s="6">
        <f>'申請書（複数入力用）'!A2897</f>
        <v>2891</v>
      </c>
      <c r="B2895" s="13">
        <f>'申請書（複数入力用）'!AH2897</f>
        <v>0</v>
      </c>
      <c r="C2895" s="6">
        <f>'申請書（複数入力用）'!B2897</f>
        <v>0</v>
      </c>
      <c r="D2895" s="6">
        <f>'申請書（複数入力用）'!D2897</f>
        <v>0</v>
      </c>
      <c r="E2895" s="14">
        <f>'申請書（複数入力用）'!H2897</f>
        <v>0</v>
      </c>
      <c r="F2895" s="11" t="str">
        <f>'申請書（複数入力用）'!J2897</f>
        <v/>
      </c>
      <c r="G2895" s="6" t="str">
        <f>'申請書（複数入力用）'!K2897</f>
        <v>a052r000000jS9ZAAU</v>
      </c>
      <c r="H2895" s="12" t="e">
        <f>'申請書（複数入力用）'!N2897</f>
        <v>#N/A</v>
      </c>
      <c r="I2895" s="12" t="e">
        <f>'申請書（複数入力用）'!O2897</f>
        <v>#N/A</v>
      </c>
      <c r="J2895" s="12">
        <f>'申請書（複数入力用）'!P2897</f>
        <v>1</v>
      </c>
    </row>
    <row r="2896" spans="1:10" ht="51.6" customHeight="1" x14ac:dyDescent="0.45">
      <c r="A2896" s="6">
        <f>'申請書（複数入力用）'!A2898</f>
        <v>2892</v>
      </c>
      <c r="B2896" s="13">
        <f>'申請書（複数入力用）'!AH2898</f>
        <v>0</v>
      </c>
      <c r="C2896" s="6">
        <f>'申請書（複数入力用）'!B2898</f>
        <v>0</v>
      </c>
      <c r="D2896" s="6">
        <f>'申請書（複数入力用）'!D2898</f>
        <v>0</v>
      </c>
      <c r="E2896" s="14">
        <f>'申請書（複数入力用）'!H2898</f>
        <v>0</v>
      </c>
      <c r="F2896" s="11" t="str">
        <f>'申請書（複数入力用）'!J2898</f>
        <v/>
      </c>
      <c r="G2896" s="6" t="str">
        <f>'申請書（複数入力用）'!K2898</f>
        <v>a052r000000jS9ZAAU</v>
      </c>
      <c r="H2896" s="12" t="e">
        <f>'申請書（複数入力用）'!N2898</f>
        <v>#N/A</v>
      </c>
      <c r="I2896" s="12" t="e">
        <f>'申請書（複数入力用）'!O2898</f>
        <v>#N/A</v>
      </c>
      <c r="J2896" s="12">
        <f>'申請書（複数入力用）'!P2898</f>
        <v>1</v>
      </c>
    </row>
    <row r="2897" spans="1:10" ht="51.6" customHeight="1" x14ac:dyDescent="0.45">
      <c r="A2897" s="6">
        <f>'申請書（複数入力用）'!A2899</f>
        <v>2893</v>
      </c>
      <c r="B2897" s="13">
        <f>'申請書（複数入力用）'!AH2899</f>
        <v>0</v>
      </c>
      <c r="C2897" s="6">
        <f>'申請書（複数入力用）'!B2899</f>
        <v>0</v>
      </c>
      <c r="D2897" s="6">
        <f>'申請書（複数入力用）'!D2899</f>
        <v>0</v>
      </c>
      <c r="E2897" s="14">
        <f>'申請書（複数入力用）'!H2899</f>
        <v>0</v>
      </c>
      <c r="F2897" s="11" t="str">
        <f>'申請書（複数入力用）'!J2899</f>
        <v/>
      </c>
      <c r="G2897" s="6" t="str">
        <f>'申請書（複数入力用）'!K2899</f>
        <v>a052r000000jS9ZAAU</v>
      </c>
      <c r="H2897" s="12" t="e">
        <f>'申請書（複数入力用）'!N2899</f>
        <v>#N/A</v>
      </c>
      <c r="I2897" s="12" t="e">
        <f>'申請書（複数入力用）'!O2899</f>
        <v>#N/A</v>
      </c>
      <c r="J2897" s="12">
        <f>'申請書（複数入力用）'!P2899</f>
        <v>1</v>
      </c>
    </row>
    <row r="2898" spans="1:10" ht="51.6" customHeight="1" x14ac:dyDescent="0.45">
      <c r="A2898" s="6">
        <f>'申請書（複数入力用）'!A2900</f>
        <v>2894</v>
      </c>
      <c r="B2898" s="13">
        <f>'申請書（複数入力用）'!AH2900</f>
        <v>0</v>
      </c>
      <c r="C2898" s="6">
        <f>'申請書（複数入力用）'!B2900</f>
        <v>0</v>
      </c>
      <c r="D2898" s="6">
        <f>'申請書（複数入力用）'!D2900</f>
        <v>0</v>
      </c>
      <c r="E2898" s="14">
        <f>'申請書（複数入力用）'!H2900</f>
        <v>0</v>
      </c>
      <c r="F2898" s="11" t="str">
        <f>'申請書（複数入力用）'!J2900</f>
        <v/>
      </c>
      <c r="G2898" s="6" t="str">
        <f>'申請書（複数入力用）'!K2900</f>
        <v>a052r000000jS9ZAAU</v>
      </c>
      <c r="H2898" s="12" t="e">
        <f>'申請書（複数入力用）'!N2900</f>
        <v>#N/A</v>
      </c>
      <c r="I2898" s="12" t="e">
        <f>'申請書（複数入力用）'!O2900</f>
        <v>#N/A</v>
      </c>
      <c r="J2898" s="12">
        <f>'申請書（複数入力用）'!P2900</f>
        <v>1</v>
      </c>
    </row>
    <row r="2899" spans="1:10" ht="51.6" customHeight="1" x14ac:dyDescent="0.45">
      <c r="A2899" s="6">
        <f>'申請書（複数入力用）'!A2901</f>
        <v>2895</v>
      </c>
      <c r="B2899" s="13">
        <f>'申請書（複数入力用）'!AH2901</f>
        <v>0</v>
      </c>
      <c r="C2899" s="6">
        <f>'申請書（複数入力用）'!B2901</f>
        <v>0</v>
      </c>
      <c r="D2899" s="6">
        <f>'申請書（複数入力用）'!D2901</f>
        <v>0</v>
      </c>
      <c r="E2899" s="14">
        <f>'申請書（複数入力用）'!H2901</f>
        <v>0</v>
      </c>
      <c r="F2899" s="11" t="str">
        <f>'申請書（複数入力用）'!J2901</f>
        <v/>
      </c>
      <c r="G2899" s="6" t="str">
        <f>'申請書（複数入力用）'!K2901</f>
        <v>a052r000000jS9ZAAU</v>
      </c>
      <c r="H2899" s="12" t="e">
        <f>'申請書（複数入力用）'!N2901</f>
        <v>#N/A</v>
      </c>
      <c r="I2899" s="12" t="e">
        <f>'申請書（複数入力用）'!O2901</f>
        <v>#N/A</v>
      </c>
      <c r="J2899" s="12">
        <f>'申請書（複数入力用）'!P2901</f>
        <v>1</v>
      </c>
    </row>
    <row r="2900" spans="1:10" ht="51.6" customHeight="1" x14ac:dyDescent="0.45">
      <c r="A2900" s="6">
        <f>'申請書（複数入力用）'!A2902</f>
        <v>2896</v>
      </c>
      <c r="B2900" s="13">
        <f>'申請書（複数入力用）'!AH2902</f>
        <v>0</v>
      </c>
      <c r="C2900" s="6">
        <f>'申請書（複数入力用）'!B2902</f>
        <v>0</v>
      </c>
      <c r="D2900" s="6">
        <f>'申請書（複数入力用）'!D2902</f>
        <v>0</v>
      </c>
      <c r="E2900" s="14">
        <f>'申請書（複数入力用）'!H2902</f>
        <v>0</v>
      </c>
      <c r="F2900" s="11" t="str">
        <f>'申請書（複数入力用）'!J2902</f>
        <v/>
      </c>
      <c r="G2900" s="6" t="str">
        <f>'申請書（複数入力用）'!K2902</f>
        <v>a052r000000jS9ZAAU</v>
      </c>
      <c r="H2900" s="12" t="e">
        <f>'申請書（複数入力用）'!N2902</f>
        <v>#N/A</v>
      </c>
      <c r="I2900" s="12" t="e">
        <f>'申請書（複数入力用）'!O2902</f>
        <v>#N/A</v>
      </c>
      <c r="J2900" s="12">
        <f>'申請書（複数入力用）'!P2902</f>
        <v>1</v>
      </c>
    </row>
    <row r="2901" spans="1:10" ht="51.6" customHeight="1" x14ac:dyDescent="0.45">
      <c r="A2901" s="6">
        <f>'申請書（複数入力用）'!A2903</f>
        <v>2897</v>
      </c>
      <c r="B2901" s="13">
        <f>'申請書（複数入力用）'!AH2903</f>
        <v>0</v>
      </c>
      <c r="C2901" s="6">
        <f>'申請書（複数入力用）'!B2903</f>
        <v>0</v>
      </c>
      <c r="D2901" s="6">
        <f>'申請書（複数入力用）'!D2903</f>
        <v>0</v>
      </c>
      <c r="E2901" s="14">
        <f>'申請書（複数入力用）'!H2903</f>
        <v>0</v>
      </c>
      <c r="F2901" s="11" t="str">
        <f>'申請書（複数入力用）'!J2903</f>
        <v/>
      </c>
      <c r="G2901" s="6" t="str">
        <f>'申請書（複数入力用）'!K2903</f>
        <v>a052r000000jS9ZAAU</v>
      </c>
      <c r="H2901" s="12" t="e">
        <f>'申請書（複数入力用）'!N2903</f>
        <v>#N/A</v>
      </c>
      <c r="I2901" s="12" t="e">
        <f>'申請書（複数入力用）'!O2903</f>
        <v>#N/A</v>
      </c>
      <c r="J2901" s="12">
        <f>'申請書（複数入力用）'!P2903</f>
        <v>1</v>
      </c>
    </row>
    <row r="2902" spans="1:10" ht="51.6" customHeight="1" x14ac:dyDescent="0.45">
      <c r="A2902" s="6">
        <f>'申請書（複数入力用）'!A2904</f>
        <v>2898</v>
      </c>
      <c r="B2902" s="13">
        <f>'申請書（複数入力用）'!AH2904</f>
        <v>0</v>
      </c>
      <c r="C2902" s="6">
        <f>'申請書（複数入力用）'!B2904</f>
        <v>0</v>
      </c>
      <c r="D2902" s="6">
        <f>'申請書（複数入力用）'!D2904</f>
        <v>0</v>
      </c>
      <c r="E2902" s="14">
        <f>'申請書（複数入力用）'!H2904</f>
        <v>0</v>
      </c>
      <c r="F2902" s="11" t="str">
        <f>'申請書（複数入力用）'!J2904</f>
        <v/>
      </c>
      <c r="G2902" s="6" t="str">
        <f>'申請書（複数入力用）'!K2904</f>
        <v>a052r000000jS9ZAAU</v>
      </c>
      <c r="H2902" s="12" t="e">
        <f>'申請書（複数入力用）'!N2904</f>
        <v>#N/A</v>
      </c>
      <c r="I2902" s="12" t="e">
        <f>'申請書（複数入力用）'!O2904</f>
        <v>#N/A</v>
      </c>
      <c r="J2902" s="12">
        <f>'申請書（複数入力用）'!P2904</f>
        <v>1</v>
      </c>
    </row>
    <row r="2903" spans="1:10" ht="51.6" customHeight="1" x14ac:dyDescent="0.45">
      <c r="A2903" s="6">
        <f>'申請書（複数入力用）'!A2905</f>
        <v>2899</v>
      </c>
      <c r="B2903" s="13">
        <f>'申請書（複数入力用）'!AH2905</f>
        <v>0</v>
      </c>
      <c r="C2903" s="6">
        <f>'申請書（複数入力用）'!B2905</f>
        <v>0</v>
      </c>
      <c r="D2903" s="6">
        <f>'申請書（複数入力用）'!D2905</f>
        <v>0</v>
      </c>
      <c r="E2903" s="14">
        <f>'申請書（複数入力用）'!H2905</f>
        <v>0</v>
      </c>
      <c r="F2903" s="11" t="str">
        <f>'申請書（複数入力用）'!J2905</f>
        <v/>
      </c>
      <c r="G2903" s="6" t="str">
        <f>'申請書（複数入力用）'!K2905</f>
        <v>a052r000000jS9ZAAU</v>
      </c>
      <c r="H2903" s="12" t="e">
        <f>'申請書（複数入力用）'!N2905</f>
        <v>#N/A</v>
      </c>
      <c r="I2903" s="12" t="e">
        <f>'申請書（複数入力用）'!O2905</f>
        <v>#N/A</v>
      </c>
      <c r="J2903" s="12">
        <f>'申請書（複数入力用）'!P2905</f>
        <v>1</v>
      </c>
    </row>
    <row r="2904" spans="1:10" ht="51.6" customHeight="1" x14ac:dyDescent="0.45">
      <c r="A2904" s="6">
        <f>'申請書（複数入力用）'!A2906</f>
        <v>2900</v>
      </c>
      <c r="B2904" s="13">
        <f>'申請書（複数入力用）'!AH2906</f>
        <v>0</v>
      </c>
      <c r="C2904" s="6">
        <f>'申請書（複数入力用）'!B2906</f>
        <v>0</v>
      </c>
      <c r="D2904" s="6">
        <f>'申請書（複数入力用）'!D2906</f>
        <v>0</v>
      </c>
      <c r="E2904" s="14">
        <f>'申請書（複数入力用）'!H2906</f>
        <v>0</v>
      </c>
      <c r="F2904" s="11" t="str">
        <f>'申請書（複数入力用）'!J2906</f>
        <v/>
      </c>
      <c r="G2904" s="6" t="str">
        <f>'申請書（複数入力用）'!K2906</f>
        <v>a052r000000jS9ZAAU</v>
      </c>
      <c r="H2904" s="12" t="e">
        <f>'申請書（複数入力用）'!N2906</f>
        <v>#N/A</v>
      </c>
      <c r="I2904" s="12" t="e">
        <f>'申請書（複数入力用）'!O2906</f>
        <v>#N/A</v>
      </c>
      <c r="J2904" s="12">
        <f>'申請書（複数入力用）'!P2906</f>
        <v>1</v>
      </c>
    </row>
    <row r="2905" spans="1:10" ht="51.6" customHeight="1" x14ac:dyDescent="0.45">
      <c r="A2905" s="6">
        <f>'申請書（複数入力用）'!A2907</f>
        <v>2901</v>
      </c>
      <c r="B2905" s="13">
        <f>'申請書（複数入力用）'!AH2907</f>
        <v>0</v>
      </c>
      <c r="C2905" s="6">
        <f>'申請書（複数入力用）'!B2907</f>
        <v>0</v>
      </c>
      <c r="D2905" s="6">
        <f>'申請書（複数入力用）'!D2907</f>
        <v>0</v>
      </c>
      <c r="E2905" s="14">
        <f>'申請書（複数入力用）'!H2907</f>
        <v>0</v>
      </c>
      <c r="F2905" s="11" t="str">
        <f>'申請書（複数入力用）'!J2907</f>
        <v/>
      </c>
      <c r="G2905" s="6" t="str">
        <f>'申請書（複数入力用）'!K2907</f>
        <v>a052r000000jS9ZAAU</v>
      </c>
      <c r="H2905" s="12" t="e">
        <f>'申請書（複数入力用）'!N2907</f>
        <v>#N/A</v>
      </c>
      <c r="I2905" s="12" t="e">
        <f>'申請書（複数入力用）'!O2907</f>
        <v>#N/A</v>
      </c>
      <c r="J2905" s="12">
        <f>'申請書（複数入力用）'!P2907</f>
        <v>1</v>
      </c>
    </row>
    <row r="2906" spans="1:10" ht="51.6" customHeight="1" x14ac:dyDescent="0.45">
      <c r="A2906" s="6">
        <f>'申請書（複数入力用）'!A2908</f>
        <v>2902</v>
      </c>
      <c r="B2906" s="13">
        <f>'申請書（複数入力用）'!AH2908</f>
        <v>0</v>
      </c>
      <c r="C2906" s="6">
        <f>'申請書（複数入力用）'!B2908</f>
        <v>0</v>
      </c>
      <c r="D2906" s="6">
        <f>'申請書（複数入力用）'!D2908</f>
        <v>0</v>
      </c>
      <c r="E2906" s="14">
        <f>'申請書（複数入力用）'!H2908</f>
        <v>0</v>
      </c>
      <c r="F2906" s="11" t="str">
        <f>'申請書（複数入力用）'!J2908</f>
        <v/>
      </c>
      <c r="G2906" s="6" t="str">
        <f>'申請書（複数入力用）'!K2908</f>
        <v>a052r000000jS9ZAAU</v>
      </c>
      <c r="H2906" s="12" t="e">
        <f>'申請書（複数入力用）'!N2908</f>
        <v>#N/A</v>
      </c>
      <c r="I2906" s="12" t="e">
        <f>'申請書（複数入力用）'!O2908</f>
        <v>#N/A</v>
      </c>
      <c r="J2906" s="12">
        <f>'申請書（複数入力用）'!P2908</f>
        <v>1</v>
      </c>
    </row>
    <row r="2907" spans="1:10" ht="51.6" customHeight="1" x14ac:dyDescent="0.45">
      <c r="A2907" s="6">
        <f>'申請書（複数入力用）'!A2909</f>
        <v>2903</v>
      </c>
      <c r="B2907" s="13">
        <f>'申請書（複数入力用）'!AH2909</f>
        <v>0</v>
      </c>
      <c r="C2907" s="6">
        <f>'申請書（複数入力用）'!B2909</f>
        <v>0</v>
      </c>
      <c r="D2907" s="6">
        <f>'申請書（複数入力用）'!D2909</f>
        <v>0</v>
      </c>
      <c r="E2907" s="14">
        <f>'申請書（複数入力用）'!H2909</f>
        <v>0</v>
      </c>
      <c r="F2907" s="11" t="str">
        <f>'申請書（複数入力用）'!J2909</f>
        <v/>
      </c>
      <c r="G2907" s="6" t="str">
        <f>'申請書（複数入力用）'!K2909</f>
        <v>a052r000000jS9ZAAU</v>
      </c>
      <c r="H2907" s="12" t="e">
        <f>'申請書（複数入力用）'!N2909</f>
        <v>#N/A</v>
      </c>
      <c r="I2907" s="12" t="e">
        <f>'申請書（複数入力用）'!O2909</f>
        <v>#N/A</v>
      </c>
      <c r="J2907" s="12">
        <f>'申請書（複数入力用）'!P2909</f>
        <v>1</v>
      </c>
    </row>
    <row r="2908" spans="1:10" ht="51.6" customHeight="1" x14ac:dyDescent="0.45">
      <c r="A2908" s="6">
        <f>'申請書（複数入力用）'!A2910</f>
        <v>2904</v>
      </c>
      <c r="B2908" s="13">
        <f>'申請書（複数入力用）'!AH2910</f>
        <v>0</v>
      </c>
      <c r="C2908" s="6">
        <f>'申請書（複数入力用）'!B2910</f>
        <v>0</v>
      </c>
      <c r="D2908" s="6">
        <f>'申請書（複数入力用）'!D2910</f>
        <v>0</v>
      </c>
      <c r="E2908" s="14">
        <f>'申請書（複数入力用）'!H2910</f>
        <v>0</v>
      </c>
      <c r="F2908" s="11" t="str">
        <f>'申請書（複数入力用）'!J2910</f>
        <v/>
      </c>
      <c r="G2908" s="6" t="str">
        <f>'申請書（複数入力用）'!K2910</f>
        <v>a052r000000jS9ZAAU</v>
      </c>
      <c r="H2908" s="12" t="e">
        <f>'申請書（複数入力用）'!N2910</f>
        <v>#N/A</v>
      </c>
      <c r="I2908" s="12" t="e">
        <f>'申請書（複数入力用）'!O2910</f>
        <v>#N/A</v>
      </c>
      <c r="J2908" s="12">
        <f>'申請書（複数入力用）'!P2910</f>
        <v>1</v>
      </c>
    </row>
    <row r="2909" spans="1:10" ht="51.6" customHeight="1" x14ac:dyDescent="0.45">
      <c r="A2909" s="6">
        <f>'申請書（複数入力用）'!A2911</f>
        <v>2905</v>
      </c>
      <c r="B2909" s="13">
        <f>'申請書（複数入力用）'!AH2911</f>
        <v>0</v>
      </c>
      <c r="C2909" s="6">
        <f>'申請書（複数入力用）'!B2911</f>
        <v>0</v>
      </c>
      <c r="D2909" s="6">
        <f>'申請書（複数入力用）'!D2911</f>
        <v>0</v>
      </c>
      <c r="E2909" s="14">
        <f>'申請書（複数入力用）'!H2911</f>
        <v>0</v>
      </c>
      <c r="F2909" s="11" t="str">
        <f>'申請書（複数入力用）'!J2911</f>
        <v/>
      </c>
      <c r="G2909" s="6" t="str">
        <f>'申請書（複数入力用）'!K2911</f>
        <v>a052r000000jS9ZAAU</v>
      </c>
      <c r="H2909" s="12" t="e">
        <f>'申請書（複数入力用）'!N2911</f>
        <v>#N/A</v>
      </c>
      <c r="I2909" s="12" t="e">
        <f>'申請書（複数入力用）'!O2911</f>
        <v>#N/A</v>
      </c>
      <c r="J2909" s="12">
        <f>'申請書（複数入力用）'!P2911</f>
        <v>1</v>
      </c>
    </row>
    <row r="2910" spans="1:10" ht="51.6" customHeight="1" x14ac:dyDescent="0.45">
      <c r="A2910" s="6">
        <f>'申請書（複数入力用）'!A2912</f>
        <v>2906</v>
      </c>
      <c r="B2910" s="13">
        <f>'申請書（複数入力用）'!AH2912</f>
        <v>0</v>
      </c>
      <c r="C2910" s="6">
        <f>'申請書（複数入力用）'!B2912</f>
        <v>0</v>
      </c>
      <c r="D2910" s="6">
        <f>'申請書（複数入力用）'!D2912</f>
        <v>0</v>
      </c>
      <c r="E2910" s="14">
        <f>'申請書（複数入力用）'!H2912</f>
        <v>0</v>
      </c>
      <c r="F2910" s="11" t="str">
        <f>'申請書（複数入力用）'!J2912</f>
        <v/>
      </c>
      <c r="G2910" s="6" t="str">
        <f>'申請書（複数入力用）'!K2912</f>
        <v>a052r000000jS9ZAAU</v>
      </c>
      <c r="H2910" s="12" t="e">
        <f>'申請書（複数入力用）'!N2912</f>
        <v>#N/A</v>
      </c>
      <c r="I2910" s="12" t="e">
        <f>'申請書（複数入力用）'!O2912</f>
        <v>#N/A</v>
      </c>
      <c r="J2910" s="12">
        <f>'申請書（複数入力用）'!P2912</f>
        <v>1</v>
      </c>
    </row>
    <row r="2911" spans="1:10" ht="51.6" customHeight="1" x14ac:dyDescent="0.45">
      <c r="A2911" s="6">
        <f>'申請書（複数入力用）'!A2913</f>
        <v>2907</v>
      </c>
      <c r="B2911" s="13">
        <f>'申請書（複数入力用）'!AH2913</f>
        <v>0</v>
      </c>
      <c r="C2911" s="6">
        <f>'申請書（複数入力用）'!B2913</f>
        <v>0</v>
      </c>
      <c r="D2911" s="6">
        <f>'申請書（複数入力用）'!D2913</f>
        <v>0</v>
      </c>
      <c r="E2911" s="14">
        <f>'申請書（複数入力用）'!H2913</f>
        <v>0</v>
      </c>
      <c r="F2911" s="11" t="str">
        <f>'申請書（複数入力用）'!J2913</f>
        <v/>
      </c>
      <c r="G2911" s="6" t="str">
        <f>'申請書（複数入力用）'!K2913</f>
        <v>a052r000000jS9ZAAU</v>
      </c>
      <c r="H2911" s="12" t="e">
        <f>'申請書（複数入力用）'!N2913</f>
        <v>#N/A</v>
      </c>
      <c r="I2911" s="12" t="e">
        <f>'申請書（複数入力用）'!O2913</f>
        <v>#N/A</v>
      </c>
      <c r="J2911" s="12">
        <f>'申請書（複数入力用）'!P2913</f>
        <v>1</v>
      </c>
    </row>
    <row r="2912" spans="1:10" ht="51.6" customHeight="1" x14ac:dyDescent="0.45">
      <c r="A2912" s="6">
        <f>'申請書（複数入力用）'!A2914</f>
        <v>2908</v>
      </c>
      <c r="B2912" s="13">
        <f>'申請書（複数入力用）'!AH2914</f>
        <v>0</v>
      </c>
      <c r="C2912" s="6">
        <f>'申請書（複数入力用）'!B2914</f>
        <v>0</v>
      </c>
      <c r="D2912" s="6">
        <f>'申請書（複数入力用）'!D2914</f>
        <v>0</v>
      </c>
      <c r="E2912" s="14">
        <f>'申請書（複数入力用）'!H2914</f>
        <v>0</v>
      </c>
      <c r="F2912" s="11" t="str">
        <f>'申請書（複数入力用）'!J2914</f>
        <v/>
      </c>
      <c r="G2912" s="6" t="str">
        <f>'申請書（複数入力用）'!K2914</f>
        <v>a052r000000jS9ZAAU</v>
      </c>
      <c r="H2912" s="12" t="e">
        <f>'申請書（複数入力用）'!N2914</f>
        <v>#N/A</v>
      </c>
      <c r="I2912" s="12" t="e">
        <f>'申請書（複数入力用）'!O2914</f>
        <v>#N/A</v>
      </c>
      <c r="J2912" s="12">
        <f>'申請書（複数入力用）'!P2914</f>
        <v>1</v>
      </c>
    </row>
    <row r="2913" spans="1:10" ht="51.6" customHeight="1" x14ac:dyDescent="0.45">
      <c r="A2913" s="6">
        <f>'申請書（複数入力用）'!A2915</f>
        <v>2909</v>
      </c>
      <c r="B2913" s="13">
        <f>'申請書（複数入力用）'!AH2915</f>
        <v>0</v>
      </c>
      <c r="C2913" s="6">
        <f>'申請書（複数入力用）'!B2915</f>
        <v>0</v>
      </c>
      <c r="D2913" s="6">
        <f>'申請書（複数入力用）'!D2915</f>
        <v>0</v>
      </c>
      <c r="E2913" s="14">
        <f>'申請書（複数入力用）'!H2915</f>
        <v>0</v>
      </c>
      <c r="F2913" s="11" t="str">
        <f>'申請書（複数入力用）'!J2915</f>
        <v/>
      </c>
      <c r="G2913" s="6" t="str">
        <f>'申請書（複数入力用）'!K2915</f>
        <v>a052r000000jS9ZAAU</v>
      </c>
      <c r="H2913" s="12" t="e">
        <f>'申請書（複数入力用）'!N2915</f>
        <v>#N/A</v>
      </c>
      <c r="I2913" s="12" t="e">
        <f>'申請書（複数入力用）'!O2915</f>
        <v>#N/A</v>
      </c>
      <c r="J2913" s="12">
        <f>'申請書（複数入力用）'!P2915</f>
        <v>1</v>
      </c>
    </row>
    <row r="2914" spans="1:10" ht="51.6" customHeight="1" x14ac:dyDescent="0.45">
      <c r="A2914" s="6">
        <f>'申請書（複数入力用）'!A2916</f>
        <v>2910</v>
      </c>
      <c r="B2914" s="13">
        <f>'申請書（複数入力用）'!AH2916</f>
        <v>0</v>
      </c>
      <c r="C2914" s="6">
        <f>'申請書（複数入力用）'!B2916</f>
        <v>0</v>
      </c>
      <c r="D2914" s="6">
        <f>'申請書（複数入力用）'!D2916</f>
        <v>0</v>
      </c>
      <c r="E2914" s="14">
        <f>'申請書（複数入力用）'!H2916</f>
        <v>0</v>
      </c>
      <c r="F2914" s="11" t="str">
        <f>'申請書（複数入力用）'!J2916</f>
        <v/>
      </c>
      <c r="G2914" s="6" t="str">
        <f>'申請書（複数入力用）'!K2916</f>
        <v>a052r000000jS9ZAAU</v>
      </c>
      <c r="H2914" s="12" t="e">
        <f>'申請書（複数入力用）'!N2916</f>
        <v>#N/A</v>
      </c>
      <c r="I2914" s="12" t="e">
        <f>'申請書（複数入力用）'!O2916</f>
        <v>#N/A</v>
      </c>
      <c r="J2914" s="12">
        <f>'申請書（複数入力用）'!P2916</f>
        <v>1</v>
      </c>
    </row>
    <row r="2915" spans="1:10" ht="51.6" customHeight="1" x14ac:dyDescent="0.45">
      <c r="A2915" s="6">
        <f>'申請書（複数入力用）'!A2917</f>
        <v>2911</v>
      </c>
      <c r="B2915" s="13">
        <f>'申請書（複数入力用）'!AH2917</f>
        <v>0</v>
      </c>
      <c r="C2915" s="6">
        <f>'申請書（複数入力用）'!B2917</f>
        <v>0</v>
      </c>
      <c r="D2915" s="6">
        <f>'申請書（複数入力用）'!D2917</f>
        <v>0</v>
      </c>
      <c r="E2915" s="14">
        <f>'申請書（複数入力用）'!H2917</f>
        <v>0</v>
      </c>
      <c r="F2915" s="11" t="str">
        <f>'申請書（複数入力用）'!J2917</f>
        <v/>
      </c>
      <c r="G2915" s="6" t="str">
        <f>'申請書（複数入力用）'!K2917</f>
        <v>a052r000000jS9ZAAU</v>
      </c>
      <c r="H2915" s="12" t="e">
        <f>'申請書（複数入力用）'!N2917</f>
        <v>#N/A</v>
      </c>
      <c r="I2915" s="12" t="e">
        <f>'申請書（複数入力用）'!O2917</f>
        <v>#N/A</v>
      </c>
      <c r="J2915" s="12">
        <f>'申請書（複数入力用）'!P2917</f>
        <v>1</v>
      </c>
    </row>
    <row r="2916" spans="1:10" ht="51.6" customHeight="1" x14ac:dyDescent="0.45">
      <c r="A2916" s="6">
        <f>'申請書（複数入力用）'!A2918</f>
        <v>2912</v>
      </c>
      <c r="B2916" s="13">
        <f>'申請書（複数入力用）'!AH2918</f>
        <v>0</v>
      </c>
      <c r="C2916" s="6">
        <f>'申請書（複数入力用）'!B2918</f>
        <v>0</v>
      </c>
      <c r="D2916" s="6">
        <f>'申請書（複数入力用）'!D2918</f>
        <v>0</v>
      </c>
      <c r="E2916" s="14">
        <f>'申請書（複数入力用）'!H2918</f>
        <v>0</v>
      </c>
      <c r="F2916" s="11" t="str">
        <f>'申請書（複数入力用）'!J2918</f>
        <v/>
      </c>
      <c r="G2916" s="6" t="str">
        <f>'申請書（複数入力用）'!K2918</f>
        <v>a052r000000jS9ZAAU</v>
      </c>
      <c r="H2916" s="12" t="e">
        <f>'申請書（複数入力用）'!N2918</f>
        <v>#N/A</v>
      </c>
      <c r="I2916" s="12" t="e">
        <f>'申請書（複数入力用）'!O2918</f>
        <v>#N/A</v>
      </c>
      <c r="J2916" s="12">
        <f>'申請書（複数入力用）'!P2918</f>
        <v>1</v>
      </c>
    </row>
    <row r="2917" spans="1:10" ht="51.6" customHeight="1" x14ac:dyDescent="0.45">
      <c r="A2917" s="6">
        <f>'申請書（複数入力用）'!A2919</f>
        <v>2913</v>
      </c>
      <c r="B2917" s="13">
        <f>'申請書（複数入力用）'!AH2919</f>
        <v>0</v>
      </c>
      <c r="C2917" s="6">
        <f>'申請書（複数入力用）'!B2919</f>
        <v>0</v>
      </c>
      <c r="D2917" s="6">
        <f>'申請書（複数入力用）'!D2919</f>
        <v>0</v>
      </c>
      <c r="E2917" s="14">
        <f>'申請書（複数入力用）'!H2919</f>
        <v>0</v>
      </c>
      <c r="F2917" s="11" t="str">
        <f>'申請書（複数入力用）'!J2919</f>
        <v/>
      </c>
      <c r="G2917" s="6" t="str">
        <f>'申請書（複数入力用）'!K2919</f>
        <v>a052r000000jS9ZAAU</v>
      </c>
      <c r="H2917" s="12" t="e">
        <f>'申請書（複数入力用）'!N2919</f>
        <v>#N/A</v>
      </c>
      <c r="I2917" s="12" t="e">
        <f>'申請書（複数入力用）'!O2919</f>
        <v>#N/A</v>
      </c>
      <c r="J2917" s="12">
        <f>'申請書（複数入力用）'!P2919</f>
        <v>1</v>
      </c>
    </row>
    <row r="2918" spans="1:10" ht="51.6" customHeight="1" x14ac:dyDescent="0.45">
      <c r="A2918" s="6">
        <f>'申請書（複数入力用）'!A2920</f>
        <v>2914</v>
      </c>
      <c r="B2918" s="13">
        <f>'申請書（複数入力用）'!AH2920</f>
        <v>0</v>
      </c>
      <c r="C2918" s="6">
        <f>'申請書（複数入力用）'!B2920</f>
        <v>0</v>
      </c>
      <c r="D2918" s="6">
        <f>'申請書（複数入力用）'!D2920</f>
        <v>0</v>
      </c>
      <c r="E2918" s="14">
        <f>'申請書（複数入力用）'!H2920</f>
        <v>0</v>
      </c>
      <c r="F2918" s="11" t="str">
        <f>'申請書（複数入力用）'!J2920</f>
        <v/>
      </c>
      <c r="G2918" s="6" t="str">
        <f>'申請書（複数入力用）'!K2920</f>
        <v>a052r000000jS9ZAAU</v>
      </c>
      <c r="H2918" s="12" t="e">
        <f>'申請書（複数入力用）'!N2920</f>
        <v>#N/A</v>
      </c>
      <c r="I2918" s="12" t="e">
        <f>'申請書（複数入力用）'!O2920</f>
        <v>#N/A</v>
      </c>
      <c r="J2918" s="12">
        <f>'申請書（複数入力用）'!P2920</f>
        <v>1</v>
      </c>
    </row>
    <row r="2919" spans="1:10" ht="51.6" customHeight="1" x14ac:dyDescent="0.45">
      <c r="A2919" s="6">
        <f>'申請書（複数入力用）'!A2921</f>
        <v>2915</v>
      </c>
      <c r="B2919" s="13">
        <f>'申請書（複数入力用）'!AH2921</f>
        <v>0</v>
      </c>
      <c r="C2919" s="6">
        <f>'申請書（複数入力用）'!B2921</f>
        <v>0</v>
      </c>
      <c r="D2919" s="6">
        <f>'申請書（複数入力用）'!D2921</f>
        <v>0</v>
      </c>
      <c r="E2919" s="14">
        <f>'申請書（複数入力用）'!H2921</f>
        <v>0</v>
      </c>
      <c r="F2919" s="11" t="str">
        <f>'申請書（複数入力用）'!J2921</f>
        <v/>
      </c>
      <c r="G2919" s="6" t="str">
        <f>'申請書（複数入力用）'!K2921</f>
        <v>a052r000000jS9ZAAU</v>
      </c>
      <c r="H2919" s="12" t="e">
        <f>'申請書（複数入力用）'!N2921</f>
        <v>#N/A</v>
      </c>
      <c r="I2919" s="12" t="e">
        <f>'申請書（複数入力用）'!O2921</f>
        <v>#N/A</v>
      </c>
      <c r="J2919" s="12">
        <f>'申請書（複数入力用）'!P2921</f>
        <v>1</v>
      </c>
    </row>
    <row r="2920" spans="1:10" ht="51.6" customHeight="1" x14ac:dyDescent="0.45">
      <c r="A2920" s="6">
        <f>'申請書（複数入力用）'!A2922</f>
        <v>2916</v>
      </c>
      <c r="B2920" s="13">
        <f>'申請書（複数入力用）'!AH2922</f>
        <v>0</v>
      </c>
      <c r="C2920" s="6">
        <f>'申請書（複数入力用）'!B2922</f>
        <v>0</v>
      </c>
      <c r="D2920" s="6">
        <f>'申請書（複数入力用）'!D2922</f>
        <v>0</v>
      </c>
      <c r="E2920" s="14">
        <f>'申請書（複数入力用）'!H2922</f>
        <v>0</v>
      </c>
      <c r="F2920" s="11" t="str">
        <f>'申請書（複数入力用）'!J2922</f>
        <v/>
      </c>
      <c r="G2920" s="6" t="str">
        <f>'申請書（複数入力用）'!K2922</f>
        <v>a052r000000jS9ZAAU</v>
      </c>
      <c r="H2920" s="12" t="e">
        <f>'申請書（複数入力用）'!N2922</f>
        <v>#N/A</v>
      </c>
      <c r="I2920" s="12" t="e">
        <f>'申請書（複数入力用）'!O2922</f>
        <v>#N/A</v>
      </c>
      <c r="J2920" s="12">
        <f>'申請書（複数入力用）'!P2922</f>
        <v>1</v>
      </c>
    </row>
    <row r="2921" spans="1:10" ht="51.6" customHeight="1" x14ac:dyDescent="0.45">
      <c r="A2921" s="6">
        <f>'申請書（複数入力用）'!A2923</f>
        <v>2917</v>
      </c>
      <c r="B2921" s="13">
        <f>'申請書（複数入力用）'!AH2923</f>
        <v>0</v>
      </c>
      <c r="C2921" s="6">
        <f>'申請書（複数入力用）'!B2923</f>
        <v>0</v>
      </c>
      <c r="D2921" s="6">
        <f>'申請書（複数入力用）'!D2923</f>
        <v>0</v>
      </c>
      <c r="E2921" s="14">
        <f>'申請書（複数入力用）'!H2923</f>
        <v>0</v>
      </c>
      <c r="F2921" s="11" t="str">
        <f>'申請書（複数入力用）'!J2923</f>
        <v/>
      </c>
      <c r="G2921" s="6" t="str">
        <f>'申請書（複数入力用）'!K2923</f>
        <v>a052r000000jS9ZAAU</v>
      </c>
      <c r="H2921" s="12" t="e">
        <f>'申請書（複数入力用）'!N2923</f>
        <v>#N/A</v>
      </c>
      <c r="I2921" s="12" t="e">
        <f>'申請書（複数入力用）'!O2923</f>
        <v>#N/A</v>
      </c>
      <c r="J2921" s="12">
        <f>'申請書（複数入力用）'!P2923</f>
        <v>1</v>
      </c>
    </row>
    <row r="2922" spans="1:10" ht="51.6" customHeight="1" x14ac:dyDescent="0.45">
      <c r="A2922" s="6">
        <f>'申請書（複数入力用）'!A2924</f>
        <v>2918</v>
      </c>
      <c r="B2922" s="13">
        <f>'申請書（複数入力用）'!AH2924</f>
        <v>0</v>
      </c>
      <c r="C2922" s="6">
        <f>'申請書（複数入力用）'!B2924</f>
        <v>0</v>
      </c>
      <c r="D2922" s="6">
        <f>'申請書（複数入力用）'!D2924</f>
        <v>0</v>
      </c>
      <c r="E2922" s="14">
        <f>'申請書（複数入力用）'!H2924</f>
        <v>0</v>
      </c>
      <c r="F2922" s="11" t="str">
        <f>'申請書（複数入力用）'!J2924</f>
        <v/>
      </c>
      <c r="G2922" s="6" t="str">
        <f>'申請書（複数入力用）'!K2924</f>
        <v>a052r000000jS9ZAAU</v>
      </c>
      <c r="H2922" s="12" t="e">
        <f>'申請書（複数入力用）'!N2924</f>
        <v>#N/A</v>
      </c>
      <c r="I2922" s="12" t="e">
        <f>'申請書（複数入力用）'!O2924</f>
        <v>#N/A</v>
      </c>
      <c r="J2922" s="12">
        <f>'申請書（複数入力用）'!P2924</f>
        <v>1</v>
      </c>
    </row>
    <row r="2923" spans="1:10" ht="51.6" customHeight="1" x14ac:dyDescent="0.45">
      <c r="A2923" s="6">
        <f>'申請書（複数入力用）'!A2925</f>
        <v>2919</v>
      </c>
      <c r="B2923" s="13">
        <f>'申請書（複数入力用）'!AH2925</f>
        <v>0</v>
      </c>
      <c r="C2923" s="6">
        <f>'申請書（複数入力用）'!B2925</f>
        <v>0</v>
      </c>
      <c r="D2923" s="6">
        <f>'申請書（複数入力用）'!D2925</f>
        <v>0</v>
      </c>
      <c r="E2923" s="14">
        <f>'申請書（複数入力用）'!H2925</f>
        <v>0</v>
      </c>
      <c r="F2923" s="11" t="str">
        <f>'申請書（複数入力用）'!J2925</f>
        <v/>
      </c>
      <c r="G2923" s="6" t="str">
        <f>'申請書（複数入力用）'!K2925</f>
        <v>a052r000000jS9ZAAU</v>
      </c>
      <c r="H2923" s="12" t="e">
        <f>'申請書（複数入力用）'!N2925</f>
        <v>#N/A</v>
      </c>
      <c r="I2923" s="12" t="e">
        <f>'申請書（複数入力用）'!O2925</f>
        <v>#N/A</v>
      </c>
      <c r="J2923" s="12">
        <f>'申請書（複数入力用）'!P2925</f>
        <v>1</v>
      </c>
    </row>
    <row r="2924" spans="1:10" ht="51.6" customHeight="1" x14ac:dyDescent="0.45">
      <c r="A2924" s="6">
        <f>'申請書（複数入力用）'!A2926</f>
        <v>2920</v>
      </c>
      <c r="B2924" s="13">
        <f>'申請書（複数入力用）'!AH2926</f>
        <v>0</v>
      </c>
      <c r="C2924" s="6">
        <f>'申請書（複数入力用）'!B2926</f>
        <v>0</v>
      </c>
      <c r="D2924" s="6">
        <f>'申請書（複数入力用）'!D2926</f>
        <v>0</v>
      </c>
      <c r="E2924" s="14">
        <f>'申請書（複数入力用）'!H2926</f>
        <v>0</v>
      </c>
      <c r="F2924" s="11" t="str">
        <f>'申請書（複数入力用）'!J2926</f>
        <v/>
      </c>
      <c r="G2924" s="6" t="str">
        <f>'申請書（複数入力用）'!K2926</f>
        <v>a052r000000jS9ZAAU</v>
      </c>
      <c r="H2924" s="12" t="e">
        <f>'申請書（複数入力用）'!N2926</f>
        <v>#N/A</v>
      </c>
      <c r="I2924" s="12" t="e">
        <f>'申請書（複数入力用）'!O2926</f>
        <v>#N/A</v>
      </c>
      <c r="J2924" s="12">
        <f>'申請書（複数入力用）'!P2926</f>
        <v>1</v>
      </c>
    </row>
    <row r="2925" spans="1:10" ht="51.6" customHeight="1" x14ac:dyDescent="0.45">
      <c r="A2925" s="6">
        <f>'申請書（複数入力用）'!A2927</f>
        <v>2921</v>
      </c>
      <c r="B2925" s="13">
        <f>'申請書（複数入力用）'!AH2927</f>
        <v>0</v>
      </c>
      <c r="C2925" s="6">
        <f>'申請書（複数入力用）'!B2927</f>
        <v>0</v>
      </c>
      <c r="D2925" s="6">
        <f>'申請書（複数入力用）'!D2927</f>
        <v>0</v>
      </c>
      <c r="E2925" s="14">
        <f>'申請書（複数入力用）'!H2927</f>
        <v>0</v>
      </c>
      <c r="F2925" s="11" t="str">
        <f>'申請書（複数入力用）'!J2927</f>
        <v/>
      </c>
      <c r="G2925" s="6" t="str">
        <f>'申請書（複数入力用）'!K2927</f>
        <v>a052r000000jS9ZAAU</v>
      </c>
      <c r="H2925" s="12" t="e">
        <f>'申請書（複数入力用）'!N2927</f>
        <v>#N/A</v>
      </c>
      <c r="I2925" s="12" t="e">
        <f>'申請書（複数入力用）'!O2927</f>
        <v>#N/A</v>
      </c>
      <c r="J2925" s="12">
        <f>'申請書（複数入力用）'!P2927</f>
        <v>1</v>
      </c>
    </row>
    <row r="2926" spans="1:10" ht="51.6" customHeight="1" x14ac:dyDescent="0.45">
      <c r="A2926" s="6">
        <f>'申請書（複数入力用）'!A2928</f>
        <v>2922</v>
      </c>
      <c r="B2926" s="13">
        <f>'申請書（複数入力用）'!AH2928</f>
        <v>0</v>
      </c>
      <c r="C2926" s="6">
        <f>'申請書（複数入力用）'!B2928</f>
        <v>0</v>
      </c>
      <c r="D2926" s="6">
        <f>'申請書（複数入力用）'!D2928</f>
        <v>0</v>
      </c>
      <c r="E2926" s="14">
        <f>'申請書（複数入力用）'!H2928</f>
        <v>0</v>
      </c>
      <c r="F2926" s="11" t="str">
        <f>'申請書（複数入力用）'!J2928</f>
        <v/>
      </c>
      <c r="G2926" s="6" t="str">
        <f>'申請書（複数入力用）'!K2928</f>
        <v>a052r000000jS9ZAAU</v>
      </c>
      <c r="H2926" s="12" t="e">
        <f>'申請書（複数入力用）'!N2928</f>
        <v>#N/A</v>
      </c>
      <c r="I2926" s="12" t="e">
        <f>'申請書（複数入力用）'!O2928</f>
        <v>#N/A</v>
      </c>
      <c r="J2926" s="12">
        <f>'申請書（複数入力用）'!P2928</f>
        <v>1</v>
      </c>
    </row>
    <row r="2927" spans="1:10" ht="51.6" customHeight="1" x14ac:dyDescent="0.45">
      <c r="A2927" s="6">
        <f>'申請書（複数入力用）'!A2929</f>
        <v>2923</v>
      </c>
      <c r="B2927" s="13">
        <f>'申請書（複数入力用）'!AH2929</f>
        <v>0</v>
      </c>
      <c r="C2927" s="6">
        <f>'申請書（複数入力用）'!B2929</f>
        <v>0</v>
      </c>
      <c r="D2927" s="6">
        <f>'申請書（複数入力用）'!D2929</f>
        <v>0</v>
      </c>
      <c r="E2927" s="14">
        <f>'申請書（複数入力用）'!H2929</f>
        <v>0</v>
      </c>
      <c r="F2927" s="11" t="str">
        <f>'申請書（複数入力用）'!J2929</f>
        <v/>
      </c>
      <c r="G2927" s="6" t="str">
        <f>'申請書（複数入力用）'!K2929</f>
        <v>a052r000000jS9ZAAU</v>
      </c>
      <c r="H2927" s="12" t="e">
        <f>'申請書（複数入力用）'!N2929</f>
        <v>#N/A</v>
      </c>
      <c r="I2927" s="12" t="e">
        <f>'申請書（複数入力用）'!O2929</f>
        <v>#N/A</v>
      </c>
      <c r="J2927" s="12">
        <f>'申請書（複数入力用）'!P2929</f>
        <v>1</v>
      </c>
    </row>
    <row r="2928" spans="1:10" ht="51.6" customHeight="1" x14ac:dyDescent="0.45">
      <c r="A2928" s="6">
        <f>'申請書（複数入力用）'!A2930</f>
        <v>2924</v>
      </c>
      <c r="B2928" s="13">
        <f>'申請書（複数入力用）'!AH2930</f>
        <v>0</v>
      </c>
      <c r="C2928" s="6">
        <f>'申請書（複数入力用）'!B2930</f>
        <v>0</v>
      </c>
      <c r="D2928" s="6">
        <f>'申請書（複数入力用）'!D2930</f>
        <v>0</v>
      </c>
      <c r="E2928" s="14">
        <f>'申請書（複数入力用）'!H2930</f>
        <v>0</v>
      </c>
      <c r="F2928" s="11" t="str">
        <f>'申請書（複数入力用）'!J2930</f>
        <v/>
      </c>
      <c r="G2928" s="6" t="str">
        <f>'申請書（複数入力用）'!K2930</f>
        <v>a052r000000jS9ZAAU</v>
      </c>
      <c r="H2928" s="12" t="e">
        <f>'申請書（複数入力用）'!N2930</f>
        <v>#N/A</v>
      </c>
      <c r="I2928" s="12" t="e">
        <f>'申請書（複数入力用）'!O2930</f>
        <v>#N/A</v>
      </c>
      <c r="J2928" s="12">
        <f>'申請書（複数入力用）'!P2930</f>
        <v>1</v>
      </c>
    </row>
    <row r="2929" spans="1:10" ht="51.6" customHeight="1" x14ac:dyDescent="0.45">
      <c r="A2929" s="6">
        <f>'申請書（複数入力用）'!A2931</f>
        <v>2925</v>
      </c>
      <c r="B2929" s="13">
        <f>'申請書（複数入力用）'!AH2931</f>
        <v>0</v>
      </c>
      <c r="C2929" s="6">
        <f>'申請書（複数入力用）'!B2931</f>
        <v>0</v>
      </c>
      <c r="D2929" s="6">
        <f>'申請書（複数入力用）'!D2931</f>
        <v>0</v>
      </c>
      <c r="E2929" s="14">
        <f>'申請書（複数入力用）'!H2931</f>
        <v>0</v>
      </c>
      <c r="F2929" s="11" t="str">
        <f>'申請書（複数入力用）'!J2931</f>
        <v/>
      </c>
      <c r="G2929" s="6" t="str">
        <f>'申請書（複数入力用）'!K2931</f>
        <v>a052r000000jS9ZAAU</v>
      </c>
      <c r="H2929" s="12" t="e">
        <f>'申請書（複数入力用）'!N2931</f>
        <v>#N/A</v>
      </c>
      <c r="I2929" s="12" t="e">
        <f>'申請書（複数入力用）'!O2931</f>
        <v>#N/A</v>
      </c>
      <c r="J2929" s="12">
        <f>'申請書（複数入力用）'!P2931</f>
        <v>1</v>
      </c>
    </row>
    <row r="2930" spans="1:10" ht="51.6" customHeight="1" x14ac:dyDescent="0.45">
      <c r="A2930" s="6">
        <f>'申請書（複数入力用）'!A2932</f>
        <v>2926</v>
      </c>
      <c r="B2930" s="13">
        <f>'申請書（複数入力用）'!AH2932</f>
        <v>0</v>
      </c>
      <c r="C2930" s="6">
        <f>'申請書（複数入力用）'!B2932</f>
        <v>0</v>
      </c>
      <c r="D2930" s="6">
        <f>'申請書（複数入力用）'!D2932</f>
        <v>0</v>
      </c>
      <c r="E2930" s="14">
        <f>'申請書（複数入力用）'!H2932</f>
        <v>0</v>
      </c>
      <c r="F2930" s="11" t="str">
        <f>'申請書（複数入力用）'!J2932</f>
        <v/>
      </c>
      <c r="G2930" s="6" t="str">
        <f>'申請書（複数入力用）'!K2932</f>
        <v>a052r000000jS9ZAAU</v>
      </c>
      <c r="H2930" s="12" t="e">
        <f>'申請書（複数入力用）'!N2932</f>
        <v>#N/A</v>
      </c>
      <c r="I2930" s="12" t="e">
        <f>'申請書（複数入力用）'!O2932</f>
        <v>#N/A</v>
      </c>
      <c r="J2930" s="12">
        <f>'申請書（複数入力用）'!P2932</f>
        <v>1</v>
      </c>
    </row>
    <row r="2931" spans="1:10" ht="51.6" customHeight="1" x14ac:dyDescent="0.45">
      <c r="A2931" s="6">
        <f>'申請書（複数入力用）'!A2933</f>
        <v>2927</v>
      </c>
      <c r="B2931" s="13">
        <f>'申請書（複数入力用）'!AH2933</f>
        <v>0</v>
      </c>
      <c r="C2931" s="6">
        <f>'申請書（複数入力用）'!B2933</f>
        <v>0</v>
      </c>
      <c r="D2931" s="6">
        <f>'申請書（複数入力用）'!D2933</f>
        <v>0</v>
      </c>
      <c r="E2931" s="14">
        <f>'申請書（複数入力用）'!H2933</f>
        <v>0</v>
      </c>
      <c r="F2931" s="11" t="str">
        <f>'申請書（複数入力用）'!J2933</f>
        <v/>
      </c>
      <c r="G2931" s="6" t="str">
        <f>'申請書（複数入力用）'!K2933</f>
        <v>a052r000000jS9ZAAU</v>
      </c>
      <c r="H2931" s="12" t="e">
        <f>'申請書（複数入力用）'!N2933</f>
        <v>#N/A</v>
      </c>
      <c r="I2931" s="12" t="e">
        <f>'申請書（複数入力用）'!O2933</f>
        <v>#N/A</v>
      </c>
      <c r="J2931" s="12">
        <f>'申請書（複数入力用）'!P2933</f>
        <v>1</v>
      </c>
    </row>
    <row r="2932" spans="1:10" ht="51.6" customHeight="1" x14ac:dyDescent="0.45">
      <c r="A2932" s="6">
        <f>'申請書（複数入力用）'!A2934</f>
        <v>2928</v>
      </c>
      <c r="B2932" s="13">
        <f>'申請書（複数入力用）'!AH2934</f>
        <v>0</v>
      </c>
      <c r="C2932" s="6">
        <f>'申請書（複数入力用）'!B2934</f>
        <v>0</v>
      </c>
      <c r="D2932" s="6">
        <f>'申請書（複数入力用）'!D2934</f>
        <v>0</v>
      </c>
      <c r="E2932" s="14">
        <f>'申請書（複数入力用）'!H2934</f>
        <v>0</v>
      </c>
      <c r="F2932" s="11" t="str">
        <f>'申請書（複数入力用）'!J2934</f>
        <v/>
      </c>
      <c r="G2932" s="6" t="str">
        <f>'申請書（複数入力用）'!K2934</f>
        <v>a052r000000jS9ZAAU</v>
      </c>
      <c r="H2932" s="12" t="e">
        <f>'申請書（複数入力用）'!N2934</f>
        <v>#N/A</v>
      </c>
      <c r="I2932" s="12" t="e">
        <f>'申請書（複数入力用）'!O2934</f>
        <v>#N/A</v>
      </c>
      <c r="J2932" s="12">
        <f>'申請書（複数入力用）'!P2934</f>
        <v>1</v>
      </c>
    </row>
    <row r="2933" spans="1:10" ht="51.6" customHeight="1" x14ac:dyDescent="0.45">
      <c r="A2933" s="6">
        <f>'申請書（複数入力用）'!A2935</f>
        <v>2929</v>
      </c>
      <c r="B2933" s="13">
        <f>'申請書（複数入力用）'!AH2935</f>
        <v>0</v>
      </c>
      <c r="C2933" s="6">
        <f>'申請書（複数入力用）'!B2935</f>
        <v>0</v>
      </c>
      <c r="D2933" s="6">
        <f>'申請書（複数入力用）'!D2935</f>
        <v>0</v>
      </c>
      <c r="E2933" s="14">
        <f>'申請書（複数入力用）'!H2935</f>
        <v>0</v>
      </c>
      <c r="F2933" s="11" t="str">
        <f>'申請書（複数入力用）'!J2935</f>
        <v/>
      </c>
      <c r="G2933" s="6" t="str">
        <f>'申請書（複数入力用）'!K2935</f>
        <v>a052r000000jS9ZAAU</v>
      </c>
      <c r="H2933" s="12" t="e">
        <f>'申請書（複数入力用）'!N2935</f>
        <v>#N/A</v>
      </c>
      <c r="I2933" s="12" t="e">
        <f>'申請書（複数入力用）'!O2935</f>
        <v>#N/A</v>
      </c>
      <c r="J2933" s="12">
        <f>'申請書（複数入力用）'!P2935</f>
        <v>1</v>
      </c>
    </row>
    <row r="2934" spans="1:10" ht="51.6" customHeight="1" x14ac:dyDescent="0.45">
      <c r="A2934" s="6">
        <f>'申請書（複数入力用）'!A2936</f>
        <v>2930</v>
      </c>
      <c r="B2934" s="13">
        <f>'申請書（複数入力用）'!AH2936</f>
        <v>0</v>
      </c>
      <c r="C2934" s="6">
        <f>'申請書（複数入力用）'!B2936</f>
        <v>0</v>
      </c>
      <c r="D2934" s="6">
        <f>'申請書（複数入力用）'!D2936</f>
        <v>0</v>
      </c>
      <c r="E2934" s="14">
        <f>'申請書（複数入力用）'!H2936</f>
        <v>0</v>
      </c>
      <c r="F2934" s="11" t="str">
        <f>'申請書（複数入力用）'!J2936</f>
        <v/>
      </c>
      <c r="G2934" s="6" t="str">
        <f>'申請書（複数入力用）'!K2936</f>
        <v>a052r000000jS9ZAAU</v>
      </c>
      <c r="H2934" s="12" t="e">
        <f>'申請書（複数入力用）'!N2936</f>
        <v>#N/A</v>
      </c>
      <c r="I2934" s="12" t="e">
        <f>'申請書（複数入力用）'!O2936</f>
        <v>#N/A</v>
      </c>
      <c r="J2934" s="12">
        <f>'申請書（複数入力用）'!P2936</f>
        <v>1</v>
      </c>
    </row>
    <row r="2935" spans="1:10" ht="51.6" customHeight="1" x14ac:dyDescent="0.45">
      <c r="A2935" s="6">
        <f>'申請書（複数入力用）'!A2937</f>
        <v>2931</v>
      </c>
      <c r="B2935" s="13">
        <f>'申請書（複数入力用）'!AH2937</f>
        <v>0</v>
      </c>
      <c r="C2935" s="6">
        <f>'申請書（複数入力用）'!B2937</f>
        <v>0</v>
      </c>
      <c r="D2935" s="6">
        <f>'申請書（複数入力用）'!D2937</f>
        <v>0</v>
      </c>
      <c r="E2935" s="14">
        <f>'申請書（複数入力用）'!H2937</f>
        <v>0</v>
      </c>
      <c r="F2935" s="11" t="str">
        <f>'申請書（複数入力用）'!J2937</f>
        <v/>
      </c>
      <c r="G2935" s="6" t="str">
        <f>'申請書（複数入力用）'!K2937</f>
        <v>a052r000000jS9ZAAU</v>
      </c>
      <c r="H2935" s="12" t="e">
        <f>'申請書（複数入力用）'!N2937</f>
        <v>#N/A</v>
      </c>
      <c r="I2935" s="12" t="e">
        <f>'申請書（複数入力用）'!O2937</f>
        <v>#N/A</v>
      </c>
      <c r="J2935" s="12">
        <f>'申請書（複数入力用）'!P2937</f>
        <v>1</v>
      </c>
    </row>
    <row r="2936" spans="1:10" ht="51.6" customHeight="1" x14ac:dyDescent="0.45">
      <c r="A2936" s="6">
        <f>'申請書（複数入力用）'!A2938</f>
        <v>2932</v>
      </c>
      <c r="B2936" s="13">
        <f>'申請書（複数入力用）'!AH2938</f>
        <v>0</v>
      </c>
      <c r="C2936" s="6">
        <f>'申請書（複数入力用）'!B2938</f>
        <v>0</v>
      </c>
      <c r="D2936" s="6">
        <f>'申請書（複数入力用）'!D2938</f>
        <v>0</v>
      </c>
      <c r="E2936" s="14">
        <f>'申請書（複数入力用）'!H2938</f>
        <v>0</v>
      </c>
      <c r="F2936" s="11" t="str">
        <f>'申請書（複数入力用）'!J2938</f>
        <v/>
      </c>
      <c r="G2936" s="6" t="str">
        <f>'申請書（複数入力用）'!K2938</f>
        <v>a052r000000jS9ZAAU</v>
      </c>
      <c r="H2936" s="12" t="e">
        <f>'申請書（複数入力用）'!N2938</f>
        <v>#N/A</v>
      </c>
      <c r="I2936" s="12" t="e">
        <f>'申請書（複数入力用）'!O2938</f>
        <v>#N/A</v>
      </c>
      <c r="J2936" s="12">
        <f>'申請書（複数入力用）'!P2938</f>
        <v>1</v>
      </c>
    </row>
    <row r="2937" spans="1:10" ht="51.6" customHeight="1" x14ac:dyDescent="0.45">
      <c r="A2937" s="6">
        <f>'申請書（複数入力用）'!A2939</f>
        <v>2933</v>
      </c>
      <c r="B2937" s="13">
        <f>'申請書（複数入力用）'!AH2939</f>
        <v>0</v>
      </c>
      <c r="C2937" s="6">
        <f>'申請書（複数入力用）'!B2939</f>
        <v>0</v>
      </c>
      <c r="D2937" s="6">
        <f>'申請書（複数入力用）'!D2939</f>
        <v>0</v>
      </c>
      <c r="E2937" s="14">
        <f>'申請書（複数入力用）'!H2939</f>
        <v>0</v>
      </c>
      <c r="F2937" s="11" t="str">
        <f>'申請書（複数入力用）'!J2939</f>
        <v/>
      </c>
      <c r="G2937" s="6" t="str">
        <f>'申請書（複数入力用）'!K2939</f>
        <v>a052r000000jS9ZAAU</v>
      </c>
      <c r="H2937" s="12" t="e">
        <f>'申請書（複数入力用）'!N2939</f>
        <v>#N/A</v>
      </c>
      <c r="I2937" s="12" t="e">
        <f>'申請書（複数入力用）'!O2939</f>
        <v>#N/A</v>
      </c>
      <c r="J2937" s="12">
        <f>'申請書（複数入力用）'!P2939</f>
        <v>1</v>
      </c>
    </row>
    <row r="2938" spans="1:10" ht="51.6" customHeight="1" x14ac:dyDescent="0.45">
      <c r="A2938" s="6">
        <f>'申請書（複数入力用）'!A2940</f>
        <v>2934</v>
      </c>
      <c r="B2938" s="13">
        <f>'申請書（複数入力用）'!AH2940</f>
        <v>0</v>
      </c>
      <c r="C2938" s="6">
        <f>'申請書（複数入力用）'!B2940</f>
        <v>0</v>
      </c>
      <c r="D2938" s="6">
        <f>'申請書（複数入力用）'!D2940</f>
        <v>0</v>
      </c>
      <c r="E2938" s="14">
        <f>'申請書（複数入力用）'!H2940</f>
        <v>0</v>
      </c>
      <c r="F2938" s="11" t="str">
        <f>'申請書（複数入力用）'!J2940</f>
        <v/>
      </c>
      <c r="G2938" s="6" t="str">
        <f>'申請書（複数入力用）'!K2940</f>
        <v>a052r000000jS9ZAAU</v>
      </c>
      <c r="H2938" s="12" t="e">
        <f>'申請書（複数入力用）'!N2940</f>
        <v>#N/A</v>
      </c>
      <c r="I2938" s="12" t="e">
        <f>'申請書（複数入力用）'!O2940</f>
        <v>#N/A</v>
      </c>
      <c r="J2938" s="12">
        <f>'申請書（複数入力用）'!P2940</f>
        <v>1</v>
      </c>
    </row>
    <row r="2939" spans="1:10" ht="51.6" customHeight="1" x14ac:dyDescent="0.45">
      <c r="A2939" s="6">
        <f>'申請書（複数入力用）'!A2941</f>
        <v>2935</v>
      </c>
      <c r="B2939" s="13">
        <f>'申請書（複数入力用）'!AH2941</f>
        <v>0</v>
      </c>
      <c r="C2939" s="6">
        <f>'申請書（複数入力用）'!B2941</f>
        <v>0</v>
      </c>
      <c r="D2939" s="6">
        <f>'申請書（複数入力用）'!D2941</f>
        <v>0</v>
      </c>
      <c r="E2939" s="14">
        <f>'申請書（複数入力用）'!H2941</f>
        <v>0</v>
      </c>
      <c r="F2939" s="11" t="str">
        <f>'申請書（複数入力用）'!J2941</f>
        <v/>
      </c>
      <c r="G2939" s="6" t="str">
        <f>'申請書（複数入力用）'!K2941</f>
        <v>a052r000000jS9ZAAU</v>
      </c>
      <c r="H2939" s="12" t="e">
        <f>'申請書（複数入力用）'!N2941</f>
        <v>#N/A</v>
      </c>
      <c r="I2939" s="12" t="e">
        <f>'申請書（複数入力用）'!O2941</f>
        <v>#N/A</v>
      </c>
      <c r="J2939" s="12">
        <f>'申請書（複数入力用）'!P2941</f>
        <v>1</v>
      </c>
    </row>
    <row r="2940" spans="1:10" ht="51.6" customHeight="1" x14ac:dyDescent="0.45">
      <c r="A2940" s="6">
        <f>'申請書（複数入力用）'!A2942</f>
        <v>2936</v>
      </c>
      <c r="B2940" s="13">
        <f>'申請書（複数入力用）'!AH2942</f>
        <v>0</v>
      </c>
      <c r="C2940" s="6">
        <f>'申請書（複数入力用）'!B2942</f>
        <v>0</v>
      </c>
      <c r="D2940" s="6">
        <f>'申請書（複数入力用）'!D2942</f>
        <v>0</v>
      </c>
      <c r="E2940" s="14">
        <f>'申請書（複数入力用）'!H2942</f>
        <v>0</v>
      </c>
      <c r="F2940" s="11" t="str">
        <f>'申請書（複数入力用）'!J2942</f>
        <v/>
      </c>
      <c r="G2940" s="6" t="str">
        <f>'申請書（複数入力用）'!K2942</f>
        <v>a052r000000jS9ZAAU</v>
      </c>
      <c r="H2940" s="12" t="e">
        <f>'申請書（複数入力用）'!N2942</f>
        <v>#N/A</v>
      </c>
      <c r="I2940" s="12" t="e">
        <f>'申請書（複数入力用）'!O2942</f>
        <v>#N/A</v>
      </c>
      <c r="J2940" s="12">
        <f>'申請書（複数入力用）'!P2942</f>
        <v>1</v>
      </c>
    </row>
    <row r="2941" spans="1:10" ht="51.6" customHeight="1" x14ac:dyDescent="0.45">
      <c r="A2941" s="6">
        <f>'申請書（複数入力用）'!A2943</f>
        <v>2937</v>
      </c>
      <c r="B2941" s="13">
        <f>'申請書（複数入力用）'!AH2943</f>
        <v>0</v>
      </c>
      <c r="C2941" s="6">
        <f>'申請書（複数入力用）'!B2943</f>
        <v>0</v>
      </c>
      <c r="D2941" s="6">
        <f>'申請書（複数入力用）'!D2943</f>
        <v>0</v>
      </c>
      <c r="E2941" s="14">
        <f>'申請書（複数入力用）'!H2943</f>
        <v>0</v>
      </c>
      <c r="F2941" s="11" t="str">
        <f>'申請書（複数入力用）'!J2943</f>
        <v/>
      </c>
      <c r="G2941" s="6" t="str">
        <f>'申請書（複数入力用）'!K2943</f>
        <v>a052r000000jS9ZAAU</v>
      </c>
      <c r="H2941" s="12" t="e">
        <f>'申請書（複数入力用）'!N2943</f>
        <v>#N/A</v>
      </c>
      <c r="I2941" s="12" t="e">
        <f>'申請書（複数入力用）'!O2943</f>
        <v>#N/A</v>
      </c>
      <c r="J2941" s="12">
        <f>'申請書（複数入力用）'!P2943</f>
        <v>1</v>
      </c>
    </row>
    <row r="2942" spans="1:10" ht="51.6" customHeight="1" x14ac:dyDescent="0.45">
      <c r="A2942" s="6">
        <f>'申請書（複数入力用）'!A2944</f>
        <v>2938</v>
      </c>
      <c r="B2942" s="13">
        <f>'申請書（複数入力用）'!AH2944</f>
        <v>0</v>
      </c>
      <c r="C2942" s="6">
        <f>'申請書（複数入力用）'!B2944</f>
        <v>0</v>
      </c>
      <c r="D2942" s="6">
        <f>'申請書（複数入力用）'!D2944</f>
        <v>0</v>
      </c>
      <c r="E2942" s="14">
        <f>'申請書（複数入力用）'!H2944</f>
        <v>0</v>
      </c>
      <c r="F2942" s="11" t="str">
        <f>'申請書（複数入力用）'!J2944</f>
        <v/>
      </c>
      <c r="G2942" s="6" t="str">
        <f>'申請書（複数入力用）'!K2944</f>
        <v>a052r000000jS9ZAAU</v>
      </c>
      <c r="H2942" s="12" t="e">
        <f>'申請書（複数入力用）'!N2944</f>
        <v>#N/A</v>
      </c>
      <c r="I2942" s="12" t="e">
        <f>'申請書（複数入力用）'!O2944</f>
        <v>#N/A</v>
      </c>
      <c r="J2942" s="12">
        <f>'申請書（複数入力用）'!P2944</f>
        <v>1</v>
      </c>
    </row>
    <row r="2943" spans="1:10" ht="51.6" customHeight="1" x14ac:dyDescent="0.45">
      <c r="A2943" s="6">
        <f>'申請書（複数入力用）'!A2945</f>
        <v>2939</v>
      </c>
      <c r="B2943" s="13">
        <f>'申請書（複数入力用）'!AH2945</f>
        <v>0</v>
      </c>
      <c r="C2943" s="6">
        <f>'申請書（複数入力用）'!B2945</f>
        <v>0</v>
      </c>
      <c r="D2943" s="6">
        <f>'申請書（複数入力用）'!D2945</f>
        <v>0</v>
      </c>
      <c r="E2943" s="14">
        <f>'申請書（複数入力用）'!H2945</f>
        <v>0</v>
      </c>
      <c r="F2943" s="11" t="str">
        <f>'申請書（複数入力用）'!J2945</f>
        <v/>
      </c>
      <c r="G2943" s="6" t="str">
        <f>'申請書（複数入力用）'!K2945</f>
        <v>a052r000000jS9ZAAU</v>
      </c>
      <c r="H2943" s="12" t="e">
        <f>'申請書（複数入力用）'!N2945</f>
        <v>#N/A</v>
      </c>
      <c r="I2943" s="12" t="e">
        <f>'申請書（複数入力用）'!O2945</f>
        <v>#N/A</v>
      </c>
      <c r="J2943" s="12">
        <f>'申請書（複数入力用）'!P2945</f>
        <v>1</v>
      </c>
    </row>
    <row r="2944" spans="1:10" ht="51.6" customHeight="1" x14ac:dyDescent="0.45">
      <c r="A2944" s="6">
        <f>'申請書（複数入力用）'!A2946</f>
        <v>2940</v>
      </c>
      <c r="B2944" s="13">
        <f>'申請書（複数入力用）'!AH2946</f>
        <v>0</v>
      </c>
      <c r="C2944" s="6">
        <f>'申請書（複数入力用）'!B2946</f>
        <v>0</v>
      </c>
      <c r="D2944" s="6">
        <f>'申請書（複数入力用）'!D2946</f>
        <v>0</v>
      </c>
      <c r="E2944" s="14">
        <f>'申請書（複数入力用）'!H2946</f>
        <v>0</v>
      </c>
      <c r="F2944" s="11" t="str">
        <f>'申請書（複数入力用）'!J2946</f>
        <v/>
      </c>
      <c r="G2944" s="6" t="str">
        <f>'申請書（複数入力用）'!K2946</f>
        <v>a052r000000jS9ZAAU</v>
      </c>
      <c r="H2944" s="12" t="e">
        <f>'申請書（複数入力用）'!N2946</f>
        <v>#N/A</v>
      </c>
      <c r="I2944" s="12" t="e">
        <f>'申請書（複数入力用）'!O2946</f>
        <v>#N/A</v>
      </c>
      <c r="J2944" s="12">
        <f>'申請書（複数入力用）'!P2946</f>
        <v>1</v>
      </c>
    </row>
    <row r="2945" spans="1:10" ht="51.6" customHeight="1" x14ac:dyDescent="0.45">
      <c r="A2945" s="6">
        <f>'申請書（複数入力用）'!A2947</f>
        <v>2941</v>
      </c>
      <c r="B2945" s="13">
        <f>'申請書（複数入力用）'!AH2947</f>
        <v>0</v>
      </c>
      <c r="C2945" s="6">
        <f>'申請書（複数入力用）'!B2947</f>
        <v>0</v>
      </c>
      <c r="D2945" s="6">
        <f>'申請書（複数入力用）'!D2947</f>
        <v>0</v>
      </c>
      <c r="E2945" s="14">
        <f>'申請書（複数入力用）'!H2947</f>
        <v>0</v>
      </c>
      <c r="F2945" s="11" t="str">
        <f>'申請書（複数入力用）'!J2947</f>
        <v/>
      </c>
      <c r="G2945" s="6" t="str">
        <f>'申請書（複数入力用）'!K2947</f>
        <v>a052r000000jS9ZAAU</v>
      </c>
      <c r="H2945" s="12" t="e">
        <f>'申請書（複数入力用）'!N2947</f>
        <v>#N/A</v>
      </c>
      <c r="I2945" s="12" t="e">
        <f>'申請書（複数入力用）'!O2947</f>
        <v>#N/A</v>
      </c>
      <c r="J2945" s="12">
        <f>'申請書（複数入力用）'!P2947</f>
        <v>1</v>
      </c>
    </row>
    <row r="2946" spans="1:10" ht="51.6" customHeight="1" x14ac:dyDescent="0.45">
      <c r="A2946" s="6">
        <f>'申請書（複数入力用）'!A2948</f>
        <v>2942</v>
      </c>
      <c r="B2946" s="13">
        <f>'申請書（複数入力用）'!AH2948</f>
        <v>0</v>
      </c>
      <c r="C2946" s="6">
        <f>'申請書（複数入力用）'!B2948</f>
        <v>0</v>
      </c>
      <c r="D2946" s="6">
        <f>'申請書（複数入力用）'!D2948</f>
        <v>0</v>
      </c>
      <c r="E2946" s="14">
        <f>'申請書（複数入力用）'!H2948</f>
        <v>0</v>
      </c>
      <c r="F2946" s="11" t="str">
        <f>'申請書（複数入力用）'!J2948</f>
        <v/>
      </c>
      <c r="G2946" s="6" t="str">
        <f>'申請書（複数入力用）'!K2948</f>
        <v>a052r000000jS9ZAAU</v>
      </c>
      <c r="H2946" s="12" t="e">
        <f>'申請書（複数入力用）'!N2948</f>
        <v>#N/A</v>
      </c>
      <c r="I2946" s="12" t="e">
        <f>'申請書（複数入力用）'!O2948</f>
        <v>#N/A</v>
      </c>
      <c r="J2946" s="12">
        <f>'申請書（複数入力用）'!P2948</f>
        <v>1</v>
      </c>
    </row>
    <row r="2947" spans="1:10" ht="51.6" customHeight="1" x14ac:dyDescent="0.45">
      <c r="A2947" s="6">
        <f>'申請書（複数入力用）'!A2949</f>
        <v>2943</v>
      </c>
      <c r="B2947" s="13">
        <f>'申請書（複数入力用）'!AH2949</f>
        <v>0</v>
      </c>
      <c r="C2947" s="6">
        <f>'申請書（複数入力用）'!B2949</f>
        <v>0</v>
      </c>
      <c r="D2947" s="6">
        <f>'申請書（複数入力用）'!D2949</f>
        <v>0</v>
      </c>
      <c r="E2947" s="14">
        <f>'申請書（複数入力用）'!H2949</f>
        <v>0</v>
      </c>
      <c r="F2947" s="11" t="str">
        <f>'申請書（複数入力用）'!J2949</f>
        <v/>
      </c>
      <c r="G2947" s="6" t="str">
        <f>'申請書（複数入力用）'!K2949</f>
        <v>a052r000000jS9ZAAU</v>
      </c>
      <c r="H2947" s="12" t="e">
        <f>'申請書（複数入力用）'!N2949</f>
        <v>#N/A</v>
      </c>
      <c r="I2947" s="12" t="e">
        <f>'申請書（複数入力用）'!O2949</f>
        <v>#N/A</v>
      </c>
      <c r="J2947" s="12">
        <f>'申請書（複数入力用）'!P2949</f>
        <v>1</v>
      </c>
    </row>
    <row r="2948" spans="1:10" ht="51.6" customHeight="1" x14ac:dyDescent="0.45">
      <c r="A2948" s="6">
        <f>'申請書（複数入力用）'!A2950</f>
        <v>2944</v>
      </c>
      <c r="B2948" s="13">
        <f>'申請書（複数入力用）'!AH2950</f>
        <v>0</v>
      </c>
      <c r="C2948" s="6">
        <f>'申請書（複数入力用）'!B2950</f>
        <v>0</v>
      </c>
      <c r="D2948" s="6">
        <f>'申請書（複数入力用）'!D2950</f>
        <v>0</v>
      </c>
      <c r="E2948" s="14">
        <f>'申請書（複数入力用）'!H2950</f>
        <v>0</v>
      </c>
      <c r="F2948" s="11" t="str">
        <f>'申請書（複数入力用）'!J2950</f>
        <v/>
      </c>
      <c r="G2948" s="6" t="str">
        <f>'申請書（複数入力用）'!K2950</f>
        <v>a052r000000jS9ZAAU</v>
      </c>
      <c r="H2948" s="12" t="e">
        <f>'申請書（複数入力用）'!N2950</f>
        <v>#N/A</v>
      </c>
      <c r="I2948" s="12" t="e">
        <f>'申請書（複数入力用）'!O2950</f>
        <v>#N/A</v>
      </c>
      <c r="J2948" s="12">
        <f>'申請書（複数入力用）'!P2950</f>
        <v>1</v>
      </c>
    </row>
    <row r="2949" spans="1:10" ht="51.6" customHeight="1" x14ac:dyDescent="0.45">
      <c r="A2949" s="6">
        <f>'申請書（複数入力用）'!A2951</f>
        <v>2945</v>
      </c>
      <c r="B2949" s="13">
        <f>'申請書（複数入力用）'!AH2951</f>
        <v>0</v>
      </c>
      <c r="C2949" s="6">
        <f>'申請書（複数入力用）'!B2951</f>
        <v>0</v>
      </c>
      <c r="D2949" s="6">
        <f>'申請書（複数入力用）'!D2951</f>
        <v>0</v>
      </c>
      <c r="E2949" s="14">
        <f>'申請書（複数入力用）'!H2951</f>
        <v>0</v>
      </c>
      <c r="F2949" s="11" t="str">
        <f>'申請書（複数入力用）'!J2951</f>
        <v/>
      </c>
      <c r="G2949" s="6" t="str">
        <f>'申請書（複数入力用）'!K2951</f>
        <v>a052r000000jS9ZAAU</v>
      </c>
      <c r="H2949" s="12" t="e">
        <f>'申請書（複数入力用）'!N2951</f>
        <v>#N/A</v>
      </c>
      <c r="I2949" s="12" t="e">
        <f>'申請書（複数入力用）'!O2951</f>
        <v>#N/A</v>
      </c>
      <c r="J2949" s="12">
        <f>'申請書（複数入力用）'!P2951</f>
        <v>1</v>
      </c>
    </row>
    <row r="2950" spans="1:10" ht="51.6" customHeight="1" x14ac:dyDescent="0.45">
      <c r="A2950" s="6">
        <f>'申請書（複数入力用）'!A2952</f>
        <v>2946</v>
      </c>
      <c r="B2950" s="13">
        <f>'申請書（複数入力用）'!AH2952</f>
        <v>0</v>
      </c>
      <c r="C2950" s="6">
        <f>'申請書（複数入力用）'!B2952</f>
        <v>0</v>
      </c>
      <c r="D2950" s="6">
        <f>'申請書（複数入力用）'!D2952</f>
        <v>0</v>
      </c>
      <c r="E2950" s="14">
        <f>'申請書（複数入力用）'!H2952</f>
        <v>0</v>
      </c>
      <c r="F2950" s="11" t="str">
        <f>'申請書（複数入力用）'!J2952</f>
        <v/>
      </c>
      <c r="G2950" s="6" t="str">
        <f>'申請書（複数入力用）'!K2952</f>
        <v>a052r000000jS9ZAAU</v>
      </c>
      <c r="H2950" s="12" t="e">
        <f>'申請書（複数入力用）'!N2952</f>
        <v>#N/A</v>
      </c>
      <c r="I2950" s="12" t="e">
        <f>'申請書（複数入力用）'!O2952</f>
        <v>#N/A</v>
      </c>
      <c r="J2950" s="12">
        <f>'申請書（複数入力用）'!P2952</f>
        <v>1</v>
      </c>
    </row>
    <row r="2951" spans="1:10" ht="51.6" customHeight="1" x14ac:dyDescent="0.45">
      <c r="A2951" s="6">
        <f>'申請書（複数入力用）'!A2953</f>
        <v>2947</v>
      </c>
      <c r="B2951" s="13">
        <f>'申請書（複数入力用）'!AH2953</f>
        <v>0</v>
      </c>
      <c r="C2951" s="6">
        <f>'申請書（複数入力用）'!B2953</f>
        <v>0</v>
      </c>
      <c r="D2951" s="6">
        <f>'申請書（複数入力用）'!D2953</f>
        <v>0</v>
      </c>
      <c r="E2951" s="14">
        <f>'申請書（複数入力用）'!H2953</f>
        <v>0</v>
      </c>
      <c r="F2951" s="11" t="str">
        <f>'申請書（複数入力用）'!J2953</f>
        <v/>
      </c>
      <c r="G2951" s="6" t="str">
        <f>'申請書（複数入力用）'!K2953</f>
        <v>a052r000000jS9ZAAU</v>
      </c>
      <c r="H2951" s="12" t="e">
        <f>'申請書（複数入力用）'!N2953</f>
        <v>#N/A</v>
      </c>
      <c r="I2951" s="12" t="e">
        <f>'申請書（複数入力用）'!O2953</f>
        <v>#N/A</v>
      </c>
      <c r="J2951" s="12">
        <f>'申請書（複数入力用）'!P2953</f>
        <v>1</v>
      </c>
    </row>
    <row r="2952" spans="1:10" ht="51.6" customHeight="1" x14ac:dyDescent="0.45">
      <c r="A2952" s="6">
        <f>'申請書（複数入力用）'!A2954</f>
        <v>2948</v>
      </c>
      <c r="B2952" s="13">
        <f>'申請書（複数入力用）'!AH2954</f>
        <v>0</v>
      </c>
      <c r="C2952" s="6">
        <f>'申請書（複数入力用）'!B2954</f>
        <v>0</v>
      </c>
      <c r="D2952" s="6">
        <f>'申請書（複数入力用）'!D2954</f>
        <v>0</v>
      </c>
      <c r="E2952" s="14">
        <f>'申請書（複数入力用）'!H2954</f>
        <v>0</v>
      </c>
      <c r="F2952" s="11" t="str">
        <f>'申請書（複数入力用）'!J2954</f>
        <v/>
      </c>
      <c r="G2952" s="6" t="str">
        <f>'申請書（複数入力用）'!K2954</f>
        <v>a052r000000jS9ZAAU</v>
      </c>
      <c r="H2952" s="12" t="e">
        <f>'申請書（複数入力用）'!N2954</f>
        <v>#N/A</v>
      </c>
      <c r="I2952" s="12" t="e">
        <f>'申請書（複数入力用）'!O2954</f>
        <v>#N/A</v>
      </c>
      <c r="J2952" s="12">
        <f>'申請書（複数入力用）'!P2954</f>
        <v>1</v>
      </c>
    </row>
    <row r="2953" spans="1:10" ht="51.6" customHeight="1" x14ac:dyDescent="0.45">
      <c r="A2953" s="6">
        <f>'申請書（複数入力用）'!A2955</f>
        <v>2949</v>
      </c>
      <c r="B2953" s="13">
        <f>'申請書（複数入力用）'!AH2955</f>
        <v>0</v>
      </c>
      <c r="C2953" s="6">
        <f>'申請書（複数入力用）'!B2955</f>
        <v>0</v>
      </c>
      <c r="D2953" s="6">
        <f>'申請書（複数入力用）'!D2955</f>
        <v>0</v>
      </c>
      <c r="E2953" s="14">
        <f>'申請書（複数入力用）'!H2955</f>
        <v>0</v>
      </c>
      <c r="F2953" s="11" t="str">
        <f>'申請書（複数入力用）'!J2955</f>
        <v/>
      </c>
      <c r="G2953" s="6" t="str">
        <f>'申請書（複数入力用）'!K2955</f>
        <v>a052r000000jS9ZAAU</v>
      </c>
      <c r="H2953" s="12" t="e">
        <f>'申請書（複数入力用）'!N2955</f>
        <v>#N/A</v>
      </c>
      <c r="I2953" s="12" t="e">
        <f>'申請書（複数入力用）'!O2955</f>
        <v>#N/A</v>
      </c>
      <c r="J2953" s="12">
        <f>'申請書（複数入力用）'!P2955</f>
        <v>1</v>
      </c>
    </row>
    <row r="2954" spans="1:10" ht="51.6" customHeight="1" x14ac:dyDescent="0.45">
      <c r="A2954" s="6">
        <f>'申請書（複数入力用）'!A2956</f>
        <v>2950</v>
      </c>
      <c r="B2954" s="13">
        <f>'申請書（複数入力用）'!AH2956</f>
        <v>0</v>
      </c>
      <c r="C2954" s="6">
        <f>'申請書（複数入力用）'!B2956</f>
        <v>0</v>
      </c>
      <c r="D2954" s="6">
        <f>'申請書（複数入力用）'!D2956</f>
        <v>0</v>
      </c>
      <c r="E2954" s="14">
        <f>'申請書（複数入力用）'!H2956</f>
        <v>0</v>
      </c>
      <c r="F2954" s="11" t="str">
        <f>'申請書（複数入力用）'!J2956</f>
        <v/>
      </c>
      <c r="G2954" s="6" t="str">
        <f>'申請書（複数入力用）'!K2956</f>
        <v>a052r000000jS9ZAAU</v>
      </c>
      <c r="H2954" s="12" t="e">
        <f>'申請書（複数入力用）'!N2956</f>
        <v>#N/A</v>
      </c>
      <c r="I2954" s="12" t="e">
        <f>'申請書（複数入力用）'!O2956</f>
        <v>#N/A</v>
      </c>
      <c r="J2954" s="12">
        <f>'申請書（複数入力用）'!P2956</f>
        <v>1</v>
      </c>
    </row>
    <row r="2955" spans="1:10" ht="51.6" customHeight="1" x14ac:dyDescent="0.45">
      <c r="A2955" s="6">
        <f>'申請書（複数入力用）'!A2957</f>
        <v>2951</v>
      </c>
      <c r="B2955" s="13">
        <f>'申請書（複数入力用）'!AH2957</f>
        <v>0</v>
      </c>
      <c r="C2955" s="6">
        <f>'申請書（複数入力用）'!B2957</f>
        <v>0</v>
      </c>
      <c r="D2955" s="6">
        <f>'申請書（複数入力用）'!D2957</f>
        <v>0</v>
      </c>
      <c r="E2955" s="14">
        <f>'申請書（複数入力用）'!H2957</f>
        <v>0</v>
      </c>
      <c r="F2955" s="11" t="str">
        <f>'申請書（複数入力用）'!J2957</f>
        <v/>
      </c>
      <c r="G2955" s="6" t="str">
        <f>'申請書（複数入力用）'!K2957</f>
        <v>a052r000000jS9ZAAU</v>
      </c>
      <c r="H2955" s="12" t="e">
        <f>'申請書（複数入力用）'!N2957</f>
        <v>#N/A</v>
      </c>
      <c r="I2955" s="12" t="e">
        <f>'申請書（複数入力用）'!O2957</f>
        <v>#N/A</v>
      </c>
      <c r="J2955" s="12">
        <f>'申請書（複数入力用）'!P2957</f>
        <v>1</v>
      </c>
    </row>
    <row r="2956" spans="1:10" ht="51.6" customHeight="1" x14ac:dyDescent="0.45">
      <c r="A2956" s="6">
        <f>'申請書（複数入力用）'!A2958</f>
        <v>2952</v>
      </c>
      <c r="B2956" s="13">
        <f>'申請書（複数入力用）'!AH2958</f>
        <v>0</v>
      </c>
      <c r="C2956" s="6">
        <f>'申請書（複数入力用）'!B2958</f>
        <v>0</v>
      </c>
      <c r="D2956" s="6">
        <f>'申請書（複数入力用）'!D2958</f>
        <v>0</v>
      </c>
      <c r="E2956" s="14">
        <f>'申請書（複数入力用）'!H2958</f>
        <v>0</v>
      </c>
      <c r="F2956" s="11" t="str">
        <f>'申請書（複数入力用）'!J2958</f>
        <v/>
      </c>
      <c r="G2956" s="6" t="str">
        <f>'申請書（複数入力用）'!K2958</f>
        <v>a052r000000jS9ZAAU</v>
      </c>
      <c r="H2956" s="12" t="e">
        <f>'申請書（複数入力用）'!N2958</f>
        <v>#N/A</v>
      </c>
      <c r="I2956" s="12" t="e">
        <f>'申請書（複数入力用）'!O2958</f>
        <v>#N/A</v>
      </c>
      <c r="J2956" s="12">
        <f>'申請書（複数入力用）'!P2958</f>
        <v>1</v>
      </c>
    </row>
    <row r="2957" spans="1:10" ht="51.6" customHeight="1" x14ac:dyDescent="0.45">
      <c r="A2957" s="6">
        <f>'申請書（複数入力用）'!A2959</f>
        <v>2953</v>
      </c>
      <c r="B2957" s="13">
        <f>'申請書（複数入力用）'!AH2959</f>
        <v>0</v>
      </c>
      <c r="C2957" s="6">
        <f>'申請書（複数入力用）'!B2959</f>
        <v>0</v>
      </c>
      <c r="D2957" s="6">
        <f>'申請書（複数入力用）'!D2959</f>
        <v>0</v>
      </c>
      <c r="E2957" s="14">
        <f>'申請書（複数入力用）'!H2959</f>
        <v>0</v>
      </c>
      <c r="F2957" s="11" t="str">
        <f>'申請書（複数入力用）'!J2959</f>
        <v/>
      </c>
      <c r="G2957" s="6" t="str">
        <f>'申請書（複数入力用）'!K2959</f>
        <v>a052r000000jS9ZAAU</v>
      </c>
      <c r="H2957" s="12" t="e">
        <f>'申請書（複数入力用）'!N2959</f>
        <v>#N/A</v>
      </c>
      <c r="I2957" s="12" t="e">
        <f>'申請書（複数入力用）'!O2959</f>
        <v>#N/A</v>
      </c>
      <c r="J2957" s="12">
        <f>'申請書（複数入力用）'!P2959</f>
        <v>1</v>
      </c>
    </row>
    <row r="2958" spans="1:10" ht="51.6" customHeight="1" x14ac:dyDescent="0.45">
      <c r="A2958" s="6">
        <f>'申請書（複数入力用）'!A2960</f>
        <v>2954</v>
      </c>
      <c r="B2958" s="13">
        <f>'申請書（複数入力用）'!AH2960</f>
        <v>0</v>
      </c>
      <c r="C2958" s="6">
        <f>'申請書（複数入力用）'!B2960</f>
        <v>0</v>
      </c>
      <c r="D2958" s="6">
        <f>'申請書（複数入力用）'!D2960</f>
        <v>0</v>
      </c>
      <c r="E2958" s="14">
        <f>'申請書（複数入力用）'!H2960</f>
        <v>0</v>
      </c>
      <c r="F2958" s="11" t="str">
        <f>'申請書（複数入力用）'!J2960</f>
        <v/>
      </c>
      <c r="G2958" s="6" t="str">
        <f>'申請書（複数入力用）'!K2960</f>
        <v>a052r000000jS9ZAAU</v>
      </c>
      <c r="H2958" s="12" t="e">
        <f>'申請書（複数入力用）'!N2960</f>
        <v>#N/A</v>
      </c>
      <c r="I2958" s="12" t="e">
        <f>'申請書（複数入力用）'!O2960</f>
        <v>#N/A</v>
      </c>
      <c r="J2958" s="12">
        <f>'申請書（複数入力用）'!P2960</f>
        <v>1</v>
      </c>
    </row>
    <row r="2959" spans="1:10" ht="51.6" customHeight="1" x14ac:dyDescent="0.45">
      <c r="A2959" s="6">
        <f>'申請書（複数入力用）'!A2961</f>
        <v>2955</v>
      </c>
      <c r="B2959" s="13">
        <f>'申請書（複数入力用）'!AH2961</f>
        <v>0</v>
      </c>
      <c r="C2959" s="6">
        <f>'申請書（複数入力用）'!B2961</f>
        <v>0</v>
      </c>
      <c r="D2959" s="6">
        <f>'申請書（複数入力用）'!D2961</f>
        <v>0</v>
      </c>
      <c r="E2959" s="14">
        <f>'申請書（複数入力用）'!H2961</f>
        <v>0</v>
      </c>
      <c r="F2959" s="11" t="str">
        <f>'申請書（複数入力用）'!J2961</f>
        <v/>
      </c>
      <c r="G2959" s="6" t="str">
        <f>'申請書（複数入力用）'!K2961</f>
        <v>a052r000000jS9ZAAU</v>
      </c>
      <c r="H2959" s="12" t="e">
        <f>'申請書（複数入力用）'!N2961</f>
        <v>#N/A</v>
      </c>
      <c r="I2959" s="12" t="e">
        <f>'申請書（複数入力用）'!O2961</f>
        <v>#N/A</v>
      </c>
      <c r="J2959" s="12">
        <f>'申請書（複数入力用）'!P2961</f>
        <v>1</v>
      </c>
    </row>
    <row r="2960" spans="1:10" ht="51.6" customHeight="1" x14ac:dyDescent="0.45">
      <c r="A2960" s="6">
        <f>'申請書（複数入力用）'!A2962</f>
        <v>2956</v>
      </c>
      <c r="B2960" s="13">
        <f>'申請書（複数入力用）'!AH2962</f>
        <v>0</v>
      </c>
      <c r="C2960" s="6">
        <f>'申請書（複数入力用）'!B2962</f>
        <v>0</v>
      </c>
      <c r="D2960" s="6">
        <f>'申請書（複数入力用）'!D2962</f>
        <v>0</v>
      </c>
      <c r="E2960" s="14">
        <f>'申請書（複数入力用）'!H2962</f>
        <v>0</v>
      </c>
      <c r="F2960" s="11" t="str">
        <f>'申請書（複数入力用）'!J2962</f>
        <v/>
      </c>
      <c r="G2960" s="6" t="str">
        <f>'申請書（複数入力用）'!K2962</f>
        <v>a052r000000jS9ZAAU</v>
      </c>
      <c r="H2960" s="12" t="e">
        <f>'申請書（複数入力用）'!N2962</f>
        <v>#N/A</v>
      </c>
      <c r="I2960" s="12" t="e">
        <f>'申請書（複数入力用）'!O2962</f>
        <v>#N/A</v>
      </c>
      <c r="J2960" s="12">
        <f>'申請書（複数入力用）'!P2962</f>
        <v>1</v>
      </c>
    </row>
    <row r="2961" spans="1:10" ht="51.6" customHeight="1" x14ac:dyDescent="0.45">
      <c r="A2961" s="6">
        <f>'申請書（複数入力用）'!A2963</f>
        <v>2957</v>
      </c>
      <c r="B2961" s="13">
        <f>'申請書（複数入力用）'!AH2963</f>
        <v>0</v>
      </c>
      <c r="C2961" s="6">
        <f>'申請書（複数入力用）'!B2963</f>
        <v>0</v>
      </c>
      <c r="D2961" s="6">
        <f>'申請書（複数入力用）'!D2963</f>
        <v>0</v>
      </c>
      <c r="E2961" s="14">
        <f>'申請書（複数入力用）'!H2963</f>
        <v>0</v>
      </c>
      <c r="F2961" s="11" t="str">
        <f>'申請書（複数入力用）'!J2963</f>
        <v/>
      </c>
      <c r="G2961" s="6" t="str">
        <f>'申請書（複数入力用）'!K2963</f>
        <v>a052r000000jS9ZAAU</v>
      </c>
      <c r="H2961" s="12" t="e">
        <f>'申請書（複数入力用）'!N2963</f>
        <v>#N/A</v>
      </c>
      <c r="I2961" s="12" t="e">
        <f>'申請書（複数入力用）'!O2963</f>
        <v>#N/A</v>
      </c>
      <c r="J2961" s="12">
        <f>'申請書（複数入力用）'!P2963</f>
        <v>1</v>
      </c>
    </row>
    <row r="2962" spans="1:10" ht="51.6" customHeight="1" x14ac:dyDescent="0.45">
      <c r="A2962" s="6">
        <f>'申請書（複数入力用）'!A2964</f>
        <v>2958</v>
      </c>
      <c r="B2962" s="13">
        <f>'申請書（複数入力用）'!AH2964</f>
        <v>0</v>
      </c>
      <c r="C2962" s="6">
        <f>'申請書（複数入力用）'!B2964</f>
        <v>0</v>
      </c>
      <c r="D2962" s="6">
        <f>'申請書（複数入力用）'!D2964</f>
        <v>0</v>
      </c>
      <c r="E2962" s="14">
        <f>'申請書（複数入力用）'!H2964</f>
        <v>0</v>
      </c>
      <c r="F2962" s="11" t="str">
        <f>'申請書（複数入力用）'!J2964</f>
        <v/>
      </c>
      <c r="G2962" s="6" t="str">
        <f>'申請書（複数入力用）'!K2964</f>
        <v>a052r000000jS9ZAAU</v>
      </c>
      <c r="H2962" s="12" t="e">
        <f>'申請書（複数入力用）'!N2964</f>
        <v>#N/A</v>
      </c>
      <c r="I2962" s="12" t="e">
        <f>'申請書（複数入力用）'!O2964</f>
        <v>#N/A</v>
      </c>
      <c r="J2962" s="12">
        <f>'申請書（複数入力用）'!P2964</f>
        <v>1</v>
      </c>
    </row>
    <row r="2963" spans="1:10" ht="51.6" customHeight="1" x14ac:dyDescent="0.45">
      <c r="A2963" s="6">
        <f>'申請書（複数入力用）'!A2965</f>
        <v>2959</v>
      </c>
      <c r="B2963" s="13">
        <f>'申請書（複数入力用）'!AH2965</f>
        <v>0</v>
      </c>
      <c r="C2963" s="6">
        <f>'申請書（複数入力用）'!B2965</f>
        <v>0</v>
      </c>
      <c r="D2963" s="6">
        <f>'申請書（複数入力用）'!D2965</f>
        <v>0</v>
      </c>
      <c r="E2963" s="14">
        <f>'申請書（複数入力用）'!H2965</f>
        <v>0</v>
      </c>
      <c r="F2963" s="11" t="str">
        <f>'申請書（複数入力用）'!J2965</f>
        <v/>
      </c>
      <c r="G2963" s="6" t="str">
        <f>'申請書（複数入力用）'!K2965</f>
        <v>a052r000000jS9ZAAU</v>
      </c>
      <c r="H2963" s="12" t="e">
        <f>'申請書（複数入力用）'!N2965</f>
        <v>#N/A</v>
      </c>
      <c r="I2963" s="12" t="e">
        <f>'申請書（複数入力用）'!O2965</f>
        <v>#N/A</v>
      </c>
      <c r="J2963" s="12">
        <f>'申請書（複数入力用）'!P2965</f>
        <v>1</v>
      </c>
    </row>
    <row r="2964" spans="1:10" ht="51.6" customHeight="1" x14ac:dyDescent="0.45">
      <c r="A2964" s="6">
        <f>'申請書（複数入力用）'!A2966</f>
        <v>2960</v>
      </c>
      <c r="B2964" s="13">
        <f>'申請書（複数入力用）'!AH2966</f>
        <v>0</v>
      </c>
      <c r="C2964" s="6">
        <f>'申請書（複数入力用）'!B2966</f>
        <v>0</v>
      </c>
      <c r="D2964" s="6">
        <f>'申請書（複数入力用）'!D2966</f>
        <v>0</v>
      </c>
      <c r="E2964" s="14">
        <f>'申請書（複数入力用）'!H2966</f>
        <v>0</v>
      </c>
      <c r="F2964" s="11" t="str">
        <f>'申請書（複数入力用）'!J2966</f>
        <v/>
      </c>
      <c r="G2964" s="6" t="str">
        <f>'申請書（複数入力用）'!K2966</f>
        <v>a052r000000jS9ZAAU</v>
      </c>
      <c r="H2964" s="12" t="e">
        <f>'申請書（複数入力用）'!N2966</f>
        <v>#N/A</v>
      </c>
      <c r="I2964" s="12" t="e">
        <f>'申請書（複数入力用）'!O2966</f>
        <v>#N/A</v>
      </c>
      <c r="J2964" s="12">
        <f>'申請書（複数入力用）'!P2966</f>
        <v>1</v>
      </c>
    </row>
    <row r="2965" spans="1:10" ht="51.6" customHeight="1" x14ac:dyDescent="0.45">
      <c r="A2965" s="6">
        <f>'申請書（複数入力用）'!A2967</f>
        <v>2961</v>
      </c>
      <c r="B2965" s="13">
        <f>'申請書（複数入力用）'!AH2967</f>
        <v>0</v>
      </c>
      <c r="C2965" s="6">
        <f>'申請書（複数入力用）'!B2967</f>
        <v>0</v>
      </c>
      <c r="D2965" s="6">
        <f>'申請書（複数入力用）'!D2967</f>
        <v>0</v>
      </c>
      <c r="E2965" s="14">
        <f>'申請書（複数入力用）'!H2967</f>
        <v>0</v>
      </c>
      <c r="F2965" s="11" t="str">
        <f>'申請書（複数入力用）'!J2967</f>
        <v/>
      </c>
      <c r="G2965" s="6" t="str">
        <f>'申請書（複数入力用）'!K2967</f>
        <v>a052r000000jS9ZAAU</v>
      </c>
      <c r="H2965" s="12" t="e">
        <f>'申請書（複数入力用）'!N2967</f>
        <v>#N/A</v>
      </c>
      <c r="I2965" s="12" t="e">
        <f>'申請書（複数入力用）'!O2967</f>
        <v>#N/A</v>
      </c>
      <c r="J2965" s="12">
        <f>'申請書（複数入力用）'!P2967</f>
        <v>1</v>
      </c>
    </row>
    <row r="2966" spans="1:10" ht="51.6" customHeight="1" x14ac:dyDescent="0.45">
      <c r="A2966" s="6">
        <f>'申請書（複数入力用）'!A2968</f>
        <v>2962</v>
      </c>
      <c r="B2966" s="13">
        <f>'申請書（複数入力用）'!AH2968</f>
        <v>0</v>
      </c>
      <c r="C2966" s="6">
        <f>'申請書（複数入力用）'!B2968</f>
        <v>0</v>
      </c>
      <c r="D2966" s="6">
        <f>'申請書（複数入力用）'!D2968</f>
        <v>0</v>
      </c>
      <c r="E2966" s="14">
        <f>'申請書（複数入力用）'!H2968</f>
        <v>0</v>
      </c>
      <c r="F2966" s="11" t="str">
        <f>'申請書（複数入力用）'!J2968</f>
        <v/>
      </c>
      <c r="G2966" s="6" t="str">
        <f>'申請書（複数入力用）'!K2968</f>
        <v>a052r000000jS9ZAAU</v>
      </c>
      <c r="H2966" s="12" t="e">
        <f>'申請書（複数入力用）'!N2968</f>
        <v>#N/A</v>
      </c>
      <c r="I2966" s="12" t="e">
        <f>'申請書（複数入力用）'!O2968</f>
        <v>#N/A</v>
      </c>
      <c r="J2966" s="12">
        <f>'申請書（複数入力用）'!P2968</f>
        <v>1</v>
      </c>
    </row>
    <row r="2967" spans="1:10" ht="51.6" customHeight="1" x14ac:dyDescent="0.45">
      <c r="A2967" s="6">
        <f>'申請書（複数入力用）'!A2969</f>
        <v>2963</v>
      </c>
      <c r="B2967" s="13">
        <f>'申請書（複数入力用）'!AH2969</f>
        <v>0</v>
      </c>
      <c r="C2967" s="6">
        <f>'申請書（複数入力用）'!B2969</f>
        <v>0</v>
      </c>
      <c r="D2967" s="6">
        <f>'申請書（複数入力用）'!D2969</f>
        <v>0</v>
      </c>
      <c r="E2967" s="14">
        <f>'申請書（複数入力用）'!H2969</f>
        <v>0</v>
      </c>
      <c r="F2967" s="11" t="str">
        <f>'申請書（複数入力用）'!J2969</f>
        <v/>
      </c>
      <c r="G2967" s="6" t="str">
        <f>'申請書（複数入力用）'!K2969</f>
        <v>a052r000000jS9ZAAU</v>
      </c>
      <c r="H2967" s="12" t="e">
        <f>'申請書（複数入力用）'!N2969</f>
        <v>#N/A</v>
      </c>
      <c r="I2967" s="12" t="e">
        <f>'申請書（複数入力用）'!O2969</f>
        <v>#N/A</v>
      </c>
      <c r="J2967" s="12">
        <f>'申請書（複数入力用）'!P2969</f>
        <v>1</v>
      </c>
    </row>
    <row r="2968" spans="1:10" ht="51.6" customHeight="1" x14ac:dyDescent="0.45">
      <c r="A2968" s="6">
        <f>'申請書（複数入力用）'!A2970</f>
        <v>2964</v>
      </c>
      <c r="B2968" s="13">
        <f>'申請書（複数入力用）'!AH2970</f>
        <v>0</v>
      </c>
      <c r="C2968" s="6">
        <f>'申請書（複数入力用）'!B2970</f>
        <v>0</v>
      </c>
      <c r="D2968" s="6">
        <f>'申請書（複数入力用）'!D2970</f>
        <v>0</v>
      </c>
      <c r="E2968" s="14">
        <f>'申請書（複数入力用）'!H2970</f>
        <v>0</v>
      </c>
      <c r="F2968" s="11" t="str">
        <f>'申請書（複数入力用）'!J2970</f>
        <v/>
      </c>
      <c r="G2968" s="6" t="str">
        <f>'申請書（複数入力用）'!K2970</f>
        <v>a052r000000jS9ZAAU</v>
      </c>
      <c r="H2968" s="12" t="e">
        <f>'申請書（複数入力用）'!N2970</f>
        <v>#N/A</v>
      </c>
      <c r="I2968" s="12" t="e">
        <f>'申請書（複数入力用）'!O2970</f>
        <v>#N/A</v>
      </c>
      <c r="J2968" s="12">
        <f>'申請書（複数入力用）'!P2970</f>
        <v>1</v>
      </c>
    </row>
    <row r="2969" spans="1:10" ht="51.6" customHeight="1" x14ac:dyDescent="0.45">
      <c r="A2969" s="6">
        <f>'申請書（複数入力用）'!A2971</f>
        <v>2965</v>
      </c>
      <c r="B2969" s="13">
        <f>'申請書（複数入力用）'!AH2971</f>
        <v>0</v>
      </c>
      <c r="C2969" s="6">
        <f>'申請書（複数入力用）'!B2971</f>
        <v>0</v>
      </c>
      <c r="D2969" s="6">
        <f>'申請書（複数入力用）'!D2971</f>
        <v>0</v>
      </c>
      <c r="E2969" s="14">
        <f>'申請書（複数入力用）'!H2971</f>
        <v>0</v>
      </c>
      <c r="F2969" s="11" t="str">
        <f>'申請書（複数入力用）'!J2971</f>
        <v/>
      </c>
      <c r="G2969" s="6" t="str">
        <f>'申請書（複数入力用）'!K2971</f>
        <v>a052r000000jS9ZAAU</v>
      </c>
      <c r="H2969" s="12" t="e">
        <f>'申請書（複数入力用）'!N2971</f>
        <v>#N/A</v>
      </c>
      <c r="I2969" s="12" t="e">
        <f>'申請書（複数入力用）'!O2971</f>
        <v>#N/A</v>
      </c>
      <c r="J2969" s="12">
        <f>'申請書（複数入力用）'!P2971</f>
        <v>1</v>
      </c>
    </row>
    <row r="2970" spans="1:10" ht="51.6" customHeight="1" x14ac:dyDescent="0.45">
      <c r="A2970" s="6">
        <f>'申請書（複数入力用）'!A2972</f>
        <v>2966</v>
      </c>
      <c r="B2970" s="13">
        <f>'申請書（複数入力用）'!AH2972</f>
        <v>0</v>
      </c>
      <c r="C2970" s="6">
        <f>'申請書（複数入力用）'!B2972</f>
        <v>0</v>
      </c>
      <c r="D2970" s="6">
        <f>'申請書（複数入力用）'!D2972</f>
        <v>0</v>
      </c>
      <c r="E2970" s="14">
        <f>'申請書（複数入力用）'!H2972</f>
        <v>0</v>
      </c>
      <c r="F2970" s="11" t="str">
        <f>'申請書（複数入力用）'!J2972</f>
        <v/>
      </c>
      <c r="G2970" s="6" t="str">
        <f>'申請書（複数入力用）'!K2972</f>
        <v>a052r000000jS9ZAAU</v>
      </c>
      <c r="H2970" s="12" t="e">
        <f>'申請書（複数入力用）'!N2972</f>
        <v>#N/A</v>
      </c>
      <c r="I2970" s="12" t="e">
        <f>'申請書（複数入力用）'!O2972</f>
        <v>#N/A</v>
      </c>
      <c r="J2970" s="12">
        <f>'申請書（複数入力用）'!P2972</f>
        <v>1</v>
      </c>
    </row>
    <row r="2971" spans="1:10" ht="51.6" customHeight="1" x14ac:dyDescent="0.45">
      <c r="A2971" s="6">
        <f>'申請書（複数入力用）'!A2973</f>
        <v>2967</v>
      </c>
      <c r="B2971" s="13">
        <f>'申請書（複数入力用）'!AH2973</f>
        <v>0</v>
      </c>
      <c r="C2971" s="6">
        <f>'申請書（複数入力用）'!B2973</f>
        <v>0</v>
      </c>
      <c r="D2971" s="6">
        <f>'申請書（複数入力用）'!D2973</f>
        <v>0</v>
      </c>
      <c r="E2971" s="14">
        <f>'申請書（複数入力用）'!H2973</f>
        <v>0</v>
      </c>
      <c r="F2971" s="11" t="str">
        <f>'申請書（複数入力用）'!J2973</f>
        <v/>
      </c>
      <c r="G2971" s="6" t="str">
        <f>'申請書（複数入力用）'!K2973</f>
        <v>a052r000000jS9ZAAU</v>
      </c>
      <c r="H2971" s="12" t="e">
        <f>'申請書（複数入力用）'!N2973</f>
        <v>#N/A</v>
      </c>
      <c r="I2971" s="12" t="e">
        <f>'申請書（複数入力用）'!O2973</f>
        <v>#N/A</v>
      </c>
      <c r="J2971" s="12">
        <f>'申請書（複数入力用）'!P2973</f>
        <v>1</v>
      </c>
    </row>
    <row r="2972" spans="1:10" ht="51.6" customHeight="1" x14ac:dyDescent="0.45">
      <c r="A2972" s="6">
        <f>'申請書（複数入力用）'!A2974</f>
        <v>2968</v>
      </c>
      <c r="B2972" s="13">
        <f>'申請書（複数入力用）'!AH2974</f>
        <v>0</v>
      </c>
      <c r="C2972" s="6">
        <f>'申請書（複数入力用）'!B2974</f>
        <v>0</v>
      </c>
      <c r="D2972" s="6">
        <f>'申請書（複数入力用）'!D2974</f>
        <v>0</v>
      </c>
      <c r="E2972" s="14">
        <f>'申請書（複数入力用）'!H2974</f>
        <v>0</v>
      </c>
      <c r="F2972" s="11" t="str">
        <f>'申請書（複数入力用）'!J2974</f>
        <v/>
      </c>
      <c r="G2972" s="6" t="str">
        <f>'申請書（複数入力用）'!K2974</f>
        <v>a052r000000jS9ZAAU</v>
      </c>
      <c r="H2972" s="12" t="e">
        <f>'申請書（複数入力用）'!N2974</f>
        <v>#N/A</v>
      </c>
      <c r="I2972" s="12" t="e">
        <f>'申請書（複数入力用）'!O2974</f>
        <v>#N/A</v>
      </c>
      <c r="J2972" s="12">
        <f>'申請書（複数入力用）'!P2974</f>
        <v>1</v>
      </c>
    </row>
    <row r="2973" spans="1:10" ht="51.6" customHeight="1" x14ac:dyDescent="0.45">
      <c r="A2973" s="6">
        <f>'申請書（複数入力用）'!A2975</f>
        <v>2969</v>
      </c>
      <c r="B2973" s="13">
        <f>'申請書（複数入力用）'!AH2975</f>
        <v>0</v>
      </c>
      <c r="C2973" s="6">
        <f>'申請書（複数入力用）'!B2975</f>
        <v>0</v>
      </c>
      <c r="D2973" s="6">
        <f>'申請書（複数入力用）'!D2975</f>
        <v>0</v>
      </c>
      <c r="E2973" s="14">
        <f>'申請書（複数入力用）'!H2975</f>
        <v>0</v>
      </c>
      <c r="F2973" s="11" t="str">
        <f>'申請書（複数入力用）'!J2975</f>
        <v/>
      </c>
      <c r="G2973" s="6" t="str">
        <f>'申請書（複数入力用）'!K2975</f>
        <v>a052r000000jS9ZAAU</v>
      </c>
      <c r="H2973" s="12" t="e">
        <f>'申請書（複数入力用）'!N2975</f>
        <v>#N/A</v>
      </c>
      <c r="I2973" s="12" t="e">
        <f>'申請書（複数入力用）'!O2975</f>
        <v>#N/A</v>
      </c>
      <c r="J2973" s="12">
        <f>'申請書（複数入力用）'!P2975</f>
        <v>1</v>
      </c>
    </row>
    <row r="2974" spans="1:10" ht="51.6" customHeight="1" x14ac:dyDescent="0.45">
      <c r="A2974" s="6">
        <f>'申請書（複数入力用）'!A2976</f>
        <v>2970</v>
      </c>
      <c r="B2974" s="13">
        <f>'申請書（複数入力用）'!AH2976</f>
        <v>0</v>
      </c>
      <c r="C2974" s="6">
        <f>'申請書（複数入力用）'!B2976</f>
        <v>0</v>
      </c>
      <c r="D2974" s="6">
        <f>'申請書（複数入力用）'!D2976</f>
        <v>0</v>
      </c>
      <c r="E2974" s="14">
        <f>'申請書（複数入力用）'!H2976</f>
        <v>0</v>
      </c>
      <c r="F2974" s="11" t="str">
        <f>'申請書（複数入力用）'!J2976</f>
        <v/>
      </c>
      <c r="G2974" s="6" t="str">
        <f>'申請書（複数入力用）'!K2976</f>
        <v>a052r000000jS9ZAAU</v>
      </c>
      <c r="H2974" s="12" t="e">
        <f>'申請書（複数入力用）'!N2976</f>
        <v>#N/A</v>
      </c>
      <c r="I2974" s="12" t="e">
        <f>'申請書（複数入力用）'!O2976</f>
        <v>#N/A</v>
      </c>
      <c r="J2974" s="12">
        <f>'申請書（複数入力用）'!P2976</f>
        <v>1</v>
      </c>
    </row>
    <row r="2975" spans="1:10" ht="51.6" customHeight="1" x14ac:dyDescent="0.45">
      <c r="A2975" s="6">
        <f>'申請書（複数入力用）'!A2977</f>
        <v>2971</v>
      </c>
      <c r="B2975" s="13">
        <f>'申請書（複数入力用）'!AH2977</f>
        <v>0</v>
      </c>
      <c r="C2975" s="6">
        <f>'申請書（複数入力用）'!B2977</f>
        <v>0</v>
      </c>
      <c r="D2975" s="6">
        <f>'申請書（複数入力用）'!D2977</f>
        <v>0</v>
      </c>
      <c r="E2975" s="14">
        <f>'申請書（複数入力用）'!H2977</f>
        <v>0</v>
      </c>
      <c r="F2975" s="11" t="str">
        <f>'申請書（複数入力用）'!J2977</f>
        <v/>
      </c>
      <c r="G2975" s="6" t="str">
        <f>'申請書（複数入力用）'!K2977</f>
        <v>a052r000000jS9ZAAU</v>
      </c>
      <c r="H2975" s="12" t="e">
        <f>'申請書（複数入力用）'!N2977</f>
        <v>#N/A</v>
      </c>
      <c r="I2975" s="12" t="e">
        <f>'申請書（複数入力用）'!O2977</f>
        <v>#N/A</v>
      </c>
      <c r="J2975" s="12">
        <f>'申請書（複数入力用）'!P2977</f>
        <v>1</v>
      </c>
    </row>
    <row r="2976" spans="1:10" ht="51.6" customHeight="1" x14ac:dyDescent="0.45">
      <c r="A2976" s="6">
        <f>'申請書（複数入力用）'!A2978</f>
        <v>2972</v>
      </c>
      <c r="B2976" s="13">
        <f>'申請書（複数入力用）'!AH2978</f>
        <v>0</v>
      </c>
      <c r="C2976" s="6">
        <f>'申請書（複数入力用）'!B2978</f>
        <v>0</v>
      </c>
      <c r="D2976" s="6">
        <f>'申請書（複数入力用）'!D2978</f>
        <v>0</v>
      </c>
      <c r="E2976" s="14">
        <f>'申請書（複数入力用）'!H2978</f>
        <v>0</v>
      </c>
      <c r="F2976" s="11" t="str">
        <f>'申請書（複数入力用）'!J2978</f>
        <v/>
      </c>
      <c r="G2976" s="6" t="str">
        <f>'申請書（複数入力用）'!K2978</f>
        <v>a052r000000jS9ZAAU</v>
      </c>
      <c r="H2976" s="12" t="e">
        <f>'申請書（複数入力用）'!N2978</f>
        <v>#N/A</v>
      </c>
      <c r="I2976" s="12" t="e">
        <f>'申請書（複数入力用）'!O2978</f>
        <v>#N/A</v>
      </c>
      <c r="J2976" s="12">
        <f>'申請書（複数入力用）'!P2978</f>
        <v>1</v>
      </c>
    </row>
    <row r="2977" spans="1:10" ht="51.6" customHeight="1" x14ac:dyDescent="0.45">
      <c r="A2977" s="6">
        <f>'申請書（複数入力用）'!A2979</f>
        <v>2973</v>
      </c>
      <c r="B2977" s="13">
        <f>'申請書（複数入力用）'!AH2979</f>
        <v>0</v>
      </c>
      <c r="C2977" s="6">
        <f>'申請書（複数入力用）'!B2979</f>
        <v>0</v>
      </c>
      <c r="D2977" s="6">
        <f>'申請書（複数入力用）'!D2979</f>
        <v>0</v>
      </c>
      <c r="E2977" s="14">
        <f>'申請書（複数入力用）'!H2979</f>
        <v>0</v>
      </c>
      <c r="F2977" s="11" t="str">
        <f>'申請書（複数入力用）'!J2979</f>
        <v/>
      </c>
      <c r="G2977" s="6" t="str">
        <f>'申請書（複数入力用）'!K2979</f>
        <v>a052r000000jS9ZAAU</v>
      </c>
      <c r="H2977" s="12" t="e">
        <f>'申請書（複数入力用）'!N2979</f>
        <v>#N/A</v>
      </c>
      <c r="I2977" s="12" t="e">
        <f>'申請書（複数入力用）'!O2979</f>
        <v>#N/A</v>
      </c>
      <c r="J2977" s="12">
        <f>'申請書（複数入力用）'!P2979</f>
        <v>1</v>
      </c>
    </row>
    <row r="2978" spans="1:10" ht="51.6" customHeight="1" x14ac:dyDescent="0.45">
      <c r="A2978" s="6">
        <f>'申請書（複数入力用）'!A2980</f>
        <v>2974</v>
      </c>
      <c r="B2978" s="13">
        <f>'申請書（複数入力用）'!AH2980</f>
        <v>0</v>
      </c>
      <c r="C2978" s="6">
        <f>'申請書（複数入力用）'!B2980</f>
        <v>0</v>
      </c>
      <c r="D2978" s="6">
        <f>'申請書（複数入力用）'!D2980</f>
        <v>0</v>
      </c>
      <c r="E2978" s="14">
        <f>'申請書（複数入力用）'!H2980</f>
        <v>0</v>
      </c>
      <c r="F2978" s="11" t="str">
        <f>'申請書（複数入力用）'!J2980</f>
        <v/>
      </c>
      <c r="G2978" s="6" t="str">
        <f>'申請書（複数入力用）'!K2980</f>
        <v>a052r000000jS9ZAAU</v>
      </c>
      <c r="H2978" s="12" t="e">
        <f>'申請書（複数入力用）'!N2980</f>
        <v>#N/A</v>
      </c>
      <c r="I2978" s="12" t="e">
        <f>'申請書（複数入力用）'!O2980</f>
        <v>#N/A</v>
      </c>
      <c r="J2978" s="12">
        <f>'申請書（複数入力用）'!P2980</f>
        <v>1</v>
      </c>
    </row>
    <row r="2979" spans="1:10" ht="51.6" customHeight="1" x14ac:dyDescent="0.45">
      <c r="A2979" s="6">
        <f>'申請書（複数入力用）'!A2981</f>
        <v>2975</v>
      </c>
      <c r="B2979" s="13">
        <f>'申請書（複数入力用）'!AH2981</f>
        <v>0</v>
      </c>
      <c r="C2979" s="6">
        <f>'申請書（複数入力用）'!B2981</f>
        <v>0</v>
      </c>
      <c r="D2979" s="6">
        <f>'申請書（複数入力用）'!D2981</f>
        <v>0</v>
      </c>
      <c r="E2979" s="14">
        <f>'申請書（複数入力用）'!H2981</f>
        <v>0</v>
      </c>
      <c r="F2979" s="11" t="str">
        <f>'申請書（複数入力用）'!J2981</f>
        <v/>
      </c>
      <c r="G2979" s="6" t="str">
        <f>'申請書（複数入力用）'!K2981</f>
        <v>a052r000000jS9ZAAU</v>
      </c>
      <c r="H2979" s="12" t="e">
        <f>'申請書（複数入力用）'!N2981</f>
        <v>#N/A</v>
      </c>
      <c r="I2979" s="12" t="e">
        <f>'申請書（複数入力用）'!O2981</f>
        <v>#N/A</v>
      </c>
      <c r="J2979" s="12">
        <f>'申請書（複数入力用）'!P2981</f>
        <v>1</v>
      </c>
    </row>
    <row r="2980" spans="1:10" ht="51.6" customHeight="1" x14ac:dyDescent="0.45">
      <c r="A2980" s="6">
        <f>'申請書（複数入力用）'!A2982</f>
        <v>2976</v>
      </c>
      <c r="B2980" s="13">
        <f>'申請書（複数入力用）'!AH2982</f>
        <v>0</v>
      </c>
      <c r="C2980" s="6">
        <f>'申請書（複数入力用）'!B2982</f>
        <v>0</v>
      </c>
      <c r="D2980" s="6">
        <f>'申請書（複数入力用）'!D2982</f>
        <v>0</v>
      </c>
      <c r="E2980" s="14">
        <f>'申請書（複数入力用）'!H2982</f>
        <v>0</v>
      </c>
      <c r="F2980" s="11" t="str">
        <f>'申請書（複数入力用）'!J2982</f>
        <v/>
      </c>
      <c r="G2980" s="6" t="str">
        <f>'申請書（複数入力用）'!K2982</f>
        <v>a052r000000jS9ZAAU</v>
      </c>
      <c r="H2980" s="12" t="e">
        <f>'申請書（複数入力用）'!N2982</f>
        <v>#N/A</v>
      </c>
      <c r="I2980" s="12" t="e">
        <f>'申請書（複数入力用）'!O2982</f>
        <v>#N/A</v>
      </c>
      <c r="J2980" s="12">
        <f>'申請書（複数入力用）'!P2982</f>
        <v>1</v>
      </c>
    </row>
    <row r="2981" spans="1:10" ht="51.6" customHeight="1" x14ac:dyDescent="0.45">
      <c r="A2981" s="6">
        <f>'申請書（複数入力用）'!A2983</f>
        <v>2977</v>
      </c>
      <c r="B2981" s="13">
        <f>'申請書（複数入力用）'!AH2983</f>
        <v>0</v>
      </c>
      <c r="C2981" s="6">
        <f>'申請書（複数入力用）'!B2983</f>
        <v>0</v>
      </c>
      <c r="D2981" s="6">
        <f>'申請書（複数入力用）'!D2983</f>
        <v>0</v>
      </c>
      <c r="E2981" s="14">
        <f>'申請書（複数入力用）'!H2983</f>
        <v>0</v>
      </c>
      <c r="F2981" s="11" t="str">
        <f>'申請書（複数入力用）'!J2983</f>
        <v/>
      </c>
      <c r="G2981" s="6" t="str">
        <f>'申請書（複数入力用）'!K2983</f>
        <v>a052r000000jS9ZAAU</v>
      </c>
      <c r="H2981" s="12" t="e">
        <f>'申請書（複数入力用）'!N2983</f>
        <v>#N/A</v>
      </c>
      <c r="I2981" s="12" t="e">
        <f>'申請書（複数入力用）'!O2983</f>
        <v>#N/A</v>
      </c>
      <c r="J2981" s="12">
        <f>'申請書（複数入力用）'!P2983</f>
        <v>1</v>
      </c>
    </row>
    <row r="2982" spans="1:10" ht="51.6" customHeight="1" x14ac:dyDescent="0.45">
      <c r="A2982" s="6">
        <f>'申請書（複数入力用）'!A2984</f>
        <v>2978</v>
      </c>
      <c r="B2982" s="13">
        <f>'申請書（複数入力用）'!AH2984</f>
        <v>0</v>
      </c>
      <c r="C2982" s="6">
        <f>'申請書（複数入力用）'!B2984</f>
        <v>0</v>
      </c>
      <c r="D2982" s="6">
        <f>'申請書（複数入力用）'!D2984</f>
        <v>0</v>
      </c>
      <c r="E2982" s="14">
        <f>'申請書（複数入力用）'!H2984</f>
        <v>0</v>
      </c>
      <c r="F2982" s="11" t="str">
        <f>'申請書（複数入力用）'!J2984</f>
        <v/>
      </c>
      <c r="G2982" s="6" t="str">
        <f>'申請書（複数入力用）'!K2984</f>
        <v>a052r000000jS9ZAAU</v>
      </c>
      <c r="H2982" s="12" t="e">
        <f>'申請書（複数入力用）'!N2984</f>
        <v>#N/A</v>
      </c>
      <c r="I2982" s="12" t="e">
        <f>'申請書（複数入力用）'!O2984</f>
        <v>#N/A</v>
      </c>
      <c r="J2982" s="12">
        <f>'申請書（複数入力用）'!P2984</f>
        <v>1</v>
      </c>
    </row>
    <row r="2983" spans="1:10" ht="51.6" customHeight="1" x14ac:dyDescent="0.45">
      <c r="A2983" s="6">
        <f>'申請書（複数入力用）'!A2985</f>
        <v>2979</v>
      </c>
      <c r="B2983" s="13">
        <f>'申請書（複数入力用）'!AH2985</f>
        <v>0</v>
      </c>
      <c r="C2983" s="6">
        <f>'申請書（複数入力用）'!B2985</f>
        <v>0</v>
      </c>
      <c r="D2983" s="6">
        <f>'申請書（複数入力用）'!D2985</f>
        <v>0</v>
      </c>
      <c r="E2983" s="14">
        <f>'申請書（複数入力用）'!H2985</f>
        <v>0</v>
      </c>
      <c r="F2983" s="11" t="str">
        <f>'申請書（複数入力用）'!J2985</f>
        <v/>
      </c>
      <c r="G2983" s="6" t="str">
        <f>'申請書（複数入力用）'!K2985</f>
        <v>a052r000000jS9ZAAU</v>
      </c>
      <c r="H2983" s="12" t="e">
        <f>'申請書（複数入力用）'!N2985</f>
        <v>#N/A</v>
      </c>
      <c r="I2983" s="12" t="e">
        <f>'申請書（複数入力用）'!O2985</f>
        <v>#N/A</v>
      </c>
      <c r="J2983" s="12">
        <f>'申請書（複数入力用）'!P2985</f>
        <v>1</v>
      </c>
    </row>
    <row r="2984" spans="1:10" ht="51.6" customHeight="1" x14ac:dyDescent="0.45">
      <c r="A2984" s="6">
        <f>'申請書（複数入力用）'!A2986</f>
        <v>2980</v>
      </c>
      <c r="B2984" s="13">
        <f>'申請書（複数入力用）'!AH2986</f>
        <v>0</v>
      </c>
      <c r="C2984" s="6">
        <f>'申請書（複数入力用）'!B2986</f>
        <v>0</v>
      </c>
      <c r="D2984" s="6">
        <f>'申請書（複数入力用）'!D2986</f>
        <v>0</v>
      </c>
      <c r="E2984" s="14">
        <f>'申請書（複数入力用）'!H2986</f>
        <v>0</v>
      </c>
      <c r="F2984" s="11" t="str">
        <f>'申請書（複数入力用）'!J2986</f>
        <v/>
      </c>
      <c r="G2984" s="6" t="str">
        <f>'申請書（複数入力用）'!K2986</f>
        <v>a052r000000jS9ZAAU</v>
      </c>
      <c r="H2984" s="12" t="e">
        <f>'申請書（複数入力用）'!N2986</f>
        <v>#N/A</v>
      </c>
      <c r="I2984" s="12" t="e">
        <f>'申請書（複数入力用）'!O2986</f>
        <v>#N/A</v>
      </c>
      <c r="J2984" s="12">
        <f>'申請書（複数入力用）'!P2986</f>
        <v>1</v>
      </c>
    </row>
    <row r="2985" spans="1:10" ht="51.6" customHeight="1" x14ac:dyDescent="0.45">
      <c r="A2985" s="6">
        <f>'申請書（複数入力用）'!A2987</f>
        <v>2981</v>
      </c>
      <c r="B2985" s="13">
        <f>'申請書（複数入力用）'!AH2987</f>
        <v>0</v>
      </c>
      <c r="C2985" s="6">
        <f>'申請書（複数入力用）'!B2987</f>
        <v>0</v>
      </c>
      <c r="D2985" s="6">
        <f>'申請書（複数入力用）'!D2987</f>
        <v>0</v>
      </c>
      <c r="E2985" s="14">
        <f>'申請書（複数入力用）'!H2987</f>
        <v>0</v>
      </c>
      <c r="F2985" s="11" t="str">
        <f>'申請書（複数入力用）'!J2987</f>
        <v/>
      </c>
      <c r="G2985" s="6" t="str">
        <f>'申請書（複数入力用）'!K2987</f>
        <v>a052r000000jS9ZAAU</v>
      </c>
      <c r="H2985" s="12" t="e">
        <f>'申請書（複数入力用）'!N2987</f>
        <v>#N/A</v>
      </c>
      <c r="I2985" s="12" t="e">
        <f>'申請書（複数入力用）'!O2987</f>
        <v>#N/A</v>
      </c>
      <c r="J2985" s="12">
        <f>'申請書（複数入力用）'!P2987</f>
        <v>1</v>
      </c>
    </row>
    <row r="2986" spans="1:10" ht="51.6" customHeight="1" x14ac:dyDescent="0.45">
      <c r="A2986" s="6">
        <f>'申請書（複数入力用）'!A2988</f>
        <v>2982</v>
      </c>
      <c r="B2986" s="13">
        <f>'申請書（複数入力用）'!AH2988</f>
        <v>0</v>
      </c>
      <c r="C2986" s="6">
        <f>'申請書（複数入力用）'!B2988</f>
        <v>0</v>
      </c>
      <c r="D2986" s="6">
        <f>'申請書（複数入力用）'!D2988</f>
        <v>0</v>
      </c>
      <c r="E2986" s="14">
        <f>'申請書（複数入力用）'!H2988</f>
        <v>0</v>
      </c>
      <c r="F2986" s="11" t="str">
        <f>'申請書（複数入力用）'!J2988</f>
        <v/>
      </c>
      <c r="G2986" s="6" t="str">
        <f>'申請書（複数入力用）'!K2988</f>
        <v>a052r000000jS9ZAAU</v>
      </c>
      <c r="H2986" s="12" t="e">
        <f>'申請書（複数入力用）'!N2988</f>
        <v>#N/A</v>
      </c>
      <c r="I2986" s="12" t="e">
        <f>'申請書（複数入力用）'!O2988</f>
        <v>#N/A</v>
      </c>
      <c r="J2986" s="12">
        <f>'申請書（複数入力用）'!P2988</f>
        <v>1</v>
      </c>
    </row>
    <row r="2987" spans="1:10" ht="51.6" customHeight="1" x14ac:dyDescent="0.45">
      <c r="A2987" s="6">
        <f>'申請書（複数入力用）'!A2989</f>
        <v>2983</v>
      </c>
      <c r="B2987" s="13">
        <f>'申請書（複数入力用）'!AH2989</f>
        <v>0</v>
      </c>
      <c r="C2987" s="6">
        <f>'申請書（複数入力用）'!B2989</f>
        <v>0</v>
      </c>
      <c r="D2987" s="6">
        <f>'申請書（複数入力用）'!D2989</f>
        <v>0</v>
      </c>
      <c r="E2987" s="14">
        <f>'申請書（複数入力用）'!H2989</f>
        <v>0</v>
      </c>
      <c r="F2987" s="11" t="str">
        <f>'申請書（複数入力用）'!J2989</f>
        <v/>
      </c>
      <c r="G2987" s="6" t="str">
        <f>'申請書（複数入力用）'!K2989</f>
        <v>a052r000000jS9ZAAU</v>
      </c>
      <c r="H2987" s="12" t="e">
        <f>'申請書（複数入力用）'!N2989</f>
        <v>#N/A</v>
      </c>
      <c r="I2987" s="12" t="e">
        <f>'申請書（複数入力用）'!O2989</f>
        <v>#N/A</v>
      </c>
      <c r="J2987" s="12">
        <f>'申請書（複数入力用）'!P2989</f>
        <v>1</v>
      </c>
    </row>
    <row r="2988" spans="1:10" ht="51.6" customHeight="1" x14ac:dyDescent="0.45">
      <c r="A2988" s="6">
        <f>'申請書（複数入力用）'!A2990</f>
        <v>2984</v>
      </c>
      <c r="B2988" s="13">
        <f>'申請書（複数入力用）'!AH2990</f>
        <v>0</v>
      </c>
      <c r="C2988" s="6">
        <f>'申請書（複数入力用）'!B2990</f>
        <v>0</v>
      </c>
      <c r="D2988" s="6">
        <f>'申請書（複数入力用）'!D2990</f>
        <v>0</v>
      </c>
      <c r="E2988" s="14">
        <f>'申請書（複数入力用）'!H2990</f>
        <v>0</v>
      </c>
      <c r="F2988" s="11" t="str">
        <f>'申請書（複数入力用）'!J2990</f>
        <v/>
      </c>
      <c r="G2988" s="6" t="str">
        <f>'申請書（複数入力用）'!K2990</f>
        <v>a052r000000jS9ZAAU</v>
      </c>
      <c r="H2988" s="12" t="e">
        <f>'申請書（複数入力用）'!N2990</f>
        <v>#N/A</v>
      </c>
      <c r="I2988" s="12" t="e">
        <f>'申請書（複数入力用）'!O2990</f>
        <v>#N/A</v>
      </c>
      <c r="J2988" s="12">
        <f>'申請書（複数入力用）'!P2990</f>
        <v>1</v>
      </c>
    </row>
    <row r="2989" spans="1:10" ht="51.6" customHeight="1" x14ac:dyDescent="0.45">
      <c r="A2989" s="6">
        <f>'申請書（複数入力用）'!A2991</f>
        <v>2985</v>
      </c>
      <c r="B2989" s="13">
        <f>'申請書（複数入力用）'!AH2991</f>
        <v>0</v>
      </c>
      <c r="C2989" s="6">
        <f>'申請書（複数入力用）'!B2991</f>
        <v>0</v>
      </c>
      <c r="D2989" s="6">
        <f>'申請書（複数入力用）'!D2991</f>
        <v>0</v>
      </c>
      <c r="E2989" s="14">
        <f>'申請書（複数入力用）'!H2991</f>
        <v>0</v>
      </c>
      <c r="F2989" s="11" t="str">
        <f>'申請書（複数入力用）'!J2991</f>
        <v/>
      </c>
      <c r="G2989" s="6" t="str">
        <f>'申請書（複数入力用）'!K2991</f>
        <v>a052r000000jS9ZAAU</v>
      </c>
      <c r="H2989" s="12" t="e">
        <f>'申請書（複数入力用）'!N2991</f>
        <v>#N/A</v>
      </c>
      <c r="I2989" s="12" t="e">
        <f>'申請書（複数入力用）'!O2991</f>
        <v>#N/A</v>
      </c>
      <c r="J2989" s="12">
        <f>'申請書（複数入力用）'!P2991</f>
        <v>1</v>
      </c>
    </row>
    <row r="2990" spans="1:10" ht="51.6" customHeight="1" x14ac:dyDescent="0.45">
      <c r="A2990" s="6">
        <f>'申請書（複数入力用）'!A2992</f>
        <v>2986</v>
      </c>
      <c r="B2990" s="13">
        <f>'申請書（複数入力用）'!AH2992</f>
        <v>0</v>
      </c>
      <c r="C2990" s="6">
        <f>'申請書（複数入力用）'!B2992</f>
        <v>0</v>
      </c>
      <c r="D2990" s="6">
        <f>'申請書（複数入力用）'!D2992</f>
        <v>0</v>
      </c>
      <c r="E2990" s="14">
        <f>'申請書（複数入力用）'!H2992</f>
        <v>0</v>
      </c>
      <c r="F2990" s="11" t="str">
        <f>'申請書（複数入力用）'!J2992</f>
        <v/>
      </c>
      <c r="G2990" s="6" t="str">
        <f>'申請書（複数入力用）'!K2992</f>
        <v>a052r000000jS9ZAAU</v>
      </c>
      <c r="H2990" s="12" t="e">
        <f>'申請書（複数入力用）'!N2992</f>
        <v>#N/A</v>
      </c>
      <c r="I2990" s="12" t="e">
        <f>'申請書（複数入力用）'!O2992</f>
        <v>#N/A</v>
      </c>
      <c r="J2990" s="12">
        <f>'申請書（複数入力用）'!P2992</f>
        <v>1</v>
      </c>
    </row>
    <row r="2991" spans="1:10" ht="51.6" customHeight="1" x14ac:dyDescent="0.45">
      <c r="A2991" s="6">
        <f>'申請書（複数入力用）'!A2993</f>
        <v>2987</v>
      </c>
      <c r="B2991" s="13">
        <f>'申請書（複数入力用）'!AH2993</f>
        <v>0</v>
      </c>
      <c r="C2991" s="6">
        <f>'申請書（複数入力用）'!B2993</f>
        <v>0</v>
      </c>
      <c r="D2991" s="6">
        <f>'申請書（複数入力用）'!D2993</f>
        <v>0</v>
      </c>
      <c r="E2991" s="14">
        <f>'申請書（複数入力用）'!H2993</f>
        <v>0</v>
      </c>
      <c r="F2991" s="11" t="str">
        <f>'申請書（複数入力用）'!J2993</f>
        <v/>
      </c>
      <c r="G2991" s="6" t="str">
        <f>'申請書（複数入力用）'!K2993</f>
        <v>a052r000000jS9ZAAU</v>
      </c>
      <c r="H2991" s="12" t="e">
        <f>'申請書（複数入力用）'!N2993</f>
        <v>#N/A</v>
      </c>
      <c r="I2991" s="12" t="e">
        <f>'申請書（複数入力用）'!O2993</f>
        <v>#N/A</v>
      </c>
      <c r="J2991" s="12">
        <f>'申請書（複数入力用）'!P2993</f>
        <v>1</v>
      </c>
    </row>
    <row r="2992" spans="1:10" ht="51.6" customHeight="1" x14ac:dyDescent="0.45">
      <c r="A2992" s="6">
        <f>'申請書（複数入力用）'!A2994</f>
        <v>2988</v>
      </c>
      <c r="B2992" s="13">
        <f>'申請書（複数入力用）'!AH2994</f>
        <v>0</v>
      </c>
      <c r="C2992" s="6">
        <f>'申請書（複数入力用）'!B2994</f>
        <v>0</v>
      </c>
      <c r="D2992" s="6">
        <f>'申請書（複数入力用）'!D2994</f>
        <v>0</v>
      </c>
      <c r="E2992" s="14">
        <f>'申請書（複数入力用）'!H2994</f>
        <v>0</v>
      </c>
      <c r="F2992" s="11" t="str">
        <f>'申請書（複数入力用）'!J2994</f>
        <v/>
      </c>
      <c r="G2992" s="6" t="str">
        <f>'申請書（複数入力用）'!K2994</f>
        <v>a052r000000jS9ZAAU</v>
      </c>
      <c r="H2992" s="12" t="e">
        <f>'申請書（複数入力用）'!N2994</f>
        <v>#N/A</v>
      </c>
      <c r="I2992" s="12" t="e">
        <f>'申請書（複数入力用）'!O2994</f>
        <v>#N/A</v>
      </c>
      <c r="J2992" s="12">
        <f>'申請書（複数入力用）'!P2994</f>
        <v>1</v>
      </c>
    </row>
    <row r="2993" spans="1:10" ht="51.6" customHeight="1" x14ac:dyDescent="0.45">
      <c r="A2993" s="6">
        <f>'申請書（複数入力用）'!A2995</f>
        <v>2989</v>
      </c>
      <c r="B2993" s="13">
        <f>'申請書（複数入力用）'!AH2995</f>
        <v>0</v>
      </c>
      <c r="C2993" s="6">
        <f>'申請書（複数入力用）'!B2995</f>
        <v>0</v>
      </c>
      <c r="D2993" s="6">
        <f>'申請書（複数入力用）'!D2995</f>
        <v>0</v>
      </c>
      <c r="E2993" s="14">
        <f>'申請書（複数入力用）'!H2995</f>
        <v>0</v>
      </c>
      <c r="F2993" s="11" t="str">
        <f>'申請書（複数入力用）'!J2995</f>
        <v/>
      </c>
      <c r="G2993" s="6" t="str">
        <f>'申請書（複数入力用）'!K2995</f>
        <v>a052r000000jS9ZAAU</v>
      </c>
      <c r="H2993" s="12" t="e">
        <f>'申請書（複数入力用）'!N2995</f>
        <v>#N/A</v>
      </c>
      <c r="I2993" s="12" t="e">
        <f>'申請書（複数入力用）'!O2995</f>
        <v>#N/A</v>
      </c>
      <c r="J2993" s="12">
        <f>'申請書（複数入力用）'!P2995</f>
        <v>1</v>
      </c>
    </row>
    <row r="2994" spans="1:10" ht="51.6" customHeight="1" x14ac:dyDescent="0.45">
      <c r="A2994" s="6">
        <f>'申請書（複数入力用）'!A2996</f>
        <v>2990</v>
      </c>
      <c r="B2994" s="13">
        <f>'申請書（複数入力用）'!AH2996</f>
        <v>0</v>
      </c>
      <c r="C2994" s="6">
        <f>'申請書（複数入力用）'!B2996</f>
        <v>0</v>
      </c>
      <c r="D2994" s="6">
        <f>'申請書（複数入力用）'!D2996</f>
        <v>0</v>
      </c>
      <c r="E2994" s="14">
        <f>'申請書（複数入力用）'!H2996</f>
        <v>0</v>
      </c>
      <c r="F2994" s="11" t="str">
        <f>'申請書（複数入力用）'!J2996</f>
        <v/>
      </c>
      <c r="G2994" s="6" t="str">
        <f>'申請書（複数入力用）'!K2996</f>
        <v>a052r000000jS9ZAAU</v>
      </c>
      <c r="H2994" s="12" t="e">
        <f>'申請書（複数入力用）'!N2996</f>
        <v>#N/A</v>
      </c>
      <c r="I2994" s="12" t="e">
        <f>'申請書（複数入力用）'!O2996</f>
        <v>#N/A</v>
      </c>
      <c r="J2994" s="12">
        <f>'申請書（複数入力用）'!P2996</f>
        <v>1</v>
      </c>
    </row>
    <row r="2995" spans="1:10" ht="51.6" customHeight="1" x14ac:dyDescent="0.45">
      <c r="A2995" s="6">
        <f>'申請書（複数入力用）'!A2997</f>
        <v>2991</v>
      </c>
      <c r="B2995" s="13">
        <f>'申請書（複数入力用）'!AH2997</f>
        <v>0</v>
      </c>
      <c r="C2995" s="6">
        <f>'申請書（複数入力用）'!B2997</f>
        <v>0</v>
      </c>
      <c r="D2995" s="6">
        <f>'申請書（複数入力用）'!D2997</f>
        <v>0</v>
      </c>
      <c r="E2995" s="14">
        <f>'申請書（複数入力用）'!H2997</f>
        <v>0</v>
      </c>
      <c r="F2995" s="11" t="str">
        <f>'申請書（複数入力用）'!J2997</f>
        <v/>
      </c>
      <c r="G2995" s="6" t="str">
        <f>'申請書（複数入力用）'!K2997</f>
        <v>a052r000000jS9ZAAU</v>
      </c>
      <c r="H2995" s="12" t="e">
        <f>'申請書（複数入力用）'!N2997</f>
        <v>#N/A</v>
      </c>
      <c r="I2995" s="12" t="e">
        <f>'申請書（複数入力用）'!O2997</f>
        <v>#N/A</v>
      </c>
      <c r="J2995" s="12">
        <f>'申請書（複数入力用）'!P2997</f>
        <v>1</v>
      </c>
    </row>
    <row r="2996" spans="1:10" ht="51.6" customHeight="1" x14ac:dyDescent="0.45">
      <c r="A2996" s="6">
        <f>'申請書（複数入力用）'!A2998</f>
        <v>2992</v>
      </c>
      <c r="B2996" s="13">
        <f>'申請書（複数入力用）'!AH2998</f>
        <v>0</v>
      </c>
      <c r="C2996" s="6">
        <f>'申請書（複数入力用）'!B2998</f>
        <v>0</v>
      </c>
      <c r="D2996" s="6">
        <f>'申請書（複数入力用）'!D2998</f>
        <v>0</v>
      </c>
      <c r="E2996" s="14">
        <f>'申請書（複数入力用）'!H2998</f>
        <v>0</v>
      </c>
      <c r="F2996" s="11" t="str">
        <f>'申請書（複数入力用）'!J2998</f>
        <v/>
      </c>
      <c r="G2996" s="6" t="str">
        <f>'申請書（複数入力用）'!K2998</f>
        <v>a052r000000jS9ZAAU</v>
      </c>
      <c r="H2996" s="12" t="e">
        <f>'申請書（複数入力用）'!N2998</f>
        <v>#N/A</v>
      </c>
      <c r="I2996" s="12" t="e">
        <f>'申請書（複数入力用）'!O2998</f>
        <v>#N/A</v>
      </c>
      <c r="J2996" s="12">
        <f>'申請書（複数入力用）'!P2998</f>
        <v>1</v>
      </c>
    </row>
    <row r="2997" spans="1:10" ht="51.6" customHeight="1" x14ac:dyDescent="0.45">
      <c r="A2997" s="6">
        <f>'申請書（複数入力用）'!A2999</f>
        <v>2993</v>
      </c>
      <c r="B2997" s="13">
        <f>'申請書（複数入力用）'!AH2999</f>
        <v>0</v>
      </c>
      <c r="C2997" s="6">
        <f>'申請書（複数入力用）'!B2999</f>
        <v>0</v>
      </c>
      <c r="D2997" s="6">
        <f>'申請書（複数入力用）'!D2999</f>
        <v>0</v>
      </c>
      <c r="E2997" s="14">
        <f>'申請書（複数入力用）'!H2999</f>
        <v>0</v>
      </c>
      <c r="F2997" s="11" t="str">
        <f>'申請書（複数入力用）'!J2999</f>
        <v/>
      </c>
      <c r="G2997" s="6" t="str">
        <f>'申請書（複数入力用）'!K2999</f>
        <v>a052r000000jS9ZAAU</v>
      </c>
      <c r="H2997" s="12" t="e">
        <f>'申請書（複数入力用）'!N2999</f>
        <v>#N/A</v>
      </c>
      <c r="I2997" s="12" t="e">
        <f>'申請書（複数入力用）'!O2999</f>
        <v>#N/A</v>
      </c>
      <c r="J2997" s="12">
        <f>'申請書（複数入力用）'!P2999</f>
        <v>1</v>
      </c>
    </row>
    <row r="2998" spans="1:10" ht="51.6" customHeight="1" x14ac:dyDescent="0.45">
      <c r="A2998" s="6">
        <f>'申請書（複数入力用）'!A3000</f>
        <v>2994</v>
      </c>
      <c r="B2998" s="13">
        <f>'申請書（複数入力用）'!AH3000</f>
        <v>0</v>
      </c>
      <c r="C2998" s="6">
        <f>'申請書（複数入力用）'!B3000</f>
        <v>0</v>
      </c>
      <c r="D2998" s="6">
        <f>'申請書（複数入力用）'!D3000</f>
        <v>0</v>
      </c>
      <c r="E2998" s="14">
        <f>'申請書（複数入力用）'!H3000</f>
        <v>0</v>
      </c>
      <c r="F2998" s="11" t="str">
        <f>'申請書（複数入力用）'!J3000</f>
        <v/>
      </c>
      <c r="G2998" s="6" t="str">
        <f>'申請書（複数入力用）'!K3000</f>
        <v>a052r000000jS9ZAAU</v>
      </c>
      <c r="H2998" s="12" t="e">
        <f>'申請書（複数入力用）'!N3000</f>
        <v>#N/A</v>
      </c>
      <c r="I2998" s="12" t="e">
        <f>'申請書（複数入力用）'!O3000</f>
        <v>#N/A</v>
      </c>
      <c r="J2998" s="12">
        <f>'申請書（複数入力用）'!P3000</f>
        <v>1</v>
      </c>
    </row>
    <row r="2999" spans="1:10" ht="51.6" customHeight="1" x14ac:dyDescent="0.45">
      <c r="A2999" s="6">
        <f>'申請書（複数入力用）'!A3001</f>
        <v>2995</v>
      </c>
      <c r="B2999" s="13">
        <f>'申請書（複数入力用）'!AH3001</f>
        <v>0</v>
      </c>
      <c r="C2999" s="6">
        <f>'申請書（複数入力用）'!B3001</f>
        <v>0</v>
      </c>
      <c r="D2999" s="6">
        <f>'申請書（複数入力用）'!D3001</f>
        <v>0</v>
      </c>
      <c r="E2999" s="14">
        <f>'申請書（複数入力用）'!H3001</f>
        <v>0</v>
      </c>
      <c r="F2999" s="11" t="str">
        <f>'申請書（複数入力用）'!J3001</f>
        <v/>
      </c>
      <c r="G2999" s="6" t="str">
        <f>'申請書（複数入力用）'!K3001</f>
        <v>a052r000000jS9ZAAU</v>
      </c>
      <c r="H2999" s="12" t="e">
        <f>'申請書（複数入力用）'!N3001</f>
        <v>#N/A</v>
      </c>
      <c r="I2999" s="12" t="e">
        <f>'申請書（複数入力用）'!O3001</f>
        <v>#N/A</v>
      </c>
      <c r="J2999" s="12">
        <f>'申請書（複数入力用）'!P3001</f>
        <v>1</v>
      </c>
    </row>
    <row r="3000" spans="1:10" ht="51.6" customHeight="1" x14ac:dyDescent="0.45">
      <c r="A3000" s="6">
        <f>'申請書（複数入力用）'!A3002</f>
        <v>2996</v>
      </c>
      <c r="B3000" s="13">
        <f>'申請書（複数入力用）'!AH3002</f>
        <v>0</v>
      </c>
      <c r="C3000" s="6">
        <f>'申請書（複数入力用）'!B3002</f>
        <v>0</v>
      </c>
      <c r="D3000" s="6">
        <f>'申請書（複数入力用）'!D3002</f>
        <v>0</v>
      </c>
      <c r="E3000" s="14">
        <f>'申請書（複数入力用）'!H3002</f>
        <v>0</v>
      </c>
      <c r="F3000" s="11" t="str">
        <f>'申請書（複数入力用）'!J3002</f>
        <v/>
      </c>
      <c r="G3000" s="6" t="str">
        <f>'申請書（複数入力用）'!K3002</f>
        <v>a052r000000jS9ZAAU</v>
      </c>
      <c r="H3000" s="12" t="e">
        <f>'申請書（複数入力用）'!N3002</f>
        <v>#N/A</v>
      </c>
      <c r="I3000" s="12" t="e">
        <f>'申請書（複数入力用）'!O3002</f>
        <v>#N/A</v>
      </c>
      <c r="J3000" s="12">
        <f>'申請書（複数入力用）'!P3002</f>
        <v>1</v>
      </c>
    </row>
    <row r="3001" spans="1:10" ht="51.6" customHeight="1" x14ac:dyDescent="0.45">
      <c r="A3001" s="6">
        <f>'申請書（複数入力用）'!A3003</f>
        <v>2997</v>
      </c>
      <c r="B3001" s="13">
        <f>'申請書（複数入力用）'!AH3003</f>
        <v>0</v>
      </c>
      <c r="C3001" s="6">
        <f>'申請書（複数入力用）'!B3003</f>
        <v>0</v>
      </c>
      <c r="D3001" s="6">
        <f>'申請書（複数入力用）'!D3003</f>
        <v>0</v>
      </c>
      <c r="E3001" s="14">
        <f>'申請書（複数入力用）'!H3003</f>
        <v>0</v>
      </c>
      <c r="F3001" s="11" t="str">
        <f>'申請書（複数入力用）'!J3003</f>
        <v/>
      </c>
      <c r="G3001" s="6" t="str">
        <f>'申請書（複数入力用）'!K3003</f>
        <v>a052r000000jS9ZAAU</v>
      </c>
      <c r="H3001" s="12" t="e">
        <f>'申請書（複数入力用）'!N3003</f>
        <v>#N/A</v>
      </c>
      <c r="I3001" s="12" t="e">
        <f>'申請書（複数入力用）'!O3003</f>
        <v>#N/A</v>
      </c>
      <c r="J3001" s="12">
        <f>'申請書（複数入力用）'!P3003</f>
        <v>1</v>
      </c>
    </row>
    <row r="3002" spans="1:10" ht="51.6" customHeight="1" x14ac:dyDescent="0.45">
      <c r="A3002" s="6">
        <f>'申請書（複数入力用）'!A3004</f>
        <v>2998</v>
      </c>
      <c r="B3002" s="13">
        <f>'申請書（複数入力用）'!AH3004</f>
        <v>0</v>
      </c>
      <c r="C3002" s="6">
        <f>'申請書（複数入力用）'!B3004</f>
        <v>0</v>
      </c>
      <c r="D3002" s="6">
        <f>'申請書（複数入力用）'!D3004</f>
        <v>0</v>
      </c>
      <c r="E3002" s="14">
        <f>'申請書（複数入力用）'!H3004</f>
        <v>0</v>
      </c>
      <c r="F3002" s="11" t="str">
        <f>'申請書（複数入力用）'!J3004</f>
        <v/>
      </c>
      <c r="G3002" s="6" t="str">
        <f>'申請書（複数入力用）'!K3004</f>
        <v>a052r000000jS9ZAAU</v>
      </c>
      <c r="H3002" s="12" t="e">
        <f>'申請書（複数入力用）'!N3004</f>
        <v>#N/A</v>
      </c>
      <c r="I3002" s="12" t="e">
        <f>'申請書（複数入力用）'!O3004</f>
        <v>#N/A</v>
      </c>
      <c r="J3002" s="12">
        <f>'申請書（複数入力用）'!P3004</f>
        <v>1</v>
      </c>
    </row>
    <row r="3003" spans="1:10" ht="51.6" customHeight="1" x14ac:dyDescent="0.45">
      <c r="A3003" s="6">
        <f>'申請書（複数入力用）'!A3005</f>
        <v>2999</v>
      </c>
      <c r="B3003" s="13">
        <f>'申請書（複数入力用）'!AH3005</f>
        <v>0</v>
      </c>
      <c r="C3003" s="6">
        <f>'申請書（複数入力用）'!B3005</f>
        <v>0</v>
      </c>
      <c r="D3003" s="6">
        <f>'申請書（複数入力用）'!D3005</f>
        <v>0</v>
      </c>
      <c r="E3003" s="14">
        <f>'申請書（複数入力用）'!H3005</f>
        <v>0</v>
      </c>
      <c r="F3003" s="11" t="str">
        <f>'申請書（複数入力用）'!J3005</f>
        <v/>
      </c>
      <c r="G3003" s="6" t="str">
        <f>'申請書（複数入力用）'!K3005</f>
        <v>a052r000000jS9ZAAU</v>
      </c>
      <c r="H3003" s="12" t="e">
        <f>'申請書（複数入力用）'!N3005</f>
        <v>#N/A</v>
      </c>
      <c r="I3003" s="12" t="e">
        <f>'申請書（複数入力用）'!O3005</f>
        <v>#N/A</v>
      </c>
      <c r="J3003" s="12">
        <f>'申請書（複数入力用）'!P3005</f>
        <v>1</v>
      </c>
    </row>
    <row r="3004" spans="1:10" ht="51.6" customHeight="1" x14ac:dyDescent="0.45">
      <c r="A3004" s="6">
        <f>'申請書（複数入力用）'!A3006</f>
        <v>3000</v>
      </c>
      <c r="B3004" s="13">
        <f>'申請書（複数入力用）'!AH3006</f>
        <v>0</v>
      </c>
      <c r="C3004" s="6">
        <f>'申請書（複数入力用）'!B3006</f>
        <v>0</v>
      </c>
      <c r="D3004" s="6">
        <f>'申請書（複数入力用）'!D3006</f>
        <v>0</v>
      </c>
      <c r="E3004" s="14">
        <f>'申請書（複数入力用）'!H3006</f>
        <v>0</v>
      </c>
      <c r="F3004" s="11" t="str">
        <f>'申請書（複数入力用）'!J3006</f>
        <v/>
      </c>
      <c r="G3004" s="6" t="str">
        <f>'申請書（複数入力用）'!K3006</f>
        <v>a052r000000jS9ZAAU</v>
      </c>
      <c r="H3004" s="12" t="e">
        <f>'申請書（複数入力用）'!N3006</f>
        <v>#N/A</v>
      </c>
      <c r="I3004" s="12" t="e">
        <f>'申請書（複数入力用）'!O3006</f>
        <v>#N/A</v>
      </c>
      <c r="J3004" s="12">
        <f>'申請書（複数入力用）'!P3006</f>
        <v>1</v>
      </c>
    </row>
    <row r="3005" spans="1:10" ht="51.6" customHeight="1" x14ac:dyDescent="0.45">
      <c r="A3005" s="6">
        <f>'申請書（複数入力用）'!A3007</f>
        <v>3001</v>
      </c>
      <c r="B3005" s="13">
        <f>'申請書（複数入力用）'!AH3007</f>
        <v>0</v>
      </c>
      <c r="C3005" s="6">
        <f>'申請書（複数入力用）'!B3007</f>
        <v>0</v>
      </c>
      <c r="D3005" s="6">
        <f>'申請書（複数入力用）'!D3007</f>
        <v>0</v>
      </c>
      <c r="E3005" s="14">
        <f>'申請書（複数入力用）'!H3007</f>
        <v>0</v>
      </c>
      <c r="F3005" s="11" t="str">
        <f>'申請書（複数入力用）'!J3007</f>
        <v/>
      </c>
      <c r="G3005" s="6" t="str">
        <f>'申請書（複数入力用）'!K3007</f>
        <v>a052r000000jS9ZAAU</v>
      </c>
      <c r="H3005" s="12" t="e">
        <f>'申請書（複数入力用）'!N3007</f>
        <v>#N/A</v>
      </c>
      <c r="I3005" s="12" t="e">
        <f>'申請書（複数入力用）'!O3007</f>
        <v>#N/A</v>
      </c>
      <c r="J3005" s="12">
        <f>'申請書（複数入力用）'!P3007</f>
        <v>1</v>
      </c>
    </row>
    <row r="3006" spans="1:10" ht="51.6" customHeight="1" x14ac:dyDescent="0.45">
      <c r="A3006" s="6">
        <f>'申請書（複数入力用）'!A3008</f>
        <v>3002</v>
      </c>
      <c r="B3006" s="13">
        <f>'申請書（複数入力用）'!AH3008</f>
        <v>0</v>
      </c>
      <c r="C3006" s="6">
        <f>'申請書（複数入力用）'!B3008</f>
        <v>0</v>
      </c>
      <c r="D3006" s="6">
        <f>'申請書（複数入力用）'!D3008</f>
        <v>0</v>
      </c>
      <c r="E3006" s="14">
        <f>'申請書（複数入力用）'!H3008</f>
        <v>0</v>
      </c>
      <c r="F3006" s="11" t="str">
        <f>'申請書（複数入力用）'!J3008</f>
        <v/>
      </c>
      <c r="G3006" s="6" t="str">
        <f>'申請書（複数入力用）'!K3008</f>
        <v>a052r000000jS9ZAAU</v>
      </c>
      <c r="H3006" s="12" t="e">
        <f>'申請書（複数入力用）'!N3008</f>
        <v>#N/A</v>
      </c>
      <c r="I3006" s="12" t="e">
        <f>'申請書（複数入力用）'!O3008</f>
        <v>#N/A</v>
      </c>
      <c r="J3006" s="12">
        <f>'申請書（複数入力用）'!P3008</f>
        <v>1</v>
      </c>
    </row>
    <row r="3007" spans="1:10" ht="51.6" customHeight="1" x14ac:dyDescent="0.45">
      <c r="A3007" s="6">
        <f>'申請書（複数入力用）'!A3009</f>
        <v>3003</v>
      </c>
      <c r="B3007" s="13">
        <f>'申請書（複数入力用）'!AH3009</f>
        <v>0</v>
      </c>
      <c r="C3007" s="6">
        <f>'申請書（複数入力用）'!B3009</f>
        <v>0</v>
      </c>
      <c r="D3007" s="6">
        <f>'申請書（複数入力用）'!D3009</f>
        <v>0</v>
      </c>
      <c r="E3007" s="14">
        <f>'申請書（複数入力用）'!H3009</f>
        <v>0</v>
      </c>
      <c r="F3007" s="11" t="str">
        <f>'申請書（複数入力用）'!J3009</f>
        <v/>
      </c>
      <c r="G3007" s="6" t="str">
        <f>'申請書（複数入力用）'!K3009</f>
        <v>a052r000000jS9ZAAU</v>
      </c>
      <c r="H3007" s="12" t="e">
        <f>'申請書（複数入力用）'!N3009</f>
        <v>#N/A</v>
      </c>
      <c r="I3007" s="12" t="e">
        <f>'申請書（複数入力用）'!O3009</f>
        <v>#N/A</v>
      </c>
      <c r="J3007" s="12">
        <f>'申請書（複数入力用）'!P3009</f>
        <v>1</v>
      </c>
    </row>
    <row r="3008" spans="1:10" ht="51.6" customHeight="1" x14ac:dyDescent="0.45">
      <c r="A3008" s="6">
        <f>'申請書（複数入力用）'!A3010</f>
        <v>3004</v>
      </c>
      <c r="B3008" s="13">
        <f>'申請書（複数入力用）'!AH3010</f>
        <v>0</v>
      </c>
      <c r="C3008" s="6">
        <f>'申請書（複数入力用）'!B3010</f>
        <v>0</v>
      </c>
      <c r="D3008" s="6">
        <f>'申請書（複数入力用）'!D3010</f>
        <v>0</v>
      </c>
      <c r="E3008" s="14">
        <f>'申請書（複数入力用）'!H3010</f>
        <v>0</v>
      </c>
      <c r="F3008" s="11" t="str">
        <f>'申請書（複数入力用）'!J3010</f>
        <v/>
      </c>
      <c r="G3008" s="6" t="str">
        <f>'申請書（複数入力用）'!K3010</f>
        <v>a052r000000jS9ZAAU</v>
      </c>
      <c r="H3008" s="12" t="e">
        <f>'申請書（複数入力用）'!N3010</f>
        <v>#N/A</v>
      </c>
      <c r="I3008" s="12" t="e">
        <f>'申請書（複数入力用）'!O3010</f>
        <v>#N/A</v>
      </c>
      <c r="J3008" s="12">
        <f>'申請書（複数入力用）'!P3010</f>
        <v>1</v>
      </c>
    </row>
    <row r="3009" spans="1:10" ht="51.6" customHeight="1" x14ac:dyDescent="0.45">
      <c r="A3009" s="6">
        <f>'申請書（複数入力用）'!A3011</f>
        <v>3005</v>
      </c>
      <c r="B3009" s="13">
        <f>'申請書（複数入力用）'!AH3011</f>
        <v>0</v>
      </c>
      <c r="C3009" s="6">
        <f>'申請書（複数入力用）'!B3011</f>
        <v>0</v>
      </c>
      <c r="D3009" s="6">
        <f>'申請書（複数入力用）'!D3011</f>
        <v>0</v>
      </c>
      <c r="E3009" s="14">
        <f>'申請書（複数入力用）'!H3011</f>
        <v>0</v>
      </c>
      <c r="F3009" s="11" t="str">
        <f>'申請書（複数入力用）'!J3011</f>
        <v/>
      </c>
      <c r="G3009" s="6" t="str">
        <f>'申請書（複数入力用）'!K3011</f>
        <v>a052r000000jS9ZAAU</v>
      </c>
      <c r="H3009" s="12" t="e">
        <f>'申請書（複数入力用）'!N3011</f>
        <v>#N/A</v>
      </c>
      <c r="I3009" s="12" t="e">
        <f>'申請書（複数入力用）'!O3011</f>
        <v>#N/A</v>
      </c>
      <c r="J3009" s="12">
        <f>'申請書（複数入力用）'!P3011</f>
        <v>1</v>
      </c>
    </row>
    <row r="3010" spans="1:10" ht="51.6" customHeight="1" x14ac:dyDescent="0.45">
      <c r="A3010" s="6">
        <f>'申請書（複数入力用）'!A3012</f>
        <v>3006</v>
      </c>
      <c r="B3010" s="13">
        <f>'申請書（複数入力用）'!AH3012</f>
        <v>0</v>
      </c>
      <c r="C3010" s="6">
        <f>'申請書（複数入力用）'!B3012</f>
        <v>0</v>
      </c>
      <c r="D3010" s="6">
        <f>'申請書（複数入力用）'!D3012</f>
        <v>0</v>
      </c>
      <c r="E3010" s="14">
        <f>'申請書（複数入力用）'!H3012</f>
        <v>0</v>
      </c>
      <c r="F3010" s="11" t="str">
        <f>'申請書（複数入力用）'!J3012</f>
        <v/>
      </c>
      <c r="G3010" s="6" t="str">
        <f>'申請書（複数入力用）'!K3012</f>
        <v>a052r000000jS9ZAAU</v>
      </c>
      <c r="H3010" s="12" t="e">
        <f>'申請書（複数入力用）'!N3012</f>
        <v>#N/A</v>
      </c>
      <c r="I3010" s="12" t="e">
        <f>'申請書（複数入力用）'!O3012</f>
        <v>#N/A</v>
      </c>
      <c r="J3010" s="12">
        <f>'申請書（複数入力用）'!P3012</f>
        <v>1</v>
      </c>
    </row>
    <row r="3011" spans="1:10" ht="51.6" customHeight="1" x14ac:dyDescent="0.45">
      <c r="A3011" s="6">
        <f>'申請書（複数入力用）'!A3013</f>
        <v>3007</v>
      </c>
      <c r="B3011" s="13">
        <f>'申請書（複数入力用）'!AH3013</f>
        <v>0</v>
      </c>
      <c r="C3011" s="6">
        <f>'申請書（複数入力用）'!B3013</f>
        <v>0</v>
      </c>
      <c r="D3011" s="6">
        <f>'申請書（複数入力用）'!D3013</f>
        <v>0</v>
      </c>
      <c r="E3011" s="14">
        <f>'申請書（複数入力用）'!H3013</f>
        <v>0</v>
      </c>
      <c r="F3011" s="11" t="str">
        <f>'申請書（複数入力用）'!J3013</f>
        <v/>
      </c>
      <c r="G3011" s="6" t="str">
        <f>'申請書（複数入力用）'!K3013</f>
        <v>a052r000000jS9ZAAU</v>
      </c>
      <c r="H3011" s="12" t="e">
        <f>'申請書（複数入力用）'!N3013</f>
        <v>#N/A</v>
      </c>
      <c r="I3011" s="12" t="e">
        <f>'申請書（複数入力用）'!O3013</f>
        <v>#N/A</v>
      </c>
      <c r="J3011" s="12">
        <f>'申請書（複数入力用）'!P3013</f>
        <v>1</v>
      </c>
    </row>
    <row r="3012" spans="1:10" ht="51.6" customHeight="1" x14ac:dyDescent="0.45">
      <c r="A3012" s="6">
        <f>'申請書（複数入力用）'!A3014</f>
        <v>3008</v>
      </c>
      <c r="B3012" s="13">
        <f>'申請書（複数入力用）'!AH3014</f>
        <v>0</v>
      </c>
      <c r="C3012" s="6">
        <f>'申請書（複数入力用）'!B3014</f>
        <v>0</v>
      </c>
      <c r="D3012" s="6">
        <f>'申請書（複数入力用）'!D3014</f>
        <v>0</v>
      </c>
      <c r="E3012" s="14">
        <f>'申請書（複数入力用）'!H3014</f>
        <v>0</v>
      </c>
      <c r="F3012" s="11" t="str">
        <f>'申請書（複数入力用）'!J3014</f>
        <v/>
      </c>
      <c r="G3012" s="6" t="str">
        <f>'申請書（複数入力用）'!K3014</f>
        <v>a052r000000jS9ZAAU</v>
      </c>
      <c r="H3012" s="12" t="e">
        <f>'申請書（複数入力用）'!N3014</f>
        <v>#N/A</v>
      </c>
      <c r="I3012" s="12" t="e">
        <f>'申請書（複数入力用）'!O3014</f>
        <v>#N/A</v>
      </c>
      <c r="J3012" s="12">
        <f>'申請書（複数入力用）'!P3014</f>
        <v>1</v>
      </c>
    </row>
    <row r="3013" spans="1:10" ht="51.6" customHeight="1" x14ac:dyDescent="0.45">
      <c r="A3013" s="6">
        <f>'申請書（複数入力用）'!A3015</f>
        <v>3009</v>
      </c>
      <c r="B3013" s="13">
        <f>'申請書（複数入力用）'!AH3015</f>
        <v>0</v>
      </c>
      <c r="C3013" s="6">
        <f>'申請書（複数入力用）'!B3015</f>
        <v>0</v>
      </c>
      <c r="D3013" s="6">
        <f>'申請書（複数入力用）'!D3015</f>
        <v>0</v>
      </c>
      <c r="E3013" s="14">
        <f>'申請書（複数入力用）'!H3015</f>
        <v>0</v>
      </c>
      <c r="F3013" s="11" t="str">
        <f>'申請書（複数入力用）'!J3015</f>
        <v/>
      </c>
      <c r="G3013" s="6" t="str">
        <f>'申請書（複数入力用）'!K3015</f>
        <v>a052r000000jS9ZAAU</v>
      </c>
      <c r="H3013" s="12" t="e">
        <f>'申請書（複数入力用）'!N3015</f>
        <v>#N/A</v>
      </c>
      <c r="I3013" s="12" t="e">
        <f>'申請書（複数入力用）'!O3015</f>
        <v>#N/A</v>
      </c>
      <c r="J3013" s="12">
        <f>'申請書（複数入力用）'!P3015</f>
        <v>1</v>
      </c>
    </row>
    <row r="3014" spans="1:10" ht="51.6" customHeight="1" x14ac:dyDescent="0.45">
      <c r="A3014" s="6">
        <f>'申請書（複数入力用）'!A3016</f>
        <v>3010</v>
      </c>
      <c r="B3014" s="13">
        <f>'申請書（複数入力用）'!AH3016</f>
        <v>0</v>
      </c>
      <c r="C3014" s="6">
        <f>'申請書（複数入力用）'!B3016</f>
        <v>0</v>
      </c>
      <c r="D3014" s="6">
        <f>'申請書（複数入力用）'!D3016</f>
        <v>0</v>
      </c>
      <c r="E3014" s="14">
        <f>'申請書（複数入力用）'!H3016</f>
        <v>0</v>
      </c>
      <c r="F3014" s="11" t="str">
        <f>'申請書（複数入力用）'!J3016</f>
        <v/>
      </c>
      <c r="G3014" s="6" t="str">
        <f>'申請書（複数入力用）'!K3016</f>
        <v>a052r000000jS9ZAAU</v>
      </c>
      <c r="H3014" s="12" t="e">
        <f>'申請書（複数入力用）'!N3016</f>
        <v>#N/A</v>
      </c>
      <c r="I3014" s="12" t="e">
        <f>'申請書（複数入力用）'!O3016</f>
        <v>#N/A</v>
      </c>
      <c r="J3014" s="12">
        <f>'申請書（複数入力用）'!P3016</f>
        <v>1</v>
      </c>
    </row>
    <row r="3015" spans="1:10" ht="51.6" customHeight="1" x14ac:dyDescent="0.45">
      <c r="A3015" s="6">
        <f>'申請書（複数入力用）'!A3017</f>
        <v>3011</v>
      </c>
      <c r="B3015" s="13">
        <f>'申請書（複数入力用）'!AH3017</f>
        <v>0</v>
      </c>
      <c r="C3015" s="6">
        <f>'申請書（複数入力用）'!B3017</f>
        <v>0</v>
      </c>
      <c r="D3015" s="6">
        <f>'申請書（複数入力用）'!D3017</f>
        <v>0</v>
      </c>
      <c r="E3015" s="14">
        <f>'申請書（複数入力用）'!H3017</f>
        <v>0</v>
      </c>
      <c r="F3015" s="11" t="str">
        <f>'申請書（複数入力用）'!J3017</f>
        <v/>
      </c>
      <c r="G3015" s="6" t="str">
        <f>'申請書（複数入力用）'!K3017</f>
        <v>a052r000000jS9ZAAU</v>
      </c>
      <c r="H3015" s="12" t="e">
        <f>'申請書（複数入力用）'!N3017</f>
        <v>#N/A</v>
      </c>
      <c r="I3015" s="12" t="e">
        <f>'申請書（複数入力用）'!O3017</f>
        <v>#N/A</v>
      </c>
      <c r="J3015" s="12">
        <f>'申請書（複数入力用）'!P3017</f>
        <v>1</v>
      </c>
    </row>
    <row r="3016" spans="1:10" ht="51.6" customHeight="1" x14ac:dyDescent="0.45">
      <c r="A3016" s="6">
        <f>'申請書（複数入力用）'!A3018</f>
        <v>3012</v>
      </c>
      <c r="B3016" s="13">
        <f>'申請書（複数入力用）'!AH3018</f>
        <v>0</v>
      </c>
      <c r="C3016" s="6">
        <f>'申請書（複数入力用）'!B3018</f>
        <v>0</v>
      </c>
      <c r="D3016" s="6">
        <f>'申請書（複数入力用）'!D3018</f>
        <v>0</v>
      </c>
      <c r="E3016" s="14">
        <f>'申請書（複数入力用）'!H3018</f>
        <v>0</v>
      </c>
      <c r="F3016" s="11" t="str">
        <f>'申請書（複数入力用）'!J3018</f>
        <v/>
      </c>
      <c r="G3016" s="6" t="str">
        <f>'申請書（複数入力用）'!K3018</f>
        <v>a052r000000jS9ZAAU</v>
      </c>
      <c r="H3016" s="12" t="e">
        <f>'申請書（複数入力用）'!N3018</f>
        <v>#N/A</v>
      </c>
      <c r="I3016" s="12" t="e">
        <f>'申請書（複数入力用）'!O3018</f>
        <v>#N/A</v>
      </c>
      <c r="J3016" s="12">
        <f>'申請書（複数入力用）'!P3018</f>
        <v>1</v>
      </c>
    </row>
    <row r="3017" spans="1:10" ht="51.6" customHeight="1" x14ac:dyDescent="0.45">
      <c r="A3017" s="6">
        <f>'申請書（複数入力用）'!A3019</f>
        <v>3013</v>
      </c>
      <c r="B3017" s="13">
        <f>'申請書（複数入力用）'!AH3019</f>
        <v>0</v>
      </c>
      <c r="C3017" s="6">
        <f>'申請書（複数入力用）'!B3019</f>
        <v>0</v>
      </c>
      <c r="D3017" s="6">
        <f>'申請書（複数入力用）'!D3019</f>
        <v>0</v>
      </c>
      <c r="E3017" s="14">
        <f>'申請書（複数入力用）'!H3019</f>
        <v>0</v>
      </c>
      <c r="F3017" s="11" t="str">
        <f>'申請書（複数入力用）'!J3019</f>
        <v/>
      </c>
      <c r="G3017" s="6" t="str">
        <f>'申請書（複数入力用）'!K3019</f>
        <v>a052r000000jS9ZAAU</v>
      </c>
      <c r="H3017" s="12" t="e">
        <f>'申請書（複数入力用）'!N3019</f>
        <v>#N/A</v>
      </c>
      <c r="I3017" s="12" t="e">
        <f>'申請書（複数入力用）'!O3019</f>
        <v>#N/A</v>
      </c>
      <c r="J3017" s="12">
        <f>'申請書（複数入力用）'!P3019</f>
        <v>1</v>
      </c>
    </row>
    <row r="3018" spans="1:10" ht="51.6" customHeight="1" x14ac:dyDescent="0.45">
      <c r="A3018" s="6">
        <f>'申請書（複数入力用）'!A3020</f>
        <v>3014</v>
      </c>
      <c r="B3018" s="13">
        <f>'申請書（複数入力用）'!AH3020</f>
        <v>0</v>
      </c>
      <c r="C3018" s="6">
        <f>'申請書（複数入力用）'!B3020</f>
        <v>0</v>
      </c>
      <c r="D3018" s="6">
        <f>'申請書（複数入力用）'!D3020</f>
        <v>0</v>
      </c>
      <c r="E3018" s="14">
        <f>'申請書（複数入力用）'!H3020</f>
        <v>0</v>
      </c>
      <c r="F3018" s="11" t="str">
        <f>'申請書（複数入力用）'!J3020</f>
        <v/>
      </c>
      <c r="G3018" s="6" t="str">
        <f>'申請書（複数入力用）'!K3020</f>
        <v>a052r000000jS9ZAAU</v>
      </c>
      <c r="H3018" s="12" t="e">
        <f>'申請書（複数入力用）'!N3020</f>
        <v>#N/A</v>
      </c>
      <c r="I3018" s="12" t="e">
        <f>'申請書（複数入力用）'!O3020</f>
        <v>#N/A</v>
      </c>
      <c r="J3018" s="12">
        <f>'申請書（複数入力用）'!P3020</f>
        <v>1</v>
      </c>
    </row>
    <row r="3019" spans="1:10" ht="51.6" customHeight="1" x14ac:dyDescent="0.45">
      <c r="A3019" s="6">
        <f>'申請書（複数入力用）'!A3021</f>
        <v>3015</v>
      </c>
      <c r="B3019" s="13">
        <f>'申請書（複数入力用）'!AH3021</f>
        <v>0</v>
      </c>
      <c r="C3019" s="6">
        <f>'申請書（複数入力用）'!B3021</f>
        <v>0</v>
      </c>
      <c r="D3019" s="6">
        <f>'申請書（複数入力用）'!D3021</f>
        <v>0</v>
      </c>
      <c r="E3019" s="14">
        <f>'申請書（複数入力用）'!H3021</f>
        <v>0</v>
      </c>
      <c r="F3019" s="11" t="str">
        <f>'申請書（複数入力用）'!J3021</f>
        <v/>
      </c>
      <c r="G3019" s="6" t="str">
        <f>'申請書（複数入力用）'!K3021</f>
        <v>a052r000000jS9ZAAU</v>
      </c>
      <c r="H3019" s="12" t="e">
        <f>'申請書（複数入力用）'!N3021</f>
        <v>#N/A</v>
      </c>
      <c r="I3019" s="12" t="e">
        <f>'申請書（複数入力用）'!O3021</f>
        <v>#N/A</v>
      </c>
      <c r="J3019" s="12">
        <f>'申請書（複数入力用）'!P3021</f>
        <v>1</v>
      </c>
    </row>
    <row r="3020" spans="1:10" ht="51.6" customHeight="1" x14ac:dyDescent="0.45">
      <c r="A3020" s="6">
        <f>'申請書（複数入力用）'!A3022</f>
        <v>3016</v>
      </c>
      <c r="B3020" s="13">
        <f>'申請書（複数入力用）'!AH3022</f>
        <v>0</v>
      </c>
      <c r="C3020" s="6">
        <f>'申請書（複数入力用）'!B3022</f>
        <v>0</v>
      </c>
      <c r="D3020" s="6">
        <f>'申請書（複数入力用）'!D3022</f>
        <v>0</v>
      </c>
      <c r="E3020" s="14">
        <f>'申請書（複数入力用）'!H3022</f>
        <v>0</v>
      </c>
      <c r="F3020" s="11" t="str">
        <f>'申請書（複数入力用）'!J3022</f>
        <v/>
      </c>
      <c r="G3020" s="6" t="str">
        <f>'申請書（複数入力用）'!K3022</f>
        <v>a052r000000jS9ZAAU</v>
      </c>
      <c r="H3020" s="12" t="e">
        <f>'申請書（複数入力用）'!N3022</f>
        <v>#N/A</v>
      </c>
      <c r="I3020" s="12" t="e">
        <f>'申請書（複数入力用）'!O3022</f>
        <v>#N/A</v>
      </c>
      <c r="J3020" s="12">
        <f>'申請書（複数入力用）'!P3022</f>
        <v>1</v>
      </c>
    </row>
    <row r="3021" spans="1:10" ht="51.6" customHeight="1" x14ac:dyDescent="0.45">
      <c r="A3021" s="6">
        <f>'申請書（複数入力用）'!A3023</f>
        <v>3017</v>
      </c>
      <c r="B3021" s="13">
        <f>'申請書（複数入力用）'!AH3023</f>
        <v>0</v>
      </c>
      <c r="C3021" s="6">
        <f>'申請書（複数入力用）'!B3023</f>
        <v>0</v>
      </c>
      <c r="D3021" s="6">
        <f>'申請書（複数入力用）'!D3023</f>
        <v>0</v>
      </c>
      <c r="E3021" s="14">
        <f>'申請書（複数入力用）'!H3023</f>
        <v>0</v>
      </c>
      <c r="F3021" s="11" t="str">
        <f>'申請書（複数入力用）'!J3023</f>
        <v/>
      </c>
      <c r="G3021" s="6" t="str">
        <f>'申請書（複数入力用）'!K3023</f>
        <v>a052r000000jS9ZAAU</v>
      </c>
      <c r="H3021" s="12" t="e">
        <f>'申請書（複数入力用）'!N3023</f>
        <v>#N/A</v>
      </c>
      <c r="I3021" s="12" t="e">
        <f>'申請書（複数入力用）'!O3023</f>
        <v>#N/A</v>
      </c>
      <c r="J3021" s="12">
        <f>'申請書（複数入力用）'!P3023</f>
        <v>1</v>
      </c>
    </row>
    <row r="3022" spans="1:10" ht="51.6" customHeight="1" x14ac:dyDescent="0.45">
      <c r="A3022" s="6">
        <f>'申請書（複数入力用）'!A3024</f>
        <v>3018</v>
      </c>
      <c r="B3022" s="13">
        <f>'申請書（複数入力用）'!AH3024</f>
        <v>0</v>
      </c>
      <c r="C3022" s="6">
        <f>'申請書（複数入力用）'!B3024</f>
        <v>0</v>
      </c>
      <c r="D3022" s="6">
        <f>'申請書（複数入力用）'!D3024</f>
        <v>0</v>
      </c>
      <c r="E3022" s="14">
        <f>'申請書（複数入力用）'!H3024</f>
        <v>0</v>
      </c>
      <c r="F3022" s="11" t="str">
        <f>'申請書（複数入力用）'!J3024</f>
        <v/>
      </c>
      <c r="G3022" s="6" t="str">
        <f>'申請書（複数入力用）'!K3024</f>
        <v>a052r000000jS9ZAAU</v>
      </c>
      <c r="H3022" s="12" t="e">
        <f>'申請書（複数入力用）'!N3024</f>
        <v>#N/A</v>
      </c>
      <c r="I3022" s="12" t="e">
        <f>'申請書（複数入力用）'!O3024</f>
        <v>#N/A</v>
      </c>
      <c r="J3022" s="12">
        <f>'申請書（複数入力用）'!P3024</f>
        <v>1</v>
      </c>
    </row>
    <row r="3023" spans="1:10" ht="51.6" customHeight="1" x14ac:dyDescent="0.45">
      <c r="A3023" s="6">
        <f>'申請書（複数入力用）'!A3025</f>
        <v>3019</v>
      </c>
      <c r="B3023" s="13">
        <f>'申請書（複数入力用）'!AH3025</f>
        <v>0</v>
      </c>
      <c r="C3023" s="6">
        <f>'申請書（複数入力用）'!B3025</f>
        <v>0</v>
      </c>
      <c r="D3023" s="6">
        <f>'申請書（複数入力用）'!D3025</f>
        <v>0</v>
      </c>
      <c r="E3023" s="14">
        <f>'申請書（複数入力用）'!H3025</f>
        <v>0</v>
      </c>
      <c r="F3023" s="11" t="str">
        <f>'申請書（複数入力用）'!J3025</f>
        <v/>
      </c>
      <c r="G3023" s="6" t="str">
        <f>'申請書（複数入力用）'!K3025</f>
        <v>a052r000000jS9ZAAU</v>
      </c>
      <c r="H3023" s="12" t="e">
        <f>'申請書（複数入力用）'!N3025</f>
        <v>#N/A</v>
      </c>
      <c r="I3023" s="12" t="e">
        <f>'申請書（複数入力用）'!O3025</f>
        <v>#N/A</v>
      </c>
      <c r="J3023" s="12">
        <f>'申請書（複数入力用）'!P3025</f>
        <v>1</v>
      </c>
    </row>
    <row r="3024" spans="1:10" ht="51.6" customHeight="1" x14ac:dyDescent="0.45">
      <c r="A3024" s="6">
        <f>'申請書（複数入力用）'!A3026</f>
        <v>3020</v>
      </c>
      <c r="B3024" s="13">
        <f>'申請書（複数入力用）'!AH3026</f>
        <v>0</v>
      </c>
      <c r="C3024" s="6">
        <f>'申請書（複数入力用）'!B3026</f>
        <v>0</v>
      </c>
      <c r="D3024" s="6">
        <f>'申請書（複数入力用）'!D3026</f>
        <v>0</v>
      </c>
      <c r="E3024" s="14">
        <f>'申請書（複数入力用）'!H3026</f>
        <v>0</v>
      </c>
      <c r="F3024" s="11" t="str">
        <f>'申請書（複数入力用）'!J3026</f>
        <v/>
      </c>
      <c r="G3024" s="6" t="str">
        <f>'申請書（複数入力用）'!K3026</f>
        <v>a052r000000jS9ZAAU</v>
      </c>
      <c r="H3024" s="12" t="e">
        <f>'申請書（複数入力用）'!N3026</f>
        <v>#N/A</v>
      </c>
      <c r="I3024" s="12" t="e">
        <f>'申請書（複数入力用）'!O3026</f>
        <v>#N/A</v>
      </c>
      <c r="J3024" s="12">
        <f>'申請書（複数入力用）'!P3026</f>
        <v>1</v>
      </c>
    </row>
    <row r="3025" spans="1:10" ht="51.6" customHeight="1" x14ac:dyDescent="0.45">
      <c r="A3025" s="6">
        <f>'申請書（複数入力用）'!A3027</f>
        <v>3021</v>
      </c>
      <c r="B3025" s="13">
        <f>'申請書（複数入力用）'!AH3027</f>
        <v>0</v>
      </c>
      <c r="C3025" s="6">
        <f>'申請書（複数入力用）'!B3027</f>
        <v>0</v>
      </c>
      <c r="D3025" s="6">
        <f>'申請書（複数入力用）'!D3027</f>
        <v>0</v>
      </c>
      <c r="E3025" s="14">
        <f>'申請書（複数入力用）'!H3027</f>
        <v>0</v>
      </c>
      <c r="F3025" s="11" t="str">
        <f>'申請書（複数入力用）'!J3027</f>
        <v/>
      </c>
      <c r="G3025" s="6" t="str">
        <f>'申請書（複数入力用）'!K3027</f>
        <v>a052r000000jS9ZAAU</v>
      </c>
      <c r="H3025" s="12" t="e">
        <f>'申請書（複数入力用）'!N3027</f>
        <v>#N/A</v>
      </c>
      <c r="I3025" s="12" t="e">
        <f>'申請書（複数入力用）'!O3027</f>
        <v>#N/A</v>
      </c>
      <c r="J3025" s="12">
        <f>'申請書（複数入力用）'!P3027</f>
        <v>1</v>
      </c>
    </row>
    <row r="3026" spans="1:10" ht="51.6" customHeight="1" x14ac:dyDescent="0.45">
      <c r="A3026" s="6">
        <f>'申請書（複数入力用）'!A3028</f>
        <v>3022</v>
      </c>
      <c r="B3026" s="13">
        <f>'申請書（複数入力用）'!AH3028</f>
        <v>0</v>
      </c>
      <c r="C3026" s="6">
        <f>'申請書（複数入力用）'!B3028</f>
        <v>0</v>
      </c>
      <c r="D3026" s="6">
        <f>'申請書（複数入力用）'!D3028</f>
        <v>0</v>
      </c>
      <c r="E3026" s="14">
        <f>'申請書（複数入力用）'!H3028</f>
        <v>0</v>
      </c>
      <c r="F3026" s="11" t="str">
        <f>'申請書（複数入力用）'!J3028</f>
        <v/>
      </c>
      <c r="G3026" s="6" t="str">
        <f>'申請書（複数入力用）'!K3028</f>
        <v>a052r000000jS9ZAAU</v>
      </c>
      <c r="H3026" s="12" t="e">
        <f>'申請書（複数入力用）'!N3028</f>
        <v>#N/A</v>
      </c>
      <c r="I3026" s="12" t="e">
        <f>'申請書（複数入力用）'!O3028</f>
        <v>#N/A</v>
      </c>
      <c r="J3026" s="12">
        <f>'申請書（複数入力用）'!P3028</f>
        <v>1</v>
      </c>
    </row>
    <row r="3027" spans="1:10" ht="51.6" customHeight="1" x14ac:dyDescent="0.45">
      <c r="A3027" s="6">
        <f>'申請書（複数入力用）'!A3029</f>
        <v>3023</v>
      </c>
      <c r="B3027" s="13">
        <f>'申請書（複数入力用）'!AH3029</f>
        <v>0</v>
      </c>
      <c r="C3027" s="6">
        <f>'申請書（複数入力用）'!B3029</f>
        <v>0</v>
      </c>
      <c r="D3027" s="6">
        <f>'申請書（複数入力用）'!D3029</f>
        <v>0</v>
      </c>
      <c r="E3027" s="14">
        <f>'申請書（複数入力用）'!H3029</f>
        <v>0</v>
      </c>
      <c r="F3027" s="11" t="str">
        <f>'申請書（複数入力用）'!J3029</f>
        <v/>
      </c>
      <c r="G3027" s="6" t="str">
        <f>'申請書（複数入力用）'!K3029</f>
        <v>a052r000000jS9ZAAU</v>
      </c>
      <c r="H3027" s="12" t="e">
        <f>'申請書（複数入力用）'!N3029</f>
        <v>#N/A</v>
      </c>
      <c r="I3027" s="12" t="e">
        <f>'申請書（複数入力用）'!O3029</f>
        <v>#N/A</v>
      </c>
      <c r="J3027" s="12">
        <f>'申請書（複数入力用）'!P3029</f>
        <v>1</v>
      </c>
    </row>
    <row r="3028" spans="1:10" ht="51.6" customHeight="1" x14ac:dyDescent="0.45">
      <c r="A3028" s="6">
        <f>'申請書（複数入力用）'!A3030</f>
        <v>3024</v>
      </c>
      <c r="B3028" s="13">
        <f>'申請書（複数入力用）'!AH3030</f>
        <v>0</v>
      </c>
      <c r="C3028" s="6">
        <f>'申請書（複数入力用）'!B3030</f>
        <v>0</v>
      </c>
      <c r="D3028" s="6">
        <f>'申請書（複数入力用）'!D3030</f>
        <v>0</v>
      </c>
      <c r="E3028" s="14">
        <f>'申請書（複数入力用）'!H3030</f>
        <v>0</v>
      </c>
      <c r="F3028" s="11" t="str">
        <f>'申請書（複数入力用）'!J3030</f>
        <v/>
      </c>
      <c r="G3028" s="6" t="str">
        <f>'申請書（複数入力用）'!K3030</f>
        <v>a052r000000jS9ZAAU</v>
      </c>
      <c r="H3028" s="12" t="e">
        <f>'申請書（複数入力用）'!N3030</f>
        <v>#N/A</v>
      </c>
      <c r="I3028" s="12" t="e">
        <f>'申請書（複数入力用）'!O3030</f>
        <v>#N/A</v>
      </c>
      <c r="J3028" s="12">
        <f>'申請書（複数入力用）'!P3030</f>
        <v>1</v>
      </c>
    </row>
    <row r="3029" spans="1:10" ht="51.6" customHeight="1" x14ac:dyDescent="0.45">
      <c r="A3029" s="6">
        <f>'申請書（複数入力用）'!A3031</f>
        <v>3025</v>
      </c>
      <c r="B3029" s="13">
        <f>'申請書（複数入力用）'!AH3031</f>
        <v>0</v>
      </c>
      <c r="C3029" s="6">
        <f>'申請書（複数入力用）'!B3031</f>
        <v>0</v>
      </c>
      <c r="D3029" s="6">
        <f>'申請書（複数入力用）'!D3031</f>
        <v>0</v>
      </c>
      <c r="E3029" s="14">
        <f>'申請書（複数入力用）'!H3031</f>
        <v>0</v>
      </c>
      <c r="F3029" s="11" t="str">
        <f>'申請書（複数入力用）'!J3031</f>
        <v/>
      </c>
      <c r="G3029" s="6" t="str">
        <f>'申請書（複数入力用）'!K3031</f>
        <v>a052r000000jS9ZAAU</v>
      </c>
      <c r="H3029" s="12" t="e">
        <f>'申請書（複数入力用）'!N3031</f>
        <v>#N/A</v>
      </c>
      <c r="I3029" s="12" t="e">
        <f>'申請書（複数入力用）'!O3031</f>
        <v>#N/A</v>
      </c>
      <c r="J3029" s="12">
        <f>'申請書（複数入力用）'!P3031</f>
        <v>1</v>
      </c>
    </row>
    <row r="3030" spans="1:10" ht="51.6" customHeight="1" x14ac:dyDescent="0.45">
      <c r="A3030" s="6">
        <f>'申請書（複数入力用）'!A3032</f>
        <v>3026</v>
      </c>
      <c r="B3030" s="13">
        <f>'申請書（複数入力用）'!AH3032</f>
        <v>0</v>
      </c>
      <c r="C3030" s="6">
        <f>'申請書（複数入力用）'!B3032</f>
        <v>0</v>
      </c>
      <c r="D3030" s="6">
        <f>'申請書（複数入力用）'!D3032</f>
        <v>0</v>
      </c>
      <c r="E3030" s="14">
        <f>'申請書（複数入力用）'!H3032</f>
        <v>0</v>
      </c>
      <c r="F3030" s="11" t="str">
        <f>'申請書（複数入力用）'!J3032</f>
        <v/>
      </c>
      <c r="G3030" s="6" t="str">
        <f>'申請書（複数入力用）'!K3032</f>
        <v>a052r000000jS9ZAAU</v>
      </c>
      <c r="H3030" s="12" t="e">
        <f>'申請書（複数入力用）'!N3032</f>
        <v>#N/A</v>
      </c>
      <c r="I3030" s="12" t="e">
        <f>'申請書（複数入力用）'!O3032</f>
        <v>#N/A</v>
      </c>
      <c r="J3030" s="12">
        <f>'申請書（複数入力用）'!P3032</f>
        <v>1</v>
      </c>
    </row>
    <row r="3031" spans="1:10" ht="51.6" customHeight="1" x14ac:dyDescent="0.45">
      <c r="A3031" s="6">
        <f>'申請書（複数入力用）'!A3033</f>
        <v>3027</v>
      </c>
      <c r="B3031" s="13">
        <f>'申請書（複数入力用）'!AH3033</f>
        <v>0</v>
      </c>
      <c r="C3031" s="6">
        <f>'申請書（複数入力用）'!B3033</f>
        <v>0</v>
      </c>
      <c r="D3031" s="6">
        <f>'申請書（複数入力用）'!D3033</f>
        <v>0</v>
      </c>
      <c r="E3031" s="14">
        <f>'申請書（複数入力用）'!H3033</f>
        <v>0</v>
      </c>
      <c r="F3031" s="11" t="str">
        <f>'申請書（複数入力用）'!J3033</f>
        <v/>
      </c>
      <c r="G3031" s="6" t="str">
        <f>'申請書（複数入力用）'!K3033</f>
        <v>a052r000000jS9ZAAU</v>
      </c>
      <c r="H3031" s="12" t="e">
        <f>'申請書（複数入力用）'!N3033</f>
        <v>#N/A</v>
      </c>
      <c r="I3031" s="12" t="e">
        <f>'申請書（複数入力用）'!O3033</f>
        <v>#N/A</v>
      </c>
      <c r="J3031" s="12">
        <f>'申請書（複数入力用）'!P3033</f>
        <v>1</v>
      </c>
    </row>
    <row r="3032" spans="1:10" ht="51.6" customHeight="1" x14ac:dyDescent="0.45">
      <c r="A3032" s="6">
        <f>'申請書（複数入力用）'!A3034</f>
        <v>3028</v>
      </c>
      <c r="B3032" s="13">
        <f>'申請書（複数入力用）'!AH3034</f>
        <v>0</v>
      </c>
      <c r="C3032" s="6">
        <f>'申請書（複数入力用）'!B3034</f>
        <v>0</v>
      </c>
      <c r="D3032" s="6">
        <f>'申請書（複数入力用）'!D3034</f>
        <v>0</v>
      </c>
      <c r="E3032" s="14">
        <f>'申請書（複数入力用）'!H3034</f>
        <v>0</v>
      </c>
      <c r="F3032" s="11" t="str">
        <f>'申請書（複数入力用）'!J3034</f>
        <v/>
      </c>
      <c r="G3032" s="6" t="str">
        <f>'申請書（複数入力用）'!K3034</f>
        <v>a052r000000jS9ZAAU</v>
      </c>
      <c r="H3032" s="12" t="e">
        <f>'申請書（複数入力用）'!N3034</f>
        <v>#N/A</v>
      </c>
      <c r="I3032" s="12" t="e">
        <f>'申請書（複数入力用）'!O3034</f>
        <v>#N/A</v>
      </c>
      <c r="J3032" s="12">
        <f>'申請書（複数入力用）'!P3034</f>
        <v>1</v>
      </c>
    </row>
    <row r="3033" spans="1:10" ht="51.6" customHeight="1" x14ac:dyDescent="0.45">
      <c r="A3033" s="6">
        <f>'申請書（複数入力用）'!A3035</f>
        <v>3029</v>
      </c>
      <c r="B3033" s="13">
        <f>'申請書（複数入力用）'!AH3035</f>
        <v>0</v>
      </c>
      <c r="C3033" s="6">
        <f>'申請書（複数入力用）'!B3035</f>
        <v>0</v>
      </c>
      <c r="D3033" s="6">
        <f>'申請書（複数入力用）'!D3035</f>
        <v>0</v>
      </c>
      <c r="E3033" s="14">
        <f>'申請書（複数入力用）'!H3035</f>
        <v>0</v>
      </c>
      <c r="F3033" s="11" t="str">
        <f>'申請書（複数入力用）'!J3035</f>
        <v/>
      </c>
      <c r="G3033" s="6" t="str">
        <f>'申請書（複数入力用）'!K3035</f>
        <v>a052r000000jS9ZAAU</v>
      </c>
      <c r="H3033" s="12" t="e">
        <f>'申請書（複数入力用）'!N3035</f>
        <v>#N/A</v>
      </c>
      <c r="I3033" s="12" t="e">
        <f>'申請書（複数入力用）'!O3035</f>
        <v>#N/A</v>
      </c>
      <c r="J3033" s="12">
        <f>'申請書（複数入力用）'!P3035</f>
        <v>1</v>
      </c>
    </row>
    <row r="3034" spans="1:10" ht="51.6" customHeight="1" x14ac:dyDescent="0.45">
      <c r="A3034" s="6">
        <f>'申請書（複数入力用）'!A3036</f>
        <v>3030</v>
      </c>
      <c r="B3034" s="13">
        <f>'申請書（複数入力用）'!AH3036</f>
        <v>0</v>
      </c>
      <c r="C3034" s="6">
        <f>'申請書（複数入力用）'!B3036</f>
        <v>0</v>
      </c>
      <c r="D3034" s="6">
        <f>'申請書（複数入力用）'!D3036</f>
        <v>0</v>
      </c>
      <c r="E3034" s="14">
        <f>'申請書（複数入力用）'!H3036</f>
        <v>0</v>
      </c>
      <c r="F3034" s="11" t="str">
        <f>'申請書（複数入力用）'!J3036</f>
        <v/>
      </c>
      <c r="G3034" s="6" t="str">
        <f>'申請書（複数入力用）'!K3036</f>
        <v>a052r000000jS9ZAAU</v>
      </c>
      <c r="H3034" s="12" t="e">
        <f>'申請書（複数入力用）'!N3036</f>
        <v>#N/A</v>
      </c>
      <c r="I3034" s="12" t="e">
        <f>'申請書（複数入力用）'!O3036</f>
        <v>#N/A</v>
      </c>
      <c r="J3034" s="12">
        <f>'申請書（複数入力用）'!P3036</f>
        <v>1</v>
      </c>
    </row>
    <row r="3035" spans="1:10" ht="51.6" customHeight="1" x14ac:dyDescent="0.45">
      <c r="A3035" s="6">
        <f>'申請書（複数入力用）'!A3037</f>
        <v>3031</v>
      </c>
      <c r="B3035" s="13">
        <f>'申請書（複数入力用）'!AH3037</f>
        <v>0</v>
      </c>
      <c r="C3035" s="6">
        <f>'申請書（複数入力用）'!B3037</f>
        <v>0</v>
      </c>
      <c r="D3035" s="6">
        <f>'申請書（複数入力用）'!D3037</f>
        <v>0</v>
      </c>
      <c r="E3035" s="14">
        <f>'申請書（複数入力用）'!H3037</f>
        <v>0</v>
      </c>
      <c r="F3035" s="11" t="str">
        <f>'申請書（複数入力用）'!J3037</f>
        <v/>
      </c>
      <c r="G3035" s="6" t="str">
        <f>'申請書（複数入力用）'!K3037</f>
        <v>a052r000000jS9ZAAU</v>
      </c>
      <c r="H3035" s="12" t="e">
        <f>'申請書（複数入力用）'!N3037</f>
        <v>#N/A</v>
      </c>
      <c r="I3035" s="12" t="e">
        <f>'申請書（複数入力用）'!O3037</f>
        <v>#N/A</v>
      </c>
      <c r="J3035" s="12">
        <f>'申請書（複数入力用）'!P3037</f>
        <v>1</v>
      </c>
    </row>
    <row r="3036" spans="1:10" ht="51.6" customHeight="1" x14ac:dyDescent="0.45">
      <c r="A3036" s="6">
        <f>'申請書（複数入力用）'!A3038</f>
        <v>3032</v>
      </c>
      <c r="B3036" s="13">
        <f>'申請書（複数入力用）'!AH3038</f>
        <v>0</v>
      </c>
      <c r="C3036" s="6">
        <f>'申請書（複数入力用）'!B3038</f>
        <v>0</v>
      </c>
      <c r="D3036" s="6">
        <f>'申請書（複数入力用）'!D3038</f>
        <v>0</v>
      </c>
      <c r="E3036" s="14">
        <f>'申請書（複数入力用）'!H3038</f>
        <v>0</v>
      </c>
      <c r="F3036" s="11" t="str">
        <f>'申請書（複数入力用）'!J3038</f>
        <v/>
      </c>
      <c r="G3036" s="6" t="str">
        <f>'申請書（複数入力用）'!K3038</f>
        <v>a052r000000jS9ZAAU</v>
      </c>
      <c r="H3036" s="12" t="e">
        <f>'申請書（複数入力用）'!N3038</f>
        <v>#N/A</v>
      </c>
      <c r="I3036" s="12" t="e">
        <f>'申請書（複数入力用）'!O3038</f>
        <v>#N/A</v>
      </c>
      <c r="J3036" s="12">
        <f>'申請書（複数入力用）'!P3038</f>
        <v>1</v>
      </c>
    </row>
    <row r="3037" spans="1:10" ht="51.6" customHeight="1" x14ac:dyDescent="0.45">
      <c r="A3037" s="6">
        <f>'申請書（複数入力用）'!A3039</f>
        <v>3033</v>
      </c>
      <c r="B3037" s="13">
        <f>'申請書（複数入力用）'!AH3039</f>
        <v>0</v>
      </c>
      <c r="C3037" s="6">
        <f>'申請書（複数入力用）'!B3039</f>
        <v>0</v>
      </c>
      <c r="D3037" s="6">
        <f>'申請書（複数入力用）'!D3039</f>
        <v>0</v>
      </c>
      <c r="E3037" s="14">
        <f>'申請書（複数入力用）'!H3039</f>
        <v>0</v>
      </c>
      <c r="F3037" s="11" t="str">
        <f>'申請書（複数入力用）'!J3039</f>
        <v/>
      </c>
      <c r="G3037" s="6" t="str">
        <f>'申請書（複数入力用）'!K3039</f>
        <v>a052r000000jS9ZAAU</v>
      </c>
      <c r="H3037" s="12" t="e">
        <f>'申請書（複数入力用）'!N3039</f>
        <v>#N/A</v>
      </c>
      <c r="I3037" s="12" t="e">
        <f>'申請書（複数入力用）'!O3039</f>
        <v>#N/A</v>
      </c>
      <c r="J3037" s="12">
        <f>'申請書（複数入力用）'!P3039</f>
        <v>1</v>
      </c>
    </row>
    <row r="3038" spans="1:10" ht="51.6" customHeight="1" x14ac:dyDescent="0.45">
      <c r="A3038" s="6">
        <f>'申請書（複数入力用）'!A3040</f>
        <v>3034</v>
      </c>
      <c r="B3038" s="13">
        <f>'申請書（複数入力用）'!AH3040</f>
        <v>0</v>
      </c>
      <c r="C3038" s="6">
        <f>'申請書（複数入力用）'!B3040</f>
        <v>0</v>
      </c>
      <c r="D3038" s="6">
        <f>'申請書（複数入力用）'!D3040</f>
        <v>0</v>
      </c>
      <c r="E3038" s="14">
        <f>'申請書（複数入力用）'!H3040</f>
        <v>0</v>
      </c>
      <c r="F3038" s="11" t="str">
        <f>'申請書（複数入力用）'!J3040</f>
        <v/>
      </c>
      <c r="G3038" s="6" t="str">
        <f>'申請書（複数入力用）'!K3040</f>
        <v>a052r000000jS9ZAAU</v>
      </c>
      <c r="H3038" s="12" t="e">
        <f>'申請書（複数入力用）'!N3040</f>
        <v>#N/A</v>
      </c>
      <c r="I3038" s="12" t="e">
        <f>'申請書（複数入力用）'!O3040</f>
        <v>#N/A</v>
      </c>
      <c r="J3038" s="12">
        <f>'申請書（複数入力用）'!P3040</f>
        <v>1</v>
      </c>
    </row>
    <row r="3039" spans="1:10" ht="51.6" customHeight="1" x14ac:dyDescent="0.45">
      <c r="A3039" s="6">
        <f>'申請書（複数入力用）'!A3041</f>
        <v>3035</v>
      </c>
      <c r="B3039" s="13">
        <f>'申請書（複数入力用）'!AH3041</f>
        <v>0</v>
      </c>
      <c r="C3039" s="6">
        <f>'申請書（複数入力用）'!B3041</f>
        <v>0</v>
      </c>
      <c r="D3039" s="6">
        <f>'申請書（複数入力用）'!D3041</f>
        <v>0</v>
      </c>
      <c r="E3039" s="14">
        <f>'申請書（複数入力用）'!H3041</f>
        <v>0</v>
      </c>
      <c r="F3039" s="11" t="str">
        <f>'申請書（複数入力用）'!J3041</f>
        <v/>
      </c>
      <c r="G3039" s="6" t="str">
        <f>'申請書（複数入力用）'!K3041</f>
        <v>a052r000000jS9ZAAU</v>
      </c>
      <c r="H3039" s="12" t="e">
        <f>'申請書（複数入力用）'!N3041</f>
        <v>#N/A</v>
      </c>
      <c r="I3039" s="12" t="e">
        <f>'申請書（複数入力用）'!O3041</f>
        <v>#N/A</v>
      </c>
      <c r="J3039" s="12">
        <f>'申請書（複数入力用）'!P3041</f>
        <v>1</v>
      </c>
    </row>
    <row r="3040" spans="1:10" ht="51.6" customHeight="1" x14ac:dyDescent="0.45">
      <c r="A3040" s="6">
        <f>'申請書（複数入力用）'!A3042</f>
        <v>3036</v>
      </c>
      <c r="B3040" s="13">
        <f>'申請書（複数入力用）'!AH3042</f>
        <v>0</v>
      </c>
      <c r="C3040" s="6">
        <f>'申請書（複数入力用）'!B3042</f>
        <v>0</v>
      </c>
      <c r="D3040" s="6">
        <f>'申請書（複数入力用）'!D3042</f>
        <v>0</v>
      </c>
      <c r="E3040" s="14">
        <f>'申請書（複数入力用）'!H3042</f>
        <v>0</v>
      </c>
      <c r="F3040" s="11" t="str">
        <f>'申請書（複数入力用）'!J3042</f>
        <v/>
      </c>
      <c r="G3040" s="6" t="str">
        <f>'申請書（複数入力用）'!K3042</f>
        <v>a052r000000jS9ZAAU</v>
      </c>
      <c r="H3040" s="12" t="e">
        <f>'申請書（複数入力用）'!N3042</f>
        <v>#N/A</v>
      </c>
      <c r="I3040" s="12" t="e">
        <f>'申請書（複数入力用）'!O3042</f>
        <v>#N/A</v>
      </c>
      <c r="J3040" s="12">
        <f>'申請書（複数入力用）'!P3042</f>
        <v>1</v>
      </c>
    </row>
    <row r="3041" spans="1:10" ht="51.6" customHeight="1" x14ac:dyDescent="0.45">
      <c r="A3041" s="6">
        <f>'申請書（複数入力用）'!A3043</f>
        <v>3037</v>
      </c>
      <c r="B3041" s="13">
        <f>'申請書（複数入力用）'!AH3043</f>
        <v>0</v>
      </c>
      <c r="C3041" s="6">
        <f>'申請書（複数入力用）'!B3043</f>
        <v>0</v>
      </c>
      <c r="D3041" s="6">
        <f>'申請書（複数入力用）'!D3043</f>
        <v>0</v>
      </c>
      <c r="E3041" s="14">
        <f>'申請書（複数入力用）'!H3043</f>
        <v>0</v>
      </c>
      <c r="F3041" s="11" t="str">
        <f>'申請書（複数入力用）'!J3043</f>
        <v/>
      </c>
      <c r="G3041" s="6" t="str">
        <f>'申請書（複数入力用）'!K3043</f>
        <v>a052r000000jS9ZAAU</v>
      </c>
      <c r="H3041" s="12" t="e">
        <f>'申請書（複数入力用）'!N3043</f>
        <v>#N/A</v>
      </c>
      <c r="I3041" s="12" t="e">
        <f>'申請書（複数入力用）'!O3043</f>
        <v>#N/A</v>
      </c>
      <c r="J3041" s="12">
        <f>'申請書（複数入力用）'!P3043</f>
        <v>1</v>
      </c>
    </row>
    <row r="3042" spans="1:10" ht="51.6" customHeight="1" x14ac:dyDescent="0.45">
      <c r="A3042" s="6">
        <f>'申請書（複数入力用）'!A3044</f>
        <v>3038</v>
      </c>
      <c r="B3042" s="13">
        <f>'申請書（複数入力用）'!AH3044</f>
        <v>0</v>
      </c>
      <c r="C3042" s="6">
        <f>'申請書（複数入力用）'!B3044</f>
        <v>0</v>
      </c>
      <c r="D3042" s="6">
        <f>'申請書（複数入力用）'!D3044</f>
        <v>0</v>
      </c>
      <c r="E3042" s="14">
        <f>'申請書（複数入力用）'!H3044</f>
        <v>0</v>
      </c>
      <c r="F3042" s="11" t="str">
        <f>'申請書（複数入力用）'!J3044</f>
        <v/>
      </c>
      <c r="G3042" s="6" t="str">
        <f>'申請書（複数入力用）'!K3044</f>
        <v>a052r000000jS9ZAAU</v>
      </c>
      <c r="H3042" s="12" t="e">
        <f>'申請書（複数入力用）'!N3044</f>
        <v>#N/A</v>
      </c>
      <c r="I3042" s="12" t="e">
        <f>'申請書（複数入力用）'!O3044</f>
        <v>#N/A</v>
      </c>
      <c r="J3042" s="12">
        <f>'申請書（複数入力用）'!P3044</f>
        <v>1</v>
      </c>
    </row>
    <row r="3043" spans="1:10" ht="51.6" customHeight="1" x14ac:dyDescent="0.45">
      <c r="A3043" s="6">
        <f>'申請書（複数入力用）'!A3045</f>
        <v>3039</v>
      </c>
      <c r="B3043" s="13">
        <f>'申請書（複数入力用）'!AH3045</f>
        <v>0</v>
      </c>
      <c r="C3043" s="6">
        <f>'申請書（複数入力用）'!B3045</f>
        <v>0</v>
      </c>
      <c r="D3043" s="6">
        <f>'申請書（複数入力用）'!D3045</f>
        <v>0</v>
      </c>
      <c r="E3043" s="14">
        <f>'申請書（複数入力用）'!H3045</f>
        <v>0</v>
      </c>
      <c r="F3043" s="11" t="str">
        <f>'申請書（複数入力用）'!J3045</f>
        <v/>
      </c>
      <c r="G3043" s="6" t="str">
        <f>'申請書（複数入力用）'!K3045</f>
        <v>a052r000000jS9ZAAU</v>
      </c>
      <c r="H3043" s="12" t="e">
        <f>'申請書（複数入力用）'!N3045</f>
        <v>#N/A</v>
      </c>
      <c r="I3043" s="12" t="e">
        <f>'申請書（複数入力用）'!O3045</f>
        <v>#N/A</v>
      </c>
      <c r="J3043" s="12">
        <f>'申請書（複数入力用）'!P3045</f>
        <v>1</v>
      </c>
    </row>
    <row r="3044" spans="1:10" ht="51.6" customHeight="1" x14ac:dyDescent="0.45">
      <c r="A3044" s="6">
        <f>'申請書（複数入力用）'!A3046</f>
        <v>3040</v>
      </c>
      <c r="B3044" s="13">
        <f>'申請書（複数入力用）'!AH3046</f>
        <v>0</v>
      </c>
      <c r="C3044" s="6">
        <f>'申請書（複数入力用）'!B3046</f>
        <v>0</v>
      </c>
      <c r="D3044" s="6">
        <f>'申請書（複数入力用）'!D3046</f>
        <v>0</v>
      </c>
      <c r="E3044" s="14">
        <f>'申請書（複数入力用）'!H3046</f>
        <v>0</v>
      </c>
      <c r="F3044" s="11" t="str">
        <f>'申請書（複数入力用）'!J3046</f>
        <v/>
      </c>
      <c r="G3044" s="6" t="str">
        <f>'申請書（複数入力用）'!K3046</f>
        <v>a052r000000jS9ZAAU</v>
      </c>
      <c r="H3044" s="12" t="e">
        <f>'申請書（複数入力用）'!N3046</f>
        <v>#N/A</v>
      </c>
      <c r="I3044" s="12" t="e">
        <f>'申請書（複数入力用）'!O3046</f>
        <v>#N/A</v>
      </c>
      <c r="J3044" s="12">
        <f>'申請書（複数入力用）'!P3046</f>
        <v>1</v>
      </c>
    </row>
    <row r="3045" spans="1:10" ht="51.6" customHeight="1" x14ac:dyDescent="0.45">
      <c r="A3045" s="6">
        <f>'申請書（複数入力用）'!A3047</f>
        <v>3041</v>
      </c>
      <c r="B3045" s="13">
        <f>'申請書（複数入力用）'!AH3047</f>
        <v>0</v>
      </c>
      <c r="C3045" s="6">
        <f>'申請書（複数入力用）'!B3047</f>
        <v>0</v>
      </c>
      <c r="D3045" s="6">
        <f>'申請書（複数入力用）'!D3047</f>
        <v>0</v>
      </c>
      <c r="E3045" s="14">
        <f>'申請書（複数入力用）'!H3047</f>
        <v>0</v>
      </c>
      <c r="F3045" s="11" t="str">
        <f>'申請書（複数入力用）'!J3047</f>
        <v/>
      </c>
      <c r="G3045" s="6" t="str">
        <f>'申請書（複数入力用）'!K3047</f>
        <v>a052r000000jS9ZAAU</v>
      </c>
      <c r="H3045" s="12" t="e">
        <f>'申請書（複数入力用）'!N3047</f>
        <v>#N/A</v>
      </c>
      <c r="I3045" s="12" t="e">
        <f>'申請書（複数入力用）'!O3047</f>
        <v>#N/A</v>
      </c>
      <c r="J3045" s="12">
        <f>'申請書（複数入力用）'!P3047</f>
        <v>1</v>
      </c>
    </row>
    <row r="3046" spans="1:10" ht="51.6" customHeight="1" x14ac:dyDescent="0.45">
      <c r="A3046" s="6">
        <f>'申請書（複数入力用）'!A3048</f>
        <v>3042</v>
      </c>
      <c r="B3046" s="13">
        <f>'申請書（複数入力用）'!AH3048</f>
        <v>0</v>
      </c>
      <c r="C3046" s="6">
        <f>'申請書（複数入力用）'!B3048</f>
        <v>0</v>
      </c>
      <c r="D3046" s="6">
        <f>'申請書（複数入力用）'!D3048</f>
        <v>0</v>
      </c>
      <c r="E3046" s="14">
        <f>'申請書（複数入力用）'!H3048</f>
        <v>0</v>
      </c>
      <c r="F3046" s="11" t="str">
        <f>'申請書（複数入力用）'!J3048</f>
        <v/>
      </c>
      <c r="G3046" s="6" t="str">
        <f>'申請書（複数入力用）'!K3048</f>
        <v>a052r000000jS9ZAAU</v>
      </c>
      <c r="H3046" s="12" t="e">
        <f>'申請書（複数入力用）'!N3048</f>
        <v>#N/A</v>
      </c>
      <c r="I3046" s="12" t="e">
        <f>'申請書（複数入力用）'!O3048</f>
        <v>#N/A</v>
      </c>
      <c r="J3046" s="12">
        <f>'申請書（複数入力用）'!P3048</f>
        <v>1</v>
      </c>
    </row>
    <row r="3047" spans="1:10" ht="51.6" customHeight="1" x14ac:dyDescent="0.45">
      <c r="A3047" s="6">
        <f>'申請書（複数入力用）'!A3049</f>
        <v>3043</v>
      </c>
      <c r="B3047" s="13">
        <f>'申請書（複数入力用）'!AH3049</f>
        <v>0</v>
      </c>
      <c r="C3047" s="6">
        <f>'申請書（複数入力用）'!B3049</f>
        <v>0</v>
      </c>
      <c r="D3047" s="6">
        <f>'申請書（複数入力用）'!D3049</f>
        <v>0</v>
      </c>
      <c r="E3047" s="14">
        <f>'申請書（複数入力用）'!H3049</f>
        <v>0</v>
      </c>
      <c r="F3047" s="11" t="str">
        <f>'申請書（複数入力用）'!J3049</f>
        <v/>
      </c>
      <c r="G3047" s="6" t="str">
        <f>'申請書（複数入力用）'!K3049</f>
        <v>a052r000000jS9ZAAU</v>
      </c>
      <c r="H3047" s="12" t="e">
        <f>'申請書（複数入力用）'!N3049</f>
        <v>#N/A</v>
      </c>
      <c r="I3047" s="12" t="e">
        <f>'申請書（複数入力用）'!O3049</f>
        <v>#N/A</v>
      </c>
      <c r="J3047" s="12">
        <f>'申請書（複数入力用）'!P3049</f>
        <v>1</v>
      </c>
    </row>
    <row r="3048" spans="1:10" ht="51.6" customHeight="1" x14ac:dyDescent="0.45">
      <c r="A3048" s="6">
        <f>'申請書（複数入力用）'!A3050</f>
        <v>3044</v>
      </c>
      <c r="B3048" s="13">
        <f>'申請書（複数入力用）'!AH3050</f>
        <v>0</v>
      </c>
      <c r="C3048" s="6">
        <f>'申請書（複数入力用）'!B3050</f>
        <v>0</v>
      </c>
      <c r="D3048" s="6">
        <f>'申請書（複数入力用）'!D3050</f>
        <v>0</v>
      </c>
      <c r="E3048" s="14">
        <f>'申請書（複数入力用）'!H3050</f>
        <v>0</v>
      </c>
      <c r="F3048" s="11" t="str">
        <f>'申請書（複数入力用）'!J3050</f>
        <v/>
      </c>
      <c r="G3048" s="6" t="str">
        <f>'申請書（複数入力用）'!K3050</f>
        <v>a052r000000jS9ZAAU</v>
      </c>
      <c r="H3048" s="12" t="e">
        <f>'申請書（複数入力用）'!N3050</f>
        <v>#N/A</v>
      </c>
      <c r="I3048" s="12" t="e">
        <f>'申請書（複数入力用）'!O3050</f>
        <v>#N/A</v>
      </c>
      <c r="J3048" s="12">
        <f>'申請書（複数入力用）'!P3050</f>
        <v>1</v>
      </c>
    </row>
    <row r="3049" spans="1:10" ht="51.6" customHeight="1" x14ac:dyDescent="0.45">
      <c r="A3049" s="6">
        <f>'申請書（複数入力用）'!A3051</f>
        <v>3045</v>
      </c>
      <c r="B3049" s="13">
        <f>'申請書（複数入力用）'!AH3051</f>
        <v>0</v>
      </c>
      <c r="C3049" s="6">
        <f>'申請書（複数入力用）'!B3051</f>
        <v>0</v>
      </c>
      <c r="D3049" s="6">
        <f>'申請書（複数入力用）'!D3051</f>
        <v>0</v>
      </c>
      <c r="E3049" s="14">
        <f>'申請書（複数入力用）'!H3051</f>
        <v>0</v>
      </c>
      <c r="F3049" s="11" t="str">
        <f>'申請書（複数入力用）'!J3051</f>
        <v/>
      </c>
      <c r="G3049" s="6" t="str">
        <f>'申請書（複数入力用）'!K3051</f>
        <v>a052r000000jS9ZAAU</v>
      </c>
      <c r="H3049" s="12" t="e">
        <f>'申請書（複数入力用）'!N3051</f>
        <v>#N/A</v>
      </c>
      <c r="I3049" s="12" t="e">
        <f>'申請書（複数入力用）'!O3051</f>
        <v>#N/A</v>
      </c>
      <c r="J3049" s="12">
        <f>'申請書（複数入力用）'!P3051</f>
        <v>1</v>
      </c>
    </row>
    <row r="3050" spans="1:10" ht="51.6" customHeight="1" x14ac:dyDescent="0.45">
      <c r="A3050" s="6">
        <f>'申請書（複数入力用）'!A3052</f>
        <v>3046</v>
      </c>
      <c r="B3050" s="13">
        <f>'申請書（複数入力用）'!AH3052</f>
        <v>0</v>
      </c>
      <c r="C3050" s="6">
        <f>'申請書（複数入力用）'!B3052</f>
        <v>0</v>
      </c>
      <c r="D3050" s="6">
        <f>'申請書（複数入力用）'!D3052</f>
        <v>0</v>
      </c>
      <c r="E3050" s="14">
        <f>'申請書（複数入力用）'!H3052</f>
        <v>0</v>
      </c>
      <c r="F3050" s="11" t="str">
        <f>'申請書（複数入力用）'!J3052</f>
        <v/>
      </c>
      <c r="G3050" s="6" t="str">
        <f>'申請書（複数入力用）'!K3052</f>
        <v>a052r000000jS9ZAAU</v>
      </c>
      <c r="H3050" s="12" t="e">
        <f>'申請書（複数入力用）'!N3052</f>
        <v>#N/A</v>
      </c>
      <c r="I3050" s="12" t="e">
        <f>'申請書（複数入力用）'!O3052</f>
        <v>#N/A</v>
      </c>
      <c r="J3050" s="12">
        <f>'申請書（複数入力用）'!P3052</f>
        <v>1</v>
      </c>
    </row>
    <row r="3051" spans="1:10" ht="51.6" customHeight="1" x14ac:dyDescent="0.45">
      <c r="A3051" s="6">
        <f>'申請書（複数入力用）'!A3053</f>
        <v>3047</v>
      </c>
      <c r="B3051" s="13">
        <f>'申請書（複数入力用）'!AH3053</f>
        <v>0</v>
      </c>
      <c r="C3051" s="6">
        <f>'申請書（複数入力用）'!B3053</f>
        <v>0</v>
      </c>
      <c r="D3051" s="6">
        <f>'申請書（複数入力用）'!D3053</f>
        <v>0</v>
      </c>
      <c r="E3051" s="14">
        <f>'申請書（複数入力用）'!H3053</f>
        <v>0</v>
      </c>
      <c r="F3051" s="11" t="str">
        <f>'申請書（複数入力用）'!J3053</f>
        <v/>
      </c>
      <c r="G3051" s="6" t="str">
        <f>'申請書（複数入力用）'!K3053</f>
        <v>a052r000000jS9ZAAU</v>
      </c>
      <c r="H3051" s="12" t="e">
        <f>'申請書（複数入力用）'!N3053</f>
        <v>#N/A</v>
      </c>
      <c r="I3051" s="12" t="e">
        <f>'申請書（複数入力用）'!O3053</f>
        <v>#N/A</v>
      </c>
      <c r="J3051" s="12">
        <f>'申請書（複数入力用）'!P3053</f>
        <v>1</v>
      </c>
    </row>
    <row r="3052" spans="1:10" ht="51.6" customHeight="1" x14ac:dyDescent="0.45">
      <c r="A3052" s="6">
        <f>'申請書（複数入力用）'!A3054</f>
        <v>3048</v>
      </c>
      <c r="B3052" s="13">
        <f>'申請書（複数入力用）'!AH3054</f>
        <v>0</v>
      </c>
      <c r="C3052" s="6">
        <f>'申請書（複数入力用）'!B3054</f>
        <v>0</v>
      </c>
      <c r="D3052" s="6">
        <f>'申請書（複数入力用）'!D3054</f>
        <v>0</v>
      </c>
      <c r="E3052" s="14">
        <f>'申請書（複数入力用）'!H3054</f>
        <v>0</v>
      </c>
      <c r="F3052" s="11" t="str">
        <f>'申請書（複数入力用）'!J3054</f>
        <v/>
      </c>
      <c r="G3052" s="6" t="str">
        <f>'申請書（複数入力用）'!K3054</f>
        <v>a052r000000jS9ZAAU</v>
      </c>
      <c r="H3052" s="12" t="e">
        <f>'申請書（複数入力用）'!N3054</f>
        <v>#N/A</v>
      </c>
      <c r="I3052" s="12" t="e">
        <f>'申請書（複数入力用）'!O3054</f>
        <v>#N/A</v>
      </c>
      <c r="J3052" s="12">
        <f>'申請書（複数入力用）'!P3054</f>
        <v>1</v>
      </c>
    </row>
    <row r="3053" spans="1:10" ht="51.6" customHeight="1" x14ac:dyDescent="0.45">
      <c r="A3053" s="6">
        <f>'申請書（複数入力用）'!A3055</f>
        <v>3049</v>
      </c>
      <c r="B3053" s="13">
        <f>'申請書（複数入力用）'!AH3055</f>
        <v>0</v>
      </c>
      <c r="C3053" s="6">
        <f>'申請書（複数入力用）'!B3055</f>
        <v>0</v>
      </c>
      <c r="D3053" s="6">
        <f>'申請書（複数入力用）'!D3055</f>
        <v>0</v>
      </c>
      <c r="E3053" s="14">
        <f>'申請書（複数入力用）'!H3055</f>
        <v>0</v>
      </c>
      <c r="F3053" s="11" t="str">
        <f>'申請書（複数入力用）'!J3055</f>
        <v/>
      </c>
      <c r="G3053" s="6" t="str">
        <f>'申請書（複数入力用）'!K3055</f>
        <v>a052r000000jS9ZAAU</v>
      </c>
      <c r="H3053" s="12" t="e">
        <f>'申請書（複数入力用）'!N3055</f>
        <v>#N/A</v>
      </c>
      <c r="I3053" s="12" t="e">
        <f>'申請書（複数入力用）'!O3055</f>
        <v>#N/A</v>
      </c>
      <c r="J3053" s="12">
        <f>'申請書（複数入力用）'!P3055</f>
        <v>1</v>
      </c>
    </row>
    <row r="3054" spans="1:10" ht="51.6" customHeight="1" x14ac:dyDescent="0.45">
      <c r="A3054" s="6">
        <f>'申請書（複数入力用）'!A3056</f>
        <v>3050</v>
      </c>
      <c r="B3054" s="13">
        <f>'申請書（複数入力用）'!AH3056</f>
        <v>0</v>
      </c>
      <c r="C3054" s="6">
        <f>'申請書（複数入力用）'!B3056</f>
        <v>0</v>
      </c>
      <c r="D3054" s="6">
        <f>'申請書（複数入力用）'!D3056</f>
        <v>0</v>
      </c>
      <c r="E3054" s="14">
        <f>'申請書（複数入力用）'!H3056</f>
        <v>0</v>
      </c>
      <c r="F3054" s="11" t="str">
        <f>'申請書（複数入力用）'!J3056</f>
        <v/>
      </c>
      <c r="G3054" s="6" t="str">
        <f>'申請書（複数入力用）'!K3056</f>
        <v>a052r000000jS9ZAAU</v>
      </c>
      <c r="H3054" s="12" t="e">
        <f>'申請書（複数入力用）'!N3056</f>
        <v>#N/A</v>
      </c>
      <c r="I3054" s="12" t="e">
        <f>'申請書（複数入力用）'!O3056</f>
        <v>#N/A</v>
      </c>
      <c r="J3054" s="12">
        <f>'申請書（複数入力用）'!P3056</f>
        <v>1</v>
      </c>
    </row>
    <row r="3055" spans="1:10" ht="51.6" customHeight="1" x14ac:dyDescent="0.45">
      <c r="A3055" s="6">
        <f>'申請書（複数入力用）'!A3057</f>
        <v>3051</v>
      </c>
      <c r="B3055" s="13">
        <f>'申請書（複数入力用）'!AH3057</f>
        <v>0</v>
      </c>
      <c r="C3055" s="6">
        <f>'申請書（複数入力用）'!B3057</f>
        <v>0</v>
      </c>
      <c r="D3055" s="6">
        <f>'申請書（複数入力用）'!D3057</f>
        <v>0</v>
      </c>
      <c r="E3055" s="14">
        <f>'申請書（複数入力用）'!H3057</f>
        <v>0</v>
      </c>
      <c r="F3055" s="11" t="str">
        <f>'申請書（複数入力用）'!J3057</f>
        <v/>
      </c>
      <c r="G3055" s="6" t="str">
        <f>'申請書（複数入力用）'!K3057</f>
        <v>a052r000000jS9ZAAU</v>
      </c>
      <c r="H3055" s="12" t="e">
        <f>'申請書（複数入力用）'!N3057</f>
        <v>#N/A</v>
      </c>
      <c r="I3055" s="12" t="e">
        <f>'申請書（複数入力用）'!O3057</f>
        <v>#N/A</v>
      </c>
      <c r="J3055" s="12">
        <f>'申請書（複数入力用）'!P3057</f>
        <v>1</v>
      </c>
    </row>
    <row r="3056" spans="1:10" ht="51.6" customHeight="1" x14ac:dyDescent="0.45">
      <c r="A3056" s="6">
        <f>'申請書（複数入力用）'!A3058</f>
        <v>3052</v>
      </c>
      <c r="B3056" s="13">
        <f>'申請書（複数入力用）'!AH3058</f>
        <v>0</v>
      </c>
      <c r="C3056" s="6">
        <f>'申請書（複数入力用）'!B3058</f>
        <v>0</v>
      </c>
      <c r="D3056" s="6">
        <f>'申請書（複数入力用）'!D3058</f>
        <v>0</v>
      </c>
      <c r="E3056" s="14">
        <f>'申請書（複数入力用）'!H3058</f>
        <v>0</v>
      </c>
      <c r="F3056" s="11" t="str">
        <f>'申請書（複数入力用）'!J3058</f>
        <v/>
      </c>
      <c r="G3056" s="6" t="str">
        <f>'申請書（複数入力用）'!K3058</f>
        <v>a052r000000jS9ZAAU</v>
      </c>
      <c r="H3056" s="12" t="e">
        <f>'申請書（複数入力用）'!N3058</f>
        <v>#N/A</v>
      </c>
      <c r="I3056" s="12" t="e">
        <f>'申請書（複数入力用）'!O3058</f>
        <v>#N/A</v>
      </c>
      <c r="J3056" s="12">
        <f>'申請書（複数入力用）'!P3058</f>
        <v>1</v>
      </c>
    </row>
    <row r="3057" spans="1:10" ht="51.6" customHeight="1" x14ac:dyDescent="0.45">
      <c r="A3057" s="6">
        <f>'申請書（複数入力用）'!A3059</f>
        <v>3053</v>
      </c>
      <c r="B3057" s="13">
        <f>'申請書（複数入力用）'!AH3059</f>
        <v>0</v>
      </c>
      <c r="C3057" s="6">
        <f>'申請書（複数入力用）'!B3059</f>
        <v>0</v>
      </c>
      <c r="D3057" s="6">
        <f>'申請書（複数入力用）'!D3059</f>
        <v>0</v>
      </c>
      <c r="E3057" s="14">
        <f>'申請書（複数入力用）'!H3059</f>
        <v>0</v>
      </c>
      <c r="F3057" s="11" t="str">
        <f>'申請書（複数入力用）'!J3059</f>
        <v/>
      </c>
      <c r="G3057" s="6" t="str">
        <f>'申請書（複数入力用）'!K3059</f>
        <v>a052r000000jS9ZAAU</v>
      </c>
      <c r="H3057" s="12" t="e">
        <f>'申請書（複数入力用）'!N3059</f>
        <v>#N/A</v>
      </c>
      <c r="I3057" s="12" t="e">
        <f>'申請書（複数入力用）'!O3059</f>
        <v>#N/A</v>
      </c>
      <c r="J3057" s="12">
        <f>'申請書（複数入力用）'!P3059</f>
        <v>1</v>
      </c>
    </row>
    <row r="3058" spans="1:10" ht="51.6" customHeight="1" x14ac:dyDescent="0.45">
      <c r="A3058" s="6">
        <f>'申請書（複数入力用）'!A3060</f>
        <v>3054</v>
      </c>
      <c r="B3058" s="13">
        <f>'申請書（複数入力用）'!AH3060</f>
        <v>0</v>
      </c>
      <c r="C3058" s="6">
        <f>'申請書（複数入力用）'!B3060</f>
        <v>0</v>
      </c>
      <c r="D3058" s="6">
        <f>'申請書（複数入力用）'!D3060</f>
        <v>0</v>
      </c>
      <c r="E3058" s="14">
        <f>'申請書（複数入力用）'!H3060</f>
        <v>0</v>
      </c>
      <c r="F3058" s="11" t="str">
        <f>'申請書（複数入力用）'!J3060</f>
        <v/>
      </c>
      <c r="G3058" s="6" t="str">
        <f>'申請書（複数入力用）'!K3060</f>
        <v>a052r000000jS9ZAAU</v>
      </c>
      <c r="H3058" s="12" t="e">
        <f>'申請書（複数入力用）'!N3060</f>
        <v>#N/A</v>
      </c>
      <c r="I3058" s="12" t="e">
        <f>'申請書（複数入力用）'!O3060</f>
        <v>#N/A</v>
      </c>
      <c r="J3058" s="12">
        <f>'申請書（複数入力用）'!P3060</f>
        <v>1</v>
      </c>
    </row>
    <row r="3059" spans="1:10" ht="51.6" customHeight="1" x14ac:dyDescent="0.45">
      <c r="A3059" s="6">
        <f>'申請書（複数入力用）'!A3061</f>
        <v>3055</v>
      </c>
      <c r="B3059" s="13">
        <f>'申請書（複数入力用）'!AH3061</f>
        <v>0</v>
      </c>
      <c r="C3059" s="6">
        <f>'申請書（複数入力用）'!B3061</f>
        <v>0</v>
      </c>
      <c r="D3059" s="6">
        <f>'申請書（複数入力用）'!D3061</f>
        <v>0</v>
      </c>
      <c r="E3059" s="14">
        <f>'申請書（複数入力用）'!H3061</f>
        <v>0</v>
      </c>
      <c r="F3059" s="11" t="str">
        <f>'申請書（複数入力用）'!J3061</f>
        <v/>
      </c>
      <c r="G3059" s="6" t="str">
        <f>'申請書（複数入力用）'!K3061</f>
        <v>a052r000000jS9ZAAU</v>
      </c>
      <c r="H3059" s="12" t="e">
        <f>'申請書（複数入力用）'!N3061</f>
        <v>#N/A</v>
      </c>
      <c r="I3059" s="12" t="e">
        <f>'申請書（複数入力用）'!O3061</f>
        <v>#N/A</v>
      </c>
      <c r="J3059" s="12">
        <f>'申請書（複数入力用）'!P3061</f>
        <v>1</v>
      </c>
    </row>
    <row r="3060" spans="1:10" ht="51.6" customHeight="1" x14ac:dyDescent="0.45">
      <c r="A3060" s="6">
        <f>'申請書（複数入力用）'!A3062</f>
        <v>3056</v>
      </c>
      <c r="B3060" s="13">
        <f>'申請書（複数入力用）'!AH3062</f>
        <v>0</v>
      </c>
      <c r="C3060" s="6">
        <f>'申請書（複数入力用）'!B3062</f>
        <v>0</v>
      </c>
      <c r="D3060" s="6">
        <f>'申請書（複数入力用）'!D3062</f>
        <v>0</v>
      </c>
      <c r="E3060" s="14">
        <f>'申請書（複数入力用）'!H3062</f>
        <v>0</v>
      </c>
      <c r="F3060" s="11" t="str">
        <f>'申請書（複数入力用）'!J3062</f>
        <v/>
      </c>
      <c r="G3060" s="6" t="str">
        <f>'申請書（複数入力用）'!K3062</f>
        <v>a052r000000jS9ZAAU</v>
      </c>
      <c r="H3060" s="12" t="e">
        <f>'申請書（複数入力用）'!N3062</f>
        <v>#N/A</v>
      </c>
      <c r="I3060" s="12" t="e">
        <f>'申請書（複数入力用）'!O3062</f>
        <v>#N/A</v>
      </c>
      <c r="J3060" s="12">
        <f>'申請書（複数入力用）'!P3062</f>
        <v>1</v>
      </c>
    </row>
    <row r="3061" spans="1:10" ht="51.6" customHeight="1" x14ac:dyDescent="0.45">
      <c r="A3061" s="6">
        <f>'申請書（複数入力用）'!A3063</f>
        <v>3057</v>
      </c>
      <c r="B3061" s="13">
        <f>'申請書（複数入力用）'!AH3063</f>
        <v>0</v>
      </c>
      <c r="C3061" s="6">
        <f>'申請書（複数入力用）'!B3063</f>
        <v>0</v>
      </c>
      <c r="D3061" s="6">
        <f>'申請書（複数入力用）'!D3063</f>
        <v>0</v>
      </c>
      <c r="E3061" s="14">
        <f>'申請書（複数入力用）'!H3063</f>
        <v>0</v>
      </c>
      <c r="F3061" s="11" t="str">
        <f>'申請書（複数入力用）'!J3063</f>
        <v/>
      </c>
      <c r="G3061" s="6" t="str">
        <f>'申請書（複数入力用）'!K3063</f>
        <v>a052r000000jS9ZAAU</v>
      </c>
      <c r="H3061" s="12" t="e">
        <f>'申請書（複数入力用）'!N3063</f>
        <v>#N/A</v>
      </c>
      <c r="I3061" s="12" t="e">
        <f>'申請書（複数入力用）'!O3063</f>
        <v>#N/A</v>
      </c>
      <c r="J3061" s="12">
        <f>'申請書（複数入力用）'!P3063</f>
        <v>1</v>
      </c>
    </row>
    <row r="3062" spans="1:10" ht="51.6" customHeight="1" x14ac:dyDescent="0.45">
      <c r="A3062" s="6">
        <f>'申請書（複数入力用）'!A3064</f>
        <v>3058</v>
      </c>
      <c r="B3062" s="13">
        <f>'申請書（複数入力用）'!AH3064</f>
        <v>0</v>
      </c>
      <c r="C3062" s="6">
        <f>'申請書（複数入力用）'!B3064</f>
        <v>0</v>
      </c>
      <c r="D3062" s="6">
        <f>'申請書（複数入力用）'!D3064</f>
        <v>0</v>
      </c>
      <c r="E3062" s="14">
        <f>'申請書（複数入力用）'!H3064</f>
        <v>0</v>
      </c>
      <c r="F3062" s="11" t="str">
        <f>'申請書（複数入力用）'!J3064</f>
        <v/>
      </c>
      <c r="G3062" s="6" t="str">
        <f>'申請書（複数入力用）'!K3064</f>
        <v>a052r000000jS9ZAAU</v>
      </c>
      <c r="H3062" s="12" t="e">
        <f>'申請書（複数入力用）'!N3064</f>
        <v>#N/A</v>
      </c>
      <c r="I3062" s="12" t="e">
        <f>'申請書（複数入力用）'!O3064</f>
        <v>#N/A</v>
      </c>
      <c r="J3062" s="12">
        <f>'申請書（複数入力用）'!P3064</f>
        <v>1</v>
      </c>
    </row>
    <row r="3063" spans="1:10" ht="51.6" customHeight="1" x14ac:dyDescent="0.45">
      <c r="A3063" s="6">
        <f>'申請書（複数入力用）'!A3065</f>
        <v>3059</v>
      </c>
      <c r="B3063" s="13">
        <f>'申請書（複数入力用）'!AH3065</f>
        <v>0</v>
      </c>
      <c r="C3063" s="6">
        <f>'申請書（複数入力用）'!B3065</f>
        <v>0</v>
      </c>
      <c r="D3063" s="6">
        <f>'申請書（複数入力用）'!D3065</f>
        <v>0</v>
      </c>
      <c r="E3063" s="14">
        <f>'申請書（複数入力用）'!H3065</f>
        <v>0</v>
      </c>
      <c r="F3063" s="11" t="str">
        <f>'申請書（複数入力用）'!J3065</f>
        <v/>
      </c>
      <c r="G3063" s="6" t="str">
        <f>'申請書（複数入力用）'!K3065</f>
        <v>a052r000000jS9ZAAU</v>
      </c>
      <c r="H3063" s="12" t="e">
        <f>'申請書（複数入力用）'!N3065</f>
        <v>#N/A</v>
      </c>
      <c r="I3063" s="12" t="e">
        <f>'申請書（複数入力用）'!O3065</f>
        <v>#N/A</v>
      </c>
      <c r="J3063" s="12">
        <f>'申請書（複数入力用）'!P3065</f>
        <v>1</v>
      </c>
    </row>
    <row r="3064" spans="1:10" ht="51.6" customHeight="1" x14ac:dyDescent="0.45">
      <c r="A3064" s="6">
        <f>'申請書（複数入力用）'!A3066</f>
        <v>3060</v>
      </c>
      <c r="B3064" s="13">
        <f>'申請書（複数入力用）'!AH3066</f>
        <v>0</v>
      </c>
      <c r="C3064" s="6">
        <f>'申請書（複数入力用）'!B3066</f>
        <v>0</v>
      </c>
      <c r="D3064" s="6">
        <f>'申請書（複数入力用）'!D3066</f>
        <v>0</v>
      </c>
      <c r="E3064" s="14">
        <f>'申請書（複数入力用）'!H3066</f>
        <v>0</v>
      </c>
      <c r="F3064" s="11" t="str">
        <f>'申請書（複数入力用）'!J3066</f>
        <v/>
      </c>
      <c r="G3064" s="6" t="str">
        <f>'申請書（複数入力用）'!K3066</f>
        <v>a052r000000jS9ZAAU</v>
      </c>
      <c r="H3064" s="12" t="e">
        <f>'申請書（複数入力用）'!N3066</f>
        <v>#N/A</v>
      </c>
      <c r="I3064" s="12" t="e">
        <f>'申請書（複数入力用）'!O3066</f>
        <v>#N/A</v>
      </c>
      <c r="J3064" s="12">
        <f>'申請書（複数入力用）'!P3066</f>
        <v>1</v>
      </c>
    </row>
    <row r="3065" spans="1:10" ht="51.6" customHeight="1" x14ac:dyDescent="0.45">
      <c r="A3065" s="6">
        <f>'申請書（複数入力用）'!A3067</f>
        <v>3061</v>
      </c>
      <c r="B3065" s="13">
        <f>'申請書（複数入力用）'!AH3067</f>
        <v>0</v>
      </c>
      <c r="C3065" s="6">
        <f>'申請書（複数入力用）'!B3067</f>
        <v>0</v>
      </c>
      <c r="D3065" s="6">
        <f>'申請書（複数入力用）'!D3067</f>
        <v>0</v>
      </c>
      <c r="E3065" s="14">
        <f>'申請書（複数入力用）'!H3067</f>
        <v>0</v>
      </c>
      <c r="F3065" s="11" t="str">
        <f>'申請書（複数入力用）'!J3067</f>
        <v/>
      </c>
      <c r="G3065" s="6" t="str">
        <f>'申請書（複数入力用）'!K3067</f>
        <v>a052r000000jS9ZAAU</v>
      </c>
      <c r="H3065" s="12" t="e">
        <f>'申請書（複数入力用）'!N3067</f>
        <v>#N/A</v>
      </c>
      <c r="I3065" s="12" t="e">
        <f>'申請書（複数入力用）'!O3067</f>
        <v>#N/A</v>
      </c>
      <c r="J3065" s="12">
        <f>'申請書（複数入力用）'!P3067</f>
        <v>1</v>
      </c>
    </row>
    <row r="3066" spans="1:10" ht="51.6" customHeight="1" x14ac:dyDescent="0.45">
      <c r="A3066" s="6">
        <f>'申請書（複数入力用）'!A3068</f>
        <v>3062</v>
      </c>
      <c r="B3066" s="13">
        <f>'申請書（複数入力用）'!AH3068</f>
        <v>0</v>
      </c>
      <c r="C3066" s="6">
        <f>'申請書（複数入力用）'!B3068</f>
        <v>0</v>
      </c>
      <c r="D3066" s="6">
        <f>'申請書（複数入力用）'!D3068</f>
        <v>0</v>
      </c>
      <c r="E3066" s="14">
        <f>'申請書（複数入力用）'!H3068</f>
        <v>0</v>
      </c>
      <c r="F3066" s="11" t="str">
        <f>'申請書（複数入力用）'!J3068</f>
        <v/>
      </c>
      <c r="G3066" s="6" t="str">
        <f>'申請書（複数入力用）'!K3068</f>
        <v>a052r000000jS9ZAAU</v>
      </c>
      <c r="H3066" s="12" t="e">
        <f>'申請書（複数入力用）'!N3068</f>
        <v>#N/A</v>
      </c>
      <c r="I3066" s="12" t="e">
        <f>'申請書（複数入力用）'!O3068</f>
        <v>#N/A</v>
      </c>
      <c r="J3066" s="12">
        <f>'申請書（複数入力用）'!P3068</f>
        <v>1</v>
      </c>
    </row>
    <row r="3067" spans="1:10" ht="51.6" customHeight="1" x14ac:dyDescent="0.45">
      <c r="A3067" s="6">
        <f>'申請書（複数入力用）'!A3069</f>
        <v>3063</v>
      </c>
      <c r="B3067" s="13">
        <f>'申請書（複数入力用）'!AH3069</f>
        <v>0</v>
      </c>
      <c r="C3067" s="6">
        <f>'申請書（複数入力用）'!B3069</f>
        <v>0</v>
      </c>
      <c r="D3067" s="6">
        <f>'申請書（複数入力用）'!D3069</f>
        <v>0</v>
      </c>
      <c r="E3067" s="14">
        <f>'申請書（複数入力用）'!H3069</f>
        <v>0</v>
      </c>
      <c r="F3067" s="11" t="str">
        <f>'申請書（複数入力用）'!J3069</f>
        <v/>
      </c>
      <c r="G3067" s="6" t="str">
        <f>'申請書（複数入力用）'!K3069</f>
        <v>a052r000000jS9ZAAU</v>
      </c>
      <c r="H3067" s="12" t="e">
        <f>'申請書（複数入力用）'!N3069</f>
        <v>#N/A</v>
      </c>
      <c r="I3067" s="12" t="e">
        <f>'申請書（複数入力用）'!O3069</f>
        <v>#N/A</v>
      </c>
      <c r="J3067" s="12">
        <f>'申請書（複数入力用）'!P3069</f>
        <v>1</v>
      </c>
    </row>
    <row r="3068" spans="1:10" ht="51.6" customHeight="1" x14ac:dyDescent="0.45">
      <c r="A3068" s="6">
        <f>'申請書（複数入力用）'!A3070</f>
        <v>3064</v>
      </c>
      <c r="B3068" s="13">
        <f>'申請書（複数入力用）'!AH3070</f>
        <v>0</v>
      </c>
      <c r="C3068" s="6">
        <f>'申請書（複数入力用）'!B3070</f>
        <v>0</v>
      </c>
      <c r="D3068" s="6">
        <f>'申請書（複数入力用）'!D3070</f>
        <v>0</v>
      </c>
      <c r="E3068" s="14">
        <f>'申請書（複数入力用）'!H3070</f>
        <v>0</v>
      </c>
      <c r="F3068" s="11" t="str">
        <f>'申請書（複数入力用）'!J3070</f>
        <v/>
      </c>
      <c r="G3068" s="6" t="str">
        <f>'申請書（複数入力用）'!K3070</f>
        <v>a052r000000jS9ZAAU</v>
      </c>
      <c r="H3068" s="12" t="e">
        <f>'申請書（複数入力用）'!N3070</f>
        <v>#N/A</v>
      </c>
      <c r="I3068" s="12" t="e">
        <f>'申請書（複数入力用）'!O3070</f>
        <v>#N/A</v>
      </c>
      <c r="J3068" s="12">
        <f>'申請書（複数入力用）'!P3070</f>
        <v>1</v>
      </c>
    </row>
    <row r="3069" spans="1:10" ht="51.6" customHeight="1" x14ac:dyDescent="0.45">
      <c r="A3069" s="6">
        <f>'申請書（複数入力用）'!A3071</f>
        <v>3065</v>
      </c>
      <c r="B3069" s="13">
        <f>'申請書（複数入力用）'!AH3071</f>
        <v>0</v>
      </c>
      <c r="C3069" s="6">
        <f>'申請書（複数入力用）'!B3071</f>
        <v>0</v>
      </c>
      <c r="D3069" s="6">
        <f>'申請書（複数入力用）'!D3071</f>
        <v>0</v>
      </c>
      <c r="E3069" s="14">
        <f>'申請書（複数入力用）'!H3071</f>
        <v>0</v>
      </c>
      <c r="F3069" s="11" t="str">
        <f>'申請書（複数入力用）'!J3071</f>
        <v/>
      </c>
      <c r="G3069" s="6" t="str">
        <f>'申請書（複数入力用）'!K3071</f>
        <v>a052r000000jS9ZAAU</v>
      </c>
      <c r="H3069" s="12" t="e">
        <f>'申請書（複数入力用）'!N3071</f>
        <v>#N/A</v>
      </c>
      <c r="I3069" s="12" t="e">
        <f>'申請書（複数入力用）'!O3071</f>
        <v>#N/A</v>
      </c>
      <c r="J3069" s="12">
        <f>'申請書（複数入力用）'!P3071</f>
        <v>1</v>
      </c>
    </row>
    <row r="3070" spans="1:10" ht="51.6" customHeight="1" x14ac:dyDescent="0.45">
      <c r="A3070" s="6">
        <f>'申請書（複数入力用）'!A3072</f>
        <v>3066</v>
      </c>
      <c r="B3070" s="13">
        <f>'申請書（複数入力用）'!AH3072</f>
        <v>0</v>
      </c>
      <c r="C3070" s="6">
        <f>'申請書（複数入力用）'!B3072</f>
        <v>0</v>
      </c>
      <c r="D3070" s="6">
        <f>'申請書（複数入力用）'!D3072</f>
        <v>0</v>
      </c>
      <c r="E3070" s="14">
        <f>'申請書（複数入力用）'!H3072</f>
        <v>0</v>
      </c>
      <c r="F3070" s="11" t="str">
        <f>'申請書（複数入力用）'!J3072</f>
        <v/>
      </c>
      <c r="G3070" s="6" t="str">
        <f>'申請書（複数入力用）'!K3072</f>
        <v>a052r000000jS9ZAAU</v>
      </c>
      <c r="H3070" s="12" t="e">
        <f>'申請書（複数入力用）'!N3072</f>
        <v>#N/A</v>
      </c>
      <c r="I3070" s="12" t="e">
        <f>'申請書（複数入力用）'!O3072</f>
        <v>#N/A</v>
      </c>
      <c r="J3070" s="12">
        <f>'申請書（複数入力用）'!P3072</f>
        <v>1</v>
      </c>
    </row>
    <row r="3071" spans="1:10" ht="51.6" customHeight="1" x14ac:dyDescent="0.45">
      <c r="A3071" s="6">
        <f>'申請書（複数入力用）'!A3073</f>
        <v>3067</v>
      </c>
      <c r="B3071" s="13">
        <f>'申請書（複数入力用）'!AH3073</f>
        <v>0</v>
      </c>
      <c r="C3071" s="6">
        <f>'申請書（複数入力用）'!B3073</f>
        <v>0</v>
      </c>
      <c r="D3071" s="6">
        <f>'申請書（複数入力用）'!D3073</f>
        <v>0</v>
      </c>
      <c r="E3071" s="14">
        <f>'申請書（複数入力用）'!H3073</f>
        <v>0</v>
      </c>
      <c r="F3071" s="11" t="str">
        <f>'申請書（複数入力用）'!J3073</f>
        <v/>
      </c>
      <c r="G3071" s="6" t="str">
        <f>'申請書（複数入力用）'!K3073</f>
        <v>a052r000000jS9ZAAU</v>
      </c>
      <c r="H3071" s="12" t="e">
        <f>'申請書（複数入力用）'!N3073</f>
        <v>#N/A</v>
      </c>
      <c r="I3071" s="12" t="e">
        <f>'申請書（複数入力用）'!O3073</f>
        <v>#N/A</v>
      </c>
      <c r="J3071" s="12">
        <f>'申請書（複数入力用）'!P3073</f>
        <v>1</v>
      </c>
    </row>
    <row r="3072" spans="1:10" ht="51.6" customHeight="1" x14ac:dyDescent="0.45">
      <c r="A3072" s="6">
        <f>'申請書（複数入力用）'!A3074</f>
        <v>3068</v>
      </c>
      <c r="B3072" s="13">
        <f>'申請書（複数入力用）'!AH3074</f>
        <v>0</v>
      </c>
      <c r="C3072" s="6">
        <f>'申請書（複数入力用）'!B3074</f>
        <v>0</v>
      </c>
      <c r="D3072" s="6">
        <f>'申請書（複数入力用）'!D3074</f>
        <v>0</v>
      </c>
      <c r="E3072" s="14">
        <f>'申請書（複数入力用）'!H3074</f>
        <v>0</v>
      </c>
      <c r="F3072" s="11" t="str">
        <f>'申請書（複数入力用）'!J3074</f>
        <v/>
      </c>
      <c r="G3072" s="6" t="str">
        <f>'申請書（複数入力用）'!K3074</f>
        <v>a052r000000jS9ZAAU</v>
      </c>
      <c r="H3072" s="12" t="e">
        <f>'申請書（複数入力用）'!N3074</f>
        <v>#N/A</v>
      </c>
      <c r="I3072" s="12" t="e">
        <f>'申請書（複数入力用）'!O3074</f>
        <v>#N/A</v>
      </c>
      <c r="J3072" s="12">
        <f>'申請書（複数入力用）'!P3074</f>
        <v>1</v>
      </c>
    </row>
    <row r="3073" spans="1:10" ht="51.6" customHeight="1" x14ac:dyDescent="0.45">
      <c r="A3073" s="6">
        <f>'申請書（複数入力用）'!A3075</f>
        <v>3069</v>
      </c>
      <c r="B3073" s="13">
        <f>'申請書（複数入力用）'!AH3075</f>
        <v>0</v>
      </c>
      <c r="C3073" s="6">
        <f>'申請書（複数入力用）'!B3075</f>
        <v>0</v>
      </c>
      <c r="D3073" s="6">
        <f>'申請書（複数入力用）'!D3075</f>
        <v>0</v>
      </c>
      <c r="E3073" s="14">
        <f>'申請書（複数入力用）'!H3075</f>
        <v>0</v>
      </c>
      <c r="F3073" s="11" t="str">
        <f>'申請書（複数入力用）'!J3075</f>
        <v/>
      </c>
      <c r="G3073" s="6" t="str">
        <f>'申請書（複数入力用）'!K3075</f>
        <v>a052r000000jS9ZAAU</v>
      </c>
      <c r="H3073" s="12" t="e">
        <f>'申請書（複数入力用）'!N3075</f>
        <v>#N/A</v>
      </c>
      <c r="I3073" s="12" t="e">
        <f>'申請書（複数入力用）'!O3075</f>
        <v>#N/A</v>
      </c>
      <c r="J3073" s="12">
        <f>'申請書（複数入力用）'!P3075</f>
        <v>1</v>
      </c>
    </row>
    <row r="3074" spans="1:10" ht="51.6" customHeight="1" x14ac:dyDescent="0.45">
      <c r="A3074" s="6">
        <f>'申請書（複数入力用）'!A3076</f>
        <v>3070</v>
      </c>
      <c r="B3074" s="13">
        <f>'申請書（複数入力用）'!AH3076</f>
        <v>0</v>
      </c>
      <c r="C3074" s="6">
        <f>'申請書（複数入力用）'!B3076</f>
        <v>0</v>
      </c>
      <c r="D3074" s="6">
        <f>'申請書（複数入力用）'!D3076</f>
        <v>0</v>
      </c>
      <c r="E3074" s="14">
        <f>'申請書（複数入力用）'!H3076</f>
        <v>0</v>
      </c>
      <c r="F3074" s="11" t="str">
        <f>'申請書（複数入力用）'!J3076</f>
        <v/>
      </c>
      <c r="G3074" s="6" t="str">
        <f>'申請書（複数入力用）'!K3076</f>
        <v>a052r000000jS9ZAAU</v>
      </c>
      <c r="H3074" s="12" t="e">
        <f>'申請書（複数入力用）'!N3076</f>
        <v>#N/A</v>
      </c>
      <c r="I3074" s="12" t="e">
        <f>'申請書（複数入力用）'!O3076</f>
        <v>#N/A</v>
      </c>
      <c r="J3074" s="12">
        <f>'申請書（複数入力用）'!P3076</f>
        <v>1</v>
      </c>
    </row>
    <row r="3075" spans="1:10" ht="51.6" customHeight="1" x14ac:dyDescent="0.45">
      <c r="A3075" s="6">
        <f>'申請書（複数入力用）'!A3077</f>
        <v>3071</v>
      </c>
      <c r="B3075" s="13">
        <f>'申請書（複数入力用）'!AH3077</f>
        <v>0</v>
      </c>
      <c r="C3075" s="6">
        <f>'申請書（複数入力用）'!B3077</f>
        <v>0</v>
      </c>
      <c r="D3075" s="6">
        <f>'申請書（複数入力用）'!D3077</f>
        <v>0</v>
      </c>
      <c r="E3075" s="14">
        <f>'申請書（複数入力用）'!H3077</f>
        <v>0</v>
      </c>
      <c r="F3075" s="11" t="str">
        <f>'申請書（複数入力用）'!J3077</f>
        <v/>
      </c>
      <c r="G3075" s="6" t="str">
        <f>'申請書（複数入力用）'!K3077</f>
        <v>a052r000000jS9ZAAU</v>
      </c>
      <c r="H3075" s="12" t="e">
        <f>'申請書（複数入力用）'!N3077</f>
        <v>#N/A</v>
      </c>
      <c r="I3075" s="12" t="e">
        <f>'申請書（複数入力用）'!O3077</f>
        <v>#N/A</v>
      </c>
      <c r="J3075" s="12">
        <f>'申請書（複数入力用）'!P3077</f>
        <v>1</v>
      </c>
    </row>
    <row r="3076" spans="1:10" ht="51.6" customHeight="1" x14ac:dyDescent="0.45">
      <c r="A3076" s="6">
        <f>'申請書（複数入力用）'!A3078</f>
        <v>3072</v>
      </c>
      <c r="B3076" s="13">
        <f>'申請書（複数入力用）'!AH3078</f>
        <v>0</v>
      </c>
      <c r="C3076" s="6">
        <f>'申請書（複数入力用）'!B3078</f>
        <v>0</v>
      </c>
      <c r="D3076" s="6">
        <f>'申請書（複数入力用）'!D3078</f>
        <v>0</v>
      </c>
      <c r="E3076" s="14">
        <f>'申請書（複数入力用）'!H3078</f>
        <v>0</v>
      </c>
      <c r="F3076" s="11" t="str">
        <f>'申請書（複数入力用）'!J3078</f>
        <v/>
      </c>
      <c r="G3076" s="6" t="str">
        <f>'申請書（複数入力用）'!K3078</f>
        <v>a052r000000jS9ZAAU</v>
      </c>
      <c r="H3076" s="12" t="e">
        <f>'申請書（複数入力用）'!N3078</f>
        <v>#N/A</v>
      </c>
      <c r="I3076" s="12" t="e">
        <f>'申請書（複数入力用）'!O3078</f>
        <v>#N/A</v>
      </c>
      <c r="J3076" s="12">
        <f>'申請書（複数入力用）'!P3078</f>
        <v>1</v>
      </c>
    </row>
    <row r="3077" spans="1:10" ht="51.6" customHeight="1" x14ac:dyDescent="0.45">
      <c r="A3077" s="6">
        <f>'申請書（複数入力用）'!A3079</f>
        <v>3073</v>
      </c>
      <c r="B3077" s="13">
        <f>'申請書（複数入力用）'!AH3079</f>
        <v>0</v>
      </c>
      <c r="C3077" s="6">
        <f>'申請書（複数入力用）'!B3079</f>
        <v>0</v>
      </c>
      <c r="D3077" s="6">
        <f>'申請書（複数入力用）'!D3079</f>
        <v>0</v>
      </c>
      <c r="E3077" s="14">
        <f>'申請書（複数入力用）'!H3079</f>
        <v>0</v>
      </c>
      <c r="F3077" s="11" t="str">
        <f>'申請書（複数入力用）'!J3079</f>
        <v/>
      </c>
      <c r="G3077" s="6" t="str">
        <f>'申請書（複数入力用）'!K3079</f>
        <v>a052r000000jS9ZAAU</v>
      </c>
      <c r="H3077" s="12" t="e">
        <f>'申請書（複数入力用）'!N3079</f>
        <v>#N/A</v>
      </c>
      <c r="I3077" s="12" t="e">
        <f>'申請書（複数入力用）'!O3079</f>
        <v>#N/A</v>
      </c>
      <c r="J3077" s="12">
        <f>'申請書（複数入力用）'!P3079</f>
        <v>1</v>
      </c>
    </row>
    <row r="3078" spans="1:10" ht="51.6" customHeight="1" x14ac:dyDescent="0.45">
      <c r="A3078" s="6">
        <f>'申請書（複数入力用）'!A3080</f>
        <v>3074</v>
      </c>
      <c r="B3078" s="13">
        <f>'申請書（複数入力用）'!AH3080</f>
        <v>0</v>
      </c>
      <c r="C3078" s="6">
        <f>'申請書（複数入力用）'!B3080</f>
        <v>0</v>
      </c>
      <c r="D3078" s="6">
        <f>'申請書（複数入力用）'!D3080</f>
        <v>0</v>
      </c>
      <c r="E3078" s="14">
        <f>'申請書（複数入力用）'!H3080</f>
        <v>0</v>
      </c>
      <c r="F3078" s="11" t="str">
        <f>'申請書（複数入力用）'!J3080</f>
        <v/>
      </c>
      <c r="G3078" s="6" t="str">
        <f>'申請書（複数入力用）'!K3080</f>
        <v>a052r000000jS9ZAAU</v>
      </c>
      <c r="H3078" s="12" t="e">
        <f>'申請書（複数入力用）'!N3080</f>
        <v>#N/A</v>
      </c>
      <c r="I3078" s="12" t="e">
        <f>'申請書（複数入力用）'!O3080</f>
        <v>#N/A</v>
      </c>
      <c r="J3078" s="12">
        <f>'申請書（複数入力用）'!P3080</f>
        <v>1</v>
      </c>
    </row>
    <row r="3079" spans="1:10" ht="51.6" customHeight="1" x14ac:dyDescent="0.45">
      <c r="A3079" s="6">
        <f>'申請書（複数入力用）'!A3081</f>
        <v>3075</v>
      </c>
      <c r="B3079" s="13">
        <f>'申請書（複数入力用）'!AH3081</f>
        <v>0</v>
      </c>
      <c r="C3079" s="6">
        <f>'申請書（複数入力用）'!B3081</f>
        <v>0</v>
      </c>
      <c r="D3079" s="6">
        <f>'申請書（複数入力用）'!D3081</f>
        <v>0</v>
      </c>
      <c r="E3079" s="14">
        <f>'申請書（複数入力用）'!H3081</f>
        <v>0</v>
      </c>
      <c r="F3079" s="11" t="str">
        <f>'申請書（複数入力用）'!J3081</f>
        <v/>
      </c>
      <c r="G3079" s="6" t="str">
        <f>'申請書（複数入力用）'!K3081</f>
        <v>a052r000000jS9ZAAU</v>
      </c>
      <c r="H3079" s="12" t="e">
        <f>'申請書（複数入力用）'!N3081</f>
        <v>#N/A</v>
      </c>
      <c r="I3079" s="12" t="e">
        <f>'申請書（複数入力用）'!O3081</f>
        <v>#N/A</v>
      </c>
      <c r="J3079" s="12">
        <f>'申請書（複数入力用）'!P3081</f>
        <v>1</v>
      </c>
    </row>
    <row r="3080" spans="1:10" ht="51.6" customHeight="1" x14ac:dyDescent="0.45">
      <c r="A3080" s="6">
        <f>'申請書（複数入力用）'!A3082</f>
        <v>3076</v>
      </c>
      <c r="B3080" s="13">
        <f>'申請書（複数入力用）'!AH3082</f>
        <v>0</v>
      </c>
      <c r="C3080" s="6">
        <f>'申請書（複数入力用）'!B3082</f>
        <v>0</v>
      </c>
      <c r="D3080" s="6">
        <f>'申請書（複数入力用）'!D3082</f>
        <v>0</v>
      </c>
      <c r="E3080" s="14">
        <f>'申請書（複数入力用）'!H3082</f>
        <v>0</v>
      </c>
      <c r="F3080" s="11" t="str">
        <f>'申請書（複数入力用）'!J3082</f>
        <v/>
      </c>
      <c r="G3080" s="6" t="str">
        <f>'申請書（複数入力用）'!K3082</f>
        <v>a052r000000jS9ZAAU</v>
      </c>
      <c r="H3080" s="12" t="e">
        <f>'申請書（複数入力用）'!N3082</f>
        <v>#N/A</v>
      </c>
      <c r="I3080" s="12" t="e">
        <f>'申請書（複数入力用）'!O3082</f>
        <v>#N/A</v>
      </c>
      <c r="J3080" s="12">
        <f>'申請書（複数入力用）'!P3082</f>
        <v>1</v>
      </c>
    </row>
    <row r="3081" spans="1:10" ht="51.6" customHeight="1" x14ac:dyDescent="0.45">
      <c r="A3081" s="6">
        <f>'申請書（複数入力用）'!A3083</f>
        <v>3077</v>
      </c>
      <c r="B3081" s="13">
        <f>'申請書（複数入力用）'!AH3083</f>
        <v>0</v>
      </c>
      <c r="C3081" s="6">
        <f>'申請書（複数入力用）'!B3083</f>
        <v>0</v>
      </c>
      <c r="D3081" s="6">
        <f>'申請書（複数入力用）'!D3083</f>
        <v>0</v>
      </c>
      <c r="E3081" s="14">
        <f>'申請書（複数入力用）'!H3083</f>
        <v>0</v>
      </c>
      <c r="F3081" s="11" t="str">
        <f>'申請書（複数入力用）'!J3083</f>
        <v/>
      </c>
      <c r="G3081" s="6" t="str">
        <f>'申請書（複数入力用）'!K3083</f>
        <v>a052r000000jS9ZAAU</v>
      </c>
      <c r="H3081" s="12" t="e">
        <f>'申請書（複数入力用）'!N3083</f>
        <v>#N/A</v>
      </c>
      <c r="I3081" s="12" t="e">
        <f>'申請書（複数入力用）'!O3083</f>
        <v>#N/A</v>
      </c>
      <c r="J3081" s="12">
        <f>'申請書（複数入力用）'!P3083</f>
        <v>1</v>
      </c>
    </row>
    <row r="3082" spans="1:10" ht="51.6" customHeight="1" x14ac:dyDescent="0.45">
      <c r="A3082" s="6">
        <f>'申請書（複数入力用）'!A3084</f>
        <v>3078</v>
      </c>
      <c r="B3082" s="13">
        <f>'申請書（複数入力用）'!AH3084</f>
        <v>0</v>
      </c>
      <c r="C3082" s="6">
        <f>'申請書（複数入力用）'!B3084</f>
        <v>0</v>
      </c>
      <c r="D3082" s="6">
        <f>'申請書（複数入力用）'!D3084</f>
        <v>0</v>
      </c>
      <c r="E3082" s="14">
        <f>'申請書（複数入力用）'!H3084</f>
        <v>0</v>
      </c>
      <c r="F3082" s="11" t="str">
        <f>'申請書（複数入力用）'!J3084</f>
        <v/>
      </c>
      <c r="G3082" s="6" t="str">
        <f>'申請書（複数入力用）'!K3084</f>
        <v>a052r000000jS9ZAAU</v>
      </c>
      <c r="H3082" s="12" t="e">
        <f>'申請書（複数入力用）'!N3084</f>
        <v>#N/A</v>
      </c>
      <c r="I3082" s="12" t="e">
        <f>'申請書（複数入力用）'!O3084</f>
        <v>#N/A</v>
      </c>
      <c r="J3082" s="12">
        <f>'申請書（複数入力用）'!P3084</f>
        <v>1</v>
      </c>
    </row>
    <row r="3083" spans="1:10" ht="51.6" customHeight="1" x14ac:dyDescent="0.45">
      <c r="A3083" s="6">
        <f>'申請書（複数入力用）'!A3085</f>
        <v>3079</v>
      </c>
      <c r="B3083" s="13">
        <f>'申請書（複数入力用）'!AH3085</f>
        <v>0</v>
      </c>
      <c r="C3083" s="6">
        <f>'申請書（複数入力用）'!B3085</f>
        <v>0</v>
      </c>
      <c r="D3083" s="6">
        <f>'申請書（複数入力用）'!D3085</f>
        <v>0</v>
      </c>
      <c r="E3083" s="14">
        <f>'申請書（複数入力用）'!H3085</f>
        <v>0</v>
      </c>
      <c r="F3083" s="11" t="str">
        <f>'申請書（複数入力用）'!J3085</f>
        <v/>
      </c>
      <c r="G3083" s="6" t="str">
        <f>'申請書（複数入力用）'!K3085</f>
        <v>a052r000000jS9ZAAU</v>
      </c>
      <c r="H3083" s="12" t="e">
        <f>'申請書（複数入力用）'!N3085</f>
        <v>#N/A</v>
      </c>
      <c r="I3083" s="12" t="e">
        <f>'申請書（複数入力用）'!O3085</f>
        <v>#N/A</v>
      </c>
      <c r="J3083" s="12">
        <f>'申請書（複数入力用）'!P3085</f>
        <v>1</v>
      </c>
    </row>
    <row r="3084" spans="1:10" ht="51.6" customHeight="1" x14ac:dyDescent="0.45">
      <c r="A3084" s="6">
        <f>'申請書（複数入力用）'!A3086</f>
        <v>3080</v>
      </c>
      <c r="B3084" s="13">
        <f>'申請書（複数入力用）'!AH3086</f>
        <v>0</v>
      </c>
      <c r="C3084" s="6">
        <f>'申請書（複数入力用）'!B3086</f>
        <v>0</v>
      </c>
      <c r="D3084" s="6">
        <f>'申請書（複数入力用）'!D3086</f>
        <v>0</v>
      </c>
      <c r="E3084" s="14">
        <f>'申請書（複数入力用）'!H3086</f>
        <v>0</v>
      </c>
      <c r="F3084" s="11" t="str">
        <f>'申請書（複数入力用）'!J3086</f>
        <v/>
      </c>
      <c r="G3084" s="6" t="str">
        <f>'申請書（複数入力用）'!K3086</f>
        <v>a052r000000jS9ZAAU</v>
      </c>
      <c r="H3084" s="12" t="e">
        <f>'申請書（複数入力用）'!N3086</f>
        <v>#N/A</v>
      </c>
      <c r="I3084" s="12" t="e">
        <f>'申請書（複数入力用）'!O3086</f>
        <v>#N/A</v>
      </c>
      <c r="J3084" s="12">
        <f>'申請書（複数入力用）'!P3086</f>
        <v>1</v>
      </c>
    </row>
    <row r="3085" spans="1:10" ht="51.6" customHeight="1" x14ac:dyDescent="0.45">
      <c r="A3085" s="6">
        <f>'申請書（複数入力用）'!A3087</f>
        <v>3081</v>
      </c>
      <c r="B3085" s="13">
        <f>'申請書（複数入力用）'!AH3087</f>
        <v>0</v>
      </c>
      <c r="C3085" s="6">
        <f>'申請書（複数入力用）'!B3087</f>
        <v>0</v>
      </c>
      <c r="D3085" s="6">
        <f>'申請書（複数入力用）'!D3087</f>
        <v>0</v>
      </c>
      <c r="E3085" s="14">
        <f>'申請書（複数入力用）'!H3087</f>
        <v>0</v>
      </c>
      <c r="F3085" s="11" t="str">
        <f>'申請書（複数入力用）'!J3087</f>
        <v/>
      </c>
      <c r="G3085" s="6" t="str">
        <f>'申請書（複数入力用）'!K3087</f>
        <v>a052r000000jS9ZAAU</v>
      </c>
      <c r="H3085" s="12" t="e">
        <f>'申請書（複数入力用）'!N3087</f>
        <v>#N/A</v>
      </c>
      <c r="I3085" s="12" t="e">
        <f>'申請書（複数入力用）'!O3087</f>
        <v>#N/A</v>
      </c>
      <c r="J3085" s="12">
        <f>'申請書（複数入力用）'!P3087</f>
        <v>1</v>
      </c>
    </row>
    <row r="3086" spans="1:10" ht="51.6" customHeight="1" x14ac:dyDescent="0.45">
      <c r="A3086" s="6">
        <f>'申請書（複数入力用）'!A3088</f>
        <v>3082</v>
      </c>
      <c r="B3086" s="13">
        <f>'申請書（複数入力用）'!AH3088</f>
        <v>0</v>
      </c>
      <c r="C3086" s="6">
        <f>'申請書（複数入力用）'!B3088</f>
        <v>0</v>
      </c>
      <c r="D3086" s="6">
        <f>'申請書（複数入力用）'!D3088</f>
        <v>0</v>
      </c>
      <c r="E3086" s="14">
        <f>'申請書（複数入力用）'!H3088</f>
        <v>0</v>
      </c>
      <c r="F3086" s="11" t="str">
        <f>'申請書（複数入力用）'!J3088</f>
        <v/>
      </c>
      <c r="G3086" s="6" t="str">
        <f>'申請書（複数入力用）'!K3088</f>
        <v>a052r000000jS9ZAAU</v>
      </c>
      <c r="H3086" s="12" t="e">
        <f>'申請書（複数入力用）'!N3088</f>
        <v>#N/A</v>
      </c>
      <c r="I3086" s="12" t="e">
        <f>'申請書（複数入力用）'!O3088</f>
        <v>#N/A</v>
      </c>
      <c r="J3086" s="12">
        <f>'申請書（複数入力用）'!P3088</f>
        <v>1</v>
      </c>
    </row>
    <row r="3087" spans="1:10" ht="51.6" customHeight="1" x14ac:dyDescent="0.45">
      <c r="A3087" s="6">
        <f>'申請書（複数入力用）'!A3089</f>
        <v>3083</v>
      </c>
      <c r="B3087" s="13">
        <f>'申請書（複数入力用）'!AH3089</f>
        <v>0</v>
      </c>
      <c r="C3087" s="6">
        <f>'申請書（複数入力用）'!B3089</f>
        <v>0</v>
      </c>
      <c r="D3087" s="6">
        <f>'申請書（複数入力用）'!D3089</f>
        <v>0</v>
      </c>
      <c r="E3087" s="14">
        <f>'申請書（複数入力用）'!H3089</f>
        <v>0</v>
      </c>
      <c r="F3087" s="11" t="str">
        <f>'申請書（複数入力用）'!J3089</f>
        <v/>
      </c>
      <c r="G3087" s="6" t="str">
        <f>'申請書（複数入力用）'!K3089</f>
        <v>a052r000000jS9ZAAU</v>
      </c>
      <c r="H3087" s="12" t="e">
        <f>'申請書（複数入力用）'!N3089</f>
        <v>#N/A</v>
      </c>
      <c r="I3087" s="12" t="e">
        <f>'申請書（複数入力用）'!O3089</f>
        <v>#N/A</v>
      </c>
      <c r="J3087" s="12">
        <f>'申請書（複数入力用）'!P3089</f>
        <v>1</v>
      </c>
    </row>
    <row r="3088" spans="1:10" ht="51.6" customHeight="1" x14ac:dyDescent="0.45">
      <c r="A3088" s="6">
        <f>'申請書（複数入力用）'!A3090</f>
        <v>3084</v>
      </c>
      <c r="B3088" s="13">
        <f>'申請書（複数入力用）'!AH3090</f>
        <v>0</v>
      </c>
      <c r="C3088" s="6">
        <f>'申請書（複数入力用）'!B3090</f>
        <v>0</v>
      </c>
      <c r="D3088" s="6">
        <f>'申請書（複数入力用）'!D3090</f>
        <v>0</v>
      </c>
      <c r="E3088" s="14">
        <f>'申請書（複数入力用）'!H3090</f>
        <v>0</v>
      </c>
      <c r="F3088" s="11" t="str">
        <f>'申請書（複数入力用）'!J3090</f>
        <v/>
      </c>
      <c r="G3088" s="6" t="str">
        <f>'申請書（複数入力用）'!K3090</f>
        <v>a052r000000jS9ZAAU</v>
      </c>
      <c r="H3088" s="12" t="e">
        <f>'申請書（複数入力用）'!N3090</f>
        <v>#N/A</v>
      </c>
      <c r="I3088" s="12" t="e">
        <f>'申請書（複数入力用）'!O3090</f>
        <v>#N/A</v>
      </c>
      <c r="J3088" s="12">
        <f>'申請書（複数入力用）'!P3090</f>
        <v>1</v>
      </c>
    </row>
    <row r="3089" spans="1:10" ht="51.6" customHeight="1" x14ac:dyDescent="0.45">
      <c r="A3089" s="6">
        <f>'申請書（複数入力用）'!A3091</f>
        <v>3085</v>
      </c>
      <c r="B3089" s="13">
        <f>'申請書（複数入力用）'!AH3091</f>
        <v>0</v>
      </c>
      <c r="C3089" s="6">
        <f>'申請書（複数入力用）'!B3091</f>
        <v>0</v>
      </c>
      <c r="D3089" s="6">
        <f>'申請書（複数入力用）'!D3091</f>
        <v>0</v>
      </c>
      <c r="E3089" s="14">
        <f>'申請書（複数入力用）'!H3091</f>
        <v>0</v>
      </c>
      <c r="F3089" s="11" t="str">
        <f>'申請書（複数入力用）'!J3091</f>
        <v/>
      </c>
      <c r="G3089" s="6" t="str">
        <f>'申請書（複数入力用）'!K3091</f>
        <v>a052r000000jS9ZAAU</v>
      </c>
      <c r="H3089" s="12" t="e">
        <f>'申請書（複数入力用）'!N3091</f>
        <v>#N/A</v>
      </c>
      <c r="I3089" s="12" t="e">
        <f>'申請書（複数入力用）'!O3091</f>
        <v>#N/A</v>
      </c>
      <c r="J3089" s="12">
        <f>'申請書（複数入力用）'!P3091</f>
        <v>1</v>
      </c>
    </row>
    <row r="3090" spans="1:10" ht="51.6" customHeight="1" x14ac:dyDescent="0.45">
      <c r="A3090" s="6">
        <f>'申請書（複数入力用）'!A3092</f>
        <v>3086</v>
      </c>
      <c r="B3090" s="13">
        <f>'申請書（複数入力用）'!AH3092</f>
        <v>0</v>
      </c>
      <c r="C3090" s="6">
        <f>'申請書（複数入力用）'!B3092</f>
        <v>0</v>
      </c>
      <c r="D3090" s="6">
        <f>'申請書（複数入力用）'!D3092</f>
        <v>0</v>
      </c>
      <c r="E3090" s="14">
        <f>'申請書（複数入力用）'!H3092</f>
        <v>0</v>
      </c>
      <c r="F3090" s="11" t="str">
        <f>'申請書（複数入力用）'!J3092</f>
        <v/>
      </c>
      <c r="G3090" s="6" t="str">
        <f>'申請書（複数入力用）'!K3092</f>
        <v>a052r000000jS9ZAAU</v>
      </c>
      <c r="H3090" s="12" t="e">
        <f>'申請書（複数入力用）'!N3092</f>
        <v>#N/A</v>
      </c>
      <c r="I3090" s="12" t="e">
        <f>'申請書（複数入力用）'!O3092</f>
        <v>#N/A</v>
      </c>
      <c r="J3090" s="12">
        <f>'申請書（複数入力用）'!P3092</f>
        <v>1</v>
      </c>
    </row>
    <row r="3091" spans="1:10" ht="51.6" customHeight="1" x14ac:dyDescent="0.45">
      <c r="A3091" s="6">
        <f>'申請書（複数入力用）'!A3093</f>
        <v>3087</v>
      </c>
      <c r="B3091" s="13">
        <f>'申請書（複数入力用）'!AH3093</f>
        <v>0</v>
      </c>
      <c r="C3091" s="6">
        <f>'申請書（複数入力用）'!B3093</f>
        <v>0</v>
      </c>
      <c r="D3091" s="6">
        <f>'申請書（複数入力用）'!D3093</f>
        <v>0</v>
      </c>
      <c r="E3091" s="14">
        <f>'申請書（複数入力用）'!H3093</f>
        <v>0</v>
      </c>
      <c r="F3091" s="11" t="str">
        <f>'申請書（複数入力用）'!J3093</f>
        <v/>
      </c>
      <c r="G3091" s="6" t="str">
        <f>'申請書（複数入力用）'!K3093</f>
        <v>a052r000000jS9ZAAU</v>
      </c>
      <c r="H3091" s="12" t="e">
        <f>'申請書（複数入力用）'!N3093</f>
        <v>#N/A</v>
      </c>
      <c r="I3091" s="12" t="e">
        <f>'申請書（複数入力用）'!O3093</f>
        <v>#N/A</v>
      </c>
      <c r="J3091" s="12">
        <f>'申請書（複数入力用）'!P3093</f>
        <v>1</v>
      </c>
    </row>
    <row r="3092" spans="1:10" ht="51.6" customHeight="1" x14ac:dyDescent="0.45">
      <c r="A3092" s="6">
        <f>'申請書（複数入力用）'!A3094</f>
        <v>3088</v>
      </c>
      <c r="B3092" s="13">
        <f>'申請書（複数入力用）'!AH3094</f>
        <v>0</v>
      </c>
      <c r="C3092" s="6">
        <f>'申請書（複数入力用）'!B3094</f>
        <v>0</v>
      </c>
      <c r="D3092" s="6">
        <f>'申請書（複数入力用）'!D3094</f>
        <v>0</v>
      </c>
      <c r="E3092" s="14">
        <f>'申請書（複数入力用）'!H3094</f>
        <v>0</v>
      </c>
      <c r="F3092" s="11" t="str">
        <f>'申請書（複数入力用）'!J3094</f>
        <v/>
      </c>
      <c r="G3092" s="6" t="str">
        <f>'申請書（複数入力用）'!K3094</f>
        <v>a052r000000jS9ZAAU</v>
      </c>
      <c r="H3092" s="12" t="e">
        <f>'申請書（複数入力用）'!N3094</f>
        <v>#N/A</v>
      </c>
      <c r="I3092" s="12" t="e">
        <f>'申請書（複数入力用）'!O3094</f>
        <v>#N/A</v>
      </c>
      <c r="J3092" s="12">
        <f>'申請書（複数入力用）'!P3094</f>
        <v>1</v>
      </c>
    </row>
    <row r="3093" spans="1:10" ht="51.6" customHeight="1" x14ac:dyDescent="0.45">
      <c r="A3093" s="6">
        <f>'申請書（複数入力用）'!A3095</f>
        <v>3089</v>
      </c>
      <c r="B3093" s="13">
        <f>'申請書（複数入力用）'!AH3095</f>
        <v>0</v>
      </c>
      <c r="C3093" s="6">
        <f>'申請書（複数入力用）'!B3095</f>
        <v>0</v>
      </c>
      <c r="D3093" s="6">
        <f>'申請書（複数入力用）'!D3095</f>
        <v>0</v>
      </c>
      <c r="E3093" s="14">
        <f>'申請書（複数入力用）'!H3095</f>
        <v>0</v>
      </c>
      <c r="F3093" s="11" t="str">
        <f>'申請書（複数入力用）'!J3095</f>
        <v/>
      </c>
      <c r="G3093" s="6" t="str">
        <f>'申請書（複数入力用）'!K3095</f>
        <v>a052r000000jS9ZAAU</v>
      </c>
      <c r="H3093" s="12" t="e">
        <f>'申請書（複数入力用）'!N3095</f>
        <v>#N/A</v>
      </c>
      <c r="I3093" s="12" t="e">
        <f>'申請書（複数入力用）'!O3095</f>
        <v>#N/A</v>
      </c>
      <c r="J3093" s="12">
        <f>'申請書（複数入力用）'!P3095</f>
        <v>1</v>
      </c>
    </row>
    <row r="3094" spans="1:10" ht="51.6" customHeight="1" x14ac:dyDescent="0.45">
      <c r="A3094" s="6">
        <f>'申請書（複数入力用）'!A3096</f>
        <v>3090</v>
      </c>
      <c r="B3094" s="13">
        <f>'申請書（複数入力用）'!AH3096</f>
        <v>0</v>
      </c>
      <c r="C3094" s="6">
        <f>'申請書（複数入力用）'!B3096</f>
        <v>0</v>
      </c>
      <c r="D3094" s="6">
        <f>'申請書（複数入力用）'!D3096</f>
        <v>0</v>
      </c>
      <c r="E3094" s="14">
        <f>'申請書（複数入力用）'!H3096</f>
        <v>0</v>
      </c>
      <c r="F3094" s="11" t="str">
        <f>'申請書（複数入力用）'!J3096</f>
        <v/>
      </c>
      <c r="G3094" s="6" t="str">
        <f>'申請書（複数入力用）'!K3096</f>
        <v>a052r000000jS9ZAAU</v>
      </c>
      <c r="H3094" s="12" t="e">
        <f>'申請書（複数入力用）'!N3096</f>
        <v>#N/A</v>
      </c>
      <c r="I3094" s="12" t="e">
        <f>'申請書（複数入力用）'!O3096</f>
        <v>#N/A</v>
      </c>
      <c r="J3094" s="12">
        <f>'申請書（複数入力用）'!P3096</f>
        <v>1</v>
      </c>
    </row>
    <row r="3095" spans="1:10" ht="51.6" customHeight="1" x14ac:dyDescent="0.45">
      <c r="A3095" s="6">
        <f>'申請書（複数入力用）'!A3097</f>
        <v>3091</v>
      </c>
      <c r="B3095" s="13">
        <f>'申請書（複数入力用）'!AH3097</f>
        <v>0</v>
      </c>
      <c r="C3095" s="6">
        <f>'申請書（複数入力用）'!B3097</f>
        <v>0</v>
      </c>
      <c r="D3095" s="6">
        <f>'申請書（複数入力用）'!D3097</f>
        <v>0</v>
      </c>
      <c r="E3095" s="14">
        <f>'申請書（複数入力用）'!H3097</f>
        <v>0</v>
      </c>
      <c r="F3095" s="11" t="str">
        <f>'申請書（複数入力用）'!J3097</f>
        <v/>
      </c>
      <c r="G3095" s="6" t="str">
        <f>'申請書（複数入力用）'!K3097</f>
        <v>a052r000000jS9ZAAU</v>
      </c>
      <c r="H3095" s="12" t="e">
        <f>'申請書（複数入力用）'!N3097</f>
        <v>#N/A</v>
      </c>
      <c r="I3095" s="12" t="e">
        <f>'申請書（複数入力用）'!O3097</f>
        <v>#N/A</v>
      </c>
      <c r="J3095" s="12">
        <f>'申請書（複数入力用）'!P3097</f>
        <v>1</v>
      </c>
    </row>
    <row r="3096" spans="1:10" ht="51.6" customHeight="1" x14ac:dyDescent="0.45">
      <c r="A3096" s="6">
        <f>'申請書（複数入力用）'!A3098</f>
        <v>3092</v>
      </c>
      <c r="B3096" s="13">
        <f>'申請書（複数入力用）'!AH3098</f>
        <v>0</v>
      </c>
      <c r="C3096" s="6">
        <f>'申請書（複数入力用）'!B3098</f>
        <v>0</v>
      </c>
      <c r="D3096" s="6">
        <f>'申請書（複数入力用）'!D3098</f>
        <v>0</v>
      </c>
      <c r="E3096" s="14">
        <f>'申請書（複数入力用）'!H3098</f>
        <v>0</v>
      </c>
      <c r="F3096" s="11" t="str">
        <f>'申請書（複数入力用）'!J3098</f>
        <v/>
      </c>
      <c r="G3096" s="6" t="str">
        <f>'申請書（複数入力用）'!K3098</f>
        <v>a052r000000jS9ZAAU</v>
      </c>
      <c r="H3096" s="12" t="e">
        <f>'申請書（複数入力用）'!N3098</f>
        <v>#N/A</v>
      </c>
      <c r="I3096" s="12" t="e">
        <f>'申請書（複数入力用）'!O3098</f>
        <v>#N/A</v>
      </c>
      <c r="J3096" s="12">
        <f>'申請書（複数入力用）'!P3098</f>
        <v>1</v>
      </c>
    </row>
    <row r="3097" spans="1:10" ht="51.6" customHeight="1" x14ac:dyDescent="0.45">
      <c r="A3097" s="6">
        <f>'申請書（複数入力用）'!A3099</f>
        <v>3093</v>
      </c>
      <c r="B3097" s="13">
        <f>'申請書（複数入力用）'!AH3099</f>
        <v>0</v>
      </c>
      <c r="C3097" s="6">
        <f>'申請書（複数入力用）'!B3099</f>
        <v>0</v>
      </c>
      <c r="D3097" s="6">
        <f>'申請書（複数入力用）'!D3099</f>
        <v>0</v>
      </c>
      <c r="E3097" s="14">
        <f>'申請書（複数入力用）'!H3099</f>
        <v>0</v>
      </c>
      <c r="F3097" s="11" t="str">
        <f>'申請書（複数入力用）'!J3099</f>
        <v/>
      </c>
      <c r="G3097" s="6" t="str">
        <f>'申請書（複数入力用）'!K3099</f>
        <v>a052r000000jS9ZAAU</v>
      </c>
      <c r="H3097" s="12" t="e">
        <f>'申請書（複数入力用）'!N3099</f>
        <v>#N/A</v>
      </c>
      <c r="I3097" s="12" t="e">
        <f>'申請書（複数入力用）'!O3099</f>
        <v>#N/A</v>
      </c>
      <c r="J3097" s="12">
        <f>'申請書（複数入力用）'!P3099</f>
        <v>1</v>
      </c>
    </row>
    <row r="3098" spans="1:10" ht="51.6" customHeight="1" x14ac:dyDescent="0.45">
      <c r="A3098" s="6">
        <f>'申請書（複数入力用）'!A3100</f>
        <v>3094</v>
      </c>
      <c r="B3098" s="13">
        <f>'申請書（複数入力用）'!AH3100</f>
        <v>0</v>
      </c>
      <c r="C3098" s="6">
        <f>'申請書（複数入力用）'!B3100</f>
        <v>0</v>
      </c>
      <c r="D3098" s="6">
        <f>'申請書（複数入力用）'!D3100</f>
        <v>0</v>
      </c>
      <c r="E3098" s="14">
        <f>'申請書（複数入力用）'!H3100</f>
        <v>0</v>
      </c>
      <c r="F3098" s="11" t="str">
        <f>'申請書（複数入力用）'!J3100</f>
        <v/>
      </c>
      <c r="G3098" s="6" t="str">
        <f>'申請書（複数入力用）'!K3100</f>
        <v>a052r000000jS9ZAAU</v>
      </c>
      <c r="H3098" s="12" t="e">
        <f>'申請書（複数入力用）'!N3100</f>
        <v>#N/A</v>
      </c>
      <c r="I3098" s="12" t="e">
        <f>'申請書（複数入力用）'!O3100</f>
        <v>#N/A</v>
      </c>
      <c r="J3098" s="12">
        <f>'申請書（複数入力用）'!P3100</f>
        <v>1</v>
      </c>
    </row>
    <row r="3099" spans="1:10" ht="51.6" customHeight="1" x14ac:dyDescent="0.45">
      <c r="A3099" s="6">
        <f>'申請書（複数入力用）'!A3101</f>
        <v>3095</v>
      </c>
      <c r="B3099" s="13">
        <f>'申請書（複数入力用）'!AH3101</f>
        <v>0</v>
      </c>
      <c r="C3099" s="6">
        <f>'申請書（複数入力用）'!B3101</f>
        <v>0</v>
      </c>
      <c r="D3099" s="6">
        <f>'申請書（複数入力用）'!D3101</f>
        <v>0</v>
      </c>
      <c r="E3099" s="14">
        <f>'申請書（複数入力用）'!H3101</f>
        <v>0</v>
      </c>
      <c r="F3099" s="11" t="str">
        <f>'申請書（複数入力用）'!J3101</f>
        <v/>
      </c>
      <c r="G3099" s="6" t="str">
        <f>'申請書（複数入力用）'!K3101</f>
        <v>a052r000000jS9ZAAU</v>
      </c>
      <c r="H3099" s="12" t="e">
        <f>'申請書（複数入力用）'!N3101</f>
        <v>#N/A</v>
      </c>
      <c r="I3099" s="12" t="e">
        <f>'申請書（複数入力用）'!O3101</f>
        <v>#N/A</v>
      </c>
      <c r="J3099" s="12">
        <f>'申請書（複数入力用）'!P3101</f>
        <v>1</v>
      </c>
    </row>
    <row r="3100" spans="1:10" ht="51.6" customHeight="1" x14ac:dyDescent="0.45">
      <c r="A3100" s="6">
        <f>'申請書（複数入力用）'!A3102</f>
        <v>3096</v>
      </c>
      <c r="B3100" s="13">
        <f>'申請書（複数入力用）'!AH3102</f>
        <v>0</v>
      </c>
      <c r="C3100" s="6">
        <f>'申請書（複数入力用）'!B3102</f>
        <v>0</v>
      </c>
      <c r="D3100" s="6">
        <f>'申請書（複数入力用）'!D3102</f>
        <v>0</v>
      </c>
      <c r="E3100" s="14">
        <f>'申請書（複数入力用）'!H3102</f>
        <v>0</v>
      </c>
      <c r="F3100" s="11" t="str">
        <f>'申請書（複数入力用）'!J3102</f>
        <v/>
      </c>
      <c r="G3100" s="6" t="str">
        <f>'申請書（複数入力用）'!K3102</f>
        <v>a052r000000jS9ZAAU</v>
      </c>
      <c r="H3100" s="12" t="e">
        <f>'申請書（複数入力用）'!N3102</f>
        <v>#N/A</v>
      </c>
      <c r="I3100" s="12" t="e">
        <f>'申請書（複数入力用）'!O3102</f>
        <v>#N/A</v>
      </c>
      <c r="J3100" s="12">
        <f>'申請書（複数入力用）'!P3102</f>
        <v>1</v>
      </c>
    </row>
    <row r="3101" spans="1:10" ht="51.6" customHeight="1" x14ac:dyDescent="0.45">
      <c r="A3101" s="6">
        <f>'申請書（複数入力用）'!A3103</f>
        <v>3097</v>
      </c>
      <c r="B3101" s="13">
        <f>'申請書（複数入力用）'!AH3103</f>
        <v>0</v>
      </c>
      <c r="C3101" s="6">
        <f>'申請書（複数入力用）'!B3103</f>
        <v>0</v>
      </c>
      <c r="D3101" s="6">
        <f>'申請書（複数入力用）'!D3103</f>
        <v>0</v>
      </c>
      <c r="E3101" s="14">
        <f>'申請書（複数入力用）'!H3103</f>
        <v>0</v>
      </c>
      <c r="F3101" s="11" t="str">
        <f>'申請書（複数入力用）'!J3103</f>
        <v/>
      </c>
      <c r="G3101" s="6" t="str">
        <f>'申請書（複数入力用）'!K3103</f>
        <v>a052r000000jS9ZAAU</v>
      </c>
      <c r="H3101" s="12" t="e">
        <f>'申請書（複数入力用）'!N3103</f>
        <v>#N/A</v>
      </c>
      <c r="I3101" s="12" t="e">
        <f>'申請書（複数入力用）'!O3103</f>
        <v>#N/A</v>
      </c>
      <c r="J3101" s="12">
        <f>'申請書（複数入力用）'!P3103</f>
        <v>1</v>
      </c>
    </row>
    <row r="3102" spans="1:10" ht="51.6" customHeight="1" x14ac:dyDescent="0.45">
      <c r="A3102" s="6">
        <f>'申請書（複数入力用）'!A3104</f>
        <v>3098</v>
      </c>
      <c r="B3102" s="13">
        <f>'申請書（複数入力用）'!AH3104</f>
        <v>0</v>
      </c>
      <c r="C3102" s="6">
        <f>'申請書（複数入力用）'!B3104</f>
        <v>0</v>
      </c>
      <c r="D3102" s="6">
        <f>'申請書（複数入力用）'!D3104</f>
        <v>0</v>
      </c>
      <c r="E3102" s="14">
        <f>'申請書（複数入力用）'!H3104</f>
        <v>0</v>
      </c>
      <c r="F3102" s="11" t="str">
        <f>'申請書（複数入力用）'!J3104</f>
        <v/>
      </c>
      <c r="G3102" s="6" t="str">
        <f>'申請書（複数入力用）'!K3104</f>
        <v>a052r000000jS9ZAAU</v>
      </c>
      <c r="H3102" s="12" t="e">
        <f>'申請書（複数入力用）'!N3104</f>
        <v>#N/A</v>
      </c>
      <c r="I3102" s="12" t="e">
        <f>'申請書（複数入力用）'!O3104</f>
        <v>#N/A</v>
      </c>
      <c r="J3102" s="12">
        <f>'申請書（複数入力用）'!P3104</f>
        <v>1</v>
      </c>
    </row>
    <row r="3103" spans="1:10" ht="51.6" customHeight="1" x14ac:dyDescent="0.45">
      <c r="A3103" s="6">
        <f>'申請書（複数入力用）'!A3105</f>
        <v>3099</v>
      </c>
      <c r="B3103" s="13">
        <f>'申請書（複数入力用）'!AH3105</f>
        <v>0</v>
      </c>
      <c r="C3103" s="6">
        <f>'申請書（複数入力用）'!B3105</f>
        <v>0</v>
      </c>
      <c r="D3103" s="6">
        <f>'申請書（複数入力用）'!D3105</f>
        <v>0</v>
      </c>
      <c r="E3103" s="14">
        <f>'申請書（複数入力用）'!H3105</f>
        <v>0</v>
      </c>
      <c r="F3103" s="11" t="str">
        <f>'申請書（複数入力用）'!J3105</f>
        <v/>
      </c>
      <c r="G3103" s="6" t="str">
        <f>'申請書（複数入力用）'!K3105</f>
        <v>a052r000000jS9ZAAU</v>
      </c>
      <c r="H3103" s="12" t="e">
        <f>'申請書（複数入力用）'!N3105</f>
        <v>#N/A</v>
      </c>
      <c r="I3103" s="12" t="e">
        <f>'申請書（複数入力用）'!O3105</f>
        <v>#N/A</v>
      </c>
      <c r="J3103" s="12">
        <f>'申請書（複数入力用）'!P3105</f>
        <v>1</v>
      </c>
    </row>
    <row r="3104" spans="1:10" ht="51.6" customHeight="1" x14ac:dyDescent="0.45">
      <c r="A3104" s="6">
        <f>'申請書（複数入力用）'!A3106</f>
        <v>3100</v>
      </c>
      <c r="B3104" s="13">
        <f>'申請書（複数入力用）'!AH3106</f>
        <v>0</v>
      </c>
      <c r="C3104" s="6">
        <f>'申請書（複数入力用）'!B3106</f>
        <v>0</v>
      </c>
      <c r="D3104" s="6">
        <f>'申請書（複数入力用）'!D3106</f>
        <v>0</v>
      </c>
      <c r="E3104" s="14">
        <f>'申請書（複数入力用）'!H3106</f>
        <v>0</v>
      </c>
      <c r="F3104" s="11" t="str">
        <f>'申請書（複数入力用）'!J3106</f>
        <v/>
      </c>
      <c r="G3104" s="6" t="str">
        <f>'申請書（複数入力用）'!K3106</f>
        <v>a052r000000jS9ZAAU</v>
      </c>
      <c r="H3104" s="12" t="e">
        <f>'申請書（複数入力用）'!N3106</f>
        <v>#N/A</v>
      </c>
      <c r="I3104" s="12" t="e">
        <f>'申請書（複数入力用）'!O3106</f>
        <v>#N/A</v>
      </c>
      <c r="J3104" s="12">
        <f>'申請書（複数入力用）'!P3106</f>
        <v>1</v>
      </c>
    </row>
    <row r="3105" spans="1:10" ht="51.6" customHeight="1" x14ac:dyDescent="0.45">
      <c r="A3105" s="6">
        <f>'申請書（複数入力用）'!A3107</f>
        <v>3101</v>
      </c>
      <c r="B3105" s="13">
        <f>'申請書（複数入力用）'!AH3107</f>
        <v>0</v>
      </c>
      <c r="C3105" s="6">
        <f>'申請書（複数入力用）'!B3107</f>
        <v>0</v>
      </c>
      <c r="D3105" s="6">
        <f>'申請書（複数入力用）'!D3107</f>
        <v>0</v>
      </c>
      <c r="E3105" s="14">
        <f>'申請書（複数入力用）'!H3107</f>
        <v>0</v>
      </c>
      <c r="F3105" s="11" t="str">
        <f>'申請書（複数入力用）'!J3107</f>
        <v/>
      </c>
      <c r="G3105" s="6" t="str">
        <f>'申請書（複数入力用）'!K3107</f>
        <v>a052r000000jS9ZAAU</v>
      </c>
      <c r="H3105" s="12" t="e">
        <f>'申請書（複数入力用）'!N3107</f>
        <v>#N/A</v>
      </c>
      <c r="I3105" s="12" t="e">
        <f>'申請書（複数入力用）'!O3107</f>
        <v>#N/A</v>
      </c>
      <c r="J3105" s="12">
        <f>'申請書（複数入力用）'!P3107</f>
        <v>1</v>
      </c>
    </row>
    <row r="3106" spans="1:10" ht="51.6" customHeight="1" x14ac:dyDescent="0.45">
      <c r="A3106" s="6">
        <f>'申請書（複数入力用）'!A3108</f>
        <v>3102</v>
      </c>
      <c r="B3106" s="13">
        <f>'申請書（複数入力用）'!AH3108</f>
        <v>0</v>
      </c>
      <c r="C3106" s="6">
        <f>'申請書（複数入力用）'!B3108</f>
        <v>0</v>
      </c>
      <c r="D3106" s="6">
        <f>'申請書（複数入力用）'!D3108</f>
        <v>0</v>
      </c>
      <c r="E3106" s="14">
        <f>'申請書（複数入力用）'!H3108</f>
        <v>0</v>
      </c>
      <c r="F3106" s="11" t="str">
        <f>'申請書（複数入力用）'!J3108</f>
        <v/>
      </c>
      <c r="G3106" s="6" t="str">
        <f>'申請書（複数入力用）'!K3108</f>
        <v>a052r000000jS9ZAAU</v>
      </c>
      <c r="H3106" s="12" t="e">
        <f>'申請書（複数入力用）'!N3108</f>
        <v>#N/A</v>
      </c>
      <c r="I3106" s="12" t="e">
        <f>'申請書（複数入力用）'!O3108</f>
        <v>#N/A</v>
      </c>
      <c r="J3106" s="12">
        <f>'申請書（複数入力用）'!P3108</f>
        <v>1</v>
      </c>
    </row>
    <row r="3107" spans="1:10" ht="51.6" customHeight="1" x14ac:dyDescent="0.45">
      <c r="A3107" s="6">
        <f>'申請書（複数入力用）'!A3109</f>
        <v>3103</v>
      </c>
      <c r="B3107" s="13">
        <f>'申請書（複数入力用）'!AH3109</f>
        <v>0</v>
      </c>
      <c r="C3107" s="6">
        <f>'申請書（複数入力用）'!B3109</f>
        <v>0</v>
      </c>
      <c r="D3107" s="6">
        <f>'申請書（複数入力用）'!D3109</f>
        <v>0</v>
      </c>
      <c r="E3107" s="14">
        <f>'申請書（複数入力用）'!H3109</f>
        <v>0</v>
      </c>
      <c r="F3107" s="11" t="str">
        <f>'申請書（複数入力用）'!J3109</f>
        <v/>
      </c>
      <c r="G3107" s="6" t="str">
        <f>'申請書（複数入力用）'!K3109</f>
        <v>a052r000000jS9ZAAU</v>
      </c>
      <c r="H3107" s="12" t="e">
        <f>'申請書（複数入力用）'!N3109</f>
        <v>#N/A</v>
      </c>
      <c r="I3107" s="12" t="e">
        <f>'申請書（複数入力用）'!O3109</f>
        <v>#N/A</v>
      </c>
      <c r="J3107" s="12">
        <f>'申請書（複数入力用）'!P3109</f>
        <v>1</v>
      </c>
    </row>
    <row r="3108" spans="1:10" ht="51.6" customHeight="1" x14ac:dyDescent="0.45">
      <c r="A3108" s="6">
        <f>'申請書（複数入力用）'!A3110</f>
        <v>3104</v>
      </c>
      <c r="B3108" s="13">
        <f>'申請書（複数入力用）'!AH3110</f>
        <v>0</v>
      </c>
      <c r="C3108" s="6">
        <f>'申請書（複数入力用）'!B3110</f>
        <v>0</v>
      </c>
      <c r="D3108" s="6">
        <f>'申請書（複数入力用）'!D3110</f>
        <v>0</v>
      </c>
      <c r="E3108" s="14">
        <f>'申請書（複数入力用）'!H3110</f>
        <v>0</v>
      </c>
      <c r="F3108" s="11" t="str">
        <f>'申請書（複数入力用）'!J3110</f>
        <v/>
      </c>
      <c r="G3108" s="6" t="str">
        <f>'申請書（複数入力用）'!K3110</f>
        <v>a052r000000jS9ZAAU</v>
      </c>
      <c r="H3108" s="12" t="e">
        <f>'申請書（複数入力用）'!N3110</f>
        <v>#N/A</v>
      </c>
      <c r="I3108" s="12" t="e">
        <f>'申請書（複数入力用）'!O3110</f>
        <v>#N/A</v>
      </c>
      <c r="J3108" s="12">
        <f>'申請書（複数入力用）'!P3110</f>
        <v>1</v>
      </c>
    </row>
    <row r="3109" spans="1:10" ht="51.6" customHeight="1" x14ac:dyDescent="0.45">
      <c r="A3109" s="6">
        <f>'申請書（複数入力用）'!A3111</f>
        <v>3105</v>
      </c>
      <c r="B3109" s="13">
        <f>'申請書（複数入力用）'!AH3111</f>
        <v>0</v>
      </c>
      <c r="C3109" s="6">
        <f>'申請書（複数入力用）'!B3111</f>
        <v>0</v>
      </c>
      <c r="D3109" s="6">
        <f>'申請書（複数入力用）'!D3111</f>
        <v>0</v>
      </c>
      <c r="E3109" s="14">
        <f>'申請書（複数入力用）'!H3111</f>
        <v>0</v>
      </c>
      <c r="F3109" s="11" t="str">
        <f>'申請書（複数入力用）'!J3111</f>
        <v/>
      </c>
      <c r="G3109" s="6" t="str">
        <f>'申請書（複数入力用）'!K3111</f>
        <v>a052r000000jS9ZAAU</v>
      </c>
      <c r="H3109" s="12" t="e">
        <f>'申請書（複数入力用）'!N3111</f>
        <v>#N/A</v>
      </c>
      <c r="I3109" s="12" t="e">
        <f>'申請書（複数入力用）'!O3111</f>
        <v>#N/A</v>
      </c>
      <c r="J3109" s="12">
        <f>'申請書（複数入力用）'!P3111</f>
        <v>1</v>
      </c>
    </row>
    <row r="3110" spans="1:10" ht="51.6" customHeight="1" x14ac:dyDescent="0.45">
      <c r="A3110" s="6">
        <f>'申請書（複数入力用）'!A3112</f>
        <v>3106</v>
      </c>
      <c r="B3110" s="13">
        <f>'申請書（複数入力用）'!AH3112</f>
        <v>0</v>
      </c>
      <c r="C3110" s="6">
        <f>'申請書（複数入力用）'!B3112</f>
        <v>0</v>
      </c>
      <c r="D3110" s="6">
        <f>'申請書（複数入力用）'!D3112</f>
        <v>0</v>
      </c>
      <c r="E3110" s="14">
        <f>'申請書（複数入力用）'!H3112</f>
        <v>0</v>
      </c>
      <c r="F3110" s="11" t="str">
        <f>'申請書（複数入力用）'!J3112</f>
        <v/>
      </c>
      <c r="G3110" s="6" t="str">
        <f>'申請書（複数入力用）'!K3112</f>
        <v>a052r000000jS9ZAAU</v>
      </c>
      <c r="H3110" s="12" t="e">
        <f>'申請書（複数入力用）'!N3112</f>
        <v>#N/A</v>
      </c>
      <c r="I3110" s="12" t="e">
        <f>'申請書（複数入力用）'!O3112</f>
        <v>#N/A</v>
      </c>
      <c r="J3110" s="12">
        <f>'申請書（複数入力用）'!P3112</f>
        <v>1</v>
      </c>
    </row>
    <row r="3111" spans="1:10" ht="51.6" customHeight="1" x14ac:dyDescent="0.45">
      <c r="A3111" s="6">
        <f>'申請書（複数入力用）'!A3113</f>
        <v>3107</v>
      </c>
      <c r="B3111" s="13">
        <f>'申請書（複数入力用）'!AH3113</f>
        <v>0</v>
      </c>
      <c r="C3111" s="6">
        <f>'申請書（複数入力用）'!B3113</f>
        <v>0</v>
      </c>
      <c r="D3111" s="6">
        <f>'申請書（複数入力用）'!D3113</f>
        <v>0</v>
      </c>
      <c r="E3111" s="14">
        <f>'申請書（複数入力用）'!H3113</f>
        <v>0</v>
      </c>
      <c r="F3111" s="11" t="str">
        <f>'申請書（複数入力用）'!J3113</f>
        <v/>
      </c>
      <c r="G3111" s="6" t="str">
        <f>'申請書（複数入力用）'!K3113</f>
        <v>a052r000000jS9ZAAU</v>
      </c>
      <c r="H3111" s="12" t="e">
        <f>'申請書（複数入力用）'!N3113</f>
        <v>#N/A</v>
      </c>
      <c r="I3111" s="12" t="e">
        <f>'申請書（複数入力用）'!O3113</f>
        <v>#N/A</v>
      </c>
      <c r="J3111" s="12">
        <f>'申請書（複数入力用）'!P3113</f>
        <v>1</v>
      </c>
    </row>
    <row r="3112" spans="1:10" ht="51.6" customHeight="1" x14ac:dyDescent="0.45">
      <c r="A3112" s="6">
        <f>'申請書（複数入力用）'!A3114</f>
        <v>3108</v>
      </c>
      <c r="B3112" s="13">
        <f>'申請書（複数入力用）'!AH3114</f>
        <v>0</v>
      </c>
      <c r="C3112" s="6">
        <f>'申請書（複数入力用）'!B3114</f>
        <v>0</v>
      </c>
      <c r="D3112" s="6">
        <f>'申請書（複数入力用）'!D3114</f>
        <v>0</v>
      </c>
      <c r="E3112" s="14">
        <f>'申請書（複数入力用）'!H3114</f>
        <v>0</v>
      </c>
      <c r="F3112" s="11" t="str">
        <f>'申請書（複数入力用）'!J3114</f>
        <v/>
      </c>
      <c r="G3112" s="6" t="str">
        <f>'申請書（複数入力用）'!K3114</f>
        <v>a052r000000jS9ZAAU</v>
      </c>
      <c r="H3112" s="12" t="e">
        <f>'申請書（複数入力用）'!N3114</f>
        <v>#N/A</v>
      </c>
      <c r="I3112" s="12" t="e">
        <f>'申請書（複数入力用）'!O3114</f>
        <v>#N/A</v>
      </c>
      <c r="J3112" s="12">
        <f>'申請書（複数入力用）'!P3114</f>
        <v>1</v>
      </c>
    </row>
    <row r="3113" spans="1:10" ht="51.6" customHeight="1" x14ac:dyDescent="0.45">
      <c r="A3113" s="6">
        <f>'申請書（複数入力用）'!A3115</f>
        <v>3109</v>
      </c>
      <c r="B3113" s="13">
        <f>'申請書（複数入力用）'!AH3115</f>
        <v>0</v>
      </c>
      <c r="C3113" s="6">
        <f>'申請書（複数入力用）'!B3115</f>
        <v>0</v>
      </c>
      <c r="D3113" s="6">
        <f>'申請書（複数入力用）'!D3115</f>
        <v>0</v>
      </c>
      <c r="E3113" s="14">
        <f>'申請書（複数入力用）'!H3115</f>
        <v>0</v>
      </c>
      <c r="F3113" s="11" t="str">
        <f>'申請書（複数入力用）'!J3115</f>
        <v/>
      </c>
      <c r="G3113" s="6" t="str">
        <f>'申請書（複数入力用）'!K3115</f>
        <v>a052r000000jS9ZAAU</v>
      </c>
      <c r="H3113" s="12" t="e">
        <f>'申請書（複数入力用）'!N3115</f>
        <v>#N/A</v>
      </c>
      <c r="I3113" s="12" t="e">
        <f>'申請書（複数入力用）'!O3115</f>
        <v>#N/A</v>
      </c>
      <c r="J3113" s="12">
        <f>'申請書（複数入力用）'!P3115</f>
        <v>1</v>
      </c>
    </row>
    <row r="3114" spans="1:10" ht="51.6" customHeight="1" x14ac:dyDescent="0.45">
      <c r="A3114" s="6">
        <f>'申請書（複数入力用）'!A3116</f>
        <v>3110</v>
      </c>
      <c r="B3114" s="13">
        <f>'申請書（複数入力用）'!AH3116</f>
        <v>0</v>
      </c>
      <c r="C3114" s="6">
        <f>'申請書（複数入力用）'!B3116</f>
        <v>0</v>
      </c>
      <c r="D3114" s="6">
        <f>'申請書（複数入力用）'!D3116</f>
        <v>0</v>
      </c>
      <c r="E3114" s="14">
        <f>'申請書（複数入力用）'!H3116</f>
        <v>0</v>
      </c>
      <c r="F3114" s="11" t="str">
        <f>'申請書（複数入力用）'!J3116</f>
        <v/>
      </c>
      <c r="G3114" s="6" t="str">
        <f>'申請書（複数入力用）'!K3116</f>
        <v>a052r000000jS9ZAAU</v>
      </c>
      <c r="H3114" s="12" t="e">
        <f>'申請書（複数入力用）'!N3116</f>
        <v>#N/A</v>
      </c>
      <c r="I3114" s="12" t="e">
        <f>'申請書（複数入力用）'!O3116</f>
        <v>#N/A</v>
      </c>
      <c r="J3114" s="12">
        <f>'申請書（複数入力用）'!P3116</f>
        <v>1</v>
      </c>
    </row>
    <row r="3115" spans="1:10" ht="51.6" customHeight="1" x14ac:dyDescent="0.45">
      <c r="A3115" s="6">
        <f>'申請書（複数入力用）'!A3117</f>
        <v>3111</v>
      </c>
      <c r="B3115" s="13">
        <f>'申請書（複数入力用）'!AH3117</f>
        <v>0</v>
      </c>
      <c r="C3115" s="6">
        <f>'申請書（複数入力用）'!B3117</f>
        <v>0</v>
      </c>
      <c r="D3115" s="6">
        <f>'申請書（複数入力用）'!D3117</f>
        <v>0</v>
      </c>
      <c r="E3115" s="14">
        <f>'申請書（複数入力用）'!H3117</f>
        <v>0</v>
      </c>
      <c r="F3115" s="11" t="str">
        <f>'申請書（複数入力用）'!J3117</f>
        <v/>
      </c>
      <c r="G3115" s="6" t="str">
        <f>'申請書（複数入力用）'!K3117</f>
        <v>a052r000000jS9ZAAU</v>
      </c>
      <c r="H3115" s="12" t="e">
        <f>'申請書（複数入力用）'!N3117</f>
        <v>#N/A</v>
      </c>
      <c r="I3115" s="12" t="e">
        <f>'申請書（複数入力用）'!O3117</f>
        <v>#N/A</v>
      </c>
      <c r="J3115" s="12">
        <f>'申請書（複数入力用）'!P3117</f>
        <v>1</v>
      </c>
    </row>
    <row r="3116" spans="1:10" ht="51.6" customHeight="1" x14ac:dyDescent="0.45">
      <c r="A3116" s="6">
        <f>'申請書（複数入力用）'!A3118</f>
        <v>3112</v>
      </c>
      <c r="B3116" s="13">
        <f>'申請書（複数入力用）'!AH3118</f>
        <v>0</v>
      </c>
      <c r="C3116" s="6">
        <f>'申請書（複数入力用）'!B3118</f>
        <v>0</v>
      </c>
      <c r="D3116" s="6">
        <f>'申請書（複数入力用）'!D3118</f>
        <v>0</v>
      </c>
      <c r="E3116" s="14">
        <f>'申請書（複数入力用）'!H3118</f>
        <v>0</v>
      </c>
      <c r="F3116" s="11" t="str">
        <f>'申請書（複数入力用）'!J3118</f>
        <v/>
      </c>
      <c r="G3116" s="6" t="str">
        <f>'申請書（複数入力用）'!K3118</f>
        <v>a052r000000jS9ZAAU</v>
      </c>
      <c r="H3116" s="12" t="e">
        <f>'申請書（複数入力用）'!N3118</f>
        <v>#N/A</v>
      </c>
      <c r="I3116" s="12" t="e">
        <f>'申請書（複数入力用）'!O3118</f>
        <v>#N/A</v>
      </c>
      <c r="J3116" s="12">
        <f>'申請書（複数入力用）'!P3118</f>
        <v>1</v>
      </c>
    </row>
    <row r="3117" spans="1:10" ht="51.6" customHeight="1" x14ac:dyDescent="0.45">
      <c r="A3117" s="6">
        <f>'申請書（複数入力用）'!A3119</f>
        <v>3113</v>
      </c>
      <c r="B3117" s="13">
        <f>'申請書（複数入力用）'!AH3119</f>
        <v>0</v>
      </c>
      <c r="C3117" s="6">
        <f>'申請書（複数入力用）'!B3119</f>
        <v>0</v>
      </c>
      <c r="D3117" s="6">
        <f>'申請書（複数入力用）'!D3119</f>
        <v>0</v>
      </c>
      <c r="E3117" s="14">
        <f>'申請書（複数入力用）'!H3119</f>
        <v>0</v>
      </c>
      <c r="F3117" s="11" t="str">
        <f>'申請書（複数入力用）'!J3119</f>
        <v/>
      </c>
      <c r="G3117" s="6" t="str">
        <f>'申請書（複数入力用）'!K3119</f>
        <v>a052r000000jS9ZAAU</v>
      </c>
      <c r="H3117" s="12" t="e">
        <f>'申請書（複数入力用）'!N3119</f>
        <v>#N/A</v>
      </c>
      <c r="I3117" s="12" t="e">
        <f>'申請書（複数入力用）'!O3119</f>
        <v>#N/A</v>
      </c>
      <c r="J3117" s="12">
        <f>'申請書（複数入力用）'!P3119</f>
        <v>1</v>
      </c>
    </row>
    <row r="3118" spans="1:10" ht="51.6" customHeight="1" x14ac:dyDescent="0.45">
      <c r="A3118" s="6">
        <f>'申請書（複数入力用）'!A3120</f>
        <v>3114</v>
      </c>
      <c r="B3118" s="13">
        <f>'申請書（複数入力用）'!AH3120</f>
        <v>0</v>
      </c>
      <c r="C3118" s="6">
        <f>'申請書（複数入力用）'!B3120</f>
        <v>0</v>
      </c>
      <c r="D3118" s="6">
        <f>'申請書（複数入力用）'!D3120</f>
        <v>0</v>
      </c>
      <c r="E3118" s="14">
        <f>'申請書（複数入力用）'!H3120</f>
        <v>0</v>
      </c>
      <c r="F3118" s="11" t="str">
        <f>'申請書（複数入力用）'!J3120</f>
        <v/>
      </c>
      <c r="G3118" s="6" t="str">
        <f>'申請書（複数入力用）'!K3120</f>
        <v>a052r000000jS9ZAAU</v>
      </c>
      <c r="H3118" s="12" t="e">
        <f>'申請書（複数入力用）'!N3120</f>
        <v>#N/A</v>
      </c>
      <c r="I3118" s="12" t="e">
        <f>'申請書（複数入力用）'!O3120</f>
        <v>#N/A</v>
      </c>
      <c r="J3118" s="12">
        <f>'申請書（複数入力用）'!P3120</f>
        <v>1</v>
      </c>
    </row>
    <row r="3119" spans="1:10" ht="51.6" customHeight="1" x14ac:dyDescent="0.45">
      <c r="A3119" s="6">
        <f>'申請書（複数入力用）'!A3121</f>
        <v>3115</v>
      </c>
      <c r="B3119" s="13">
        <f>'申請書（複数入力用）'!AH3121</f>
        <v>0</v>
      </c>
      <c r="C3119" s="6">
        <f>'申請書（複数入力用）'!B3121</f>
        <v>0</v>
      </c>
      <c r="D3119" s="6">
        <f>'申請書（複数入力用）'!D3121</f>
        <v>0</v>
      </c>
      <c r="E3119" s="14">
        <f>'申請書（複数入力用）'!H3121</f>
        <v>0</v>
      </c>
      <c r="F3119" s="11" t="str">
        <f>'申請書（複数入力用）'!J3121</f>
        <v/>
      </c>
      <c r="G3119" s="6" t="str">
        <f>'申請書（複数入力用）'!K3121</f>
        <v>a052r000000jS9ZAAU</v>
      </c>
      <c r="H3119" s="12" t="e">
        <f>'申請書（複数入力用）'!N3121</f>
        <v>#N/A</v>
      </c>
      <c r="I3119" s="12" t="e">
        <f>'申請書（複数入力用）'!O3121</f>
        <v>#N/A</v>
      </c>
      <c r="J3119" s="12">
        <f>'申請書（複数入力用）'!P3121</f>
        <v>1</v>
      </c>
    </row>
    <row r="3120" spans="1:10" ht="51.6" customHeight="1" x14ac:dyDescent="0.45">
      <c r="A3120" s="6">
        <f>'申請書（複数入力用）'!A3122</f>
        <v>3116</v>
      </c>
      <c r="B3120" s="13">
        <f>'申請書（複数入力用）'!AH3122</f>
        <v>0</v>
      </c>
      <c r="C3120" s="6">
        <f>'申請書（複数入力用）'!B3122</f>
        <v>0</v>
      </c>
      <c r="D3120" s="6">
        <f>'申請書（複数入力用）'!D3122</f>
        <v>0</v>
      </c>
      <c r="E3120" s="14">
        <f>'申請書（複数入力用）'!H3122</f>
        <v>0</v>
      </c>
      <c r="F3120" s="11" t="str">
        <f>'申請書（複数入力用）'!J3122</f>
        <v/>
      </c>
      <c r="G3120" s="6" t="str">
        <f>'申請書（複数入力用）'!K3122</f>
        <v>a052r000000jS9ZAAU</v>
      </c>
      <c r="H3120" s="12" t="e">
        <f>'申請書（複数入力用）'!N3122</f>
        <v>#N/A</v>
      </c>
      <c r="I3120" s="12" t="e">
        <f>'申請書（複数入力用）'!O3122</f>
        <v>#N/A</v>
      </c>
      <c r="J3120" s="12">
        <f>'申請書（複数入力用）'!P3122</f>
        <v>1</v>
      </c>
    </row>
    <row r="3121" spans="1:10" ht="51.6" customHeight="1" x14ac:dyDescent="0.45">
      <c r="A3121" s="6">
        <f>'申請書（複数入力用）'!A3123</f>
        <v>3117</v>
      </c>
      <c r="B3121" s="13">
        <f>'申請書（複数入力用）'!AH3123</f>
        <v>0</v>
      </c>
      <c r="C3121" s="6">
        <f>'申請書（複数入力用）'!B3123</f>
        <v>0</v>
      </c>
      <c r="D3121" s="6">
        <f>'申請書（複数入力用）'!D3123</f>
        <v>0</v>
      </c>
      <c r="E3121" s="14">
        <f>'申請書（複数入力用）'!H3123</f>
        <v>0</v>
      </c>
      <c r="F3121" s="11" t="str">
        <f>'申請書（複数入力用）'!J3123</f>
        <v/>
      </c>
      <c r="G3121" s="6" t="str">
        <f>'申請書（複数入力用）'!K3123</f>
        <v>a052r000000jS9ZAAU</v>
      </c>
      <c r="H3121" s="12" t="e">
        <f>'申請書（複数入力用）'!N3123</f>
        <v>#N/A</v>
      </c>
      <c r="I3121" s="12" t="e">
        <f>'申請書（複数入力用）'!O3123</f>
        <v>#N/A</v>
      </c>
      <c r="J3121" s="12">
        <f>'申請書（複数入力用）'!P3123</f>
        <v>1</v>
      </c>
    </row>
    <row r="3122" spans="1:10" ht="51.6" customHeight="1" x14ac:dyDescent="0.45">
      <c r="A3122" s="6">
        <f>'申請書（複数入力用）'!A3124</f>
        <v>3118</v>
      </c>
      <c r="B3122" s="13">
        <f>'申請書（複数入力用）'!AH3124</f>
        <v>0</v>
      </c>
      <c r="C3122" s="6">
        <f>'申請書（複数入力用）'!B3124</f>
        <v>0</v>
      </c>
      <c r="D3122" s="6">
        <f>'申請書（複数入力用）'!D3124</f>
        <v>0</v>
      </c>
      <c r="E3122" s="14">
        <f>'申請書（複数入力用）'!H3124</f>
        <v>0</v>
      </c>
      <c r="F3122" s="11" t="str">
        <f>'申請書（複数入力用）'!J3124</f>
        <v/>
      </c>
      <c r="G3122" s="6" t="str">
        <f>'申請書（複数入力用）'!K3124</f>
        <v>a052r000000jS9ZAAU</v>
      </c>
      <c r="H3122" s="12" t="e">
        <f>'申請書（複数入力用）'!N3124</f>
        <v>#N/A</v>
      </c>
      <c r="I3122" s="12" t="e">
        <f>'申請書（複数入力用）'!O3124</f>
        <v>#N/A</v>
      </c>
      <c r="J3122" s="12">
        <f>'申請書（複数入力用）'!P3124</f>
        <v>1</v>
      </c>
    </row>
    <row r="3123" spans="1:10" ht="51.6" customHeight="1" x14ac:dyDescent="0.45">
      <c r="A3123" s="6">
        <f>'申請書（複数入力用）'!A3125</f>
        <v>3119</v>
      </c>
      <c r="B3123" s="13">
        <f>'申請書（複数入力用）'!AH3125</f>
        <v>0</v>
      </c>
      <c r="C3123" s="6">
        <f>'申請書（複数入力用）'!B3125</f>
        <v>0</v>
      </c>
      <c r="D3123" s="6">
        <f>'申請書（複数入力用）'!D3125</f>
        <v>0</v>
      </c>
      <c r="E3123" s="14">
        <f>'申請書（複数入力用）'!H3125</f>
        <v>0</v>
      </c>
      <c r="F3123" s="11" t="str">
        <f>'申請書（複数入力用）'!J3125</f>
        <v/>
      </c>
      <c r="G3123" s="6" t="str">
        <f>'申請書（複数入力用）'!K3125</f>
        <v>a052r000000jS9ZAAU</v>
      </c>
      <c r="H3123" s="12" t="e">
        <f>'申請書（複数入力用）'!N3125</f>
        <v>#N/A</v>
      </c>
      <c r="I3123" s="12" t="e">
        <f>'申請書（複数入力用）'!O3125</f>
        <v>#N/A</v>
      </c>
      <c r="J3123" s="12">
        <f>'申請書（複数入力用）'!P3125</f>
        <v>1</v>
      </c>
    </row>
    <row r="3124" spans="1:10" ht="51.6" customHeight="1" x14ac:dyDescent="0.45">
      <c r="A3124" s="6">
        <f>'申請書（複数入力用）'!A3126</f>
        <v>3120</v>
      </c>
      <c r="B3124" s="13">
        <f>'申請書（複数入力用）'!AH3126</f>
        <v>0</v>
      </c>
      <c r="C3124" s="6">
        <f>'申請書（複数入力用）'!B3126</f>
        <v>0</v>
      </c>
      <c r="D3124" s="6">
        <f>'申請書（複数入力用）'!D3126</f>
        <v>0</v>
      </c>
      <c r="E3124" s="14">
        <f>'申請書（複数入力用）'!H3126</f>
        <v>0</v>
      </c>
      <c r="F3124" s="11" t="str">
        <f>'申請書（複数入力用）'!J3126</f>
        <v/>
      </c>
      <c r="G3124" s="6" t="str">
        <f>'申請書（複数入力用）'!K3126</f>
        <v>a052r000000jS9ZAAU</v>
      </c>
      <c r="H3124" s="12" t="e">
        <f>'申請書（複数入力用）'!N3126</f>
        <v>#N/A</v>
      </c>
      <c r="I3124" s="12" t="e">
        <f>'申請書（複数入力用）'!O3126</f>
        <v>#N/A</v>
      </c>
      <c r="J3124" s="12">
        <f>'申請書（複数入力用）'!P3126</f>
        <v>1</v>
      </c>
    </row>
    <row r="3125" spans="1:10" ht="51.6" customHeight="1" x14ac:dyDescent="0.45">
      <c r="A3125" s="6">
        <f>'申請書（複数入力用）'!A3127</f>
        <v>3121</v>
      </c>
      <c r="B3125" s="13">
        <f>'申請書（複数入力用）'!AH3127</f>
        <v>0</v>
      </c>
      <c r="C3125" s="6">
        <f>'申請書（複数入力用）'!B3127</f>
        <v>0</v>
      </c>
      <c r="D3125" s="6">
        <f>'申請書（複数入力用）'!D3127</f>
        <v>0</v>
      </c>
      <c r="E3125" s="14">
        <f>'申請書（複数入力用）'!H3127</f>
        <v>0</v>
      </c>
      <c r="F3125" s="11" t="str">
        <f>'申請書（複数入力用）'!J3127</f>
        <v/>
      </c>
      <c r="G3125" s="6" t="str">
        <f>'申請書（複数入力用）'!K3127</f>
        <v>a052r000000jS9ZAAU</v>
      </c>
      <c r="H3125" s="12" t="e">
        <f>'申請書（複数入力用）'!N3127</f>
        <v>#N/A</v>
      </c>
      <c r="I3125" s="12" t="e">
        <f>'申請書（複数入力用）'!O3127</f>
        <v>#N/A</v>
      </c>
      <c r="J3125" s="12">
        <f>'申請書（複数入力用）'!P3127</f>
        <v>1</v>
      </c>
    </row>
    <row r="3126" spans="1:10" ht="51.6" customHeight="1" x14ac:dyDescent="0.45">
      <c r="A3126" s="6">
        <f>'申請書（複数入力用）'!A3128</f>
        <v>3122</v>
      </c>
      <c r="B3126" s="13">
        <f>'申請書（複数入力用）'!AH3128</f>
        <v>0</v>
      </c>
      <c r="C3126" s="6">
        <f>'申請書（複数入力用）'!B3128</f>
        <v>0</v>
      </c>
      <c r="D3126" s="6">
        <f>'申請書（複数入力用）'!D3128</f>
        <v>0</v>
      </c>
      <c r="E3126" s="14">
        <f>'申請書（複数入力用）'!H3128</f>
        <v>0</v>
      </c>
      <c r="F3126" s="11" t="str">
        <f>'申請書（複数入力用）'!J3128</f>
        <v/>
      </c>
      <c r="G3126" s="6" t="str">
        <f>'申請書（複数入力用）'!K3128</f>
        <v>a052r000000jS9ZAAU</v>
      </c>
      <c r="H3126" s="12" t="e">
        <f>'申請書（複数入力用）'!N3128</f>
        <v>#N/A</v>
      </c>
      <c r="I3126" s="12" t="e">
        <f>'申請書（複数入力用）'!O3128</f>
        <v>#N/A</v>
      </c>
      <c r="J3126" s="12">
        <f>'申請書（複数入力用）'!P3128</f>
        <v>1</v>
      </c>
    </row>
    <row r="3127" spans="1:10" ht="51.6" customHeight="1" x14ac:dyDescent="0.45">
      <c r="A3127" s="6">
        <f>'申請書（複数入力用）'!A3129</f>
        <v>3123</v>
      </c>
      <c r="B3127" s="13">
        <f>'申請書（複数入力用）'!AH3129</f>
        <v>0</v>
      </c>
      <c r="C3127" s="6">
        <f>'申請書（複数入力用）'!B3129</f>
        <v>0</v>
      </c>
      <c r="D3127" s="6">
        <f>'申請書（複数入力用）'!D3129</f>
        <v>0</v>
      </c>
      <c r="E3127" s="14">
        <f>'申請書（複数入力用）'!H3129</f>
        <v>0</v>
      </c>
      <c r="F3127" s="11" t="str">
        <f>'申請書（複数入力用）'!J3129</f>
        <v/>
      </c>
      <c r="G3127" s="6" t="str">
        <f>'申請書（複数入力用）'!K3129</f>
        <v>a052r000000jS9ZAAU</v>
      </c>
      <c r="H3127" s="12" t="e">
        <f>'申請書（複数入力用）'!N3129</f>
        <v>#N/A</v>
      </c>
      <c r="I3127" s="12" t="e">
        <f>'申請書（複数入力用）'!O3129</f>
        <v>#N/A</v>
      </c>
      <c r="J3127" s="12">
        <f>'申請書（複数入力用）'!P3129</f>
        <v>1</v>
      </c>
    </row>
    <row r="3128" spans="1:10" ht="51.6" customHeight="1" x14ac:dyDescent="0.45">
      <c r="A3128" s="6">
        <f>'申請書（複数入力用）'!A3130</f>
        <v>3124</v>
      </c>
      <c r="B3128" s="13">
        <f>'申請書（複数入力用）'!AH3130</f>
        <v>0</v>
      </c>
      <c r="C3128" s="6">
        <f>'申請書（複数入力用）'!B3130</f>
        <v>0</v>
      </c>
      <c r="D3128" s="6">
        <f>'申請書（複数入力用）'!D3130</f>
        <v>0</v>
      </c>
      <c r="E3128" s="14">
        <f>'申請書（複数入力用）'!H3130</f>
        <v>0</v>
      </c>
      <c r="F3128" s="11" t="str">
        <f>'申請書（複数入力用）'!J3130</f>
        <v/>
      </c>
      <c r="G3128" s="6" t="str">
        <f>'申請書（複数入力用）'!K3130</f>
        <v>a052r000000jS9ZAAU</v>
      </c>
      <c r="H3128" s="12" t="e">
        <f>'申請書（複数入力用）'!N3130</f>
        <v>#N/A</v>
      </c>
      <c r="I3128" s="12" t="e">
        <f>'申請書（複数入力用）'!O3130</f>
        <v>#N/A</v>
      </c>
      <c r="J3128" s="12">
        <f>'申請書（複数入力用）'!P3130</f>
        <v>1</v>
      </c>
    </row>
    <row r="3129" spans="1:10" ht="51.6" customHeight="1" x14ac:dyDescent="0.45">
      <c r="A3129" s="6">
        <f>'申請書（複数入力用）'!A3131</f>
        <v>3125</v>
      </c>
      <c r="B3129" s="13">
        <f>'申請書（複数入力用）'!AH3131</f>
        <v>0</v>
      </c>
      <c r="C3129" s="6">
        <f>'申請書（複数入力用）'!B3131</f>
        <v>0</v>
      </c>
      <c r="D3129" s="6">
        <f>'申請書（複数入力用）'!D3131</f>
        <v>0</v>
      </c>
      <c r="E3129" s="14">
        <f>'申請書（複数入力用）'!H3131</f>
        <v>0</v>
      </c>
      <c r="F3129" s="11" t="str">
        <f>'申請書（複数入力用）'!J3131</f>
        <v/>
      </c>
      <c r="G3129" s="6" t="str">
        <f>'申請書（複数入力用）'!K3131</f>
        <v>a052r000000jS9ZAAU</v>
      </c>
      <c r="H3129" s="12" t="e">
        <f>'申請書（複数入力用）'!N3131</f>
        <v>#N/A</v>
      </c>
      <c r="I3129" s="12" t="e">
        <f>'申請書（複数入力用）'!O3131</f>
        <v>#N/A</v>
      </c>
      <c r="J3129" s="12">
        <f>'申請書（複数入力用）'!P3131</f>
        <v>1</v>
      </c>
    </row>
    <row r="3130" spans="1:10" ht="51.6" customHeight="1" x14ac:dyDescent="0.45">
      <c r="A3130" s="6">
        <f>'申請書（複数入力用）'!A3132</f>
        <v>3126</v>
      </c>
      <c r="B3130" s="13">
        <f>'申請書（複数入力用）'!AH3132</f>
        <v>0</v>
      </c>
      <c r="C3130" s="6">
        <f>'申請書（複数入力用）'!B3132</f>
        <v>0</v>
      </c>
      <c r="D3130" s="6">
        <f>'申請書（複数入力用）'!D3132</f>
        <v>0</v>
      </c>
      <c r="E3130" s="14">
        <f>'申請書（複数入力用）'!H3132</f>
        <v>0</v>
      </c>
      <c r="F3130" s="11" t="str">
        <f>'申請書（複数入力用）'!J3132</f>
        <v/>
      </c>
      <c r="G3130" s="6" t="str">
        <f>'申請書（複数入力用）'!K3132</f>
        <v>a052r000000jS9ZAAU</v>
      </c>
      <c r="H3130" s="12" t="e">
        <f>'申請書（複数入力用）'!N3132</f>
        <v>#N/A</v>
      </c>
      <c r="I3130" s="12" t="e">
        <f>'申請書（複数入力用）'!O3132</f>
        <v>#N/A</v>
      </c>
      <c r="J3130" s="12">
        <f>'申請書（複数入力用）'!P3132</f>
        <v>1</v>
      </c>
    </row>
    <row r="3131" spans="1:10" ht="51.6" customHeight="1" x14ac:dyDescent="0.45">
      <c r="A3131" s="6">
        <f>'申請書（複数入力用）'!A3133</f>
        <v>3127</v>
      </c>
      <c r="B3131" s="13">
        <f>'申請書（複数入力用）'!AH3133</f>
        <v>0</v>
      </c>
      <c r="C3131" s="6">
        <f>'申請書（複数入力用）'!B3133</f>
        <v>0</v>
      </c>
      <c r="D3131" s="6">
        <f>'申請書（複数入力用）'!D3133</f>
        <v>0</v>
      </c>
      <c r="E3131" s="14">
        <f>'申請書（複数入力用）'!H3133</f>
        <v>0</v>
      </c>
      <c r="F3131" s="11" t="str">
        <f>'申請書（複数入力用）'!J3133</f>
        <v/>
      </c>
      <c r="G3131" s="6" t="str">
        <f>'申請書（複数入力用）'!K3133</f>
        <v>a052r000000jS9ZAAU</v>
      </c>
      <c r="H3131" s="12" t="e">
        <f>'申請書（複数入力用）'!N3133</f>
        <v>#N/A</v>
      </c>
      <c r="I3131" s="12" t="e">
        <f>'申請書（複数入力用）'!O3133</f>
        <v>#N/A</v>
      </c>
      <c r="J3131" s="12">
        <f>'申請書（複数入力用）'!P3133</f>
        <v>1</v>
      </c>
    </row>
    <row r="3132" spans="1:10" ht="51.6" customHeight="1" x14ac:dyDescent="0.45">
      <c r="A3132" s="6">
        <f>'申請書（複数入力用）'!A3134</f>
        <v>3128</v>
      </c>
      <c r="B3132" s="13">
        <f>'申請書（複数入力用）'!AH3134</f>
        <v>0</v>
      </c>
      <c r="C3132" s="6">
        <f>'申請書（複数入力用）'!B3134</f>
        <v>0</v>
      </c>
      <c r="D3132" s="6">
        <f>'申請書（複数入力用）'!D3134</f>
        <v>0</v>
      </c>
      <c r="E3132" s="14">
        <f>'申請書（複数入力用）'!H3134</f>
        <v>0</v>
      </c>
      <c r="F3132" s="11" t="str">
        <f>'申請書（複数入力用）'!J3134</f>
        <v/>
      </c>
      <c r="G3132" s="6" t="str">
        <f>'申請書（複数入力用）'!K3134</f>
        <v>a052r000000jS9ZAAU</v>
      </c>
      <c r="H3132" s="12" t="e">
        <f>'申請書（複数入力用）'!N3134</f>
        <v>#N/A</v>
      </c>
      <c r="I3132" s="12" t="e">
        <f>'申請書（複数入力用）'!O3134</f>
        <v>#N/A</v>
      </c>
      <c r="J3132" s="12">
        <f>'申請書（複数入力用）'!P3134</f>
        <v>1</v>
      </c>
    </row>
    <row r="3133" spans="1:10" ht="51.6" customHeight="1" x14ac:dyDescent="0.45">
      <c r="A3133" s="6">
        <f>'申請書（複数入力用）'!A3135</f>
        <v>3129</v>
      </c>
      <c r="B3133" s="13">
        <f>'申請書（複数入力用）'!AH3135</f>
        <v>0</v>
      </c>
      <c r="C3133" s="6">
        <f>'申請書（複数入力用）'!B3135</f>
        <v>0</v>
      </c>
      <c r="D3133" s="6">
        <f>'申請書（複数入力用）'!D3135</f>
        <v>0</v>
      </c>
      <c r="E3133" s="14">
        <f>'申請書（複数入力用）'!H3135</f>
        <v>0</v>
      </c>
      <c r="F3133" s="11" t="str">
        <f>'申請書（複数入力用）'!J3135</f>
        <v/>
      </c>
      <c r="G3133" s="6" t="str">
        <f>'申請書（複数入力用）'!K3135</f>
        <v>a052r000000jS9ZAAU</v>
      </c>
      <c r="H3133" s="12" t="e">
        <f>'申請書（複数入力用）'!N3135</f>
        <v>#N/A</v>
      </c>
      <c r="I3133" s="12" t="e">
        <f>'申請書（複数入力用）'!O3135</f>
        <v>#N/A</v>
      </c>
      <c r="J3133" s="12">
        <f>'申請書（複数入力用）'!P3135</f>
        <v>1</v>
      </c>
    </row>
    <row r="3134" spans="1:10" ht="51.6" customHeight="1" x14ac:dyDescent="0.45">
      <c r="A3134" s="6">
        <f>'申請書（複数入力用）'!A3136</f>
        <v>3130</v>
      </c>
      <c r="B3134" s="13">
        <f>'申請書（複数入力用）'!AH3136</f>
        <v>0</v>
      </c>
      <c r="C3134" s="6">
        <f>'申請書（複数入力用）'!B3136</f>
        <v>0</v>
      </c>
      <c r="D3134" s="6">
        <f>'申請書（複数入力用）'!D3136</f>
        <v>0</v>
      </c>
      <c r="E3134" s="14">
        <f>'申請書（複数入力用）'!H3136</f>
        <v>0</v>
      </c>
      <c r="F3134" s="11" t="str">
        <f>'申請書（複数入力用）'!J3136</f>
        <v/>
      </c>
      <c r="G3134" s="6" t="str">
        <f>'申請書（複数入力用）'!K3136</f>
        <v>a052r000000jS9ZAAU</v>
      </c>
      <c r="H3134" s="12" t="e">
        <f>'申請書（複数入力用）'!N3136</f>
        <v>#N/A</v>
      </c>
      <c r="I3134" s="12" t="e">
        <f>'申請書（複数入力用）'!O3136</f>
        <v>#N/A</v>
      </c>
      <c r="J3134" s="12">
        <f>'申請書（複数入力用）'!P3136</f>
        <v>1</v>
      </c>
    </row>
    <row r="3135" spans="1:10" ht="51.6" customHeight="1" x14ac:dyDescent="0.45">
      <c r="A3135" s="6">
        <f>'申請書（複数入力用）'!A3137</f>
        <v>3131</v>
      </c>
      <c r="B3135" s="13">
        <f>'申請書（複数入力用）'!AH3137</f>
        <v>0</v>
      </c>
      <c r="C3135" s="6">
        <f>'申請書（複数入力用）'!B3137</f>
        <v>0</v>
      </c>
      <c r="D3135" s="6">
        <f>'申請書（複数入力用）'!D3137</f>
        <v>0</v>
      </c>
      <c r="E3135" s="14">
        <f>'申請書（複数入力用）'!H3137</f>
        <v>0</v>
      </c>
      <c r="F3135" s="11" t="str">
        <f>'申請書（複数入力用）'!J3137</f>
        <v/>
      </c>
      <c r="G3135" s="6" t="str">
        <f>'申請書（複数入力用）'!K3137</f>
        <v>a052r000000jS9ZAAU</v>
      </c>
      <c r="H3135" s="12" t="e">
        <f>'申請書（複数入力用）'!N3137</f>
        <v>#N/A</v>
      </c>
      <c r="I3135" s="12" t="e">
        <f>'申請書（複数入力用）'!O3137</f>
        <v>#N/A</v>
      </c>
      <c r="J3135" s="12">
        <f>'申請書（複数入力用）'!P3137</f>
        <v>1</v>
      </c>
    </row>
    <row r="3136" spans="1:10" ht="51.6" customHeight="1" x14ac:dyDescent="0.45">
      <c r="A3136" s="6">
        <f>'申請書（複数入力用）'!A3138</f>
        <v>3132</v>
      </c>
      <c r="B3136" s="13">
        <f>'申請書（複数入力用）'!AH3138</f>
        <v>0</v>
      </c>
      <c r="C3136" s="6">
        <f>'申請書（複数入力用）'!B3138</f>
        <v>0</v>
      </c>
      <c r="D3136" s="6">
        <f>'申請書（複数入力用）'!D3138</f>
        <v>0</v>
      </c>
      <c r="E3136" s="14">
        <f>'申請書（複数入力用）'!H3138</f>
        <v>0</v>
      </c>
      <c r="F3136" s="11" t="str">
        <f>'申請書（複数入力用）'!J3138</f>
        <v/>
      </c>
      <c r="G3136" s="6" t="str">
        <f>'申請書（複数入力用）'!K3138</f>
        <v>a052r000000jS9ZAAU</v>
      </c>
      <c r="H3136" s="12" t="e">
        <f>'申請書（複数入力用）'!N3138</f>
        <v>#N/A</v>
      </c>
      <c r="I3136" s="12" t="e">
        <f>'申請書（複数入力用）'!O3138</f>
        <v>#N/A</v>
      </c>
      <c r="J3136" s="12">
        <f>'申請書（複数入力用）'!P3138</f>
        <v>1</v>
      </c>
    </row>
    <row r="3137" spans="1:10" ht="51.6" customHeight="1" x14ac:dyDescent="0.45">
      <c r="A3137" s="6">
        <f>'申請書（複数入力用）'!A3139</f>
        <v>3133</v>
      </c>
      <c r="B3137" s="13">
        <f>'申請書（複数入力用）'!AH3139</f>
        <v>0</v>
      </c>
      <c r="C3137" s="6">
        <f>'申請書（複数入力用）'!B3139</f>
        <v>0</v>
      </c>
      <c r="D3137" s="6">
        <f>'申請書（複数入力用）'!D3139</f>
        <v>0</v>
      </c>
      <c r="E3137" s="14">
        <f>'申請書（複数入力用）'!H3139</f>
        <v>0</v>
      </c>
      <c r="F3137" s="11" t="str">
        <f>'申請書（複数入力用）'!J3139</f>
        <v/>
      </c>
      <c r="G3137" s="6" t="str">
        <f>'申請書（複数入力用）'!K3139</f>
        <v>a052r000000jS9ZAAU</v>
      </c>
      <c r="H3137" s="12" t="e">
        <f>'申請書（複数入力用）'!N3139</f>
        <v>#N/A</v>
      </c>
      <c r="I3137" s="12" t="e">
        <f>'申請書（複数入力用）'!O3139</f>
        <v>#N/A</v>
      </c>
      <c r="J3137" s="12">
        <f>'申請書（複数入力用）'!P3139</f>
        <v>1</v>
      </c>
    </row>
    <row r="3138" spans="1:10" ht="51.6" customHeight="1" x14ac:dyDescent="0.45">
      <c r="A3138" s="6">
        <f>'申請書（複数入力用）'!A3140</f>
        <v>3134</v>
      </c>
      <c r="B3138" s="13">
        <f>'申請書（複数入力用）'!AH3140</f>
        <v>0</v>
      </c>
      <c r="C3138" s="6">
        <f>'申請書（複数入力用）'!B3140</f>
        <v>0</v>
      </c>
      <c r="D3138" s="6">
        <f>'申請書（複数入力用）'!D3140</f>
        <v>0</v>
      </c>
      <c r="E3138" s="14">
        <f>'申請書（複数入力用）'!H3140</f>
        <v>0</v>
      </c>
      <c r="F3138" s="11" t="str">
        <f>'申請書（複数入力用）'!J3140</f>
        <v/>
      </c>
      <c r="G3138" s="6" t="str">
        <f>'申請書（複数入力用）'!K3140</f>
        <v>a052r000000jS9ZAAU</v>
      </c>
      <c r="H3138" s="12" t="e">
        <f>'申請書（複数入力用）'!N3140</f>
        <v>#N/A</v>
      </c>
      <c r="I3138" s="12" t="e">
        <f>'申請書（複数入力用）'!O3140</f>
        <v>#N/A</v>
      </c>
      <c r="J3138" s="12">
        <f>'申請書（複数入力用）'!P3140</f>
        <v>1</v>
      </c>
    </row>
    <row r="3139" spans="1:10" ht="51.6" customHeight="1" x14ac:dyDescent="0.45">
      <c r="A3139" s="6">
        <f>'申請書（複数入力用）'!A3141</f>
        <v>3135</v>
      </c>
      <c r="B3139" s="13">
        <f>'申請書（複数入力用）'!AH3141</f>
        <v>0</v>
      </c>
      <c r="C3139" s="6">
        <f>'申請書（複数入力用）'!B3141</f>
        <v>0</v>
      </c>
      <c r="D3139" s="6">
        <f>'申請書（複数入力用）'!D3141</f>
        <v>0</v>
      </c>
      <c r="E3139" s="14">
        <f>'申請書（複数入力用）'!H3141</f>
        <v>0</v>
      </c>
      <c r="F3139" s="11" t="str">
        <f>'申請書（複数入力用）'!J3141</f>
        <v/>
      </c>
      <c r="G3139" s="6" t="str">
        <f>'申請書（複数入力用）'!K3141</f>
        <v>a052r000000jS9ZAAU</v>
      </c>
      <c r="H3139" s="12" t="e">
        <f>'申請書（複数入力用）'!N3141</f>
        <v>#N/A</v>
      </c>
      <c r="I3139" s="12" t="e">
        <f>'申請書（複数入力用）'!O3141</f>
        <v>#N/A</v>
      </c>
      <c r="J3139" s="12">
        <f>'申請書（複数入力用）'!P3141</f>
        <v>1</v>
      </c>
    </row>
    <row r="3140" spans="1:10" ht="51.6" customHeight="1" x14ac:dyDescent="0.45">
      <c r="A3140" s="6">
        <f>'申請書（複数入力用）'!A3142</f>
        <v>3136</v>
      </c>
      <c r="B3140" s="13">
        <f>'申請書（複数入力用）'!AH3142</f>
        <v>0</v>
      </c>
      <c r="C3140" s="6">
        <f>'申請書（複数入力用）'!B3142</f>
        <v>0</v>
      </c>
      <c r="D3140" s="6">
        <f>'申請書（複数入力用）'!D3142</f>
        <v>0</v>
      </c>
      <c r="E3140" s="14">
        <f>'申請書（複数入力用）'!H3142</f>
        <v>0</v>
      </c>
      <c r="F3140" s="11" t="str">
        <f>'申請書（複数入力用）'!J3142</f>
        <v/>
      </c>
      <c r="G3140" s="6" t="str">
        <f>'申請書（複数入力用）'!K3142</f>
        <v>a052r000000jS9ZAAU</v>
      </c>
      <c r="H3140" s="12" t="e">
        <f>'申請書（複数入力用）'!N3142</f>
        <v>#N/A</v>
      </c>
      <c r="I3140" s="12" t="e">
        <f>'申請書（複数入力用）'!O3142</f>
        <v>#N/A</v>
      </c>
      <c r="J3140" s="12">
        <f>'申請書（複数入力用）'!P3142</f>
        <v>1</v>
      </c>
    </row>
    <row r="3141" spans="1:10" ht="51.6" customHeight="1" x14ac:dyDescent="0.45">
      <c r="A3141" s="6">
        <f>'申請書（複数入力用）'!A3143</f>
        <v>3137</v>
      </c>
      <c r="B3141" s="13">
        <f>'申請書（複数入力用）'!AH3143</f>
        <v>0</v>
      </c>
      <c r="C3141" s="6">
        <f>'申請書（複数入力用）'!B3143</f>
        <v>0</v>
      </c>
      <c r="D3141" s="6">
        <f>'申請書（複数入力用）'!D3143</f>
        <v>0</v>
      </c>
      <c r="E3141" s="14">
        <f>'申請書（複数入力用）'!H3143</f>
        <v>0</v>
      </c>
      <c r="F3141" s="11" t="str">
        <f>'申請書（複数入力用）'!J3143</f>
        <v/>
      </c>
      <c r="G3141" s="6" t="str">
        <f>'申請書（複数入力用）'!K3143</f>
        <v>a052r000000jS9ZAAU</v>
      </c>
      <c r="H3141" s="12" t="e">
        <f>'申請書（複数入力用）'!N3143</f>
        <v>#N/A</v>
      </c>
      <c r="I3141" s="12" t="e">
        <f>'申請書（複数入力用）'!O3143</f>
        <v>#N/A</v>
      </c>
      <c r="J3141" s="12">
        <f>'申請書（複数入力用）'!P3143</f>
        <v>1</v>
      </c>
    </row>
    <row r="3142" spans="1:10" ht="51.6" customHeight="1" x14ac:dyDescent="0.45">
      <c r="A3142" s="6">
        <f>'申請書（複数入力用）'!A3144</f>
        <v>3138</v>
      </c>
      <c r="B3142" s="13">
        <f>'申請書（複数入力用）'!AH3144</f>
        <v>0</v>
      </c>
      <c r="C3142" s="6">
        <f>'申請書（複数入力用）'!B3144</f>
        <v>0</v>
      </c>
      <c r="D3142" s="6">
        <f>'申請書（複数入力用）'!D3144</f>
        <v>0</v>
      </c>
      <c r="E3142" s="14">
        <f>'申請書（複数入力用）'!H3144</f>
        <v>0</v>
      </c>
      <c r="F3142" s="11" t="str">
        <f>'申請書（複数入力用）'!J3144</f>
        <v/>
      </c>
      <c r="G3142" s="6" t="str">
        <f>'申請書（複数入力用）'!K3144</f>
        <v>a052r000000jS9ZAAU</v>
      </c>
      <c r="H3142" s="12" t="e">
        <f>'申請書（複数入力用）'!N3144</f>
        <v>#N/A</v>
      </c>
      <c r="I3142" s="12" t="e">
        <f>'申請書（複数入力用）'!O3144</f>
        <v>#N/A</v>
      </c>
      <c r="J3142" s="12">
        <f>'申請書（複数入力用）'!P3144</f>
        <v>1</v>
      </c>
    </row>
    <row r="3143" spans="1:10" ht="51.6" customHeight="1" x14ac:dyDescent="0.45">
      <c r="A3143" s="6">
        <f>'申請書（複数入力用）'!A3145</f>
        <v>3139</v>
      </c>
      <c r="B3143" s="13">
        <f>'申請書（複数入力用）'!AH3145</f>
        <v>0</v>
      </c>
      <c r="C3143" s="6">
        <f>'申請書（複数入力用）'!B3145</f>
        <v>0</v>
      </c>
      <c r="D3143" s="6">
        <f>'申請書（複数入力用）'!D3145</f>
        <v>0</v>
      </c>
      <c r="E3143" s="14">
        <f>'申請書（複数入力用）'!H3145</f>
        <v>0</v>
      </c>
      <c r="F3143" s="11" t="str">
        <f>'申請書（複数入力用）'!J3145</f>
        <v/>
      </c>
      <c r="G3143" s="6" t="str">
        <f>'申請書（複数入力用）'!K3145</f>
        <v>a052r000000jS9ZAAU</v>
      </c>
      <c r="H3143" s="12" t="e">
        <f>'申請書（複数入力用）'!N3145</f>
        <v>#N/A</v>
      </c>
      <c r="I3143" s="12" t="e">
        <f>'申請書（複数入力用）'!O3145</f>
        <v>#N/A</v>
      </c>
      <c r="J3143" s="12">
        <f>'申請書（複数入力用）'!P3145</f>
        <v>1</v>
      </c>
    </row>
    <row r="3144" spans="1:10" ht="51.6" customHeight="1" x14ac:dyDescent="0.45">
      <c r="A3144" s="6">
        <f>'申請書（複数入力用）'!A3146</f>
        <v>3140</v>
      </c>
      <c r="B3144" s="13">
        <f>'申請書（複数入力用）'!AH3146</f>
        <v>0</v>
      </c>
      <c r="C3144" s="6">
        <f>'申請書（複数入力用）'!B3146</f>
        <v>0</v>
      </c>
      <c r="D3144" s="6">
        <f>'申請書（複数入力用）'!D3146</f>
        <v>0</v>
      </c>
      <c r="E3144" s="14">
        <f>'申請書（複数入力用）'!H3146</f>
        <v>0</v>
      </c>
      <c r="F3144" s="11" t="str">
        <f>'申請書（複数入力用）'!J3146</f>
        <v/>
      </c>
      <c r="G3144" s="6" t="str">
        <f>'申請書（複数入力用）'!K3146</f>
        <v>a052r000000jS9ZAAU</v>
      </c>
      <c r="H3144" s="12" t="e">
        <f>'申請書（複数入力用）'!N3146</f>
        <v>#N/A</v>
      </c>
      <c r="I3144" s="12" t="e">
        <f>'申請書（複数入力用）'!O3146</f>
        <v>#N/A</v>
      </c>
      <c r="J3144" s="12">
        <f>'申請書（複数入力用）'!P3146</f>
        <v>1</v>
      </c>
    </row>
    <row r="3145" spans="1:10" ht="51.6" customHeight="1" x14ac:dyDescent="0.45">
      <c r="A3145" s="6">
        <f>'申請書（複数入力用）'!A3147</f>
        <v>3141</v>
      </c>
      <c r="B3145" s="13">
        <f>'申請書（複数入力用）'!AH3147</f>
        <v>0</v>
      </c>
      <c r="C3145" s="6">
        <f>'申請書（複数入力用）'!B3147</f>
        <v>0</v>
      </c>
      <c r="D3145" s="6">
        <f>'申請書（複数入力用）'!D3147</f>
        <v>0</v>
      </c>
      <c r="E3145" s="14">
        <f>'申請書（複数入力用）'!H3147</f>
        <v>0</v>
      </c>
      <c r="F3145" s="11" t="str">
        <f>'申請書（複数入力用）'!J3147</f>
        <v/>
      </c>
      <c r="G3145" s="6" t="str">
        <f>'申請書（複数入力用）'!K3147</f>
        <v>a052r000000jS9ZAAU</v>
      </c>
      <c r="H3145" s="12" t="e">
        <f>'申請書（複数入力用）'!N3147</f>
        <v>#N/A</v>
      </c>
      <c r="I3145" s="12" t="e">
        <f>'申請書（複数入力用）'!O3147</f>
        <v>#N/A</v>
      </c>
      <c r="J3145" s="12">
        <f>'申請書（複数入力用）'!P3147</f>
        <v>1</v>
      </c>
    </row>
    <row r="3146" spans="1:10" ht="51.6" customHeight="1" x14ac:dyDescent="0.45">
      <c r="A3146" s="6">
        <f>'申請書（複数入力用）'!A3148</f>
        <v>3142</v>
      </c>
      <c r="B3146" s="13">
        <f>'申請書（複数入力用）'!AH3148</f>
        <v>0</v>
      </c>
      <c r="C3146" s="6">
        <f>'申請書（複数入力用）'!B3148</f>
        <v>0</v>
      </c>
      <c r="D3146" s="6">
        <f>'申請書（複数入力用）'!D3148</f>
        <v>0</v>
      </c>
      <c r="E3146" s="14">
        <f>'申請書（複数入力用）'!H3148</f>
        <v>0</v>
      </c>
      <c r="F3146" s="11" t="str">
        <f>'申請書（複数入力用）'!J3148</f>
        <v/>
      </c>
      <c r="G3146" s="6" t="str">
        <f>'申請書（複数入力用）'!K3148</f>
        <v>a052r000000jS9ZAAU</v>
      </c>
      <c r="H3146" s="12" t="e">
        <f>'申請書（複数入力用）'!N3148</f>
        <v>#N/A</v>
      </c>
      <c r="I3146" s="12" t="e">
        <f>'申請書（複数入力用）'!O3148</f>
        <v>#N/A</v>
      </c>
      <c r="J3146" s="12">
        <f>'申請書（複数入力用）'!P3148</f>
        <v>1</v>
      </c>
    </row>
    <row r="3147" spans="1:10" ht="51.6" customHeight="1" x14ac:dyDescent="0.45">
      <c r="A3147" s="6">
        <f>'申請書（複数入力用）'!A3149</f>
        <v>3143</v>
      </c>
      <c r="B3147" s="13">
        <f>'申請書（複数入力用）'!AH3149</f>
        <v>0</v>
      </c>
      <c r="C3147" s="6">
        <f>'申請書（複数入力用）'!B3149</f>
        <v>0</v>
      </c>
      <c r="D3147" s="6">
        <f>'申請書（複数入力用）'!D3149</f>
        <v>0</v>
      </c>
      <c r="E3147" s="14">
        <f>'申請書（複数入力用）'!H3149</f>
        <v>0</v>
      </c>
      <c r="F3147" s="11" t="str">
        <f>'申請書（複数入力用）'!J3149</f>
        <v/>
      </c>
      <c r="G3147" s="6" t="str">
        <f>'申請書（複数入力用）'!K3149</f>
        <v>a052r000000jS9ZAAU</v>
      </c>
      <c r="H3147" s="12" t="e">
        <f>'申請書（複数入力用）'!N3149</f>
        <v>#N/A</v>
      </c>
      <c r="I3147" s="12" t="e">
        <f>'申請書（複数入力用）'!O3149</f>
        <v>#N/A</v>
      </c>
      <c r="J3147" s="12">
        <f>'申請書（複数入力用）'!P3149</f>
        <v>1</v>
      </c>
    </row>
    <row r="3148" spans="1:10" ht="51.6" customHeight="1" x14ac:dyDescent="0.45">
      <c r="A3148" s="6">
        <f>'申請書（複数入力用）'!A3150</f>
        <v>3144</v>
      </c>
      <c r="B3148" s="13">
        <f>'申請書（複数入力用）'!AH3150</f>
        <v>0</v>
      </c>
      <c r="C3148" s="6">
        <f>'申請書（複数入力用）'!B3150</f>
        <v>0</v>
      </c>
      <c r="D3148" s="6">
        <f>'申請書（複数入力用）'!D3150</f>
        <v>0</v>
      </c>
      <c r="E3148" s="14">
        <f>'申請書（複数入力用）'!H3150</f>
        <v>0</v>
      </c>
      <c r="F3148" s="11" t="str">
        <f>'申請書（複数入力用）'!J3150</f>
        <v/>
      </c>
      <c r="G3148" s="6" t="str">
        <f>'申請書（複数入力用）'!K3150</f>
        <v>a052r000000jS9ZAAU</v>
      </c>
      <c r="H3148" s="12" t="e">
        <f>'申請書（複数入力用）'!N3150</f>
        <v>#N/A</v>
      </c>
      <c r="I3148" s="12" t="e">
        <f>'申請書（複数入力用）'!O3150</f>
        <v>#N/A</v>
      </c>
      <c r="J3148" s="12">
        <f>'申請書（複数入力用）'!P3150</f>
        <v>1</v>
      </c>
    </row>
    <row r="3149" spans="1:10" ht="51.6" customHeight="1" x14ac:dyDescent="0.45">
      <c r="A3149" s="6">
        <f>'申請書（複数入力用）'!A3151</f>
        <v>3145</v>
      </c>
      <c r="B3149" s="13">
        <f>'申請書（複数入力用）'!AH3151</f>
        <v>0</v>
      </c>
      <c r="C3149" s="6">
        <f>'申請書（複数入力用）'!B3151</f>
        <v>0</v>
      </c>
      <c r="D3149" s="6">
        <f>'申請書（複数入力用）'!D3151</f>
        <v>0</v>
      </c>
      <c r="E3149" s="14">
        <f>'申請書（複数入力用）'!H3151</f>
        <v>0</v>
      </c>
      <c r="F3149" s="11" t="str">
        <f>'申請書（複数入力用）'!J3151</f>
        <v/>
      </c>
      <c r="G3149" s="6" t="str">
        <f>'申請書（複数入力用）'!K3151</f>
        <v>a052r000000jS9ZAAU</v>
      </c>
      <c r="H3149" s="12" t="e">
        <f>'申請書（複数入力用）'!N3151</f>
        <v>#N/A</v>
      </c>
      <c r="I3149" s="12" t="e">
        <f>'申請書（複数入力用）'!O3151</f>
        <v>#N/A</v>
      </c>
      <c r="J3149" s="12">
        <f>'申請書（複数入力用）'!P3151</f>
        <v>1</v>
      </c>
    </row>
    <row r="3150" spans="1:10" ht="51.6" customHeight="1" x14ac:dyDescent="0.45">
      <c r="A3150" s="6">
        <f>'申請書（複数入力用）'!A3152</f>
        <v>3146</v>
      </c>
      <c r="B3150" s="13">
        <f>'申請書（複数入力用）'!AH3152</f>
        <v>0</v>
      </c>
      <c r="C3150" s="6">
        <f>'申請書（複数入力用）'!B3152</f>
        <v>0</v>
      </c>
      <c r="D3150" s="6">
        <f>'申請書（複数入力用）'!D3152</f>
        <v>0</v>
      </c>
      <c r="E3150" s="14">
        <f>'申請書（複数入力用）'!H3152</f>
        <v>0</v>
      </c>
      <c r="F3150" s="11" t="str">
        <f>'申請書（複数入力用）'!J3152</f>
        <v/>
      </c>
      <c r="G3150" s="6" t="str">
        <f>'申請書（複数入力用）'!K3152</f>
        <v>a052r000000jS9ZAAU</v>
      </c>
      <c r="H3150" s="12" t="e">
        <f>'申請書（複数入力用）'!N3152</f>
        <v>#N/A</v>
      </c>
      <c r="I3150" s="12" t="e">
        <f>'申請書（複数入力用）'!O3152</f>
        <v>#N/A</v>
      </c>
      <c r="J3150" s="12">
        <f>'申請書（複数入力用）'!P3152</f>
        <v>1</v>
      </c>
    </row>
    <row r="3151" spans="1:10" ht="51.6" customHeight="1" x14ac:dyDescent="0.45">
      <c r="A3151" s="6">
        <f>'申請書（複数入力用）'!A3153</f>
        <v>3147</v>
      </c>
      <c r="B3151" s="13">
        <f>'申請書（複数入力用）'!AH3153</f>
        <v>0</v>
      </c>
      <c r="C3151" s="6">
        <f>'申請書（複数入力用）'!B3153</f>
        <v>0</v>
      </c>
      <c r="D3151" s="6">
        <f>'申請書（複数入力用）'!D3153</f>
        <v>0</v>
      </c>
      <c r="E3151" s="14">
        <f>'申請書（複数入力用）'!H3153</f>
        <v>0</v>
      </c>
      <c r="F3151" s="11" t="str">
        <f>'申請書（複数入力用）'!J3153</f>
        <v/>
      </c>
      <c r="G3151" s="6" t="str">
        <f>'申請書（複数入力用）'!K3153</f>
        <v>a052r000000jS9ZAAU</v>
      </c>
      <c r="H3151" s="12" t="e">
        <f>'申請書（複数入力用）'!N3153</f>
        <v>#N/A</v>
      </c>
      <c r="I3151" s="12" t="e">
        <f>'申請書（複数入力用）'!O3153</f>
        <v>#N/A</v>
      </c>
      <c r="J3151" s="12">
        <f>'申請書（複数入力用）'!P3153</f>
        <v>1</v>
      </c>
    </row>
    <row r="3152" spans="1:10" ht="51.6" customHeight="1" x14ac:dyDescent="0.45">
      <c r="A3152" s="6">
        <f>'申請書（複数入力用）'!A3154</f>
        <v>3148</v>
      </c>
      <c r="B3152" s="13">
        <f>'申請書（複数入力用）'!AH3154</f>
        <v>0</v>
      </c>
      <c r="C3152" s="6">
        <f>'申請書（複数入力用）'!B3154</f>
        <v>0</v>
      </c>
      <c r="D3152" s="6">
        <f>'申請書（複数入力用）'!D3154</f>
        <v>0</v>
      </c>
      <c r="E3152" s="14">
        <f>'申請書（複数入力用）'!H3154</f>
        <v>0</v>
      </c>
      <c r="F3152" s="11" t="str">
        <f>'申請書（複数入力用）'!J3154</f>
        <v/>
      </c>
      <c r="G3152" s="6" t="str">
        <f>'申請書（複数入力用）'!K3154</f>
        <v>a052r000000jS9ZAAU</v>
      </c>
      <c r="H3152" s="12" t="e">
        <f>'申請書（複数入力用）'!N3154</f>
        <v>#N/A</v>
      </c>
      <c r="I3152" s="12" t="e">
        <f>'申請書（複数入力用）'!O3154</f>
        <v>#N/A</v>
      </c>
      <c r="J3152" s="12">
        <f>'申請書（複数入力用）'!P3154</f>
        <v>1</v>
      </c>
    </row>
    <row r="3153" spans="1:10" ht="51.6" customHeight="1" x14ac:dyDescent="0.45">
      <c r="A3153" s="6">
        <f>'申請書（複数入力用）'!A3155</f>
        <v>3149</v>
      </c>
      <c r="B3153" s="13">
        <f>'申請書（複数入力用）'!AH3155</f>
        <v>0</v>
      </c>
      <c r="C3153" s="6">
        <f>'申請書（複数入力用）'!B3155</f>
        <v>0</v>
      </c>
      <c r="D3153" s="6">
        <f>'申請書（複数入力用）'!D3155</f>
        <v>0</v>
      </c>
      <c r="E3153" s="14">
        <f>'申請書（複数入力用）'!H3155</f>
        <v>0</v>
      </c>
      <c r="F3153" s="11" t="str">
        <f>'申請書（複数入力用）'!J3155</f>
        <v/>
      </c>
      <c r="G3153" s="6" t="str">
        <f>'申請書（複数入力用）'!K3155</f>
        <v>a052r000000jS9ZAAU</v>
      </c>
      <c r="H3153" s="12" t="e">
        <f>'申請書（複数入力用）'!N3155</f>
        <v>#N/A</v>
      </c>
      <c r="I3153" s="12" t="e">
        <f>'申請書（複数入力用）'!O3155</f>
        <v>#N/A</v>
      </c>
      <c r="J3153" s="12">
        <f>'申請書（複数入力用）'!P3155</f>
        <v>1</v>
      </c>
    </row>
    <row r="3154" spans="1:10" ht="51.6" customHeight="1" x14ac:dyDescent="0.45">
      <c r="A3154" s="6">
        <f>'申請書（複数入力用）'!A3156</f>
        <v>3150</v>
      </c>
      <c r="B3154" s="13">
        <f>'申請書（複数入力用）'!AH3156</f>
        <v>0</v>
      </c>
      <c r="C3154" s="6">
        <f>'申請書（複数入力用）'!B3156</f>
        <v>0</v>
      </c>
      <c r="D3154" s="6">
        <f>'申請書（複数入力用）'!D3156</f>
        <v>0</v>
      </c>
      <c r="E3154" s="14">
        <f>'申請書（複数入力用）'!H3156</f>
        <v>0</v>
      </c>
      <c r="F3154" s="11" t="str">
        <f>'申請書（複数入力用）'!J3156</f>
        <v/>
      </c>
      <c r="G3154" s="6" t="str">
        <f>'申請書（複数入力用）'!K3156</f>
        <v>a052r000000jS9ZAAU</v>
      </c>
      <c r="H3154" s="12" t="e">
        <f>'申請書（複数入力用）'!N3156</f>
        <v>#N/A</v>
      </c>
      <c r="I3154" s="12" t="e">
        <f>'申請書（複数入力用）'!O3156</f>
        <v>#N/A</v>
      </c>
      <c r="J3154" s="12">
        <f>'申請書（複数入力用）'!P3156</f>
        <v>1</v>
      </c>
    </row>
    <row r="3155" spans="1:10" ht="51.6" customHeight="1" x14ac:dyDescent="0.45">
      <c r="A3155" s="6">
        <f>'申請書（複数入力用）'!A3157</f>
        <v>3151</v>
      </c>
      <c r="B3155" s="13">
        <f>'申請書（複数入力用）'!AH3157</f>
        <v>0</v>
      </c>
      <c r="C3155" s="6">
        <f>'申請書（複数入力用）'!B3157</f>
        <v>0</v>
      </c>
      <c r="D3155" s="6">
        <f>'申請書（複数入力用）'!D3157</f>
        <v>0</v>
      </c>
      <c r="E3155" s="14">
        <f>'申請書（複数入力用）'!H3157</f>
        <v>0</v>
      </c>
      <c r="F3155" s="11" t="str">
        <f>'申請書（複数入力用）'!J3157</f>
        <v/>
      </c>
      <c r="G3155" s="6" t="str">
        <f>'申請書（複数入力用）'!K3157</f>
        <v>a052r000000jS9ZAAU</v>
      </c>
      <c r="H3155" s="12" t="e">
        <f>'申請書（複数入力用）'!N3157</f>
        <v>#N/A</v>
      </c>
      <c r="I3155" s="12" t="e">
        <f>'申請書（複数入力用）'!O3157</f>
        <v>#N/A</v>
      </c>
      <c r="J3155" s="12">
        <f>'申請書（複数入力用）'!P3157</f>
        <v>1</v>
      </c>
    </row>
    <row r="3156" spans="1:10" ht="51.6" customHeight="1" x14ac:dyDescent="0.45">
      <c r="A3156" s="6">
        <f>'申請書（複数入力用）'!A3158</f>
        <v>3152</v>
      </c>
      <c r="B3156" s="13">
        <f>'申請書（複数入力用）'!AH3158</f>
        <v>0</v>
      </c>
      <c r="C3156" s="6">
        <f>'申請書（複数入力用）'!B3158</f>
        <v>0</v>
      </c>
      <c r="D3156" s="6">
        <f>'申請書（複数入力用）'!D3158</f>
        <v>0</v>
      </c>
      <c r="E3156" s="14">
        <f>'申請書（複数入力用）'!H3158</f>
        <v>0</v>
      </c>
      <c r="F3156" s="11" t="str">
        <f>'申請書（複数入力用）'!J3158</f>
        <v/>
      </c>
      <c r="G3156" s="6" t="str">
        <f>'申請書（複数入力用）'!K3158</f>
        <v>a052r000000jS9ZAAU</v>
      </c>
      <c r="H3156" s="12" t="e">
        <f>'申請書（複数入力用）'!N3158</f>
        <v>#N/A</v>
      </c>
      <c r="I3156" s="12" t="e">
        <f>'申請書（複数入力用）'!O3158</f>
        <v>#N/A</v>
      </c>
      <c r="J3156" s="12">
        <f>'申請書（複数入力用）'!P3158</f>
        <v>1</v>
      </c>
    </row>
    <row r="3157" spans="1:10" ht="51.6" customHeight="1" x14ac:dyDescent="0.45">
      <c r="A3157" s="6">
        <f>'申請書（複数入力用）'!A3159</f>
        <v>3153</v>
      </c>
      <c r="B3157" s="13">
        <f>'申請書（複数入力用）'!AH3159</f>
        <v>0</v>
      </c>
      <c r="C3157" s="6">
        <f>'申請書（複数入力用）'!B3159</f>
        <v>0</v>
      </c>
      <c r="D3157" s="6">
        <f>'申請書（複数入力用）'!D3159</f>
        <v>0</v>
      </c>
      <c r="E3157" s="14">
        <f>'申請書（複数入力用）'!H3159</f>
        <v>0</v>
      </c>
      <c r="F3157" s="11" t="str">
        <f>'申請書（複数入力用）'!J3159</f>
        <v/>
      </c>
      <c r="G3157" s="6" t="str">
        <f>'申請書（複数入力用）'!K3159</f>
        <v>a052r000000jS9ZAAU</v>
      </c>
      <c r="H3157" s="12" t="e">
        <f>'申請書（複数入力用）'!N3159</f>
        <v>#N/A</v>
      </c>
      <c r="I3157" s="12" t="e">
        <f>'申請書（複数入力用）'!O3159</f>
        <v>#N/A</v>
      </c>
      <c r="J3157" s="12">
        <f>'申請書（複数入力用）'!P3159</f>
        <v>1</v>
      </c>
    </row>
    <row r="3158" spans="1:10" ht="51.6" customHeight="1" x14ac:dyDescent="0.45">
      <c r="A3158" s="6">
        <f>'申請書（複数入力用）'!A3160</f>
        <v>3154</v>
      </c>
      <c r="B3158" s="13">
        <f>'申請書（複数入力用）'!AH3160</f>
        <v>0</v>
      </c>
      <c r="C3158" s="6">
        <f>'申請書（複数入力用）'!B3160</f>
        <v>0</v>
      </c>
      <c r="D3158" s="6">
        <f>'申請書（複数入力用）'!D3160</f>
        <v>0</v>
      </c>
      <c r="E3158" s="14">
        <f>'申請書（複数入力用）'!H3160</f>
        <v>0</v>
      </c>
      <c r="F3158" s="11" t="str">
        <f>'申請書（複数入力用）'!J3160</f>
        <v/>
      </c>
      <c r="G3158" s="6" t="str">
        <f>'申請書（複数入力用）'!K3160</f>
        <v>a052r000000jS9ZAAU</v>
      </c>
      <c r="H3158" s="12" t="e">
        <f>'申請書（複数入力用）'!N3160</f>
        <v>#N/A</v>
      </c>
      <c r="I3158" s="12" t="e">
        <f>'申請書（複数入力用）'!O3160</f>
        <v>#N/A</v>
      </c>
      <c r="J3158" s="12">
        <f>'申請書（複数入力用）'!P3160</f>
        <v>1</v>
      </c>
    </row>
    <row r="3159" spans="1:10" ht="51.6" customHeight="1" x14ac:dyDescent="0.45">
      <c r="A3159" s="6">
        <f>'申請書（複数入力用）'!A3161</f>
        <v>3155</v>
      </c>
      <c r="B3159" s="13">
        <f>'申請書（複数入力用）'!AH3161</f>
        <v>0</v>
      </c>
      <c r="C3159" s="6">
        <f>'申請書（複数入力用）'!B3161</f>
        <v>0</v>
      </c>
      <c r="D3159" s="6">
        <f>'申請書（複数入力用）'!D3161</f>
        <v>0</v>
      </c>
      <c r="E3159" s="14">
        <f>'申請書（複数入力用）'!H3161</f>
        <v>0</v>
      </c>
      <c r="F3159" s="11" t="str">
        <f>'申請書（複数入力用）'!J3161</f>
        <v/>
      </c>
      <c r="G3159" s="6" t="str">
        <f>'申請書（複数入力用）'!K3161</f>
        <v>a052r000000jS9ZAAU</v>
      </c>
      <c r="H3159" s="12" t="e">
        <f>'申請書（複数入力用）'!N3161</f>
        <v>#N/A</v>
      </c>
      <c r="I3159" s="12" t="e">
        <f>'申請書（複数入力用）'!O3161</f>
        <v>#N/A</v>
      </c>
      <c r="J3159" s="12">
        <f>'申請書（複数入力用）'!P3161</f>
        <v>1</v>
      </c>
    </row>
    <row r="3160" spans="1:10" ht="51.6" customHeight="1" x14ac:dyDescent="0.45">
      <c r="A3160" s="6">
        <f>'申請書（複数入力用）'!A3162</f>
        <v>3156</v>
      </c>
      <c r="B3160" s="13">
        <f>'申請書（複数入力用）'!AH3162</f>
        <v>0</v>
      </c>
      <c r="C3160" s="6">
        <f>'申請書（複数入力用）'!B3162</f>
        <v>0</v>
      </c>
      <c r="D3160" s="6">
        <f>'申請書（複数入力用）'!D3162</f>
        <v>0</v>
      </c>
      <c r="E3160" s="14">
        <f>'申請書（複数入力用）'!H3162</f>
        <v>0</v>
      </c>
      <c r="F3160" s="11" t="str">
        <f>'申請書（複数入力用）'!J3162</f>
        <v/>
      </c>
      <c r="G3160" s="6" t="str">
        <f>'申請書（複数入力用）'!K3162</f>
        <v>a052r000000jS9ZAAU</v>
      </c>
      <c r="H3160" s="12" t="e">
        <f>'申請書（複数入力用）'!N3162</f>
        <v>#N/A</v>
      </c>
      <c r="I3160" s="12" t="e">
        <f>'申請書（複数入力用）'!O3162</f>
        <v>#N/A</v>
      </c>
      <c r="J3160" s="12">
        <f>'申請書（複数入力用）'!P3162</f>
        <v>1</v>
      </c>
    </row>
    <row r="3161" spans="1:10" ht="51.6" customHeight="1" x14ac:dyDescent="0.45">
      <c r="A3161" s="6">
        <f>'申請書（複数入力用）'!A3163</f>
        <v>3157</v>
      </c>
      <c r="B3161" s="13">
        <f>'申請書（複数入力用）'!AH3163</f>
        <v>0</v>
      </c>
      <c r="C3161" s="6">
        <f>'申請書（複数入力用）'!B3163</f>
        <v>0</v>
      </c>
      <c r="D3161" s="6">
        <f>'申請書（複数入力用）'!D3163</f>
        <v>0</v>
      </c>
      <c r="E3161" s="14">
        <f>'申請書（複数入力用）'!H3163</f>
        <v>0</v>
      </c>
      <c r="F3161" s="11" t="str">
        <f>'申請書（複数入力用）'!J3163</f>
        <v/>
      </c>
      <c r="G3161" s="6" t="str">
        <f>'申請書（複数入力用）'!K3163</f>
        <v>a052r000000jS9ZAAU</v>
      </c>
      <c r="H3161" s="12" t="e">
        <f>'申請書（複数入力用）'!N3163</f>
        <v>#N/A</v>
      </c>
      <c r="I3161" s="12" t="e">
        <f>'申請書（複数入力用）'!O3163</f>
        <v>#N/A</v>
      </c>
      <c r="J3161" s="12">
        <f>'申請書（複数入力用）'!P3163</f>
        <v>1</v>
      </c>
    </row>
    <row r="3162" spans="1:10" ht="51.6" customHeight="1" x14ac:dyDescent="0.45">
      <c r="A3162" s="6">
        <f>'申請書（複数入力用）'!A3164</f>
        <v>3158</v>
      </c>
      <c r="B3162" s="13">
        <f>'申請書（複数入力用）'!AH3164</f>
        <v>0</v>
      </c>
      <c r="C3162" s="6">
        <f>'申請書（複数入力用）'!B3164</f>
        <v>0</v>
      </c>
      <c r="D3162" s="6">
        <f>'申請書（複数入力用）'!D3164</f>
        <v>0</v>
      </c>
      <c r="E3162" s="14">
        <f>'申請書（複数入力用）'!H3164</f>
        <v>0</v>
      </c>
      <c r="F3162" s="11" t="str">
        <f>'申請書（複数入力用）'!J3164</f>
        <v/>
      </c>
      <c r="G3162" s="6" t="str">
        <f>'申請書（複数入力用）'!K3164</f>
        <v>a052r000000jS9ZAAU</v>
      </c>
      <c r="H3162" s="12" t="e">
        <f>'申請書（複数入力用）'!N3164</f>
        <v>#N/A</v>
      </c>
      <c r="I3162" s="12" t="e">
        <f>'申請書（複数入力用）'!O3164</f>
        <v>#N/A</v>
      </c>
      <c r="J3162" s="12">
        <f>'申請書（複数入力用）'!P3164</f>
        <v>1</v>
      </c>
    </row>
    <row r="3163" spans="1:10" ht="51.6" customHeight="1" x14ac:dyDescent="0.45">
      <c r="A3163" s="6">
        <f>'申請書（複数入力用）'!A3165</f>
        <v>3159</v>
      </c>
      <c r="B3163" s="13">
        <f>'申請書（複数入力用）'!AH3165</f>
        <v>0</v>
      </c>
      <c r="C3163" s="6">
        <f>'申請書（複数入力用）'!B3165</f>
        <v>0</v>
      </c>
      <c r="D3163" s="6">
        <f>'申請書（複数入力用）'!D3165</f>
        <v>0</v>
      </c>
      <c r="E3163" s="14">
        <f>'申請書（複数入力用）'!H3165</f>
        <v>0</v>
      </c>
      <c r="F3163" s="11" t="str">
        <f>'申請書（複数入力用）'!J3165</f>
        <v/>
      </c>
      <c r="G3163" s="6" t="str">
        <f>'申請書（複数入力用）'!K3165</f>
        <v>a052r000000jS9ZAAU</v>
      </c>
      <c r="H3163" s="12" t="e">
        <f>'申請書（複数入力用）'!N3165</f>
        <v>#N/A</v>
      </c>
      <c r="I3163" s="12" t="e">
        <f>'申請書（複数入力用）'!O3165</f>
        <v>#N/A</v>
      </c>
      <c r="J3163" s="12">
        <f>'申請書（複数入力用）'!P3165</f>
        <v>1</v>
      </c>
    </row>
    <row r="3164" spans="1:10" ht="51.6" customHeight="1" x14ac:dyDescent="0.45">
      <c r="A3164" s="6">
        <f>'申請書（複数入力用）'!A3166</f>
        <v>3160</v>
      </c>
      <c r="B3164" s="13">
        <f>'申請書（複数入力用）'!AH3166</f>
        <v>0</v>
      </c>
      <c r="C3164" s="6">
        <f>'申請書（複数入力用）'!B3166</f>
        <v>0</v>
      </c>
      <c r="D3164" s="6">
        <f>'申請書（複数入力用）'!D3166</f>
        <v>0</v>
      </c>
      <c r="E3164" s="14">
        <f>'申請書（複数入力用）'!H3166</f>
        <v>0</v>
      </c>
      <c r="F3164" s="11" t="str">
        <f>'申請書（複数入力用）'!J3166</f>
        <v/>
      </c>
      <c r="G3164" s="6" t="str">
        <f>'申請書（複数入力用）'!K3166</f>
        <v>a052r000000jS9ZAAU</v>
      </c>
      <c r="H3164" s="12" t="e">
        <f>'申請書（複数入力用）'!N3166</f>
        <v>#N/A</v>
      </c>
      <c r="I3164" s="12" t="e">
        <f>'申請書（複数入力用）'!O3166</f>
        <v>#N/A</v>
      </c>
      <c r="J3164" s="12">
        <f>'申請書（複数入力用）'!P3166</f>
        <v>1</v>
      </c>
    </row>
    <row r="3165" spans="1:10" ht="51.6" customHeight="1" x14ac:dyDescent="0.45">
      <c r="A3165" s="6">
        <f>'申請書（複数入力用）'!A3167</f>
        <v>3161</v>
      </c>
      <c r="B3165" s="13">
        <f>'申請書（複数入力用）'!AH3167</f>
        <v>0</v>
      </c>
      <c r="C3165" s="6">
        <f>'申請書（複数入力用）'!B3167</f>
        <v>0</v>
      </c>
      <c r="D3165" s="6">
        <f>'申請書（複数入力用）'!D3167</f>
        <v>0</v>
      </c>
      <c r="E3165" s="14">
        <f>'申請書（複数入力用）'!H3167</f>
        <v>0</v>
      </c>
      <c r="F3165" s="11" t="str">
        <f>'申請書（複数入力用）'!J3167</f>
        <v/>
      </c>
      <c r="G3165" s="6" t="str">
        <f>'申請書（複数入力用）'!K3167</f>
        <v>a052r000000jS9ZAAU</v>
      </c>
      <c r="H3165" s="12" t="e">
        <f>'申請書（複数入力用）'!N3167</f>
        <v>#N/A</v>
      </c>
      <c r="I3165" s="12" t="e">
        <f>'申請書（複数入力用）'!O3167</f>
        <v>#N/A</v>
      </c>
      <c r="J3165" s="12">
        <f>'申請書（複数入力用）'!P3167</f>
        <v>1</v>
      </c>
    </row>
    <row r="3166" spans="1:10" ht="51.6" customHeight="1" x14ac:dyDescent="0.45">
      <c r="A3166" s="6">
        <f>'申請書（複数入力用）'!A3168</f>
        <v>3162</v>
      </c>
      <c r="B3166" s="13">
        <f>'申請書（複数入力用）'!AH3168</f>
        <v>0</v>
      </c>
      <c r="C3166" s="6">
        <f>'申請書（複数入力用）'!B3168</f>
        <v>0</v>
      </c>
      <c r="D3166" s="6">
        <f>'申請書（複数入力用）'!D3168</f>
        <v>0</v>
      </c>
      <c r="E3166" s="14">
        <f>'申請書（複数入力用）'!H3168</f>
        <v>0</v>
      </c>
      <c r="F3166" s="11" t="str">
        <f>'申請書（複数入力用）'!J3168</f>
        <v/>
      </c>
      <c r="G3166" s="6" t="str">
        <f>'申請書（複数入力用）'!K3168</f>
        <v>a052r000000jS9ZAAU</v>
      </c>
      <c r="H3166" s="12" t="e">
        <f>'申請書（複数入力用）'!N3168</f>
        <v>#N/A</v>
      </c>
      <c r="I3166" s="12" t="e">
        <f>'申請書（複数入力用）'!O3168</f>
        <v>#N/A</v>
      </c>
      <c r="J3166" s="12">
        <f>'申請書（複数入力用）'!P3168</f>
        <v>1</v>
      </c>
    </row>
    <row r="3167" spans="1:10" ht="51.6" customHeight="1" x14ac:dyDescent="0.45">
      <c r="A3167" s="6">
        <f>'申請書（複数入力用）'!A3169</f>
        <v>3163</v>
      </c>
      <c r="B3167" s="13">
        <f>'申請書（複数入力用）'!AH3169</f>
        <v>0</v>
      </c>
      <c r="C3167" s="6">
        <f>'申請書（複数入力用）'!B3169</f>
        <v>0</v>
      </c>
      <c r="D3167" s="6">
        <f>'申請書（複数入力用）'!D3169</f>
        <v>0</v>
      </c>
      <c r="E3167" s="14">
        <f>'申請書（複数入力用）'!H3169</f>
        <v>0</v>
      </c>
      <c r="F3167" s="11" t="str">
        <f>'申請書（複数入力用）'!J3169</f>
        <v/>
      </c>
      <c r="G3167" s="6" t="str">
        <f>'申請書（複数入力用）'!K3169</f>
        <v>a052r000000jS9ZAAU</v>
      </c>
      <c r="H3167" s="12" t="e">
        <f>'申請書（複数入力用）'!N3169</f>
        <v>#N/A</v>
      </c>
      <c r="I3167" s="12" t="e">
        <f>'申請書（複数入力用）'!O3169</f>
        <v>#N/A</v>
      </c>
      <c r="J3167" s="12">
        <f>'申請書（複数入力用）'!P3169</f>
        <v>1</v>
      </c>
    </row>
    <row r="3168" spans="1:10" ht="51.6" customHeight="1" x14ac:dyDescent="0.45">
      <c r="A3168" s="6">
        <f>'申請書（複数入力用）'!A3170</f>
        <v>3164</v>
      </c>
      <c r="B3168" s="13">
        <f>'申請書（複数入力用）'!AH3170</f>
        <v>0</v>
      </c>
      <c r="C3168" s="6">
        <f>'申請書（複数入力用）'!B3170</f>
        <v>0</v>
      </c>
      <c r="D3168" s="6">
        <f>'申請書（複数入力用）'!D3170</f>
        <v>0</v>
      </c>
      <c r="E3168" s="14">
        <f>'申請書（複数入力用）'!H3170</f>
        <v>0</v>
      </c>
      <c r="F3168" s="11" t="str">
        <f>'申請書（複数入力用）'!J3170</f>
        <v/>
      </c>
      <c r="G3168" s="6" t="str">
        <f>'申請書（複数入力用）'!K3170</f>
        <v>a052r000000jS9ZAAU</v>
      </c>
      <c r="H3168" s="12" t="e">
        <f>'申請書（複数入力用）'!N3170</f>
        <v>#N/A</v>
      </c>
      <c r="I3168" s="12" t="e">
        <f>'申請書（複数入力用）'!O3170</f>
        <v>#N/A</v>
      </c>
      <c r="J3168" s="12">
        <f>'申請書（複数入力用）'!P3170</f>
        <v>1</v>
      </c>
    </row>
    <row r="3169" spans="1:10" ht="51.6" customHeight="1" x14ac:dyDescent="0.45">
      <c r="A3169" s="6">
        <f>'申請書（複数入力用）'!A3171</f>
        <v>3165</v>
      </c>
      <c r="B3169" s="13">
        <f>'申請書（複数入力用）'!AH3171</f>
        <v>0</v>
      </c>
      <c r="C3169" s="6">
        <f>'申請書（複数入力用）'!B3171</f>
        <v>0</v>
      </c>
      <c r="D3169" s="6">
        <f>'申請書（複数入力用）'!D3171</f>
        <v>0</v>
      </c>
      <c r="E3169" s="14">
        <f>'申請書（複数入力用）'!H3171</f>
        <v>0</v>
      </c>
      <c r="F3169" s="11" t="str">
        <f>'申請書（複数入力用）'!J3171</f>
        <v/>
      </c>
      <c r="G3169" s="6" t="str">
        <f>'申請書（複数入力用）'!K3171</f>
        <v>a052r000000jS9ZAAU</v>
      </c>
      <c r="H3169" s="12" t="e">
        <f>'申請書（複数入力用）'!N3171</f>
        <v>#N/A</v>
      </c>
      <c r="I3169" s="12" t="e">
        <f>'申請書（複数入力用）'!O3171</f>
        <v>#N/A</v>
      </c>
      <c r="J3169" s="12">
        <f>'申請書（複数入力用）'!P3171</f>
        <v>1</v>
      </c>
    </row>
    <row r="3170" spans="1:10" ht="51.6" customHeight="1" x14ac:dyDescent="0.45">
      <c r="A3170" s="6">
        <f>'申請書（複数入力用）'!A3172</f>
        <v>3166</v>
      </c>
      <c r="B3170" s="13">
        <f>'申請書（複数入力用）'!AH3172</f>
        <v>0</v>
      </c>
      <c r="C3170" s="6">
        <f>'申請書（複数入力用）'!B3172</f>
        <v>0</v>
      </c>
      <c r="D3170" s="6">
        <f>'申請書（複数入力用）'!D3172</f>
        <v>0</v>
      </c>
      <c r="E3170" s="14">
        <f>'申請書（複数入力用）'!H3172</f>
        <v>0</v>
      </c>
      <c r="F3170" s="11" t="str">
        <f>'申請書（複数入力用）'!J3172</f>
        <v/>
      </c>
      <c r="G3170" s="6" t="str">
        <f>'申請書（複数入力用）'!K3172</f>
        <v>a052r000000jS9ZAAU</v>
      </c>
      <c r="H3170" s="12" t="e">
        <f>'申請書（複数入力用）'!N3172</f>
        <v>#N/A</v>
      </c>
      <c r="I3170" s="12" t="e">
        <f>'申請書（複数入力用）'!O3172</f>
        <v>#N/A</v>
      </c>
      <c r="J3170" s="12">
        <f>'申請書（複数入力用）'!P3172</f>
        <v>1</v>
      </c>
    </row>
    <row r="3171" spans="1:10" ht="51.6" customHeight="1" x14ac:dyDescent="0.45">
      <c r="A3171" s="6">
        <f>'申請書（複数入力用）'!A3173</f>
        <v>3167</v>
      </c>
      <c r="B3171" s="13">
        <f>'申請書（複数入力用）'!AH3173</f>
        <v>0</v>
      </c>
      <c r="C3171" s="6">
        <f>'申請書（複数入力用）'!B3173</f>
        <v>0</v>
      </c>
      <c r="D3171" s="6">
        <f>'申請書（複数入力用）'!D3173</f>
        <v>0</v>
      </c>
      <c r="E3171" s="14">
        <f>'申請書（複数入力用）'!H3173</f>
        <v>0</v>
      </c>
      <c r="F3171" s="11" t="str">
        <f>'申請書（複数入力用）'!J3173</f>
        <v/>
      </c>
      <c r="G3171" s="6" t="str">
        <f>'申請書（複数入力用）'!K3173</f>
        <v>a052r000000jS9ZAAU</v>
      </c>
      <c r="H3171" s="12" t="e">
        <f>'申請書（複数入力用）'!N3173</f>
        <v>#N/A</v>
      </c>
      <c r="I3171" s="12" t="e">
        <f>'申請書（複数入力用）'!O3173</f>
        <v>#N/A</v>
      </c>
      <c r="J3171" s="12">
        <f>'申請書（複数入力用）'!P3173</f>
        <v>1</v>
      </c>
    </row>
    <row r="3172" spans="1:10" ht="51.6" customHeight="1" x14ac:dyDescent="0.45">
      <c r="A3172" s="6">
        <f>'申請書（複数入力用）'!A3174</f>
        <v>3168</v>
      </c>
      <c r="B3172" s="13">
        <f>'申請書（複数入力用）'!AH3174</f>
        <v>0</v>
      </c>
      <c r="C3172" s="6">
        <f>'申請書（複数入力用）'!B3174</f>
        <v>0</v>
      </c>
      <c r="D3172" s="6">
        <f>'申請書（複数入力用）'!D3174</f>
        <v>0</v>
      </c>
      <c r="E3172" s="14">
        <f>'申請書（複数入力用）'!H3174</f>
        <v>0</v>
      </c>
      <c r="F3172" s="11" t="str">
        <f>'申請書（複数入力用）'!J3174</f>
        <v/>
      </c>
      <c r="G3172" s="6" t="str">
        <f>'申請書（複数入力用）'!K3174</f>
        <v>a052r000000jS9ZAAU</v>
      </c>
      <c r="H3172" s="12" t="e">
        <f>'申請書（複数入力用）'!N3174</f>
        <v>#N/A</v>
      </c>
      <c r="I3172" s="12" t="e">
        <f>'申請書（複数入力用）'!O3174</f>
        <v>#N/A</v>
      </c>
      <c r="J3172" s="12">
        <f>'申請書（複数入力用）'!P3174</f>
        <v>1</v>
      </c>
    </row>
    <row r="3173" spans="1:10" ht="51.6" customHeight="1" x14ac:dyDescent="0.45">
      <c r="A3173" s="6">
        <f>'申請書（複数入力用）'!A3175</f>
        <v>3169</v>
      </c>
      <c r="B3173" s="13">
        <f>'申請書（複数入力用）'!AH3175</f>
        <v>0</v>
      </c>
      <c r="C3173" s="6">
        <f>'申請書（複数入力用）'!B3175</f>
        <v>0</v>
      </c>
      <c r="D3173" s="6">
        <f>'申請書（複数入力用）'!D3175</f>
        <v>0</v>
      </c>
      <c r="E3173" s="14">
        <f>'申請書（複数入力用）'!H3175</f>
        <v>0</v>
      </c>
      <c r="F3173" s="11" t="str">
        <f>'申請書（複数入力用）'!J3175</f>
        <v/>
      </c>
      <c r="G3173" s="6" t="str">
        <f>'申請書（複数入力用）'!K3175</f>
        <v>a052r000000jS9ZAAU</v>
      </c>
      <c r="H3173" s="12" t="e">
        <f>'申請書（複数入力用）'!N3175</f>
        <v>#N/A</v>
      </c>
      <c r="I3173" s="12" t="e">
        <f>'申請書（複数入力用）'!O3175</f>
        <v>#N/A</v>
      </c>
      <c r="J3173" s="12">
        <f>'申請書（複数入力用）'!P3175</f>
        <v>1</v>
      </c>
    </row>
    <row r="3174" spans="1:10" ht="51.6" customHeight="1" x14ac:dyDescent="0.45">
      <c r="A3174" s="6">
        <f>'申請書（複数入力用）'!A3176</f>
        <v>3170</v>
      </c>
      <c r="B3174" s="13">
        <f>'申請書（複数入力用）'!AH3176</f>
        <v>0</v>
      </c>
      <c r="C3174" s="6">
        <f>'申請書（複数入力用）'!B3176</f>
        <v>0</v>
      </c>
      <c r="D3174" s="6">
        <f>'申請書（複数入力用）'!D3176</f>
        <v>0</v>
      </c>
      <c r="E3174" s="14">
        <f>'申請書（複数入力用）'!H3176</f>
        <v>0</v>
      </c>
      <c r="F3174" s="11" t="str">
        <f>'申請書（複数入力用）'!J3176</f>
        <v/>
      </c>
      <c r="G3174" s="6" t="str">
        <f>'申請書（複数入力用）'!K3176</f>
        <v>a052r000000jS9ZAAU</v>
      </c>
      <c r="H3174" s="12" t="e">
        <f>'申請書（複数入力用）'!N3176</f>
        <v>#N/A</v>
      </c>
      <c r="I3174" s="12" t="e">
        <f>'申請書（複数入力用）'!O3176</f>
        <v>#N/A</v>
      </c>
      <c r="J3174" s="12">
        <f>'申請書（複数入力用）'!P3176</f>
        <v>1</v>
      </c>
    </row>
    <row r="3175" spans="1:10" ht="51.6" customHeight="1" x14ac:dyDescent="0.45">
      <c r="A3175" s="6">
        <f>'申請書（複数入力用）'!A3177</f>
        <v>3171</v>
      </c>
      <c r="B3175" s="13">
        <f>'申請書（複数入力用）'!AH3177</f>
        <v>0</v>
      </c>
      <c r="C3175" s="6">
        <f>'申請書（複数入力用）'!B3177</f>
        <v>0</v>
      </c>
      <c r="D3175" s="6">
        <f>'申請書（複数入力用）'!D3177</f>
        <v>0</v>
      </c>
      <c r="E3175" s="14">
        <f>'申請書（複数入力用）'!H3177</f>
        <v>0</v>
      </c>
      <c r="F3175" s="11" t="str">
        <f>'申請書（複数入力用）'!J3177</f>
        <v/>
      </c>
      <c r="G3175" s="6" t="str">
        <f>'申請書（複数入力用）'!K3177</f>
        <v>a052r000000jS9ZAAU</v>
      </c>
      <c r="H3175" s="12" t="e">
        <f>'申請書（複数入力用）'!N3177</f>
        <v>#N/A</v>
      </c>
      <c r="I3175" s="12" t="e">
        <f>'申請書（複数入力用）'!O3177</f>
        <v>#N/A</v>
      </c>
      <c r="J3175" s="12">
        <f>'申請書（複数入力用）'!P3177</f>
        <v>1</v>
      </c>
    </row>
    <row r="3176" spans="1:10" ht="51.6" customHeight="1" x14ac:dyDescent="0.45">
      <c r="A3176" s="6">
        <f>'申請書（複数入力用）'!A3178</f>
        <v>3172</v>
      </c>
      <c r="B3176" s="13">
        <f>'申請書（複数入力用）'!AH3178</f>
        <v>0</v>
      </c>
      <c r="C3176" s="6">
        <f>'申請書（複数入力用）'!B3178</f>
        <v>0</v>
      </c>
      <c r="D3176" s="6">
        <f>'申請書（複数入力用）'!D3178</f>
        <v>0</v>
      </c>
      <c r="E3176" s="14">
        <f>'申請書（複数入力用）'!H3178</f>
        <v>0</v>
      </c>
      <c r="F3176" s="11" t="str">
        <f>'申請書（複数入力用）'!J3178</f>
        <v/>
      </c>
      <c r="G3176" s="6" t="str">
        <f>'申請書（複数入力用）'!K3178</f>
        <v>a052r000000jS9ZAAU</v>
      </c>
      <c r="H3176" s="12" t="e">
        <f>'申請書（複数入力用）'!N3178</f>
        <v>#N/A</v>
      </c>
      <c r="I3176" s="12" t="e">
        <f>'申請書（複数入力用）'!O3178</f>
        <v>#N/A</v>
      </c>
      <c r="J3176" s="12">
        <f>'申請書（複数入力用）'!P3178</f>
        <v>1</v>
      </c>
    </row>
    <row r="3177" spans="1:10" ht="51.6" customHeight="1" x14ac:dyDescent="0.45">
      <c r="A3177" s="6">
        <f>'申請書（複数入力用）'!A3179</f>
        <v>3173</v>
      </c>
      <c r="B3177" s="13">
        <f>'申請書（複数入力用）'!AH3179</f>
        <v>0</v>
      </c>
      <c r="C3177" s="6">
        <f>'申請書（複数入力用）'!B3179</f>
        <v>0</v>
      </c>
      <c r="D3177" s="6">
        <f>'申請書（複数入力用）'!D3179</f>
        <v>0</v>
      </c>
      <c r="E3177" s="14">
        <f>'申請書（複数入力用）'!H3179</f>
        <v>0</v>
      </c>
      <c r="F3177" s="11" t="str">
        <f>'申請書（複数入力用）'!J3179</f>
        <v/>
      </c>
      <c r="G3177" s="6" t="str">
        <f>'申請書（複数入力用）'!K3179</f>
        <v>a052r000000jS9ZAAU</v>
      </c>
      <c r="H3177" s="12" t="e">
        <f>'申請書（複数入力用）'!N3179</f>
        <v>#N/A</v>
      </c>
      <c r="I3177" s="12" t="e">
        <f>'申請書（複数入力用）'!O3179</f>
        <v>#N/A</v>
      </c>
      <c r="J3177" s="12">
        <f>'申請書（複数入力用）'!P3179</f>
        <v>1</v>
      </c>
    </row>
    <row r="3178" spans="1:10" ht="51.6" customHeight="1" x14ac:dyDescent="0.45">
      <c r="A3178" s="6">
        <f>'申請書（複数入力用）'!A3180</f>
        <v>3174</v>
      </c>
      <c r="B3178" s="13">
        <f>'申請書（複数入力用）'!AH3180</f>
        <v>0</v>
      </c>
      <c r="C3178" s="6">
        <f>'申請書（複数入力用）'!B3180</f>
        <v>0</v>
      </c>
      <c r="D3178" s="6">
        <f>'申請書（複数入力用）'!D3180</f>
        <v>0</v>
      </c>
      <c r="E3178" s="14">
        <f>'申請書（複数入力用）'!H3180</f>
        <v>0</v>
      </c>
      <c r="F3178" s="11" t="str">
        <f>'申請書（複数入力用）'!J3180</f>
        <v/>
      </c>
      <c r="G3178" s="6" t="str">
        <f>'申請書（複数入力用）'!K3180</f>
        <v>a052r000000jS9ZAAU</v>
      </c>
      <c r="H3178" s="12" t="e">
        <f>'申請書（複数入力用）'!N3180</f>
        <v>#N/A</v>
      </c>
      <c r="I3178" s="12" t="e">
        <f>'申請書（複数入力用）'!O3180</f>
        <v>#N/A</v>
      </c>
      <c r="J3178" s="12">
        <f>'申請書（複数入力用）'!P3180</f>
        <v>1</v>
      </c>
    </row>
    <row r="3179" spans="1:10" ht="51.6" customHeight="1" x14ac:dyDescent="0.45">
      <c r="A3179" s="6">
        <f>'申請書（複数入力用）'!A3181</f>
        <v>3175</v>
      </c>
      <c r="B3179" s="13">
        <f>'申請書（複数入力用）'!AH3181</f>
        <v>0</v>
      </c>
      <c r="C3179" s="6">
        <f>'申請書（複数入力用）'!B3181</f>
        <v>0</v>
      </c>
      <c r="D3179" s="6">
        <f>'申請書（複数入力用）'!D3181</f>
        <v>0</v>
      </c>
      <c r="E3179" s="14">
        <f>'申請書（複数入力用）'!H3181</f>
        <v>0</v>
      </c>
      <c r="F3179" s="11" t="str">
        <f>'申請書（複数入力用）'!J3181</f>
        <v/>
      </c>
      <c r="G3179" s="6" t="str">
        <f>'申請書（複数入力用）'!K3181</f>
        <v>a052r000000jS9ZAAU</v>
      </c>
      <c r="H3179" s="12" t="e">
        <f>'申請書（複数入力用）'!N3181</f>
        <v>#N/A</v>
      </c>
      <c r="I3179" s="12" t="e">
        <f>'申請書（複数入力用）'!O3181</f>
        <v>#N/A</v>
      </c>
      <c r="J3179" s="12">
        <f>'申請書（複数入力用）'!P3181</f>
        <v>1</v>
      </c>
    </row>
    <row r="3180" spans="1:10" ht="51.6" customHeight="1" x14ac:dyDescent="0.45">
      <c r="A3180" s="6">
        <f>'申請書（複数入力用）'!A3182</f>
        <v>3176</v>
      </c>
      <c r="B3180" s="13">
        <f>'申請書（複数入力用）'!AH3182</f>
        <v>0</v>
      </c>
      <c r="C3180" s="6">
        <f>'申請書（複数入力用）'!B3182</f>
        <v>0</v>
      </c>
      <c r="D3180" s="6">
        <f>'申請書（複数入力用）'!D3182</f>
        <v>0</v>
      </c>
      <c r="E3180" s="14">
        <f>'申請書（複数入力用）'!H3182</f>
        <v>0</v>
      </c>
      <c r="F3180" s="11" t="str">
        <f>'申請書（複数入力用）'!J3182</f>
        <v/>
      </c>
      <c r="G3180" s="6" t="str">
        <f>'申請書（複数入力用）'!K3182</f>
        <v>a052r000000jS9ZAAU</v>
      </c>
      <c r="H3180" s="12" t="e">
        <f>'申請書（複数入力用）'!N3182</f>
        <v>#N/A</v>
      </c>
      <c r="I3180" s="12" t="e">
        <f>'申請書（複数入力用）'!O3182</f>
        <v>#N/A</v>
      </c>
      <c r="J3180" s="12">
        <f>'申請書（複数入力用）'!P3182</f>
        <v>1</v>
      </c>
    </row>
    <row r="3181" spans="1:10" ht="51.6" customHeight="1" x14ac:dyDescent="0.45">
      <c r="A3181" s="6">
        <f>'申請書（複数入力用）'!A3183</f>
        <v>3177</v>
      </c>
      <c r="B3181" s="13">
        <f>'申請書（複数入力用）'!AH3183</f>
        <v>0</v>
      </c>
      <c r="C3181" s="6">
        <f>'申請書（複数入力用）'!B3183</f>
        <v>0</v>
      </c>
      <c r="D3181" s="6">
        <f>'申請書（複数入力用）'!D3183</f>
        <v>0</v>
      </c>
      <c r="E3181" s="14">
        <f>'申請書（複数入力用）'!H3183</f>
        <v>0</v>
      </c>
      <c r="F3181" s="11" t="str">
        <f>'申請書（複数入力用）'!J3183</f>
        <v/>
      </c>
      <c r="G3181" s="6" t="str">
        <f>'申請書（複数入力用）'!K3183</f>
        <v>a052r000000jS9ZAAU</v>
      </c>
      <c r="H3181" s="12" t="e">
        <f>'申請書（複数入力用）'!N3183</f>
        <v>#N/A</v>
      </c>
      <c r="I3181" s="12" t="e">
        <f>'申請書（複数入力用）'!O3183</f>
        <v>#N/A</v>
      </c>
      <c r="J3181" s="12">
        <f>'申請書（複数入力用）'!P3183</f>
        <v>1</v>
      </c>
    </row>
    <row r="3182" spans="1:10" ht="51.6" customHeight="1" x14ac:dyDescent="0.45">
      <c r="A3182" s="6">
        <f>'申請書（複数入力用）'!A3184</f>
        <v>3178</v>
      </c>
      <c r="B3182" s="13">
        <f>'申請書（複数入力用）'!AH3184</f>
        <v>0</v>
      </c>
      <c r="C3182" s="6">
        <f>'申請書（複数入力用）'!B3184</f>
        <v>0</v>
      </c>
      <c r="D3182" s="6">
        <f>'申請書（複数入力用）'!D3184</f>
        <v>0</v>
      </c>
      <c r="E3182" s="14">
        <f>'申請書（複数入力用）'!H3184</f>
        <v>0</v>
      </c>
      <c r="F3182" s="11" t="str">
        <f>'申請書（複数入力用）'!J3184</f>
        <v/>
      </c>
      <c r="G3182" s="6" t="str">
        <f>'申請書（複数入力用）'!K3184</f>
        <v>a052r000000jS9ZAAU</v>
      </c>
      <c r="H3182" s="12" t="e">
        <f>'申請書（複数入力用）'!N3184</f>
        <v>#N/A</v>
      </c>
      <c r="I3182" s="12" t="e">
        <f>'申請書（複数入力用）'!O3184</f>
        <v>#N/A</v>
      </c>
      <c r="J3182" s="12">
        <f>'申請書（複数入力用）'!P3184</f>
        <v>1</v>
      </c>
    </row>
    <row r="3183" spans="1:10" ht="51.6" customHeight="1" x14ac:dyDescent="0.45">
      <c r="A3183" s="6">
        <f>'申請書（複数入力用）'!A3185</f>
        <v>3179</v>
      </c>
      <c r="B3183" s="13">
        <f>'申請書（複数入力用）'!AH3185</f>
        <v>0</v>
      </c>
      <c r="C3183" s="6">
        <f>'申請書（複数入力用）'!B3185</f>
        <v>0</v>
      </c>
      <c r="D3183" s="6">
        <f>'申請書（複数入力用）'!D3185</f>
        <v>0</v>
      </c>
      <c r="E3183" s="14">
        <f>'申請書（複数入力用）'!H3185</f>
        <v>0</v>
      </c>
      <c r="F3183" s="11" t="str">
        <f>'申請書（複数入力用）'!J3185</f>
        <v/>
      </c>
      <c r="G3183" s="6" t="str">
        <f>'申請書（複数入力用）'!K3185</f>
        <v>a052r000000jS9ZAAU</v>
      </c>
      <c r="H3183" s="12" t="e">
        <f>'申請書（複数入力用）'!N3185</f>
        <v>#N/A</v>
      </c>
      <c r="I3183" s="12" t="e">
        <f>'申請書（複数入力用）'!O3185</f>
        <v>#N/A</v>
      </c>
      <c r="J3183" s="12">
        <f>'申請書（複数入力用）'!P3185</f>
        <v>1</v>
      </c>
    </row>
    <row r="3184" spans="1:10" ht="51.6" customHeight="1" x14ac:dyDescent="0.45">
      <c r="A3184" s="6">
        <f>'申請書（複数入力用）'!A3186</f>
        <v>3180</v>
      </c>
      <c r="B3184" s="13">
        <f>'申請書（複数入力用）'!AH3186</f>
        <v>0</v>
      </c>
      <c r="C3184" s="6">
        <f>'申請書（複数入力用）'!B3186</f>
        <v>0</v>
      </c>
      <c r="D3184" s="6">
        <f>'申請書（複数入力用）'!D3186</f>
        <v>0</v>
      </c>
      <c r="E3184" s="14">
        <f>'申請書（複数入力用）'!H3186</f>
        <v>0</v>
      </c>
      <c r="F3184" s="11" t="str">
        <f>'申請書（複数入力用）'!J3186</f>
        <v/>
      </c>
      <c r="G3184" s="6" t="str">
        <f>'申請書（複数入力用）'!K3186</f>
        <v>a052r000000jS9ZAAU</v>
      </c>
      <c r="H3184" s="12" t="e">
        <f>'申請書（複数入力用）'!N3186</f>
        <v>#N/A</v>
      </c>
      <c r="I3184" s="12" t="e">
        <f>'申請書（複数入力用）'!O3186</f>
        <v>#N/A</v>
      </c>
      <c r="J3184" s="12">
        <f>'申請書（複数入力用）'!P3186</f>
        <v>1</v>
      </c>
    </row>
    <row r="3185" spans="1:10" ht="51.6" customHeight="1" x14ac:dyDescent="0.45">
      <c r="A3185" s="6">
        <f>'申請書（複数入力用）'!A3187</f>
        <v>3181</v>
      </c>
      <c r="B3185" s="13">
        <f>'申請書（複数入力用）'!AH3187</f>
        <v>0</v>
      </c>
      <c r="C3185" s="6">
        <f>'申請書（複数入力用）'!B3187</f>
        <v>0</v>
      </c>
      <c r="D3185" s="6">
        <f>'申請書（複数入力用）'!D3187</f>
        <v>0</v>
      </c>
      <c r="E3185" s="14">
        <f>'申請書（複数入力用）'!H3187</f>
        <v>0</v>
      </c>
      <c r="F3185" s="11" t="str">
        <f>'申請書（複数入力用）'!J3187</f>
        <v/>
      </c>
      <c r="G3185" s="6" t="str">
        <f>'申請書（複数入力用）'!K3187</f>
        <v>a052r000000jS9ZAAU</v>
      </c>
      <c r="H3185" s="12" t="e">
        <f>'申請書（複数入力用）'!N3187</f>
        <v>#N/A</v>
      </c>
      <c r="I3185" s="12" t="e">
        <f>'申請書（複数入力用）'!O3187</f>
        <v>#N/A</v>
      </c>
      <c r="J3185" s="12">
        <f>'申請書（複数入力用）'!P3187</f>
        <v>1</v>
      </c>
    </row>
    <row r="3186" spans="1:10" ht="51.6" customHeight="1" x14ac:dyDescent="0.45">
      <c r="A3186" s="6">
        <f>'申請書（複数入力用）'!A3188</f>
        <v>3182</v>
      </c>
      <c r="B3186" s="13">
        <f>'申請書（複数入力用）'!AH3188</f>
        <v>0</v>
      </c>
      <c r="C3186" s="6">
        <f>'申請書（複数入力用）'!B3188</f>
        <v>0</v>
      </c>
      <c r="D3186" s="6">
        <f>'申請書（複数入力用）'!D3188</f>
        <v>0</v>
      </c>
      <c r="E3186" s="14">
        <f>'申請書（複数入力用）'!H3188</f>
        <v>0</v>
      </c>
      <c r="F3186" s="11" t="str">
        <f>'申請書（複数入力用）'!J3188</f>
        <v/>
      </c>
      <c r="G3186" s="6" t="str">
        <f>'申請書（複数入力用）'!K3188</f>
        <v>a052r000000jS9ZAAU</v>
      </c>
      <c r="H3186" s="12" t="e">
        <f>'申請書（複数入力用）'!N3188</f>
        <v>#N/A</v>
      </c>
      <c r="I3186" s="12" t="e">
        <f>'申請書（複数入力用）'!O3188</f>
        <v>#N/A</v>
      </c>
      <c r="J3186" s="12">
        <f>'申請書（複数入力用）'!P3188</f>
        <v>1</v>
      </c>
    </row>
    <row r="3187" spans="1:10" ht="51.6" customHeight="1" x14ac:dyDescent="0.45">
      <c r="A3187" s="6">
        <f>'申請書（複数入力用）'!A3189</f>
        <v>3183</v>
      </c>
      <c r="B3187" s="13">
        <f>'申請書（複数入力用）'!AH3189</f>
        <v>0</v>
      </c>
      <c r="C3187" s="6">
        <f>'申請書（複数入力用）'!B3189</f>
        <v>0</v>
      </c>
      <c r="D3187" s="6">
        <f>'申請書（複数入力用）'!D3189</f>
        <v>0</v>
      </c>
      <c r="E3187" s="14">
        <f>'申請書（複数入力用）'!H3189</f>
        <v>0</v>
      </c>
      <c r="F3187" s="11" t="str">
        <f>'申請書（複数入力用）'!J3189</f>
        <v/>
      </c>
      <c r="G3187" s="6" t="str">
        <f>'申請書（複数入力用）'!K3189</f>
        <v>a052r000000jS9ZAAU</v>
      </c>
      <c r="H3187" s="12" t="e">
        <f>'申請書（複数入力用）'!N3189</f>
        <v>#N/A</v>
      </c>
      <c r="I3187" s="12" t="e">
        <f>'申請書（複数入力用）'!O3189</f>
        <v>#N/A</v>
      </c>
      <c r="J3187" s="12">
        <f>'申請書（複数入力用）'!P3189</f>
        <v>1</v>
      </c>
    </row>
    <row r="3188" spans="1:10" ht="51.6" customHeight="1" x14ac:dyDescent="0.45">
      <c r="A3188" s="6">
        <f>'申請書（複数入力用）'!A3190</f>
        <v>3184</v>
      </c>
      <c r="B3188" s="13">
        <f>'申請書（複数入力用）'!AH3190</f>
        <v>0</v>
      </c>
      <c r="C3188" s="6">
        <f>'申請書（複数入力用）'!B3190</f>
        <v>0</v>
      </c>
      <c r="D3188" s="6">
        <f>'申請書（複数入力用）'!D3190</f>
        <v>0</v>
      </c>
      <c r="E3188" s="14">
        <f>'申請書（複数入力用）'!H3190</f>
        <v>0</v>
      </c>
      <c r="F3188" s="11" t="str">
        <f>'申請書（複数入力用）'!J3190</f>
        <v/>
      </c>
      <c r="G3188" s="6" t="str">
        <f>'申請書（複数入力用）'!K3190</f>
        <v>a052r000000jS9ZAAU</v>
      </c>
      <c r="H3188" s="12" t="e">
        <f>'申請書（複数入力用）'!N3190</f>
        <v>#N/A</v>
      </c>
      <c r="I3188" s="12" t="e">
        <f>'申請書（複数入力用）'!O3190</f>
        <v>#N/A</v>
      </c>
      <c r="J3188" s="12">
        <f>'申請書（複数入力用）'!P3190</f>
        <v>1</v>
      </c>
    </row>
    <row r="3189" spans="1:10" ht="51.6" customHeight="1" x14ac:dyDescent="0.45">
      <c r="A3189" s="6">
        <f>'申請書（複数入力用）'!A3191</f>
        <v>3185</v>
      </c>
      <c r="B3189" s="13">
        <f>'申請書（複数入力用）'!AH3191</f>
        <v>0</v>
      </c>
      <c r="C3189" s="6">
        <f>'申請書（複数入力用）'!B3191</f>
        <v>0</v>
      </c>
      <c r="D3189" s="6">
        <f>'申請書（複数入力用）'!D3191</f>
        <v>0</v>
      </c>
      <c r="E3189" s="14">
        <f>'申請書（複数入力用）'!H3191</f>
        <v>0</v>
      </c>
      <c r="F3189" s="11" t="str">
        <f>'申請書（複数入力用）'!J3191</f>
        <v/>
      </c>
      <c r="G3189" s="6" t="str">
        <f>'申請書（複数入力用）'!K3191</f>
        <v>a052r000000jS9ZAAU</v>
      </c>
      <c r="H3189" s="12" t="e">
        <f>'申請書（複数入力用）'!N3191</f>
        <v>#N/A</v>
      </c>
      <c r="I3189" s="12" t="e">
        <f>'申請書（複数入力用）'!O3191</f>
        <v>#N/A</v>
      </c>
      <c r="J3189" s="12">
        <f>'申請書（複数入力用）'!P3191</f>
        <v>1</v>
      </c>
    </row>
    <row r="3190" spans="1:10" ht="51.6" customHeight="1" x14ac:dyDescent="0.45">
      <c r="A3190" s="6">
        <f>'申請書（複数入力用）'!A3192</f>
        <v>3186</v>
      </c>
      <c r="B3190" s="13">
        <f>'申請書（複数入力用）'!AH3192</f>
        <v>0</v>
      </c>
      <c r="C3190" s="6">
        <f>'申請書（複数入力用）'!B3192</f>
        <v>0</v>
      </c>
      <c r="D3190" s="6">
        <f>'申請書（複数入力用）'!D3192</f>
        <v>0</v>
      </c>
      <c r="E3190" s="14">
        <f>'申請書（複数入力用）'!H3192</f>
        <v>0</v>
      </c>
      <c r="F3190" s="11" t="str">
        <f>'申請書（複数入力用）'!J3192</f>
        <v/>
      </c>
      <c r="G3190" s="6" t="str">
        <f>'申請書（複数入力用）'!K3192</f>
        <v>a052r000000jS9ZAAU</v>
      </c>
      <c r="H3190" s="12" t="e">
        <f>'申請書（複数入力用）'!N3192</f>
        <v>#N/A</v>
      </c>
      <c r="I3190" s="12" t="e">
        <f>'申請書（複数入力用）'!O3192</f>
        <v>#N/A</v>
      </c>
      <c r="J3190" s="12">
        <f>'申請書（複数入力用）'!P3192</f>
        <v>1</v>
      </c>
    </row>
    <row r="3191" spans="1:10" ht="51.6" customHeight="1" x14ac:dyDescent="0.45">
      <c r="A3191" s="6">
        <f>'申請書（複数入力用）'!A3193</f>
        <v>3187</v>
      </c>
      <c r="B3191" s="13">
        <f>'申請書（複数入力用）'!AH3193</f>
        <v>0</v>
      </c>
      <c r="C3191" s="6">
        <f>'申請書（複数入力用）'!B3193</f>
        <v>0</v>
      </c>
      <c r="D3191" s="6">
        <f>'申請書（複数入力用）'!D3193</f>
        <v>0</v>
      </c>
      <c r="E3191" s="14">
        <f>'申請書（複数入力用）'!H3193</f>
        <v>0</v>
      </c>
      <c r="F3191" s="11" t="str">
        <f>'申請書（複数入力用）'!J3193</f>
        <v/>
      </c>
      <c r="G3191" s="6" t="str">
        <f>'申請書（複数入力用）'!K3193</f>
        <v>a052r000000jS9ZAAU</v>
      </c>
      <c r="H3191" s="12" t="e">
        <f>'申請書（複数入力用）'!N3193</f>
        <v>#N/A</v>
      </c>
      <c r="I3191" s="12" t="e">
        <f>'申請書（複数入力用）'!O3193</f>
        <v>#N/A</v>
      </c>
      <c r="J3191" s="12">
        <f>'申請書（複数入力用）'!P3193</f>
        <v>1</v>
      </c>
    </row>
    <row r="3192" spans="1:10" ht="51.6" customHeight="1" x14ac:dyDescent="0.45">
      <c r="A3192" s="6">
        <f>'申請書（複数入力用）'!A3194</f>
        <v>3188</v>
      </c>
      <c r="B3192" s="13">
        <f>'申請書（複数入力用）'!AH3194</f>
        <v>0</v>
      </c>
      <c r="C3192" s="6">
        <f>'申請書（複数入力用）'!B3194</f>
        <v>0</v>
      </c>
      <c r="D3192" s="6">
        <f>'申請書（複数入力用）'!D3194</f>
        <v>0</v>
      </c>
      <c r="E3192" s="14">
        <f>'申請書（複数入力用）'!H3194</f>
        <v>0</v>
      </c>
      <c r="F3192" s="11" t="str">
        <f>'申請書（複数入力用）'!J3194</f>
        <v/>
      </c>
      <c r="G3192" s="6" t="str">
        <f>'申請書（複数入力用）'!K3194</f>
        <v>a052r000000jS9ZAAU</v>
      </c>
      <c r="H3192" s="12" t="e">
        <f>'申請書（複数入力用）'!N3194</f>
        <v>#N/A</v>
      </c>
      <c r="I3192" s="12" t="e">
        <f>'申請書（複数入力用）'!O3194</f>
        <v>#N/A</v>
      </c>
      <c r="J3192" s="12">
        <f>'申請書（複数入力用）'!P3194</f>
        <v>1</v>
      </c>
    </row>
    <row r="3193" spans="1:10" ht="51.6" customHeight="1" x14ac:dyDescent="0.45">
      <c r="A3193" s="6">
        <f>'申請書（複数入力用）'!A3195</f>
        <v>3189</v>
      </c>
      <c r="B3193" s="13">
        <f>'申請書（複数入力用）'!AH3195</f>
        <v>0</v>
      </c>
      <c r="C3193" s="6">
        <f>'申請書（複数入力用）'!B3195</f>
        <v>0</v>
      </c>
      <c r="D3193" s="6">
        <f>'申請書（複数入力用）'!D3195</f>
        <v>0</v>
      </c>
      <c r="E3193" s="14">
        <f>'申請書（複数入力用）'!H3195</f>
        <v>0</v>
      </c>
      <c r="F3193" s="11" t="str">
        <f>'申請書（複数入力用）'!J3195</f>
        <v/>
      </c>
      <c r="G3193" s="6" t="str">
        <f>'申請書（複数入力用）'!K3195</f>
        <v>a052r000000jS9ZAAU</v>
      </c>
      <c r="H3193" s="12" t="e">
        <f>'申請書（複数入力用）'!N3195</f>
        <v>#N/A</v>
      </c>
      <c r="I3193" s="12" t="e">
        <f>'申請書（複数入力用）'!O3195</f>
        <v>#N/A</v>
      </c>
      <c r="J3193" s="12">
        <f>'申請書（複数入力用）'!P3195</f>
        <v>1</v>
      </c>
    </row>
    <row r="3194" spans="1:10" ht="51.6" customHeight="1" x14ac:dyDescent="0.45">
      <c r="A3194" s="6">
        <f>'申請書（複数入力用）'!A3196</f>
        <v>3190</v>
      </c>
      <c r="B3194" s="13">
        <f>'申請書（複数入力用）'!AH3196</f>
        <v>0</v>
      </c>
      <c r="C3194" s="6">
        <f>'申請書（複数入力用）'!B3196</f>
        <v>0</v>
      </c>
      <c r="D3194" s="6">
        <f>'申請書（複数入力用）'!D3196</f>
        <v>0</v>
      </c>
      <c r="E3194" s="14">
        <f>'申請書（複数入力用）'!H3196</f>
        <v>0</v>
      </c>
      <c r="F3194" s="11" t="str">
        <f>'申請書（複数入力用）'!J3196</f>
        <v/>
      </c>
      <c r="G3194" s="6" t="str">
        <f>'申請書（複数入力用）'!K3196</f>
        <v>a052r000000jS9ZAAU</v>
      </c>
      <c r="H3194" s="12" t="e">
        <f>'申請書（複数入力用）'!N3196</f>
        <v>#N/A</v>
      </c>
      <c r="I3194" s="12" t="e">
        <f>'申請書（複数入力用）'!O3196</f>
        <v>#N/A</v>
      </c>
      <c r="J3194" s="12">
        <f>'申請書（複数入力用）'!P3196</f>
        <v>1</v>
      </c>
    </row>
    <row r="3195" spans="1:10" ht="51.6" customHeight="1" x14ac:dyDescent="0.45">
      <c r="A3195" s="6">
        <f>'申請書（複数入力用）'!A3197</f>
        <v>3191</v>
      </c>
      <c r="B3195" s="13">
        <f>'申請書（複数入力用）'!AH3197</f>
        <v>0</v>
      </c>
      <c r="C3195" s="6">
        <f>'申請書（複数入力用）'!B3197</f>
        <v>0</v>
      </c>
      <c r="D3195" s="6">
        <f>'申請書（複数入力用）'!D3197</f>
        <v>0</v>
      </c>
      <c r="E3195" s="14">
        <f>'申請書（複数入力用）'!H3197</f>
        <v>0</v>
      </c>
      <c r="F3195" s="11" t="str">
        <f>'申請書（複数入力用）'!J3197</f>
        <v/>
      </c>
      <c r="G3195" s="6" t="str">
        <f>'申請書（複数入力用）'!K3197</f>
        <v>a052r000000jS9ZAAU</v>
      </c>
      <c r="H3195" s="12" t="e">
        <f>'申請書（複数入力用）'!N3197</f>
        <v>#N/A</v>
      </c>
      <c r="I3195" s="12" t="e">
        <f>'申請書（複数入力用）'!O3197</f>
        <v>#N/A</v>
      </c>
      <c r="J3195" s="12">
        <f>'申請書（複数入力用）'!P3197</f>
        <v>1</v>
      </c>
    </row>
    <row r="3196" spans="1:10" ht="51.6" customHeight="1" x14ac:dyDescent="0.45">
      <c r="A3196" s="6">
        <f>'申請書（複数入力用）'!A3198</f>
        <v>3192</v>
      </c>
      <c r="B3196" s="13">
        <f>'申請書（複数入力用）'!AH3198</f>
        <v>0</v>
      </c>
      <c r="C3196" s="6">
        <f>'申請書（複数入力用）'!B3198</f>
        <v>0</v>
      </c>
      <c r="D3196" s="6">
        <f>'申請書（複数入力用）'!D3198</f>
        <v>0</v>
      </c>
      <c r="E3196" s="14">
        <f>'申請書（複数入力用）'!H3198</f>
        <v>0</v>
      </c>
      <c r="F3196" s="11" t="str">
        <f>'申請書（複数入力用）'!J3198</f>
        <v/>
      </c>
      <c r="G3196" s="6" t="str">
        <f>'申請書（複数入力用）'!K3198</f>
        <v>a052r000000jS9ZAAU</v>
      </c>
      <c r="H3196" s="12" t="e">
        <f>'申請書（複数入力用）'!N3198</f>
        <v>#N/A</v>
      </c>
      <c r="I3196" s="12" t="e">
        <f>'申請書（複数入力用）'!O3198</f>
        <v>#N/A</v>
      </c>
      <c r="J3196" s="12">
        <f>'申請書（複数入力用）'!P3198</f>
        <v>1</v>
      </c>
    </row>
    <row r="3197" spans="1:10" ht="51.6" customHeight="1" x14ac:dyDescent="0.45">
      <c r="A3197" s="6">
        <f>'申請書（複数入力用）'!A3199</f>
        <v>3193</v>
      </c>
      <c r="B3197" s="13">
        <f>'申請書（複数入力用）'!AH3199</f>
        <v>0</v>
      </c>
      <c r="C3197" s="6">
        <f>'申請書（複数入力用）'!B3199</f>
        <v>0</v>
      </c>
      <c r="D3197" s="6">
        <f>'申請書（複数入力用）'!D3199</f>
        <v>0</v>
      </c>
      <c r="E3197" s="14">
        <f>'申請書（複数入力用）'!H3199</f>
        <v>0</v>
      </c>
      <c r="F3197" s="11" t="str">
        <f>'申請書（複数入力用）'!J3199</f>
        <v/>
      </c>
      <c r="G3197" s="6" t="str">
        <f>'申請書（複数入力用）'!K3199</f>
        <v>a052r000000jS9ZAAU</v>
      </c>
      <c r="H3197" s="12" t="e">
        <f>'申請書（複数入力用）'!N3199</f>
        <v>#N/A</v>
      </c>
      <c r="I3197" s="12" t="e">
        <f>'申請書（複数入力用）'!O3199</f>
        <v>#N/A</v>
      </c>
      <c r="J3197" s="12">
        <f>'申請書（複数入力用）'!P3199</f>
        <v>1</v>
      </c>
    </row>
    <row r="3198" spans="1:10" ht="51.6" customHeight="1" x14ac:dyDescent="0.45">
      <c r="A3198" s="6">
        <f>'申請書（複数入力用）'!A3200</f>
        <v>3194</v>
      </c>
      <c r="B3198" s="13">
        <f>'申請書（複数入力用）'!AH3200</f>
        <v>0</v>
      </c>
      <c r="C3198" s="6">
        <f>'申請書（複数入力用）'!B3200</f>
        <v>0</v>
      </c>
      <c r="D3198" s="6">
        <f>'申請書（複数入力用）'!D3200</f>
        <v>0</v>
      </c>
      <c r="E3198" s="14">
        <f>'申請書（複数入力用）'!H3200</f>
        <v>0</v>
      </c>
      <c r="F3198" s="11" t="str">
        <f>'申請書（複数入力用）'!J3200</f>
        <v/>
      </c>
      <c r="G3198" s="6" t="str">
        <f>'申請書（複数入力用）'!K3200</f>
        <v>a052r000000jS9ZAAU</v>
      </c>
      <c r="H3198" s="12" t="e">
        <f>'申請書（複数入力用）'!N3200</f>
        <v>#N/A</v>
      </c>
      <c r="I3198" s="12" t="e">
        <f>'申請書（複数入力用）'!O3200</f>
        <v>#N/A</v>
      </c>
      <c r="J3198" s="12">
        <f>'申請書（複数入力用）'!P3200</f>
        <v>1</v>
      </c>
    </row>
    <row r="3199" spans="1:10" ht="51.6" customHeight="1" x14ac:dyDescent="0.45">
      <c r="A3199" s="6">
        <f>'申請書（複数入力用）'!A3201</f>
        <v>3195</v>
      </c>
      <c r="B3199" s="13">
        <f>'申請書（複数入力用）'!AH3201</f>
        <v>0</v>
      </c>
      <c r="C3199" s="6">
        <f>'申請書（複数入力用）'!B3201</f>
        <v>0</v>
      </c>
      <c r="D3199" s="6">
        <f>'申請書（複数入力用）'!D3201</f>
        <v>0</v>
      </c>
      <c r="E3199" s="14">
        <f>'申請書（複数入力用）'!H3201</f>
        <v>0</v>
      </c>
      <c r="F3199" s="11" t="str">
        <f>'申請書（複数入力用）'!J3201</f>
        <v/>
      </c>
      <c r="G3199" s="6" t="str">
        <f>'申請書（複数入力用）'!K3201</f>
        <v>a052r000000jS9ZAAU</v>
      </c>
      <c r="H3199" s="12" t="e">
        <f>'申請書（複数入力用）'!N3201</f>
        <v>#N/A</v>
      </c>
      <c r="I3199" s="12" t="e">
        <f>'申請書（複数入力用）'!O3201</f>
        <v>#N/A</v>
      </c>
      <c r="J3199" s="12">
        <f>'申請書（複数入力用）'!P3201</f>
        <v>1</v>
      </c>
    </row>
    <row r="3200" spans="1:10" ht="51.6" customHeight="1" x14ac:dyDescent="0.45">
      <c r="A3200" s="6">
        <f>'申請書（複数入力用）'!A3202</f>
        <v>3196</v>
      </c>
      <c r="B3200" s="13">
        <f>'申請書（複数入力用）'!AH3202</f>
        <v>0</v>
      </c>
      <c r="C3200" s="6">
        <f>'申請書（複数入力用）'!B3202</f>
        <v>0</v>
      </c>
      <c r="D3200" s="6">
        <f>'申請書（複数入力用）'!D3202</f>
        <v>0</v>
      </c>
      <c r="E3200" s="14">
        <f>'申請書（複数入力用）'!H3202</f>
        <v>0</v>
      </c>
      <c r="F3200" s="11" t="str">
        <f>'申請書（複数入力用）'!J3202</f>
        <v/>
      </c>
      <c r="G3200" s="6" t="str">
        <f>'申請書（複数入力用）'!K3202</f>
        <v>a052r000000jS9ZAAU</v>
      </c>
      <c r="H3200" s="12" t="e">
        <f>'申請書（複数入力用）'!N3202</f>
        <v>#N/A</v>
      </c>
      <c r="I3200" s="12" t="e">
        <f>'申請書（複数入力用）'!O3202</f>
        <v>#N/A</v>
      </c>
      <c r="J3200" s="12">
        <f>'申請書（複数入力用）'!P3202</f>
        <v>1</v>
      </c>
    </row>
    <row r="3201" spans="1:10" ht="51.6" customHeight="1" x14ac:dyDescent="0.45">
      <c r="A3201" s="6">
        <f>'申請書（複数入力用）'!A3203</f>
        <v>3197</v>
      </c>
      <c r="B3201" s="13">
        <f>'申請書（複数入力用）'!AH3203</f>
        <v>0</v>
      </c>
      <c r="C3201" s="6">
        <f>'申請書（複数入力用）'!B3203</f>
        <v>0</v>
      </c>
      <c r="D3201" s="6">
        <f>'申請書（複数入力用）'!D3203</f>
        <v>0</v>
      </c>
      <c r="E3201" s="14">
        <f>'申請書（複数入力用）'!H3203</f>
        <v>0</v>
      </c>
      <c r="F3201" s="11" t="str">
        <f>'申請書（複数入力用）'!J3203</f>
        <v/>
      </c>
      <c r="G3201" s="6" t="str">
        <f>'申請書（複数入力用）'!K3203</f>
        <v>a052r000000jS9ZAAU</v>
      </c>
      <c r="H3201" s="12" t="e">
        <f>'申請書（複数入力用）'!N3203</f>
        <v>#N/A</v>
      </c>
      <c r="I3201" s="12" t="e">
        <f>'申請書（複数入力用）'!O3203</f>
        <v>#N/A</v>
      </c>
      <c r="J3201" s="12">
        <f>'申請書（複数入力用）'!P3203</f>
        <v>1</v>
      </c>
    </row>
    <row r="3202" spans="1:10" ht="51.6" customHeight="1" x14ac:dyDescent="0.45">
      <c r="A3202" s="6">
        <f>'申請書（複数入力用）'!A3204</f>
        <v>3198</v>
      </c>
      <c r="B3202" s="13">
        <f>'申請書（複数入力用）'!AH3204</f>
        <v>0</v>
      </c>
      <c r="C3202" s="6">
        <f>'申請書（複数入力用）'!B3204</f>
        <v>0</v>
      </c>
      <c r="D3202" s="6">
        <f>'申請書（複数入力用）'!D3204</f>
        <v>0</v>
      </c>
      <c r="E3202" s="14">
        <f>'申請書（複数入力用）'!H3204</f>
        <v>0</v>
      </c>
      <c r="F3202" s="11" t="str">
        <f>'申請書（複数入力用）'!J3204</f>
        <v/>
      </c>
      <c r="G3202" s="6" t="str">
        <f>'申請書（複数入力用）'!K3204</f>
        <v>a052r000000jS9ZAAU</v>
      </c>
      <c r="H3202" s="12" t="e">
        <f>'申請書（複数入力用）'!N3204</f>
        <v>#N/A</v>
      </c>
      <c r="I3202" s="12" t="e">
        <f>'申請書（複数入力用）'!O3204</f>
        <v>#N/A</v>
      </c>
      <c r="J3202" s="12">
        <f>'申請書（複数入力用）'!P3204</f>
        <v>1</v>
      </c>
    </row>
    <row r="3203" spans="1:10" ht="51.6" customHeight="1" x14ac:dyDescent="0.45">
      <c r="A3203" s="6">
        <f>'申請書（複数入力用）'!A3205</f>
        <v>3199</v>
      </c>
      <c r="B3203" s="13">
        <f>'申請書（複数入力用）'!AH3205</f>
        <v>0</v>
      </c>
      <c r="C3203" s="6">
        <f>'申請書（複数入力用）'!B3205</f>
        <v>0</v>
      </c>
      <c r="D3203" s="6">
        <f>'申請書（複数入力用）'!D3205</f>
        <v>0</v>
      </c>
      <c r="E3203" s="14">
        <f>'申請書（複数入力用）'!H3205</f>
        <v>0</v>
      </c>
      <c r="F3203" s="11" t="str">
        <f>'申請書（複数入力用）'!J3205</f>
        <v/>
      </c>
      <c r="G3203" s="6" t="str">
        <f>'申請書（複数入力用）'!K3205</f>
        <v>a052r000000jS9ZAAU</v>
      </c>
      <c r="H3203" s="12" t="e">
        <f>'申請書（複数入力用）'!N3205</f>
        <v>#N/A</v>
      </c>
      <c r="I3203" s="12" t="e">
        <f>'申請書（複数入力用）'!O3205</f>
        <v>#N/A</v>
      </c>
      <c r="J3203" s="12">
        <f>'申請書（複数入力用）'!P3205</f>
        <v>1</v>
      </c>
    </row>
    <row r="3204" spans="1:10" ht="51.6" customHeight="1" x14ac:dyDescent="0.45">
      <c r="A3204" s="6">
        <f>'申請書（複数入力用）'!A3206</f>
        <v>3200</v>
      </c>
      <c r="B3204" s="13">
        <f>'申請書（複数入力用）'!AH3206</f>
        <v>0</v>
      </c>
      <c r="C3204" s="6">
        <f>'申請書（複数入力用）'!B3206</f>
        <v>0</v>
      </c>
      <c r="D3204" s="6">
        <f>'申請書（複数入力用）'!D3206</f>
        <v>0</v>
      </c>
      <c r="E3204" s="14">
        <f>'申請書（複数入力用）'!H3206</f>
        <v>0</v>
      </c>
      <c r="F3204" s="11" t="str">
        <f>'申請書（複数入力用）'!J3206</f>
        <v/>
      </c>
      <c r="G3204" s="6" t="str">
        <f>'申請書（複数入力用）'!K3206</f>
        <v>a052r000000jS9ZAAU</v>
      </c>
      <c r="H3204" s="12" t="e">
        <f>'申請書（複数入力用）'!N3206</f>
        <v>#N/A</v>
      </c>
      <c r="I3204" s="12" t="e">
        <f>'申請書（複数入力用）'!O3206</f>
        <v>#N/A</v>
      </c>
      <c r="J3204" s="12">
        <f>'申請書（複数入力用）'!P3206</f>
        <v>1</v>
      </c>
    </row>
    <row r="3205" spans="1:10" ht="51.6" customHeight="1" x14ac:dyDescent="0.45">
      <c r="A3205" s="6">
        <f>'申請書（複数入力用）'!A3207</f>
        <v>3201</v>
      </c>
      <c r="B3205" s="13">
        <f>'申請書（複数入力用）'!AH3207</f>
        <v>0</v>
      </c>
      <c r="C3205" s="6">
        <f>'申請書（複数入力用）'!B3207</f>
        <v>0</v>
      </c>
      <c r="D3205" s="6">
        <f>'申請書（複数入力用）'!D3207</f>
        <v>0</v>
      </c>
      <c r="E3205" s="14">
        <f>'申請書（複数入力用）'!H3207</f>
        <v>0</v>
      </c>
      <c r="F3205" s="11" t="str">
        <f>'申請書（複数入力用）'!J3207</f>
        <v/>
      </c>
      <c r="G3205" s="6" t="str">
        <f>'申請書（複数入力用）'!K3207</f>
        <v>a052r000000jS9ZAAU</v>
      </c>
      <c r="H3205" s="12" t="e">
        <f>'申請書（複数入力用）'!N3207</f>
        <v>#N/A</v>
      </c>
      <c r="I3205" s="12" t="e">
        <f>'申請書（複数入力用）'!O3207</f>
        <v>#N/A</v>
      </c>
      <c r="J3205" s="12">
        <f>'申請書（複数入力用）'!P3207</f>
        <v>1</v>
      </c>
    </row>
    <row r="3206" spans="1:10" ht="51.6" customHeight="1" x14ac:dyDescent="0.45">
      <c r="A3206" s="6">
        <f>'申請書（複数入力用）'!A3208</f>
        <v>3202</v>
      </c>
      <c r="B3206" s="13">
        <f>'申請書（複数入力用）'!AH3208</f>
        <v>0</v>
      </c>
      <c r="C3206" s="6">
        <f>'申請書（複数入力用）'!B3208</f>
        <v>0</v>
      </c>
      <c r="D3206" s="6">
        <f>'申請書（複数入力用）'!D3208</f>
        <v>0</v>
      </c>
      <c r="E3206" s="14">
        <f>'申請書（複数入力用）'!H3208</f>
        <v>0</v>
      </c>
      <c r="F3206" s="11" t="str">
        <f>'申請書（複数入力用）'!J3208</f>
        <v/>
      </c>
      <c r="G3206" s="6" t="str">
        <f>'申請書（複数入力用）'!K3208</f>
        <v>a052r000000jS9ZAAU</v>
      </c>
      <c r="H3206" s="12" t="e">
        <f>'申請書（複数入力用）'!N3208</f>
        <v>#N/A</v>
      </c>
      <c r="I3206" s="12" t="e">
        <f>'申請書（複数入力用）'!O3208</f>
        <v>#N/A</v>
      </c>
      <c r="J3206" s="12">
        <f>'申請書（複数入力用）'!P3208</f>
        <v>1</v>
      </c>
    </row>
    <row r="3207" spans="1:10" ht="51.6" customHeight="1" x14ac:dyDescent="0.45">
      <c r="A3207" s="6">
        <f>'申請書（複数入力用）'!A3209</f>
        <v>3203</v>
      </c>
      <c r="B3207" s="13">
        <f>'申請書（複数入力用）'!AH3209</f>
        <v>0</v>
      </c>
      <c r="C3207" s="6">
        <f>'申請書（複数入力用）'!B3209</f>
        <v>0</v>
      </c>
      <c r="D3207" s="6">
        <f>'申請書（複数入力用）'!D3209</f>
        <v>0</v>
      </c>
      <c r="E3207" s="14">
        <f>'申請書（複数入力用）'!H3209</f>
        <v>0</v>
      </c>
      <c r="F3207" s="11" t="str">
        <f>'申請書（複数入力用）'!J3209</f>
        <v/>
      </c>
      <c r="G3207" s="6" t="str">
        <f>'申請書（複数入力用）'!K3209</f>
        <v>a052r000000jS9ZAAU</v>
      </c>
      <c r="H3207" s="12" t="e">
        <f>'申請書（複数入力用）'!N3209</f>
        <v>#N/A</v>
      </c>
      <c r="I3207" s="12" t="e">
        <f>'申請書（複数入力用）'!O3209</f>
        <v>#N/A</v>
      </c>
      <c r="J3207" s="12">
        <f>'申請書（複数入力用）'!P3209</f>
        <v>1</v>
      </c>
    </row>
    <row r="3208" spans="1:10" ht="51.6" customHeight="1" x14ac:dyDescent="0.45">
      <c r="A3208" s="6">
        <f>'申請書（複数入力用）'!A3210</f>
        <v>3204</v>
      </c>
      <c r="B3208" s="13">
        <f>'申請書（複数入力用）'!AH3210</f>
        <v>0</v>
      </c>
      <c r="C3208" s="6">
        <f>'申請書（複数入力用）'!B3210</f>
        <v>0</v>
      </c>
      <c r="D3208" s="6">
        <f>'申請書（複数入力用）'!D3210</f>
        <v>0</v>
      </c>
      <c r="E3208" s="14">
        <f>'申請書（複数入力用）'!H3210</f>
        <v>0</v>
      </c>
      <c r="F3208" s="11" t="str">
        <f>'申請書（複数入力用）'!J3210</f>
        <v/>
      </c>
      <c r="G3208" s="6" t="str">
        <f>'申請書（複数入力用）'!K3210</f>
        <v>a052r000000jS9ZAAU</v>
      </c>
      <c r="H3208" s="12" t="e">
        <f>'申請書（複数入力用）'!N3210</f>
        <v>#N/A</v>
      </c>
      <c r="I3208" s="12" t="e">
        <f>'申請書（複数入力用）'!O3210</f>
        <v>#N/A</v>
      </c>
      <c r="J3208" s="12">
        <f>'申請書（複数入力用）'!P3210</f>
        <v>1</v>
      </c>
    </row>
    <row r="3209" spans="1:10" ht="51.6" customHeight="1" x14ac:dyDescent="0.45">
      <c r="A3209" s="6">
        <f>'申請書（複数入力用）'!A3211</f>
        <v>3205</v>
      </c>
      <c r="B3209" s="13">
        <f>'申請書（複数入力用）'!AH3211</f>
        <v>0</v>
      </c>
      <c r="C3209" s="6">
        <f>'申請書（複数入力用）'!B3211</f>
        <v>0</v>
      </c>
      <c r="D3209" s="6">
        <f>'申請書（複数入力用）'!D3211</f>
        <v>0</v>
      </c>
      <c r="E3209" s="14">
        <f>'申請書（複数入力用）'!H3211</f>
        <v>0</v>
      </c>
      <c r="F3209" s="11" t="str">
        <f>'申請書（複数入力用）'!J3211</f>
        <v/>
      </c>
      <c r="G3209" s="6" t="str">
        <f>'申請書（複数入力用）'!K3211</f>
        <v>a052r000000jS9ZAAU</v>
      </c>
      <c r="H3209" s="12" t="e">
        <f>'申請書（複数入力用）'!N3211</f>
        <v>#N/A</v>
      </c>
      <c r="I3209" s="12" t="e">
        <f>'申請書（複数入力用）'!O3211</f>
        <v>#N/A</v>
      </c>
      <c r="J3209" s="12">
        <f>'申請書（複数入力用）'!P3211</f>
        <v>1</v>
      </c>
    </row>
    <row r="3210" spans="1:10" ht="51.6" customHeight="1" x14ac:dyDescent="0.45">
      <c r="A3210" s="6">
        <f>'申請書（複数入力用）'!A3212</f>
        <v>3206</v>
      </c>
      <c r="B3210" s="13">
        <f>'申請書（複数入力用）'!AH3212</f>
        <v>0</v>
      </c>
      <c r="C3210" s="6">
        <f>'申請書（複数入力用）'!B3212</f>
        <v>0</v>
      </c>
      <c r="D3210" s="6">
        <f>'申請書（複数入力用）'!D3212</f>
        <v>0</v>
      </c>
      <c r="E3210" s="14">
        <f>'申請書（複数入力用）'!H3212</f>
        <v>0</v>
      </c>
      <c r="F3210" s="11" t="str">
        <f>'申請書（複数入力用）'!J3212</f>
        <v/>
      </c>
      <c r="G3210" s="6" t="str">
        <f>'申請書（複数入力用）'!K3212</f>
        <v>a052r000000jS9ZAAU</v>
      </c>
      <c r="H3210" s="12" t="e">
        <f>'申請書（複数入力用）'!N3212</f>
        <v>#N/A</v>
      </c>
      <c r="I3210" s="12" t="e">
        <f>'申請書（複数入力用）'!O3212</f>
        <v>#N/A</v>
      </c>
      <c r="J3210" s="12">
        <f>'申請書（複数入力用）'!P3212</f>
        <v>1</v>
      </c>
    </row>
    <row r="3211" spans="1:10" ht="51.6" customHeight="1" x14ac:dyDescent="0.45">
      <c r="A3211" s="6">
        <f>'申請書（複数入力用）'!A3213</f>
        <v>3207</v>
      </c>
      <c r="B3211" s="13">
        <f>'申請書（複数入力用）'!AH3213</f>
        <v>0</v>
      </c>
      <c r="C3211" s="6">
        <f>'申請書（複数入力用）'!B3213</f>
        <v>0</v>
      </c>
      <c r="D3211" s="6">
        <f>'申請書（複数入力用）'!D3213</f>
        <v>0</v>
      </c>
      <c r="E3211" s="14">
        <f>'申請書（複数入力用）'!H3213</f>
        <v>0</v>
      </c>
      <c r="F3211" s="11" t="str">
        <f>'申請書（複数入力用）'!J3213</f>
        <v/>
      </c>
      <c r="G3211" s="6" t="str">
        <f>'申請書（複数入力用）'!K3213</f>
        <v>a052r000000jS9ZAAU</v>
      </c>
      <c r="H3211" s="12" t="e">
        <f>'申請書（複数入力用）'!N3213</f>
        <v>#N/A</v>
      </c>
      <c r="I3211" s="12" t="e">
        <f>'申請書（複数入力用）'!O3213</f>
        <v>#N/A</v>
      </c>
      <c r="J3211" s="12">
        <f>'申請書（複数入力用）'!P3213</f>
        <v>1</v>
      </c>
    </row>
    <row r="3212" spans="1:10" ht="51.6" customHeight="1" x14ac:dyDescent="0.45">
      <c r="A3212" s="6">
        <f>'申請書（複数入力用）'!A3214</f>
        <v>3208</v>
      </c>
      <c r="B3212" s="13">
        <f>'申請書（複数入力用）'!AH3214</f>
        <v>0</v>
      </c>
      <c r="C3212" s="6">
        <f>'申請書（複数入力用）'!B3214</f>
        <v>0</v>
      </c>
      <c r="D3212" s="6">
        <f>'申請書（複数入力用）'!D3214</f>
        <v>0</v>
      </c>
      <c r="E3212" s="14">
        <f>'申請書（複数入力用）'!H3214</f>
        <v>0</v>
      </c>
      <c r="F3212" s="11" t="str">
        <f>'申請書（複数入力用）'!J3214</f>
        <v/>
      </c>
      <c r="G3212" s="6" t="str">
        <f>'申請書（複数入力用）'!K3214</f>
        <v>a052r000000jS9ZAAU</v>
      </c>
      <c r="H3212" s="12" t="e">
        <f>'申請書（複数入力用）'!N3214</f>
        <v>#N/A</v>
      </c>
      <c r="I3212" s="12" t="e">
        <f>'申請書（複数入力用）'!O3214</f>
        <v>#N/A</v>
      </c>
      <c r="J3212" s="12">
        <f>'申請書（複数入力用）'!P3214</f>
        <v>1</v>
      </c>
    </row>
    <row r="3213" spans="1:10" ht="51.6" customHeight="1" x14ac:dyDescent="0.45">
      <c r="A3213" s="6">
        <f>'申請書（複数入力用）'!A3215</f>
        <v>3209</v>
      </c>
      <c r="B3213" s="13">
        <f>'申請書（複数入力用）'!AH3215</f>
        <v>0</v>
      </c>
      <c r="C3213" s="6">
        <f>'申請書（複数入力用）'!B3215</f>
        <v>0</v>
      </c>
      <c r="D3213" s="6">
        <f>'申請書（複数入力用）'!D3215</f>
        <v>0</v>
      </c>
      <c r="E3213" s="14">
        <f>'申請書（複数入力用）'!H3215</f>
        <v>0</v>
      </c>
      <c r="F3213" s="11" t="str">
        <f>'申請書（複数入力用）'!J3215</f>
        <v/>
      </c>
      <c r="G3213" s="6" t="str">
        <f>'申請書（複数入力用）'!K3215</f>
        <v>a052r000000jS9ZAAU</v>
      </c>
      <c r="H3213" s="12" t="e">
        <f>'申請書（複数入力用）'!N3215</f>
        <v>#N/A</v>
      </c>
      <c r="I3213" s="12" t="e">
        <f>'申請書（複数入力用）'!O3215</f>
        <v>#N/A</v>
      </c>
      <c r="J3213" s="12">
        <f>'申請書（複数入力用）'!P3215</f>
        <v>1</v>
      </c>
    </row>
    <row r="3214" spans="1:10" ht="51.6" customHeight="1" x14ac:dyDescent="0.45">
      <c r="A3214" s="6">
        <f>'申請書（複数入力用）'!A3216</f>
        <v>3210</v>
      </c>
      <c r="B3214" s="13">
        <f>'申請書（複数入力用）'!AH3216</f>
        <v>0</v>
      </c>
      <c r="C3214" s="6">
        <f>'申請書（複数入力用）'!B3216</f>
        <v>0</v>
      </c>
      <c r="D3214" s="6">
        <f>'申請書（複数入力用）'!D3216</f>
        <v>0</v>
      </c>
      <c r="E3214" s="14">
        <f>'申請書（複数入力用）'!H3216</f>
        <v>0</v>
      </c>
      <c r="F3214" s="11" t="str">
        <f>'申請書（複数入力用）'!J3216</f>
        <v/>
      </c>
      <c r="G3214" s="6" t="str">
        <f>'申請書（複数入力用）'!K3216</f>
        <v>a052r000000jS9ZAAU</v>
      </c>
      <c r="H3214" s="12" t="e">
        <f>'申請書（複数入力用）'!N3216</f>
        <v>#N/A</v>
      </c>
      <c r="I3214" s="12" t="e">
        <f>'申請書（複数入力用）'!O3216</f>
        <v>#N/A</v>
      </c>
      <c r="J3214" s="12">
        <f>'申請書（複数入力用）'!P3216</f>
        <v>1</v>
      </c>
    </row>
    <row r="3215" spans="1:10" ht="51.6" customHeight="1" x14ac:dyDescent="0.45">
      <c r="A3215" s="6">
        <f>'申請書（複数入力用）'!A3217</f>
        <v>3211</v>
      </c>
      <c r="B3215" s="13">
        <f>'申請書（複数入力用）'!AH3217</f>
        <v>0</v>
      </c>
      <c r="C3215" s="6">
        <f>'申請書（複数入力用）'!B3217</f>
        <v>0</v>
      </c>
      <c r="D3215" s="6">
        <f>'申請書（複数入力用）'!D3217</f>
        <v>0</v>
      </c>
      <c r="E3215" s="14">
        <f>'申請書（複数入力用）'!H3217</f>
        <v>0</v>
      </c>
      <c r="F3215" s="11" t="str">
        <f>'申請書（複数入力用）'!J3217</f>
        <v/>
      </c>
      <c r="G3215" s="6" t="str">
        <f>'申請書（複数入力用）'!K3217</f>
        <v>a052r000000jS9ZAAU</v>
      </c>
      <c r="H3215" s="12" t="e">
        <f>'申請書（複数入力用）'!N3217</f>
        <v>#N/A</v>
      </c>
      <c r="I3215" s="12" t="e">
        <f>'申請書（複数入力用）'!O3217</f>
        <v>#N/A</v>
      </c>
      <c r="J3215" s="12">
        <f>'申請書（複数入力用）'!P3217</f>
        <v>1</v>
      </c>
    </row>
    <row r="3216" spans="1:10" ht="51.6" customHeight="1" x14ac:dyDescent="0.45">
      <c r="A3216" s="6">
        <f>'申請書（複数入力用）'!A3218</f>
        <v>3212</v>
      </c>
      <c r="B3216" s="13">
        <f>'申請書（複数入力用）'!AH3218</f>
        <v>0</v>
      </c>
      <c r="C3216" s="6">
        <f>'申請書（複数入力用）'!B3218</f>
        <v>0</v>
      </c>
      <c r="D3216" s="6">
        <f>'申請書（複数入力用）'!D3218</f>
        <v>0</v>
      </c>
      <c r="E3216" s="14">
        <f>'申請書（複数入力用）'!H3218</f>
        <v>0</v>
      </c>
      <c r="F3216" s="11" t="str">
        <f>'申請書（複数入力用）'!J3218</f>
        <v/>
      </c>
      <c r="G3216" s="6" t="str">
        <f>'申請書（複数入力用）'!K3218</f>
        <v>a052r000000jS9ZAAU</v>
      </c>
      <c r="H3216" s="12" t="e">
        <f>'申請書（複数入力用）'!N3218</f>
        <v>#N/A</v>
      </c>
      <c r="I3216" s="12" t="e">
        <f>'申請書（複数入力用）'!O3218</f>
        <v>#N/A</v>
      </c>
      <c r="J3216" s="12">
        <f>'申請書（複数入力用）'!P3218</f>
        <v>1</v>
      </c>
    </row>
    <row r="3217" spans="1:10" ht="51.6" customHeight="1" x14ac:dyDescent="0.45">
      <c r="A3217" s="6">
        <f>'申請書（複数入力用）'!A3219</f>
        <v>3213</v>
      </c>
      <c r="B3217" s="13">
        <f>'申請書（複数入力用）'!AH3219</f>
        <v>0</v>
      </c>
      <c r="C3217" s="6">
        <f>'申請書（複数入力用）'!B3219</f>
        <v>0</v>
      </c>
      <c r="D3217" s="6">
        <f>'申請書（複数入力用）'!D3219</f>
        <v>0</v>
      </c>
      <c r="E3217" s="14">
        <f>'申請書（複数入力用）'!H3219</f>
        <v>0</v>
      </c>
      <c r="F3217" s="11" t="str">
        <f>'申請書（複数入力用）'!J3219</f>
        <v/>
      </c>
      <c r="G3217" s="6" t="str">
        <f>'申請書（複数入力用）'!K3219</f>
        <v>a052r000000jS9ZAAU</v>
      </c>
      <c r="H3217" s="12" t="e">
        <f>'申請書（複数入力用）'!N3219</f>
        <v>#N/A</v>
      </c>
      <c r="I3217" s="12" t="e">
        <f>'申請書（複数入力用）'!O3219</f>
        <v>#N/A</v>
      </c>
      <c r="J3217" s="12">
        <f>'申請書（複数入力用）'!P3219</f>
        <v>1</v>
      </c>
    </row>
    <row r="3218" spans="1:10" ht="51.6" customHeight="1" x14ac:dyDescent="0.45">
      <c r="A3218" s="6">
        <f>'申請書（複数入力用）'!A3220</f>
        <v>3214</v>
      </c>
      <c r="B3218" s="13">
        <f>'申請書（複数入力用）'!AH3220</f>
        <v>0</v>
      </c>
      <c r="C3218" s="6">
        <f>'申請書（複数入力用）'!B3220</f>
        <v>0</v>
      </c>
      <c r="D3218" s="6">
        <f>'申請書（複数入力用）'!D3220</f>
        <v>0</v>
      </c>
      <c r="E3218" s="14">
        <f>'申請書（複数入力用）'!H3220</f>
        <v>0</v>
      </c>
      <c r="F3218" s="11" t="str">
        <f>'申請書（複数入力用）'!J3220</f>
        <v/>
      </c>
      <c r="G3218" s="6" t="str">
        <f>'申請書（複数入力用）'!K3220</f>
        <v>a052r000000jS9ZAAU</v>
      </c>
      <c r="H3218" s="12" t="e">
        <f>'申請書（複数入力用）'!N3220</f>
        <v>#N/A</v>
      </c>
      <c r="I3218" s="12" t="e">
        <f>'申請書（複数入力用）'!O3220</f>
        <v>#N/A</v>
      </c>
      <c r="J3218" s="12">
        <f>'申請書（複数入力用）'!P3220</f>
        <v>1</v>
      </c>
    </row>
    <row r="3219" spans="1:10" ht="51.6" customHeight="1" x14ac:dyDescent="0.45">
      <c r="A3219" s="6">
        <f>'申請書（複数入力用）'!A3221</f>
        <v>3215</v>
      </c>
      <c r="B3219" s="13">
        <f>'申請書（複数入力用）'!AH3221</f>
        <v>0</v>
      </c>
      <c r="C3219" s="6">
        <f>'申請書（複数入力用）'!B3221</f>
        <v>0</v>
      </c>
      <c r="D3219" s="6">
        <f>'申請書（複数入力用）'!D3221</f>
        <v>0</v>
      </c>
      <c r="E3219" s="14">
        <f>'申請書（複数入力用）'!H3221</f>
        <v>0</v>
      </c>
      <c r="F3219" s="11" t="str">
        <f>'申請書（複数入力用）'!J3221</f>
        <v/>
      </c>
      <c r="G3219" s="6" t="str">
        <f>'申請書（複数入力用）'!K3221</f>
        <v>a052r000000jS9ZAAU</v>
      </c>
      <c r="H3219" s="12" t="e">
        <f>'申請書（複数入力用）'!N3221</f>
        <v>#N/A</v>
      </c>
      <c r="I3219" s="12" t="e">
        <f>'申請書（複数入力用）'!O3221</f>
        <v>#N/A</v>
      </c>
      <c r="J3219" s="12">
        <f>'申請書（複数入力用）'!P3221</f>
        <v>1</v>
      </c>
    </row>
    <row r="3220" spans="1:10" ht="51.6" customHeight="1" x14ac:dyDescent="0.45">
      <c r="A3220" s="6">
        <f>'申請書（複数入力用）'!A3222</f>
        <v>3216</v>
      </c>
      <c r="B3220" s="13">
        <f>'申請書（複数入力用）'!AH3222</f>
        <v>0</v>
      </c>
      <c r="C3220" s="6">
        <f>'申請書（複数入力用）'!B3222</f>
        <v>0</v>
      </c>
      <c r="D3220" s="6">
        <f>'申請書（複数入力用）'!D3222</f>
        <v>0</v>
      </c>
      <c r="E3220" s="14">
        <f>'申請書（複数入力用）'!H3222</f>
        <v>0</v>
      </c>
      <c r="F3220" s="11" t="str">
        <f>'申請書（複数入力用）'!J3222</f>
        <v/>
      </c>
      <c r="G3220" s="6" t="str">
        <f>'申請書（複数入力用）'!K3222</f>
        <v>a052r000000jS9ZAAU</v>
      </c>
      <c r="H3220" s="12" t="e">
        <f>'申請書（複数入力用）'!N3222</f>
        <v>#N/A</v>
      </c>
      <c r="I3220" s="12" t="e">
        <f>'申請書（複数入力用）'!O3222</f>
        <v>#N/A</v>
      </c>
      <c r="J3220" s="12">
        <f>'申請書（複数入力用）'!P3222</f>
        <v>1</v>
      </c>
    </row>
    <row r="3221" spans="1:10" ht="51.6" customHeight="1" x14ac:dyDescent="0.45">
      <c r="A3221" s="6">
        <f>'申請書（複数入力用）'!A3223</f>
        <v>3217</v>
      </c>
      <c r="B3221" s="13">
        <f>'申請書（複数入力用）'!AH3223</f>
        <v>0</v>
      </c>
      <c r="C3221" s="6">
        <f>'申請書（複数入力用）'!B3223</f>
        <v>0</v>
      </c>
      <c r="D3221" s="6">
        <f>'申請書（複数入力用）'!D3223</f>
        <v>0</v>
      </c>
      <c r="E3221" s="14">
        <f>'申請書（複数入力用）'!H3223</f>
        <v>0</v>
      </c>
      <c r="F3221" s="11" t="str">
        <f>'申請書（複数入力用）'!J3223</f>
        <v/>
      </c>
      <c r="G3221" s="6" t="str">
        <f>'申請書（複数入力用）'!K3223</f>
        <v>a052r000000jS9ZAAU</v>
      </c>
      <c r="H3221" s="12" t="e">
        <f>'申請書（複数入力用）'!N3223</f>
        <v>#N/A</v>
      </c>
      <c r="I3221" s="12" t="e">
        <f>'申請書（複数入力用）'!O3223</f>
        <v>#N/A</v>
      </c>
      <c r="J3221" s="12">
        <f>'申請書（複数入力用）'!P3223</f>
        <v>1</v>
      </c>
    </row>
    <row r="3222" spans="1:10" ht="51.6" customHeight="1" x14ac:dyDescent="0.45">
      <c r="A3222" s="6">
        <f>'申請書（複数入力用）'!A3224</f>
        <v>3218</v>
      </c>
      <c r="B3222" s="13">
        <f>'申請書（複数入力用）'!AH3224</f>
        <v>0</v>
      </c>
      <c r="C3222" s="6">
        <f>'申請書（複数入力用）'!B3224</f>
        <v>0</v>
      </c>
      <c r="D3222" s="6">
        <f>'申請書（複数入力用）'!D3224</f>
        <v>0</v>
      </c>
      <c r="E3222" s="14">
        <f>'申請書（複数入力用）'!H3224</f>
        <v>0</v>
      </c>
      <c r="F3222" s="11" t="str">
        <f>'申請書（複数入力用）'!J3224</f>
        <v/>
      </c>
      <c r="G3222" s="6" t="str">
        <f>'申請書（複数入力用）'!K3224</f>
        <v>a052r000000jS9ZAAU</v>
      </c>
      <c r="H3222" s="12" t="e">
        <f>'申請書（複数入力用）'!N3224</f>
        <v>#N/A</v>
      </c>
      <c r="I3222" s="12" t="e">
        <f>'申請書（複数入力用）'!O3224</f>
        <v>#N/A</v>
      </c>
      <c r="J3222" s="12">
        <f>'申請書（複数入力用）'!P3224</f>
        <v>1</v>
      </c>
    </row>
    <row r="3223" spans="1:10" ht="51.6" customHeight="1" x14ac:dyDescent="0.45">
      <c r="A3223" s="6">
        <f>'申請書（複数入力用）'!A3225</f>
        <v>3219</v>
      </c>
      <c r="B3223" s="13">
        <f>'申請書（複数入力用）'!AH3225</f>
        <v>0</v>
      </c>
      <c r="C3223" s="6">
        <f>'申請書（複数入力用）'!B3225</f>
        <v>0</v>
      </c>
      <c r="D3223" s="6">
        <f>'申請書（複数入力用）'!D3225</f>
        <v>0</v>
      </c>
      <c r="E3223" s="14">
        <f>'申請書（複数入力用）'!H3225</f>
        <v>0</v>
      </c>
      <c r="F3223" s="11" t="str">
        <f>'申請書（複数入力用）'!J3225</f>
        <v/>
      </c>
      <c r="G3223" s="6" t="str">
        <f>'申請書（複数入力用）'!K3225</f>
        <v>a052r000000jS9ZAAU</v>
      </c>
      <c r="H3223" s="12" t="e">
        <f>'申請書（複数入力用）'!N3225</f>
        <v>#N/A</v>
      </c>
      <c r="I3223" s="12" t="e">
        <f>'申請書（複数入力用）'!O3225</f>
        <v>#N/A</v>
      </c>
      <c r="J3223" s="12">
        <f>'申請書（複数入力用）'!P3225</f>
        <v>1</v>
      </c>
    </row>
    <row r="3224" spans="1:10" ht="51.6" customHeight="1" x14ac:dyDescent="0.45">
      <c r="A3224" s="6">
        <f>'申請書（複数入力用）'!A3226</f>
        <v>3220</v>
      </c>
      <c r="B3224" s="13">
        <f>'申請書（複数入力用）'!AH3226</f>
        <v>0</v>
      </c>
      <c r="C3224" s="6">
        <f>'申請書（複数入力用）'!B3226</f>
        <v>0</v>
      </c>
      <c r="D3224" s="6">
        <f>'申請書（複数入力用）'!D3226</f>
        <v>0</v>
      </c>
      <c r="E3224" s="14">
        <f>'申請書（複数入力用）'!H3226</f>
        <v>0</v>
      </c>
      <c r="F3224" s="11" t="str">
        <f>'申請書（複数入力用）'!J3226</f>
        <v/>
      </c>
      <c r="G3224" s="6" t="str">
        <f>'申請書（複数入力用）'!K3226</f>
        <v>a052r000000jS9ZAAU</v>
      </c>
      <c r="H3224" s="12" t="e">
        <f>'申請書（複数入力用）'!N3226</f>
        <v>#N/A</v>
      </c>
      <c r="I3224" s="12" t="e">
        <f>'申請書（複数入力用）'!O3226</f>
        <v>#N/A</v>
      </c>
      <c r="J3224" s="12">
        <f>'申請書（複数入力用）'!P3226</f>
        <v>1</v>
      </c>
    </row>
    <row r="3225" spans="1:10" ht="51.6" customHeight="1" x14ac:dyDescent="0.45">
      <c r="A3225" s="6">
        <f>'申請書（複数入力用）'!A3227</f>
        <v>3221</v>
      </c>
      <c r="B3225" s="13">
        <f>'申請書（複数入力用）'!AH3227</f>
        <v>0</v>
      </c>
      <c r="C3225" s="6">
        <f>'申請書（複数入力用）'!B3227</f>
        <v>0</v>
      </c>
      <c r="D3225" s="6">
        <f>'申請書（複数入力用）'!D3227</f>
        <v>0</v>
      </c>
      <c r="E3225" s="14">
        <f>'申請書（複数入力用）'!H3227</f>
        <v>0</v>
      </c>
      <c r="F3225" s="11" t="str">
        <f>'申請書（複数入力用）'!J3227</f>
        <v/>
      </c>
      <c r="G3225" s="6" t="str">
        <f>'申請書（複数入力用）'!K3227</f>
        <v>a052r000000jS9ZAAU</v>
      </c>
      <c r="H3225" s="12" t="e">
        <f>'申請書（複数入力用）'!N3227</f>
        <v>#N/A</v>
      </c>
      <c r="I3225" s="12" t="e">
        <f>'申請書（複数入力用）'!O3227</f>
        <v>#N/A</v>
      </c>
      <c r="J3225" s="12">
        <f>'申請書（複数入力用）'!P3227</f>
        <v>1</v>
      </c>
    </row>
    <row r="3226" spans="1:10" ht="51.6" customHeight="1" x14ac:dyDescent="0.45">
      <c r="A3226" s="6">
        <f>'申請書（複数入力用）'!A3228</f>
        <v>3222</v>
      </c>
      <c r="B3226" s="13">
        <f>'申請書（複数入力用）'!AH3228</f>
        <v>0</v>
      </c>
      <c r="C3226" s="6">
        <f>'申請書（複数入力用）'!B3228</f>
        <v>0</v>
      </c>
      <c r="D3226" s="6">
        <f>'申請書（複数入力用）'!D3228</f>
        <v>0</v>
      </c>
      <c r="E3226" s="14">
        <f>'申請書（複数入力用）'!H3228</f>
        <v>0</v>
      </c>
      <c r="F3226" s="11" t="str">
        <f>'申請書（複数入力用）'!J3228</f>
        <v/>
      </c>
      <c r="G3226" s="6" t="str">
        <f>'申請書（複数入力用）'!K3228</f>
        <v>a052r000000jS9ZAAU</v>
      </c>
      <c r="H3226" s="12" t="e">
        <f>'申請書（複数入力用）'!N3228</f>
        <v>#N/A</v>
      </c>
      <c r="I3226" s="12" t="e">
        <f>'申請書（複数入力用）'!O3228</f>
        <v>#N/A</v>
      </c>
      <c r="J3226" s="12">
        <f>'申請書（複数入力用）'!P3228</f>
        <v>1</v>
      </c>
    </row>
    <row r="3227" spans="1:10" ht="51.6" customHeight="1" x14ac:dyDescent="0.45">
      <c r="A3227" s="6">
        <f>'申請書（複数入力用）'!A3229</f>
        <v>3223</v>
      </c>
      <c r="B3227" s="13">
        <f>'申請書（複数入力用）'!AH3229</f>
        <v>0</v>
      </c>
      <c r="C3227" s="6">
        <f>'申請書（複数入力用）'!B3229</f>
        <v>0</v>
      </c>
      <c r="D3227" s="6">
        <f>'申請書（複数入力用）'!D3229</f>
        <v>0</v>
      </c>
      <c r="E3227" s="14">
        <f>'申請書（複数入力用）'!H3229</f>
        <v>0</v>
      </c>
      <c r="F3227" s="11" t="str">
        <f>'申請書（複数入力用）'!J3229</f>
        <v/>
      </c>
      <c r="G3227" s="6" t="str">
        <f>'申請書（複数入力用）'!K3229</f>
        <v>a052r000000jS9ZAAU</v>
      </c>
      <c r="H3227" s="12" t="e">
        <f>'申請書（複数入力用）'!N3229</f>
        <v>#N/A</v>
      </c>
      <c r="I3227" s="12" t="e">
        <f>'申請書（複数入力用）'!O3229</f>
        <v>#N/A</v>
      </c>
      <c r="J3227" s="12">
        <f>'申請書（複数入力用）'!P3229</f>
        <v>1</v>
      </c>
    </row>
    <row r="3228" spans="1:10" ht="51.6" customHeight="1" x14ac:dyDescent="0.45">
      <c r="A3228" s="6">
        <f>'申請書（複数入力用）'!A3230</f>
        <v>3224</v>
      </c>
      <c r="B3228" s="13">
        <f>'申請書（複数入力用）'!AH3230</f>
        <v>0</v>
      </c>
      <c r="C3228" s="6">
        <f>'申請書（複数入力用）'!B3230</f>
        <v>0</v>
      </c>
      <c r="D3228" s="6">
        <f>'申請書（複数入力用）'!D3230</f>
        <v>0</v>
      </c>
      <c r="E3228" s="14">
        <f>'申請書（複数入力用）'!H3230</f>
        <v>0</v>
      </c>
      <c r="F3228" s="11" t="str">
        <f>'申請書（複数入力用）'!J3230</f>
        <v/>
      </c>
      <c r="G3228" s="6" t="str">
        <f>'申請書（複数入力用）'!K3230</f>
        <v>a052r000000jS9ZAAU</v>
      </c>
      <c r="H3228" s="12" t="e">
        <f>'申請書（複数入力用）'!N3230</f>
        <v>#N/A</v>
      </c>
      <c r="I3228" s="12" t="e">
        <f>'申請書（複数入力用）'!O3230</f>
        <v>#N/A</v>
      </c>
      <c r="J3228" s="12">
        <f>'申請書（複数入力用）'!P3230</f>
        <v>1</v>
      </c>
    </row>
    <row r="3229" spans="1:10" ht="51.6" customHeight="1" x14ac:dyDescent="0.45">
      <c r="A3229" s="6">
        <f>'申請書（複数入力用）'!A3231</f>
        <v>3225</v>
      </c>
      <c r="B3229" s="13">
        <f>'申請書（複数入力用）'!AH3231</f>
        <v>0</v>
      </c>
      <c r="C3229" s="6">
        <f>'申請書（複数入力用）'!B3231</f>
        <v>0</v>
      </c>
      <c r="D3229" s="6">
        <f>'申請書（複数入力用）'!D3231</f>
        <v>0</v>
      </c>
      <c r="E3229" s="14">
        <f>'申請書（複数入力用）'!H3231</f>
        <v>0</v>
      </c>
      <c r="F3229" s="11" t="str">
        <f>'申請書（複数入力用）'!J3231</f>
        <v/>
      </c>
      <c r="G3229" s="6" t="str">
        <f>'申請書（複数入力用）'!K3231</f>
        <v>a052r000000jS9ZAAU</v>
      </c>
      <c r="H3229" s="12" t="e">
        <f>'申請書（複数入力用）'!N3231</f>
        <v>#N/A</v>
      </c>
      <c r="I3229" s="12" t="e">
        <f>'申請書（複数入力用）'!O3231</f>
        <v>#N/A</v>
      </c>
      <c r="J3229" s="12">
        <f>'申請書（複数入力用）'!P3231</f>
        <v>1</v>
      </c>
    </row>
    <row r="3230" spans="1:10" ht="51.6" customHeight="1" x14ac:dyDescent="0.45">
      <c r="A3230" s="6">
        <f>'申請書（複数入力用）'!A3232</f>
        <v>3226</v>
      </c>
      <c r="B3230" s="13">
        <f>'申請書（複数入力用）'!AH3232</f>
        <v>0</v>
      </c>
      <c r="C3230" s="6">
        <f>'申請書（複数入力用）'!B3232</f>
        <v>0</v>
      </c>
      <c r="D3230" s="6">
        <f>'申請書（複数入力用）'!D3232</f>
        <v>0</v>
      </c>
      <c r="E3230" s="14">
        <f>'申請書（複数入力用）'!H3232</f>
        <v>0</v>
      </c>
      <c r="F3230" s="11" t="str">
        <f>'申請書（複数入力用）'!J3232</f>
        <v/>
      </c>
      <c r="G3230" s="6" t="str">
        <f>'申請書（複数入力用）'!K3232</f>
        <v>a052r000000jS9ZAAU</v>
      </c>
      <c r="H3230" s="12" t="e">
        <f>'申請書（複数入力用）'!N3232</f>
        <v>#N/A</v>
      </c>
      <c r="I3230" s="12" t="e">
        <f>'申請書（複数入力用）'!O3232</f>
        <v>#N/A</v>
      </c>
      <c r="J3230" s="12">
        <f>'申請書（複数入力用）'!P3232</f>
        <v>1</v>
      </c>
    </row>
    <row r="3231" spans="1:10" ht="51.6" customHeight="1" x14ac:dyDescent="0.45">
      <c r="A3231" s="6">
        <f>'申請書（複数入力用）'!A3233</f>
        <v>3227</v>
      </c>
      <c r="B3231" s="13">
        <f>'申請書（複数入力用）'!AH3233</f>
        <v>0</v>
      </c>
      <c r="C3231" s="6">
        <f>'申請書（複数入力用）'!B3233</f>
        <v>0</v>
      </c>
      <c r="D3231" s="6">
        <f>'申請書（複数入力用）'!D3233</f>
        <v>0</v>
      </c>
      <c r="E3231" s="14">
        <f>'申請書（複数入力用）'!H3233</f>
        <v>0</v>
      </c>
      <c r="F3231" s="11" t="str">
        <f>'申請書（複数入力用）'!J3233</f>
        <v/>
      </c>
      <c r="G3231" s="6" t="str">
        <f>'申請書（複数入力用）'!K3233</f>
        <v>a052r000000jS9ZAAU</v>
      </c>
      <c r="H3231" s="12" t="e">
        <f>'申請書（複数入力用）'!N3233</f>
        <v>#N/A</v>
      </c>
      <c r="I3231" s="12" t="e">
        <f>'申請書（複数入力用）'!O3233</f>
        <v>#N/A</v>
      </c>
      <c r="J3231" s="12">
        <f>'申請書（複数入力用）'!P3233</f>
        <v>1</v>
      </c>
    </row>
    <row r="3232" spans="1:10" ht="51.6" customHeight="1" x14ac:dyDescent="0.45">
      <c r="A3232" s="6">
        <f>'申請書（複数入力用）'!A3234</f>
        <v>3228</v>
      </c>
      <c r="B3232" s="13">
        <f>'申請書（複数入力用）'!AH3234</f>
        <v>0</v>
      </c>
      <c r="C3232" s="6">
        <f>'申請書（複数入力用）'!B3234</f>
        <v>0</v>
      </c>
      <c r="D3232" s="6">
        <f>'申請書（複数入力用）'!D3234</f>
        <v>0</v>
      </c>
      <c r="E3232" s="14">
        <f>'申請書（複数入力用）'!H3234</f>
        <v>0</v>
      </c>
      <c r="F3232" s="11" t="str">
        <f>'申請書（複数入力用）'!J3234</f>
        <v/>
      </c>
      <c r="G3232" s="6" t="str">
        <f>'申請書（複数入力用）'!K3234</f>
        <v>a052r000000jS9ZAAU</v>
      </c>
      <c r="H3232" s="12" t="e">
        <f>'申請書（複数入力用）'!N3234</f>
        <v>#N/A</v>
      </c>
      <c r="I3232" s="12" t="e">
        <f>'申請書（複数入力用）'!O3234</f>
        <v>#N/A</v>
      </c>
      <c r="J3232" s="12">
        <f>'申請書（複数入力用）'!P3234</f>
        <v>1</v>
      </c>
    </row>
    <row r="3233" spans="1:10" ht="51.6" customHeight="1" x14ac:dyDescent="0.45">
      <c r="A3233" s="6">
        <f>'申請書（複数入力用）'!A3235</f>
        <v>3229</v>
      </c>
      <c r="B3233" s="13">
        <f>'申請書（複数入力用）'!AH3235</f>
        <v>0</v>
      </c>
      <c r="C3233" s="6">
        <f>'申請書（複数入力用）'!B3235</f>
        <v>0</v>
      </c>
      <c r="D3233" s="6">
        <f>'申請書（複数入力用）'!D3235</f>
        <v>0</v>
      </c>
      <c r="E3233" s="14">
        <f>'申請書（複数入力用）'!H3235</f>
        <v>0</v>
      </c>
      <c r="F3233" s="11" t="str">
        <f>'申請書（複数入力用）'!J3235</f>
        <v/>
      </c>
      <c r="G3233" s="6" t="str">
        <f>'申請書（複数入力用）'!K3235</f>
        <v>a052r000000jS9ZAAU</v>
      </c>
      <c r="H3233" s="12" t="e">
        <f>'申請書（複数入力用）'!N3235</f>
        <v>#N/A</v>
      </c>
      <c r="I3233" s="12" t="e">
        <f>'申請書（複数入力用）'!O3235</f>
        <v>#N/A</v>
      </c>
      <c r="J3233" s="12">
        <f>'申請書（複数入力用）'!P3235</f>
        <v>1</v>
      </c>
    </row>
    <row r="3234" spans="1:10" ht="51.6" customHeight="1" x14ac:dyDescent="0.45">
      <c r="A3234" s="6">
        <f>'申請書（複数入力用）'!A3236</f>
        <v>3230</v>
      </c>
      <c r="B3234" s="13">
        <f>'申請書（複数入力用）'!AH3236</f>
        <v>0</v>
      </c>
      <c r="C3234" s="6">
        <f>'申請書（複数入力用）'!B3236</f>
        <v>0</v>
      </c>
      <c r="D3234" s="6">
        <f>'申請書（複数入力用）'!D3236</f>
        <v>0</v>
      </c>
      <c r="E3234" s="14">
        <f>'申請書（複数入力用）'!H3236</f>
        <v>0</v>
      </c>
      <c r="F3234" s="11" t="str">
        <f>'申請書（複数入力用）'!J3236</f>
        <v/>
      </c>
      <c r="G3234" s="6" t="str">
        <f>'申請書（複数入力用）'!K3236</f>
        <v>a052r000000jS9ZAAU</v>
      </c>
      <c r="H3234" s="12" t="e">
        <f>'申請書（複数入力用）'!N3236</f>
        <v>#N/A</v>
      </c>
      <c r="I3234" s="12" t="e">
        <f>'申請書（複数入力用）'!O3236</f>
        <v>#N/A</v>
      </c>
      <c r="J3234" s="12">
        <f>'申請書（複数入力用）'!P3236</f>
        <v>1</v>
      </c>
    </row>
    <row r="3235" spans="1:10" ht="51.6" customHeight="1" x14ac:dyDescent="0.45">
      <c r="A3235" s="6">
        <f>'申請書（複数入力用）'!A3237</f>
        <v>3231</v>
      </c>
      <c r="B3235" s="13">
        <f>'申請書（複数入力用）'!AH3237</f>
        <v>0</v>
      </c>
      <c r="C3235" s="6">
        <f>'申請書（複数入力用）'!B3237</f>
        <v>0</v>
      </c>
      <c r="D3235" s="6">
        <f>'申請書（複数入力用）'!D3237</f>
        <v>0</v>
      </c>
      <c r="E3235" s="14">
        <f>'申請書（複数入力用）'!H3237</f>
        <v>0</v>
      </c>
      <c r="F3235" s="11" t="str">
        <f>'申請書（複数入力用）'!J3237</f>
        <v/>
      </c>
      <c r="G3235" s="6" t="str">
        <f>'申請書（複数入力用）'!K3237</f>
        <v>a052r000000jS9ZAAU</v>
      </c>
      <c r="H3235" s="12" t="e">
        <f>'申請書（複数入力用）'!N3237</f>
        <v>#N/A</v>
      </c>
      <c r="I3235" s="12" t="e">
        <f>'申請書（複数入力用）'!O3237</f>
        <v>#N/A</v>
      </c>
      <c r="J3235" s="12">
        <f>'申請書（複数入力用）'!P3237</f>
        <v>1</v>
      </c>
    </row>
    <row r="3236" spans="1:10" ht="51.6" customHeight="1" x14ac:dyDescent="0.45">
      <c r="A3236" s="6">
        <f>'申請書（複数入力用）'!A3238</f>
        <v>3232</v>
      </c>
      <c r="B3236" s="13">
        <f>'申請書（複数入力用）'!AH3238</f>
        <v>0</v>
      </c>
      <c r="C3236" s="6">
        <f>'申請書（複数入力用）'!B3238</f>
        <v>0</v>
      </c>
      <c r="D3236" s="6">
        <f>'申請書（複数入力用）'!D3238</f>
        <v>0</v>
      </c>
      <c r="E3236" s="14">
        <f>'申請書（複数入力用）'!H3238</f>
        <v>0</v>
      </c>
      <c r="F3236" s="11" t="str">
        <f>'申請書（複数入力用）'!J3238</f>
        <v/>
      </c>
      <c r="G3236" s="6" t="str">
        <f>'申請書（複数入力用）'!K3238</f>
        <v>a052r000000jS9ZAAU</v>
      </c>
      <c r="H3236" s="12" t="e">
        <f>'申請書（複数入力用）'!N3238</f>
        <v>#N/A</v>
      </c>
      <c r="I3236" s="12" t="e">
        <f>'申請書（複数入力用）'!O3238</f>
        <v>#N/A</v>
      </c>
      <c r="J3236" s="12">
        <f>'申請書（複数入力用）'!P3238</f>
        <v>1</v>
      </c>
    </row>
    <row r="3237" spans="1:10" ht="51.6" customHeight="1" x14ac:dyDescent="0.45">
      <c r="A3237" s="6">
        <f>'申請書（複数入力用）'!A3239</f>
        <v>3233</v>
      </c>
      <c r="B3237" s="13">
        <f>'申請書（複数入力用）'!AH3239</f>
        <v>0</v>
      </c>
      <c r="C3237" s="6">
        <f>'申請書（複数入力用）'!B3239</f>
        <v>0</v>
      </c>
      <c r="D3237" s="6">
        <f>'申請書（複数入力用）'!D3239</f>
        <v>0</v>
      </c>
      <c r="E3237" s="14">
        <f>'申請書（複数入力用）'!H3239</f>
        <v>0</v>
      </c>
      <c r="F3237" s="11" t="str">
        <f>'申請書（複数入力用）'!J3239</f>
        <v/>
      </c>
      <c r="G3237" s="6" t="str">
        <f>'申請書（複数入力用）'!K3239</f>
        <v>a052r000000jS9ZAAU</v>
      </c>
      <c r="H3237" s="12" t="e">
        <f>'申請書（複数入力用）'!N3239</f>
        <v>#N/A</v>
      </c>
      <c r="I3237" s="12" t="e">
        <f>'申請書（複数入力用）'!O3239</f>
        <v>#N/A</v>
      </c>
      <c r="J3237" s="12">
        <f>'申請書（複数入力用）'!P3239</f>
        <v>1</v>
      </c>
    </row>
    <row r="3238" spans="1:10" ht="51.6" customHeight="1" x14ac:dyDescent="0.45">
      <c r="A3238" s="6">
        <f>'申請書（複数入力用）'!A3240</f>
        <v>3234</v>
      </c>
      <c r="B3238" s="13">
        <f>'申請書（複数入力用）'!AH3240</f>
        <v>0</v>
      </c>
      <c r="C3238" s="6">
        <f>'申請書（複数入力用）'!B3240</f>
        <v>0</v>
      </c>
      <c r="D3238" s="6">
        <f>'申請書（複数入力用）'!D3240</f>
        <v>0</v>
      </c>
      <c r="E3238" s="14">
        <f>'申請書（複数入力用）'!H3240</f>
        <v>0</v>
      </c>
      <c r="F3238" s="11" t="str">
        <f>'申請書（複数入力用）'!J3240</f>
        <v/>
      </c>
      <c r="G3238" s="6" t="str">
        <f>'申請書（複数入力用）'!K3240</f>
        <v>a052r000000jS9ZAAU</v>
      </c>
      <c r="H3238" s="12" t="e">
        <f>'申請書（複数入力用）'!N3240</f>
        <v>#N/A</v>
      </c>
      <c r="I3238" s="12" t="e">
        <f>'申請書（複数入力用）'!O3240</f>
        <v>#N/A</v>
      </c>
      <c r="J3238" s="12">
        <f>'申請書（複数入力用）'!P3240</f>
        <v>1</v>
      </c>
    </row>
    <row r="3239" spans="1:10" ht="51.6" customHeight="1" x14ac:dyDescent="0.45">
      <c r="A3239" s="6">
        <f>'申請書（複数入力用）'!A3241</f>
        <v>3235</v>
      </c>
      <c r="B3239" s="13">
        <f>'申請書（複数入力用）'!AH3241</f>
        <v>0</v>
      </c>
      <c r="C3239" s="6">
        <f>'申請書（複数入力用）'!B3241</f>
        <v>0</v>
      </c>
      <c r="D3239" s="6">
        <f>'申請書（複数入力用）'!D3241</f>
        <v>0</v>
      </c>
      <c r="E3239" s="14">
        <f>'申請書（複数入力用）'!H3241</f>
        <v>0</v>
      </c>
      <c r="F3239" s="11" t="str">
        <f>'申請書（複数入力用）'!J3241</f>
        <v/>
      </c>
      <c r="G3239" s="6" t="str">
        <f>'申請書（複数入力用）'!K3241</f>
        <v>a052r000000jS9ZAAU</v>
      </c>
      <c r="H3239" s="12" t="e">
        <f>'申請書（複数入力用）'!N3241</f>
        <v>#N/A</v>
      </c>
      <c r="I3239" s="12" t="e">
        <f>'申請書（複数入力用）'!O3241</f>
        <v>#N/A</v>
      </c>
      <c r="J3239" s="12">
        <f>'申請書（複数入力用）'!P3241</f>
        <v>1</v>
      </c>
    </row>
    <row r="3240" spans="1:10" ht="51.6" customHeight="1" x14ac:dyDescent="0.45">
      <c r="A3240" s="6">
        <f>'申請書（複数入力用）'!A3242</f>
        <v>3236</v>
      </c>
      <c r="B3240" s="13">
        <f>'申請書（複数入力用）'!AH3242</f>
        <v>0</v>
      </c>
      <c r="C3240" s="6">
        <f>'申請書（複数入力用）'!B3242</f>
        <v>0</v>
      </c>
      <c r="D3240" s="6">
        <f>'申請書（複数入力用）'!D3242</f>
        <v>0</v>
      </c>
      <c r="E3240" s="14">
        <f>'申請書（複数入力用）'!H3242</f>
        <v>0</v>
      </c>
      <c r="F3240" s="11" t="str">
        <f>'申請書（複数入力用）'!J3242</f>
        <v/>
      </c>
      <c r="G3240" s="6" t="str">
        <f>'申請書（複数入力用）'!K3242</f>
        <v>a052r000000jS9ZAAU</v>
      </c>
      <c r="H3240" s="12" t="e">
        <f>'申請書（複数入力用）'!N3242</f>
        <v>#N/A</v>
      </c>
      <c r="I3240" s="12" t="e">
        <f>'申請書（複数入力用）'!O3242</f>
        <v>#N/A</v>
      </c>
      <c r="J3240" s="12">
        <f>'申請書（複数入力用）'!P3242</f>
        <v>1</v>
      </c>
    </row>
    <row r="3241" spans="1:10" ht="51.6" customHeight="1" x14ac:dyDescent="0.45">
      <c r="A3241" s="6">
        <f>'申請書（複数入力用）'!A3243</f>
        <v>3237</v>
      </c>
      <c r="B3241" s="13">
        <f>'申請書（複数入力用）'!AH3243</f>
        <v>0</v>
      </c>
      <c r="C3241" s="6">
        <f>'申請書（複数入力用）'!B3243</f>
        <v>0</v>
      </c>
      <c r="D3241" s="6">
        <f>'申請書（複数入力用）'!D3243</f>
        <v>0</v>
      </c>
      <c r="E3241" s="14">
        <f>'申請書（複数入力用）'!H3243</f>
        <v>0</v>
      </c>
      <c r="F3241" s="11" t="str">
        <f>'申請書（複数入力用）'!J3243</f>
        <v/>
      </c>
      <c r="G3241" s="6" t="str">
        <f>'申請書（複数入力用）'!K3243</f>
        <v>a052r000000jS9ZAAU</v>
      </c>
      <c r="H3241" s="12" t="e">
        <f>'申請書（複数入力用）'!N3243</f>
        <v>#N/A</v>
      </c>
      <c r="I3241" s="12" t="e">
        <f>'申請書（複数入力用）'!O3243</f>
        <v>#N/A</v>
      </c>
      <c r="J3241" s="12">
        <f>'申請書（複数入力用）'!P3243</f>
        <v>1</v>
      </c>
    </row>
    <row r="3242" spans="1:10" ht="51.6" customHeight="1" x14ac:dyDescent="0.45">
      <c r="A3242" s="6">
        <f>'申請書（複数入力用）'!A3244</f>
        <v>3238</v>
      </c>
      <c r="B3242" s="13">
        <f>'申請書（複数入力用）'!AH3244</f>
        <v>0</v>
      </c>
      <c r="C3242" s="6">
        <f>'申請書（複数入力用）'!B3244</f>
        <v>0</v>
      </c>
      <c r="D3242" s="6">
        <f>'申請書（複数入力用）'!D3244</f>
        <v>0</v>
      </c>
      <c r="E3242" s="14">
        <f>'申請書（複数入力用）'!H3244</f>
        <v>0</v>
      </c>
      <c r="F3242" s="11" t="str">
        <f>'申請書（複数入力用）'!J3244</f>
        <v/>
      </c>
      <c r="G3242" s="6" t="str">
        <f>'申請書（複数入力用）'!K3244</f>
        <v>a052r000000jS9ZAAU</v>
      </c>
      <c r="H3242" s="12" t="e">
        <f>'申請書（複数入力用）'!N3244</f>
        <v>#N/A</v>
      </c>
      <c r="I3242" s="12" t="e">
        <f>'申請書（複数入力用）'!O3244</f>
        <v>#N/A</v>
      </c>
      <c r="J3242" s="12">
        <f>'申請書（複数入力用）'!P3244</f>
        <v>1</v>
      </c>
    </row>
    <row r="3243" spans="1:10" ht="51.6" customHeight="1" x14ac:dyDescent="0.45">
      <c r="A3243" s="6">
        <f>'申請書（複数入力用）'!A3245</f>
        <v>3239</v>
      </c>
      <c r="B3243" s="13">
        <f>'申請書（複数入力用）'!AH3245</f>
        <v>0</v>
      </c>
      <c r="C3243" s="6">
        <f>'申請書（複数入力用）'!B3245</f>
        <v>0</v>
      </c>
      <c r="D3243" s="6">
        <f>'申請書（複数入力用）'!D3245</f>
        <v>0</v>
      </c>
      <c r="E3243" s="14">
        <f>'申請書（複数入力用）'!H3245</f>
        <v>0</v>
      </c>
      <c r="F3243" s="11" t="str">
        <f>'申請書（複数入力用）'!J3245</f>
        <v/>
      </c>
      <c r="G3243" s="6" t="str">
        <f>'申請書（複数入力用）'!K3245</f>
        <v>a052r000000jS9ZAAU</v>
      </c>
      <c r="H3243" s="12" t="e">
        <f>'申請書（複数入力用）'!N3245</f>
        <v>#N/A</v>
      </c>
      <c r="I3243" s="12" t="e">
        <f>'申請書（複数入力用）'!O3245</f>
        <v>#N/A</v>
      </c>
      <c r="J3243" s="12">
        <f>'申請書（複数入力用）'!P3245</f>
        <v>1</v>
      </c>
    </row>
    <row r="3244" spans="1:10" ht="51.6" customHeight="1" x14ac:dyDescent="0.45">
      <c r="A3244" s="6">
        <f>'申請書（複数入力用）'!A3246</f>
        <v>3240</v>
      </c>
      <c r="B3244" s="13">
        <f>'申請書（複数入力用）'!AH3246</f>
        <v>0</v>
      </c>
      <c r="C3244" s="6">
        <f>'申請書（複数入力用）'!B3246</f>
        <v>0</v>
      </c>
      <c r="D3244" s="6">
        <f>'申請書（複数入力用）'!D3246</f>
        <v>0</v>
      </c>
      <c r="E3244" s="14">
        <f>'申請書（複数入力用）'!H3246</f>
        <v>0</v>
      </c>
      <c r="F3244" s="11" t="str">
        <f>'申請書（複数入力用）'!J3246</f>
        <v/>
      </c>
      <c r="G3244" s="6" t="str">
        <f>'申請書（複数入力用）'!K3246</f>
        <v>a052r000000jS9ZAAU</v>
      </c>
      <c r="H3244" s="12" t="e">
        <f>'申請書（複数入力用）'!N3246</f>
        <v>#N/A</v>
      </c>
      <c r="I3244" s="12" t="e">
        <f>'申請書（複数入力用）'!O3246</f>
        <v>#N/A</v>
      </c>
      <c r="J3244" s="12">
        <f>'申請書（複数入力用）'!P3246</f>
        <v>1</v>
      </c>
    </row>
    <row r="3245" spans="1:10" ht="51.6" customHeight="1" x14ac:dyDescent="0.45">
      <c r="A3245" s="6">
        <f>'申請書（複数入力用）'!A3247</f>
        <v>3241</v>
      </c>
      <c r="B3245" s="13">
        <f>'申請書（複数入力用）'!AH3247</f>
        <v>0</v>
      </c>
      <c r="C3245" s="6">
        <f>'申請書（複数入力用）'!B3247</f>
        <v>0</v>
      </c>
      <c r="D3245" s="6">
        <f>'申請書（複数入力用）'!D3247</f>
        <v>0</v>
      </c>
      <c r="E3245" s="14">
        <f>'申請書（複数入力用）'!H3247</f>
        <v>0</v>
      </c>
      <c r="F3245" s="11" t="str">
        <f>'申請書（複数入力用）'!J3247</f>
        <v/>
      </c>
      <c r="G3245" s="6" t="str">
        <f>'申請書（複数入力用）'!K3247</f>
        <v>a052r000000jS9ZAAU</v>
      </c>
      <c r="H3245" s="12" t="e">
        <f>'申請書（複数入力用）'!N3247</f>
        <v>#N/A</v>
      </c>
      <c r="I3245" s="12" t="e">
        <f>'申請書（複数入力用）'!O3247</f>
        <v>#N/A</v>
      </c>
      <c r="J3245" s="12">
        <f>'申請書（複数入力用）'!P3247</f>
        <v>1</v>
      </c>
    </row>
    <row r="3246" spans="1:10" ht="51.6" customHeight="1" x14ac:dyDescent="0.45">
      <c r="A3246" s="6">
        <f>'申請書（複数入力用）'!A3248</f>
        <v>3242</v>
      </c>
      <c r="B3246" s="13">
        <f>'申請書（複数入力用）'!AH3248</f>
        <v>0</v>
      </c>
      <c r="C3246" s="6">
        <f>'申請書（複数入力用）'!B3248</f>
        <v>0</v>
      </c>
      <c r="D3246" s="6">
        <f>'申請書（複数入力用）'!D3248</f>
        <v>0</v>
      </c>
      <c r="E3246" s="14">
        <f>'申請書（複数入力用）'!H3248</f>
        <v>0</v>
      </c>
      <c r="F3246" s="11" t="str">
        <f>'申請書（複数入力用）'!J3248</f>
        <v/>
      </c>
      <c r="G3246" s="6" t="str">
        <f>'申請書（複数入力用）'!K3248</f>
        <v>a052r000000jS9ZAAU</v>
      </c>
      <c r="H3246" s="12" t="e">
        <f>'申請書（複数入力用）'!N3248</f>
        <v>#N/A</v>
      </c>
      <c r="I3246" s="12" t="e">
        <f>'申請書（複数入力用）'!O3248</f>
        <v>#N/A</v>
      </c>
      <c r="J3246" s="12">
        <f>'申請書（複数入力用）'!P3248</f>
        <v>1</v>
      </c>
    </row>
    <row r="3247" spans="1:10" ht="51.6" customHeight="1" x14ac:dyDescent="0.45">
      <c r="A3247" s="6">
        <f>'申請書（複数入力用）'!A3249</f>
        <v>3243</v>
      </c>
      <c r="B3247" s="13">
        <f>'申請書（複数入力用）'!AH3249</f>
        <v>0</v>
      </c>
      <c r="C3247" s="6">
        <f>'申請書（複数入力用）'!B3249</f>
        <v>0</v>
      </c>
      <c r="D3247" s="6">
        <f>'申請書（複数入力用）'!D3249</f>
        <v>0</v>
      </c>
      <c r="E3247" s="14">
        <f>'申請書（複数入力用）'!H3249</f>
        <v>0</v>
      </c>
      <c r="F3247" s="11" t="str">
        <f>'申請書（複数入力用）'!J3249</f>
        <v/>
      </c>
      <c r="G3247" s="6" t="str">
        <f>'申請書（複数入力用）'!K3249</f>
        <v>a052r000000jS9ZAAU</v>
      </c>
      <c r="H3247" s="12" t="e">
        <f>'申請書（複数入力用）'!N3249</f>
        <v>#N/A</v>
      </c>
      <c r="I3247" s="12" t="e">
        <f>'申請書（複数入力用）'!O3249</f>
        <v>#N/A</v>
      </c>
      <c r="J3247" s="12">
        <f>'申請書（複数入力用）'!P3249</f>
        <v>1</v>
      </c>
    </row>
    <row r="3248" spans="1:10" ht="51.6" customHeight="1" x14ac:dyDescent="0.45">
      <c r="A3248" s="6">
        <f>'申請書（複数入力用）'!A3250</f>
        <v>3244</v>
      </c>
      <c r="B3248" s="13">
        <f>'申請書（複数入力用）'!AH3250</f>
        <v>0</v>
      </c>
      <c r="C3248" s="6">
        <f>'申請書（複数入力用）'!B3250</f>
        <v>0</v>
      </c>
      <c r="D3248" s="6">
        <f>'申請書（複数入力用）'!D3250</f>
        <v>0</v>
      </c>
      <c r="E3248" s="14">
        <f>'申請書（複数入力用）'!H3250</f>
        <v>0</v>
      </c>
      <c r="F3248" s="11" t="str">
        <f>'申請書（複数入力用）'!J3250</f>
        <v/>
      </c>
      <c r="G3248" s="6" t="str">
        <f>'申請書（複数入力用）'!K3250</f>
        <v>a052r000000jS9ZAAU</v>
      </c>
      <c r="H3248" s="12" t="e">
        <f>'申請書（複数入力用）'!N3250</f>
        <v>#N/A</v>
      </c>
      <c r="I3248" s="12" t="e">
        <f>'申請書（複数入力用）'!O3250</f>
        <v>#N/A</v>
      </c>
      <c r="J3248" s="12">
        <f>'申請書（複数入力用）'!P3250</f>
        <v>1</v>
      </c>
    </row>
    <row r="3249" spans="1:10" ht="51.6" customHeight="1" x14ac:dyDescent="0.45">
      <c r="A3249" s="6">
        <f>'申請書（複数入力用）'!A3251</f>
        <v>3245</v>
      </c>
      <c r="B3249" s="13">
        <f>'申請書（複数入力用）'!AH3251</f>
        <v>0</v>
      </c>
      <c r="C3249" s="6">
        <f>'申請書（複数入力用）'!B3251</f>
        <v>0</v>
      </c>
      <c r="D3249" s="6">
        <f>'申請書（複数入力用）'!D3251</f>
        <v>0</v>
      </c>
      <c r="E3249" s="14">
        <f>'申請書（複数入力用）'!H3251</f>
        <v>0</v>
      </c>
      <c r="F3249" s="11" t="str">
        <f>'申請書（複数入力用）'!J3251</f>
        <v/>
      </c>
      <c r="G3249" s="6" t="str">
        <f>'申請書（複数入力用）'!K3251</f>
        <v>a052r000000jS9ZAAU</v>
      </c>
      <c r="H3249" s="12" t="e">
        <f>'申請書（複数入力用）'!N3251</f>
        <v>#N/A</v>
      </c>
      <c r="I3249" s="12" t="e">
        <f>'申請書（複数入力用）'!O3251</f>
        <v>#N/A</v>
      </c>
      <c r="J3249" s="12">
        <f>'申請書（複数入力用）'!P3251</f>
        <v>1</v>
      </c>
    </row>
    <row r="3250" spans="1:10" ht="51.6" customHeight="1" x14ac:dyDescent="0.45">
      <c r="A3250" s="6">
        <f>'申請書（複数入力用）'!A3252</f>
        <v>3246</v>
      </c>
      <c r="B3250" s="13">
        <f>'申請書（複数入力用）'!AH3252</f>
        <v>0</v>
      </c>
      <c r="C3250" s="6">
        <f>'申請書（複数入力用）'!B3252</f>
        <v>0</v>
      </c>
      <c r="D3250" s="6">
        <f>'申請書（複数入力用）'!D3252</f>
        <v>0</v>
      </c>
      <c r="E3250" s="14">
        <f>'申請書（複数入力用）'!H3252</f>
        <v>0</v>
      </c>
      <c r="F3250" s="11" t="str">
        <f>'申請書（複数入力用）'!J3252</f>
        <v/>
      </c>
      <c r="G3250" s="6" t="str">
        <f>'申請書（複数入力用）'!K3252</f>
        <v>a052r000000jS9ZAAU</v>
      </c>
      <c r="H3250" s="12" t="e">
        <f>'申請書（複数入力用）'!N3252</f>
        <v>#N/A</v>
      </c>
      <c r="I3250" s="12" t="e">
        <f>'申請書（複数入力用）'!O3252</f>
        <v>#N/A</v>
      </c>
      <c r="J3250" s="12">
        <f>'申請書（複数入力用）'!P3252</f>
        <v>1</v>
      </c>
    </row>
    <row r="3251" spans="1:10" ht="51.6" customHeight="1" x14ac:dyDescent="0.45">
      <c r="A3251" s="6">
        <f>'申請書（複数入力用）'!A3253</f>
        <v>3247</v>
      </c>
      <c r="B3251" s="13">
        <f>'申請書（複数入力用）'!AH3253</f>
        <v>0</v>
      </c>
      <c r="C3251" s="6">
        <f>'申請書（複数入力用）'!B3253</f>
        <v>0</v>
      </c>
      <c r="D3251" s="6">
        <f>'申請書（複数入力用）'!D3253</f>
        <v>0</v>
      </c>
      <c r="E3251" s="14">
        <f>'申請書（複数入力用）'!H3253</f>
        <v>0</v>
      </c>
      <c r="F3251" s="11" t="str">
        <f>'申請書（複数入力用）'!J3253</f>
        <v/>
      </c>
      <c r="G3251" s="6" t="str">
        <f>'申請書（複数入力用）'!K3253</f>
        <v>a052r000000jS9ZAAU</v>
      </c>
      <c r="H3251" s="12" t="e">
        <f>'申請書（複数入力用）'!N3253</f>
        <v>#N/A</v>
      </c>
      <c r="I3251" s="12" t="e">
        <f>'申請書（複数入力用）'!O3253</f>
        <v>#N/A</v>
      </c>
      <c r="J3251" s="12">
        <f>'申請書（複数入力用）'!P3253</f>
        <v>1</v>
      </c>
    </row>
    <row r="3252" spans="1:10" ht="51.6" customHeight="1" x14ac:dyDescent="0.45">
      <c r="A3252" s="6">
        <f>'申請書（複数入力用）'!A3254</f>
        <v>3248</v>
      </c>
      <c r="B3252" s="13">
        <f>'申請書（複数入力用）'!AH3254</f>
        <v>0</v>
      </c>
      <c r="C3252" s="6">
        <f>'申請書（複数入力用）'!B3254</f>
        <v>0</v>
      </c>
      <c r="D3252" s="6">
        <f>'申請書（複数入力用）'!D3254</f>
        <v>0</v>
      </c>
      <c r="E3252" s="14">
        <f>'申請書（複数入力用）'!H3254</f>
        <v>0</v>
      </c>
      <c r="F3252" s="11" t="str">
        <f>'申請書（複数入力用）'!J3254</f>
        <v/>
      </c>
      <c r="G3252" s="6" t="str">
        <f>'申請書（複数入力用）'!K3254</f>
        <v>a052r000000jS9ZAAU</v>
      </c>
      <c r="H3252" s="12" t="e">
        <f>'申請書（複数入力用）'!N3254</f>
        <v>#N/A</v>
      </c>
      <c r="I3252" s="12" t="e">
        <f>'申請書（複数入力用）'!O3254</f>
        <v>#N/A</v>
      </c>
      <c r="J3252" s="12">
        <f>'申請書（複数入力用）'!P3254</f>
        <v>1</v>
      </c>
    </row>
    <row r="3253" spans="1:10" ht="51.6" customHeight="1" x14ac:dyDescent="0.45">
      <c r="A3253" s="6">
        <f>'申請書（複数入力用）'!A3255</f>
        <v>3249</v>
      </c>
      <c r="B3253" s="13">
        <f>'申請書（複数入力用）'!AH3255</f>
        <v>0</v>
      </c>
      <c r="C3253" s="6">
        <f>'申請書（複数入力用）'!B3255</f>
        <v>0</v>
      </c>
      <c r="D3253" s="6">
        <f>'申請書（複数入力用）'!D3255</f>
        <v>0</v>
      </c>
      <c r="E3253" s="14">
        <f>'申請書（複数入力用）'!H3255</f>
        <v>0</v>
      </c>
      <c r="F3253" s="11" t="str">
        <f>'申請書（複数入力用）'!J3255</f>
        <v/>
      </c>
      <c r="G3253" s="6" t="str">
        <f>'申請書（複数入力用）'!K3255</f>
        <v>a052r000000jS9ZAAU</v>
      </c>
      <c r="H3253" s="12" t="e">
        <f>'申請書（複数入力用）'!N3255</f>
        <v>#N/A</v>
      </c>
      <c r="I3253" s="12" t="e">
        <f>'申請書（複数入力用）'!O3255</f>
        <v>#N/A</v>
      </c>
      <c r="J3253" s="12">
        <f>'申請書（複数入力用）'!P3255</f>
        <v>1</v>
      </c>
    </row>
    <row r="3254" spans="1:10" ht="51.6" customHeight="1" x14ac:dyDescent="0.45">
      <c r="A3254" s="6">
        <f>'申請書（複数入力用）'!A3256</f>
        <v>3250</v>
      </c>
      <c r="B3254" s="13">
        <f>'申請書（複数入力用）'!AH3256</f>
        <v>0</v>
      </c>
      <c r="C3254" s="6">
        <f>'申請書（複数入力用）'!B3256</f>
        <v>0</v>
      </c>
      <c r="D3254" s="6">
        <f>'申請書（複数入力用）'!D3256</f>
        <v>0</v>
      </c>
      <c r="E3254" s="14">
        <f>'申請書（複数入力用）'!H3256</f>
        <v>0</v>
      </c>
      <c r="F3254" s="11" t="str">
        <f>'申請書（複数入力用）'!J3256</f>
        <v/>
      </c>
      <c r="G3254" s="6" t="str">
        <f>'申請書（複数入力用）'!K3256</f>
        <v>a052r000000jS9ZAAU</v>
      </c>
      <c r="H3254" s="12" t="e">
        <f>'申請書（複数入力用）'!N3256</f>
        <v>#N/A</v>
      </c>
      <c r="I3254" s="12" t="e">
        <f>'申請書（複数入力用）'!O3256</f>
        <v>#N/A</v>
      </c>
      <c r="J3254" s="12">
        <f>'申請書（複数入力用）'!P3256</f>
        <v>1</v>
      </c>
    </row>
    <row r="3255" spans="1:10" ht="51.6" customHeight="1" x14ac:dyDescent="0.45">
      <c r="A3255" s="6">
        <f>'申請書（複数入力用）'!A3257</f>
        <v>3251</v>
      </c>
      <c r="B3255" s="13">
        <f>'申請書（複数入力用）'!AH3257</f>
        <v>0</v>
      </c>
      <c r="C3255" s="6">
        <f>'申請書（複数入力用）'!B3257</f>
        <v>0</v>
      </c>
      <c r="D3255" s="6">
        <f>'申請書（複数入力用）'!D3257</f>
        <v>0</v>
      </c>
      <c r="E3255" s="14">
        <f>'申請書（複数入力用）'!H3257</f>
        <v>0</v>
      </c>
      <c r="F3255" s="11" t="str">
        <f>'申請書（複数入力用）'!J3257</f>
        <v/>
      </c>
      <c r="G3255" s="6" t="str">
        <f>'申請書（複数入力用）'!K3257</f>
        <v>a052r000000jS9ZAAU</v>
      </c>
      <c r="H3255" s="12" t="e">
        <f>'申請書（複数入力用）'!N3257</f>
        <v>#N/A</v>
      </c>
      <c r="I3255" s="12" t="e">
        <f>'申請書（複数入力用）'!O3257</f>
        <v>#N/A</v>
      </c>
      <c r="J3255" s="12">
        <f>'申請書（複数入力用）'!P3257</f>
        <v>1</v>
      </c>
    </row>
    <row r="3256" spans="1:10" ht="51.6" customHeight="1" x14ac:dyDescent="0.45">
      <c r="A3256" s="6">
        <f>'申請書（複数入力用）'!A3258</f>
        <v>3252</v>
      </c>
      <c r="B3256" s="13">
        <f>'申請書（複数入力用）'!AH3258</f>
        <v>0</v>
      </c>
      <c r="C3256" s="6">
        <f>'申請書（複数入力用）'!B3258</f>
        <v>0</v>
      </c>
      <c r="D3256" s="6">
        <f>'申請書（複数入力用）'!D3258</f>
        <v>0</v>
      </c>
      <c r="E3256" s="14">
        <f>'申請書（複数入力用）'!H3258</f>
        <v>0</v>
      </c>
      <c r="F3256" s="11" t="str">
        <f>'申請書（複数入力用）'!J3258</f>
        <v/>
      </c>
      <c r="G3256" s="6" t="str">
        <f>'申請書（複数入力用）'!K3258</f>
        <v>a052r000000jS9ZAAU</v>
      </c>
      <c r="H3256" s="12" t="e">
        <f>'申請書（複数入力用）'!N3258</f>
        <v>#N/A</v>
      </c>
      <c r="I3256" s="12" t="e">
        <f>'申請書（複数入力用）'!O3258</f>
        <v>#N/A</v>
      </c>
      <c r="J3256" s="12">
        <f>'申請書（複数入力用）'!P3258</f>
        <v>1</v>
      </c>
    </row>
    <row r="3257" spans="1:10" ht="51.6" customHeight="1" x14ac:dyDescent="0.45">
      <c r="A3257" s="6">
        <f>'申請書（複数入力用）'!A3259</f>
        <v>3253</v>
      </c>
      <c r="B3257" s="13">
        <f>'申請書（複数入力用）'!AH3259</f>
        <v>0</v>
      </c>
      <c r="C3257" s="6">
        <f>'申請書（複数入力用）'!B3259</f>
        <v>0</v>
      </c>
      <c r="D3257" s="6">
        <f>'申請書（複数入力用）'!D3259</f>
        <v>0</v>
      </c>
      <c r="E3257" s="14">
        <f>'申請書（複数入力用）'!H3259</f>
        <v>0</v>
      </c>
      <c r="F3257" s="11" t="str">
        <f>'申請書（複数入力用）'!J3259</f>
        <v/>
      </c>
      <c r="G3257" s="6" t="str">
        <f>'申請書（複数入力用）'!K3259</f>
        <v>a052r000000jS9ZAAU</v>
      </c>
      <c r="H3257" s="12" t="e">
        <f>'申請書（複数入力用）'!N3259</f>
        <v>#N/A</v>
      </c>
      <c r="I3257" s="12" t="e">
        <f>'申請書（複数入力用）'!O3259</f>
        <v>#N/A</v>
      </c>
      <c r="J3257" s="12">
        <f>'申請書（複数入力用）'!P3259</f>
        <v>1</v>
      </c>
    </row>
    <row r="3258" spans="1:10" ht="51.6" customHeight="1" x14ac:dyDescent="0.45">
      <c r="A3258" s="6">
        <f>'申請書（複数入力用）'!A3260</f>
        <v>3254</v>
      </c>
      <c r="B3258" s="13">
        <f>'申請書（複数入力用）'!AH3260</f>
        <v>0</v>
      </c>
      <c r="C3258" s="6">
        <f>'申請書（複数入力用）'!B3260</f>
        <v>0</v>
      </c>
      <c r="D3258" s="6">
        <f>'申請書（複数入力用）'!D3260</f>
        <v>0</v>
      </c>
      <c r="E3258" s="14">
        <f>'申請書（複数入力用）'!H3260</f>
        <v>0</v>
      </c>
      <c r="F3258" s="11" t="str">
        <f>'申請書（複数入力用）'!J3260</f>
        <v/>
      </c>
      <c r="G3258" s="6" t="str">
        <f>'申請書（複数入力用）'!K3260</f>
        <v>a052r000000jS9ZAAU</v>
      </c>
      <c r="H3258" s="12" t="e">
        <f>'申請書（複数入力用）'!N3260</f>
        <v>#N/A</v>
      </c>
      <c r="I3258" s="12" t="e">
        <f>'申請書（複数入力用）'!O3260</f>
        <v>#N/A</v>
      </c>
      <c r="J3258" s="12">
        <f>'申請書（複数入力用）'!P3260</f>
        <v>1</v>
      </c>
    </row>
    <row r="3259" spans="1:10" ht="51.6" customHeight="1" x14ac:dyDescent="0.45">
      <c r="A3259" s="6">
        <f>'申請書（複数入力用）'!A3261</f>
        <v>3255</v>
      </c>
      <c r="B3259" s="13">
        <f>'申請書（複数入力用）'!AH3261</f>
        <v>0</v>
      </c>
      <c r="C3259" s="6">
        <f>'申請書（複数入力用）'!B3261</f>
        <v>0</v>
      </c>
      <c r="D3259" s="6">
        <f>'申請書（複数入力用）'!D3261</f>
        <v>0</v>
      </c>
      <c r="E3259" s="14">
        <f>'申請書（複数入力用）'!H3261</f>
        <v>0</v>
      </c>
      <c r="F3259" s="11" t="str">
        <f>'申請書（複数入力用）'!J3261</f>
        <v/>
      </c>
      <c r="G3259" s="6" t="str">
        <f>'申請書（複数入力用）'!K3261</f>
        <v>a052r000000jS9ZAAU</v>
      </c>
      <c r="H3259" s="12" t="e">
        <f>'申請書（複数入力用）'!N3261</f>
        <v>#N/A</v>
      </c>
      <c r="I3259" s="12" t="e">
        <f>'申請書（複数入力用）'!O3261</f>
        <v>#N/A</v>
      </c>
      <c r="J3259" s="12">
        <f>'申請書（複数入力用）'!P3261</f>
        <v>1</v>
      </c>
    </row>
    <row r="3260" spans="1:10" ht="51.6" customHeight="1" x14ac:dyDescent="0.45">
      <c r="A3260" s="6">
        <f>'申請書（複数入力用）'!A3262</f>
        <v>3256</v>
      </c>
      <c r="B3260" s="13">
        <f>'申請書（複数入力用）'!AH3262</f>
        <v>0</v>
      </c>
      <c r="C3260" s="6">
        <f>'申請書（複数入力用）'!B3262</f>
        <v>0</v>
      </c>
      <c r="D3260" s="6">
        <f>'申請書（複数入力用）'!D3262</f>
        <v>0</v>
      </c>
      <c r="E3260" s="14">
        <f>'申請書（複数入力用）'!H3262</f>
        <v>0</v>
      </c>
      <c r="F3260" s="11" t="str">
        <f>'申請書（複数入力用）'!J3262</f>
        <v/>
      </c>
      <c r="G3260" s="6" t="str">
        <f>'申請書（複数入力用）'!K3262</f>
        <v>a052r000000jS9ZAAU</v>
      </c>
      <c r="H3260" s="12" t="e">
        <f>'申請書（複数入力用）'!N3262</f>
        <v>#N/A</v>
      </c>
      <c r="I3260" s="12" t="e">
        <f>'申請書（複数入力用）'!O3262</f>
        <v>#N/A</v>
      </c>
      <c r="J3260" s="12">
        <f>'申請書（複数入力用）'!P3262</f>
        <v>1</v>
      </c>
    </row>
    <row r="3261" spans="1:10" ht="51.6" customHeight="1" x14ac:dyDescent="0.45">
      <c r="A3261" s="6">
        <f>'申請書（複数入力用）'!A3263</f>
        <v>3257</v>
      </c>
      <c r="B3261" s="13">
        <f>'申請書（複数入力用）'!AH3263</f>
        <v>0</v>
      </c>
      <c r="C3261" s="6">
        <f>'申請書（複数入力用）'!B3263</f>
        <v>0</v>
      </c>
      <c r="D3261" s="6">
        <f>'申請書（複数入力用）'!D3263</f>
        <v>0</v>
      </c>
      <c r="E3261" s="14">
        <f>'申請書（複数入力用）'!H3263</f>
        <v>0</v>
      </c>
      <c r="F3261" s="11" t="str">
        <f>'申請書（複数入力用）'!J3263</f>
        <v/>
      </c>
      <c r="G3261" s="6" t="str">
        <f>'申請書（複数入力用）'!K3263</f>
        <v>a052r000000jS9ZAAU</v>
      </c>
      <c r="H3261" s="12" t="e">
        <f>'申請書（複数入力用）'!N3263</f>
        <v>#N/A</v>
      </c>
      <c r="I3261" s="12" t="e">
        <f>'申請書（複数入力用）'!O3263</f>
        <v>#N/A</v>
      </c>
      <c r="J3261" s="12">
        <f>'申請書（複数入力用）'!P3263</f>
        <v>1</v>
      </c>
    </row>
    <row r="3262" spans="1:10" ht="51.6" customHeight="1" x14ac:dyDescent="0.45">
      <c r="A3262" s="6">
        <f>'申請書（複数入力用）'!A3264</f>
        <v>3258</v>
      </c>
      <c r="B3262" s="13">
        <f>'申請書（複数入力用）'!AH3264</f>
        <v>0</v>
      </c>
      <c r="C3262" s="6">
        <f>'申請書（複数入力用）'!B3264</f>
        <v>0</v>
      </c>
      <c r="D3262" s="6">
        <f>'申請書（複数入力用）'!D3264</f>
        <v>0</v>
      </c>
      <c r="E3262" s="14">
        <f>'申請書（複数入力用）'!H3264</f>
        <v>0</v>
      </c>
      <c r="F3262" s="11" t="str">
        <f>'申請書（複数入力用）'!J3264</f>
        <v/>
      </c>
      <c r="G3262" s="6" t="str">
        <f>'申請書（複数入力用）'!K3264</f>
        <v>a052r000000jS9ZAAU</v>
      </c>
      <c r="H3262" s="12" t="e">
        <f>'申請書（複数入力用）'!N3264</f>
        <v>#N/A</v>
      </c>
      <c r="I3262" s="12" t="e">
        <f>'申請書（複数入力用）'!O3264</f>
        <v>#N/A</v>
      </c>
      <c r="J3262" s="12">
        <f>'申請書（複数入力用）'!P3264</f>
        <v>1</v>
      </c>
    </row>
    <row r="3263" spans="1:10" ht="51.6" customHeight="1" x14ac:dyDescent="0.45">
      <c r="A3263" s="6">
        <f>'申請書（複数入力用）'!A3265</f>
        <v>3259</v>
      </c>
      <c r="B3263" s="13">
        <f>'申請書（複数入力用）'!AH3265</f>
        <v>0</v>
      </c>
      <c r="C3263" s="6">
        <f>'申請書（複数入力用）'!B3265</f>
        <v>0</v>
      </c>
      <c r="D3263" s="6">
        <f>'申請書（複数入力用）'!D3265</f>
        <v>0</v>
      </c>
      <c r="E3263" s="14">
        <f>'申請書（複数入力用）'!H3265</f>
        <v>0</v>
      </c>
      <c r="F3263" s="11" t="str">
        <f>'申請書（複数入力用）'!J3265</f>
        <v/>
      </c>
      <c r="G3263" s="6" t="str">
        <f>'申請書（複数入力用）'!K3265</f>
        <v>a052r000000jS9ZAAU</v>
      </c>
      <c r="H3263" s="12" t="e">
        <f>'申請書（複数入力用）'!N3265</f>
        <v>#N/A</v>
      </c>
      <c r="I3263" s="12" t="e">
        <f>'申請書（複数入力用）'!O3265</f>
        <v>#N/A</v>
      </c>
      <c r="J3263" s="12">
        <f>'申請書（複数入力用）'!P3265</f>
        <v>1</v>
      </c>
    </row>
    <row r="3264" spans="1:10" ht="51.6" customHeight="1" x14ac:dyDescent="0.45">
      <c r="A3264" s="6">
        <f>'申請書（複数入力用）'!A3266</f>
        <v>3260</v>
      </c>
      <c r="B3264" s="13">
        <f>'申請書（複数入力用）'!AH3266</f>
        <v>0</v>
      </c>
      <c r="C3264" s="6">
        <f>'申請書（複数入力用）'!B3266</f>
        <v>0</v>
      </c>
      <c r="D3264" s="6">
        <f>'申請書（複数入力用）'!D3266</f>
        <v>0</v>
      </c>
      <c r="E3264" s="14">
        <f>'申請書（複数入力用）'!H3266</f>
        <v>0</v>
      </c>
      <c r="F3264" s="11" t="str">
        <f>'申請書（複数入力用）'!J3266</f>
        <v/>
      </c>
      <c r="G3264" s="6" t="str">
        <f>'申請書（複数入力用）'!K3266</f>
        <v>a052r000000jS9ZAAU</v>
      </c>
      <c r="H3264" s="12" t="e">
        <f>'申請書（複数入力用）'!N3266</f>
        <v>#N/A</v>
      </c>
      <c r="I3264" s="12" t="e">
        <f>'申請書（複数入力用）'!O3266</f>
        <v>#N/A</v>
      </c>
      <c r="J3264" s="12">
        <f>'申請書（複数入力用）'!P3266</f>
        <v>1</v>
      </c>
    </row>
    <row r="3265" spans="1:10" ht="51.6" customHeight="1" x14ac:dyDescent="0.45">
      <c r="A3265" s="6">
        <f>'申請書（複数入力用）'!A3267</f>
        <v>3261</v>
      </c>
      <c r="B3265" s="13">
        <f>'申請書（複数入力用）'!AH3267</f>
        <v>0</v>
      </c>
      <c r="C3265" s="6">
        <f>'申請書（複数入力用）'!B3267</f>
        <v>0</v>
      </c>
      <c r="D3265" s="6">
        <f>'申請書（複数入力用）'!D3267</f>
        <v>0</v>
      </c>
      <c r="E3265" s="14">
        <f>'申請書（複数入力用）'!H3267</f>
        <v>0</v>
      </c>
      <c r="F3265" s="11" t="str">
        <f>'申請書（複数入力用）'!J3267</f>
        <v/>
      </c>
      <c r="G3265" s="6" t="str">
        <f>'申請書（複数入力用）'!K3267</f>
        <v>a052r000000jS9ZAAU</v>
      </c>
      <c r="H3265" s="12" t="e">
        <f>'申請書（複数入力用）'!N3267</f>
        <v>#N/A</v>
      </c>
      <c r="I3265" s="12" t="e">
        <f>'申請書（複数入力用）'!O3267</f>
        <v>#N/A</v>
      </c>
      <c r="J3265" s="12">
        <f>'申請書（複数入力用）'!P3267</f>
        <v>1</v>
      </c>
    </row>
    <row r="3266" spans="1:10" ht="51.6" customHeight="1" x14ac:dyDescent="0.45">
      <c r="A3266" s="6">
        <f>'申請書（複数入力用）'!A3268</f>
        <v>3262</v>
      </c>
      <c r="B3266" s="13">
        <f>'申請書（複数入力用）'!AH3268</f>
        <v>0</v>
      </c>
      <c r="C3266" s="6">
        <f>'申請書（複数入力用）'!B3268</f>
        <v>0</v>
      </c>
      <c r="D3266" s="6">
        <f>'申請書（複数入力用）'!D3268</f>
        <v>0</v>
      </c>
      <c r="E3266" s="14">
        <f>'申請書（複数入力用）'!H3268</f>
        <v>0</v>
      </c>
      <c r="F3266" s="11" t="str">
        <f>'申請書（複数入力用）'!J3268</f>
        <v/>
      </c>
      <c r="G3266" s="6" t="str">
        <f>'申請書（複数入力用）'!K3268</f>
        <v>a052r000000jS9ZAAU</v>
      </c>
      <c r="H3266" s="12" t="e">
        <f>'申請書（複数入力用）'!N3268</f>
        <v>#N/A</v>
      </c>
      <c r="I3266" s="12" t="e">
        <f>'申請書（複数入力用）'!O3268</f>
        <v>#N/A</v>
      </c>
      <c r="J3266" s="12">
        <f>'申請書（複数入力用）'!P3268</f>
        <v>1</v>
      </c>
    </row>
    <row r="3267" spans="1:10" ht="51.6" customHeight="1" x14ac:dyDescent="0.45">
      <c r="A3267" s="6">
        <f>'申請書（複数入力用）'!A3269</f>
        <v>3263</v>
      </c>
      <c r="B3267" s="13">
        <f>'申請書（複数入力用）'!AH3269</f>
        <v>0</v>
      </c>
      <c r="C3267" s="6">
        <f>'申請書（複数入力用）'!B3269</f>
        <v>0</v>
      </c>
      <c r="D3267" s="6">
        <f>'申請書（複数入力用）'!D3269</f>
        <v>0</v>
      </c>
      <c r="E3267" s="14">
        <f>'申請書（複数入力用）'!H3269</f>
        <v>0</v>
      </c>
      <c r="F3267" s="11" t="str">
        <f>'申請書（複数入力用）'!J3269</f>
        <v/>
      </c>
      <c r="G3267" s="6" t="str">
        <f>'申請書（複数入力用）'!K3269</f>
        <v>a052r000000jS9ZAAU</v>
      </c>
      <c r="H3267" s="12" t="e">
        <f>'申請書（複数入力用）'!N3269</f>
        <v>#N/A</v>
      </c>
      <c r="I3267" s="12" t="e">
        <f>'申請書（複数入力用）'!O3269</f>
        <v>#N/A</v>
      </c>
      <c r="J3267" s="12">
        <f>'申請書（複数入力用）'!P3269</f>
        <v>1</v>
      </c>
    </row>
    <row r="3268" spans="1:10" ht="51.6" customHeight="1" x14ac:dyDescent="0.45">
      <c r="A3268" s="6">
        <f>'申請書（複数入力用）'!A3270</f>
        <v>3264</v>
      </c>
      <c r="B3268" s="13">
        <f>'申請書（複数入力用）'!AH3270</f>
        <v>0</v>
      </c>
      <c r="C3268" s="6">
        <f>'申請書（複数入力用）'!B3270</f>
        <v>0</v>
      </c>
      <c r="D3268" s="6">
        <f>'申請書（複数入力用）'!D3270</f>
        <v>0</v>
      </c>
      <c r="E3268" s="14">
        <f>'申請書（複数入力用）'!H3270</f>
        <v>0</v>
      </c>
      <c r="F3268" s="11" t="str">
        <f>'申請書（複数入力用）'!J3270</f>
        <v/>
      </c>
      <c r="G3268" s="6" t="str">
        <f>'申請書（複数入力用）'!K3270</f>
        <v>a052r000000jS9ZAAU</v>
      </c>
      <c r="H3268" s="12" t="e">
        <f>'申請書（複数入力用）'!N3270</f>
        <v>#N/A</v>
      </c>
      <c r="I3268" s="12" t="e">
        <f>'申請書（複数入力用）'!O3270</f>
        <v>#N/A</v>
      </c>
      <c r="J3268" s="12">
        <f>'申請書（複数入力用）'!P3270</f>
        <v>1</v>
      </c>
    </row>
    <row r="3269" spans="1:10" ht="51.6" customHeight="1" x14ac:dyDescent="0.45">
      <c r="A3269" s="6">
        <f>'申請書（複数入力用）'!A3271</f>
        <v>3265</v>
      </c>
      <c r="B3269" s="13">
        <f>'申請書（複数入力用）'!AH3271</f>
        <v>0</v>
      </c>
      <c r="C3269" s="6">
        <f>'申請書（複数入力用）'!B3271</f>
        <v>0</v>
      </c>
      <c r="D3269" s="6">
        <f>'申請書（複数入力用）'!D3271</f>
        <v>0</v>
      </c>
      <c r="E3269" s="14">
        <f>'申請書（複数入力用）'!H3271</f>
        <v>0</v>
      </c>
      <c r="F3269" s="11" t="str">
        <f>'申請書（複数入力用）'!J3271</f>
        <v/>
      </c>
      <c r="G3269" s="6" t="str">
        <f>'申請書（複数入力用）'!K3271</f>
        <v>a052r000000jS9ZAAU</v>
      </c>
      <c r="H3269" s="12" t="e">
        <f>'申請書（複数入力用）'!N3271</f>
        <v>#N/A</v>
      </c>
      <c r="I3269" s="12" t="e">
        <f>'申請書（複数入力用）'!O3271</f>
        <v>#N/A</v>
      </c>
      <c r="J3269" s="12">
        <f>'申請書（複数入力用）'!P3271</f>
        <v>1</v>
      </c>
    </row>
    <row r="3270" spans="1:10" ht="51.6" customHeight="1" x14ac:dyDescent="0.45">
      <c r="A3270" s="6">
        <f>'申請書（複数入力用）'!A3272</f>
        <v>3266</v>
      </c>
      <c r="B3270" s="13">
        <f>'申請書（複数入力用）'!AH3272</f>
        <v>0</v>
      </c>
      <c r="C3270" s="6">
        <f>'申請書（複数入力用）'!B3272</f>
        <v>0</v>
      </c>
      <c r="D3270" s="6">
        <f>'申請書（複数入力用）'!D3272</f>
        <v>0</v>
      </c>
      <c r="E3270" s="14">
        <f>'申請書（複数入力用）'!H3272</f>
        <v>0</v>
      </c>
      <c r="F3270" s="11" t="str">
        <f>'申請書（複数入力用）'!J3272</f>
        <v/>
      </c>
      <c r="G3270" s="6" t="str">
        <f>'申請書（複数入力用）'!K3272</f>
        <v>a052r000000jS9ZAAU</v>
      </c>
      <c r="H3270" s="12" t="e">
        <f>'申請書（複数入力用）'!N3272</f>
        <v>#N/A</v>
      </c>
      <c r="I3270" s="12" t="e">
        <f>'申請書（複数入力用）'!O3272</f>
        <v>#N/A</v>
      </c>
      <c r="J3270" s="12">
        <f>'申請書（複数入力用）'!P3272</f>
        <v>1</v>
      </c>
    </row>
    <row r="3271" spans="1:10" ht="51.6" customHeight="1" x14ac:dyDescent="0.45">
      <c r="A3271" s="6">
        <f>'申請書（複数入力用）'!A3273</f>
        <v>3267</v>
      </c>
      <c r="B3271" s="13">
        <f>'申請書（複数入力用）'!AH3273</f>
        <v>0</v>
      </c>
      <c r="C3271" s="6">
        <f>'申請書（複数入力用）'!B3273</f>
        <v>0</v>
      </c>
      <c r="D3271" s="6">
        <f>'申請書（複数入力用）'!D3273</f>
        <v>0</v>
      </c>
      <c r="E3271" s="14">
        <f>'申請書（複数入力用）'!H3273</f>
        <v>0</v>
      </c>
      <c r="F3271" s="11" t="str">
        <f>'申請書（複数入力用）'!J3273</f>
        <v/>
      </c>
      <c r="G3271" s="6" t="str">
        <f>'申請書（複数入力用）'!K3273</f>
        <v>a052r000000jS9ZAAU</v>
      </c>
      <c r="H3271" s="12" t="e">
        <f>'申請書（複数入力用）'!N3273</f>
        <v>#N/A</v>
      </c>
      <c r="I3271" s="12" t="e">
        <f>'申請書（複数入力用）'!O3273</f>
        <v>#N/A</v>
      </c>
      <c r="J3271" s="12">
        <f>'申請書（複数入力用）'!P3273</f>
        <v>1</v>
      </c>
    </row>
    <row r="3272" spans="1:10" ht="51.6" customHeight="1" x14ac:dyDescent="0.45">
      <c r="A3272" s="6">
        <f>'申請書（複数入力用）'!A3274</f>
        <v>3268</v>
      </c>
      <c r="B3272" s="13">
        <f>'申請書（複数入力用）'!AH3274</f>
        <v>0</v>
      </c>
      <c r="C3272" s="6">
        <f>'申請書（複数入力用）'!B3274</f>
        <v>0</v>
      </c>
      <c r="D3272" s="6">
        <f>'申請書（複数入力用）'!D3274</f>
        <v>0</v>
      </c>
      <c r="E3272" s="14">
        <f>'申請書（複数入力用）'!H3274</f>
        <v>0</v>
      </c>
      <c r="F3272" s="11" t="str">
        <f>'申請書（複数入力用）'!J3274</f>
        <v/>
      </c>
      <c r="G3272" s="6" t="str">
        <f>'申請書（複数入力用）'!K3274</f>
        <v>a052r000000jS9ZAAU</v>
      </c>
      <c r="H3272" s="12" t="e">
        <f>'申請書（複数入力用）'!N3274</f>
        <v>#N/A</v>
      </c>
      <c r="I3272" s="12" t="e">
        <f>'申請書（複数入力用）'!O3274</f>
        <v>#N/A</v>
      </c>
      <c r="J3272" s="12">
        <f>'申請書（複数入力用）'!P3274</f>
        <v>1</v>
      </c>
    </row>
    <row r="3273" spans="1:10" ht="51.6" customHeight="1" x14ac:dyDescent="0.45">
      <c r="A3273" s="6">
        <f>'申請書（複数入力用）'!A3275</f>
        <v>3269</v>
      </c>
      <c r="B3273" s="13">
        <f>'申請書（複数入力用）'!AH3275</f>
        <v>0</v>
      </c>
      <c r="C3273" s="6">
        <f>'申請書（複数入力用）'!B3275</f>
        <v>0</v>
      </c>
      <c r="D3273" s="6">
        <f>'申請書（複数入力用）'!D3275</f>
        <v>0</v>
      </c>
      <c r="E3273" s="14">
        <f>'申請書（複数入力用）'!H3275</f>
        <v>0</v>
      </c>
      <c r="F3273" s="11" t="str">
        <f>'申請書（複数入力用）'!J3275</f>
        <v/>
      </c>
      <c r="G3273" s="6" t="str">
        <f>'申請書（複数入力用）'!K3275</f>
        <v>a052r000000jS9ZAAU</v>
      </c>
      <c r="H3273" s="12" t="e">
        <f>'申請書（複数入力用）'!N3275</f>
        <v>#N/A</v>
      </c>
      <c r="I3273" s="12" t="e">
        <f>'申請書（複数入力用）'!O3275</f>
        <v>#N/A</v>
      </c>
      <c r="J3273" s="12">
        <f>'申請書（複数入力用）'!P3275</f>
        <v>1</v>
      </c>
    </row>
    <row r="3274" spans="1:10" ht="51.6" customHeight="1" x14ac:dyDescent="0.45">
      <c r="A3274" s="6">
        <f>'申請書（複数入力用）'!A3276</f>
        <v>3270</v>
      </c>
      <c r="B3274" s="13">
        <f>'申請書（複数入力用）'!AH3276</f>
        <v>0</v>
      </c>
      <c r="C3274" s="6">
        <f>'申請書（複数入力用）'!B3276</f>
        <v>0</v>
      </c>
      <c r="D3274" s="6">
        <f>'申請書（複数入力用）'!D3276</f>
        <v>0</v>
      </c>
      <c r="E3274" s="14">
        <f>'申請書（複数入力用）'!H3276</f>
        <v>0</v>
      </c>
      <c r="F3274" s="11" t="str">
        <f>'申請書（複数入力用）'!J3276</f>
        <v/>
      </c>
      <c r="G3274" s="6" t="str">
        <f>'申請書（複数入力用）'!K3276</f>
        <v>a052r000000jS9ZAAU</v>
      </c>
      <c r="H3274" s="12" t="e">
        <f>'申請書（複数入力用）'!N3276</f>
        <v>#N/A</v>
      </c>
      <c r="I3274" s="12" t="e">
        <f>'申請書（複数入力用）'!O3276</f>
        <v>#N/A</v>
      </c>
      <c r="J3274" s="12">
        <f>'申請書（複数入力用）'!P3276</f>
        <v>1</v>
      </c>
    </row>
    <row r="3275" spans="1:10" ht="51.6" customHeight="1" x14ac:dyDescent="0.45">
      <c r="A3275" s="6">
        <f>'申請書（複数入力用）'!A3277</f>
        <v>3271</v>
      </c>
      <c r="B3275" s="13">
        <f>'申請書（複数入力用）'!AH3277</f>
        <v>0</v>
      </c>
      <c r="C3275" s="6">
        <f>'申請書（複数入力用）'!B3277</f>
        <v>0</v>
      </c>
      <c r="D3275" s="6">
        <f>'申請書（複数入力用）'!D3277</f>
        <v>0</v>
      </c>
      <c r="E3275" s="14">
        <f>'申請書（複数入力用）'!H3277</f>
        <v>0</v>
      </c>
      <c r="F3275" s="11" t="str">
        <f>'申請書（複数入力用）'!J3277</f>
        <v/>
      </c>
      <c r="G3275" s="6" t="str">
        <f>'申請書（複数入力用）'!K3277</f>
        <v>a052r000000jS9ZAAU</v>
      </c>
      <c r="H3275" s="12" t="e">
        <f>'申請書（複数入力用）'!N3277</f>
        <v>#N/A</v>
      </c>
      <c r="I3275" s="12" t="e">
        <f>'申請書（複数入力用）'!O3277</f>
        <v>#N/A</v>
      </c>
      <c r="J3275" s="12">
        <f>'申請書（複数入力用）'!P3277</f>
        <v>1</v>
      </c>
    </row>
    <row r="3276" spans="1:10" ht="51.6" customHeight="1" x14ac:dyDescent="0.45">
      <c r="A3276" s="6">
        <f>'申請書（複数入力用）'!A3278</f>
        <v>3272</v>
      </c>
      <c r="B3276" s="13">
        <f>'申請書（複数入力用）'!AH3278</f>
        <v>0</v>
      </c>
      <c r="C3276" s="6">
        <f>'申請書（複数入力用）'!B3278</f>
        <v>0</v>
      </c>
      <c r="D3276" s="6">
        <f>'申請書（複数入力用）'!D3278</f>
        <v>0</v>
      </c>
      <c r="E3276" s="14">
        <f>'申請書（複数入力用）'!H3278</f>
        <v>0</v>
      </c>
      <c r="F3276" s="11" t="str">
        <f>'申請書（複数入力用）'!J3278</f>
        <v/>
      </c>
      <c r="G3276" s="6" t="str">
        <f>'申請書（複数入力用）'!K3278</f>
        <v>a052r000000jS9ZAAU</v>
      </c>
      <c r="H3276" s="12" t="e">
        <f>'申請書（複数入力用）'!N3278</f>
        <v>#N/A</v>
      </c>
      <c r="I3276" s="12" t="e">
        <f>'申請書（複数入力用）'!O3278</f>
        <v>#N/A</v>
      </c>
      <c r="J3276" s="12">
        <f>'申請書（複数入力用）'!P3278</f>
        <v>1</v>
      </c>
    </row>
    <row r="3277" spans="1:10" ht="51.6" customHeight="1" x14ac:dyDescent="0.45">
      <c r="A3277" s="6">
        <f>'申請書（複数入力用）'!A3279</f>
        <v>3273</v>
      </c>
      <c r="B3277" s="13">
        <f>'申請書（複数入力用）'!AH3279</f>
        <v>0</v>
      </c>
      <c r="C3277" s="6">
        <f>'申請書（複数入力用）'!B3279</f>
        <v>0</v>
      </c>
      <c r="D3277" s="6">
        <f>'申請書（複数入力用）'!D3279</f>
        <v>0</v>
      </c>
      <c r="E3277" s="14">
        <f>'申請書（複数入力用）'!H3279</f>
        <v>0</v>
      </c>
      <c r="F3277" s="11" t="str">
        <f>'申請書（複数入力用）'!J3279</f>
        <v/>
      </c>
      <c r="G3277" s="6" t="str">
        <f>'申請書（複数入力用）'!K3279</f>
        <v>a052r000000jS9ZAAU</v>
      </c>
      <c r="H3277" s="12" t="e">
        <f>'申請書（複数入力用）'!N3279</f>
        <v>#N/A</v>
      </c>
      <c r="I3277" s="12" t="e">
        <f>'申請書（複数入力用）'!O3279</f>
        <v>#N/A</v>
      </c>
      <c r="J3277" s="12">
        <f>'申請書（複数入力用）'!P3279</f>
        <v>1</v>
      </c>
    </row>
    <row r="3278" spans="1:10" ht="51.6" customHeight="1" x14ac:dyDescent="0.45">
      <c r="A3278" s="6">
        <f>'申請書（複数入力用）'!A3280</f>
        <v>3274</v>
      </c>
      <c r="B3278" s="13">
        <f>'申請書（複数入力用）'!AH3280</f>
        <v>0</v>
      </c>
      <c r="C3278" s="6">
        <f>'申請書（複数入力用）'!B3280</f>
        <v>0</v>
      </c>
      <c r="D3278" s="6">
        <f>'申請書（複数入力用）'!D3280</f>
        <v>0</v>
      </c>
      <c r="E3278" s="14">
        <f>'申請書（複数入力用）'!H3280</f>
        <v>0</v>
      </c>
      <c r="F3278" s="11" t="str">
        <f>'申請書（複数入力用）'!J3280</f>
        <v/>
      </c>
      <c r="G3278" s="6" t="str">
        <f>'申請書（複数入力用）'!K3280</f>
        <v>a052r000000jS9ZAAU</v>
      </c>
      <c r="H3278" s="12" t="e">
        <f>'申請書（複数入力用）'!N3280</f>
        <v>#N/A</v>
      </c>
      <c r="I3278" s="12" t="e">
        <f>'申請書（複数入力用）'!O3280</f>
        <v>#N/A</v>
      </c>
      <c r="J3278" s="12">
        <f>'申請書（複数入力用）'!P3280</f>
        <v>1</v>
      </c>
    </row>
    <row r="3279" spans="1:10" ht="51.6" customHeight="1" x14ac:dyDescent="0.45">
      <c r="A3279" s="6">
        <f>'申請書（複数入力用）'!A3281</f>
        <v>3275</v>
      </c>
      <c r="B3279" s="13">
        <f>'申請書（複数入力用）'!AH3281</f>
        <v>0</v>
      </c>
      <c r="C3279" s="6">
        <f>'申請書（複数入力用）'!B3281</f>
        <v>0</v>
      </c>
      <c r="D3279" s="6">
        <f>'申請書（複数入力用）'!D3281</f>
        <v>0</v>
      </c>
      <c r="E3279" s="14">
        <f>'申請書（複数入力用）'!H3281</f>
        <v>0</v>
      </c>
      <c r="F3279" s="11" t="str">
        <f>'申請書（複数入力用）'!J3281</f>
        <v/>
      </c>
      <c r="G3279" s="6" t="str">
        <f>'申請書（複数入力用）'!K3281</f>
        <v>a052r000000jS9ZAAU</v>
      </c>
      <c r="H3279" s="12" t="e">
        <f>'申請書（複数入力用）'!N3281</f>
        <v>#N/A</v>
      </c>
      <c r="I3279" s="12" t="e">
        <f>'申請書（複数入力用）'!O3281</f>
        <v>#N/A</v>
      </c>
      <c r="J3279" s="12">
        <f>'申請書（複数入力用）'!P3281</f>
        <v>1</v>
      </c>
    </row>
    <row r="3280" spans="1:10" ht="51.6" customHeight="1" x14ac:dyDescent="0.45">
      <c r="A3280" s="6">
        <f>'申請書（複数入力用）'!A3282</f>
        <v>3276</v>
      </c>
      <c r="B3280" s="13">
        <f>'申請書（複数入力用）'!AH3282</f>
        <v>0</v>
      </c>
      <c r="C3280" s="6">
        <f>'申請書（複数入力用）'!B3282</f>
        <v>0</v>
      </c>
      <c r="D3280" s="6">
        <f>'申請書（複数入力用）'!D3282</f>
        <v>0</v>
      </c>
      <c r="E3280" s="14">
        <f>'申請書（複数入力用）'!H3282</f>
        <v>0</v>
      </c>
      <c r="F3280" s="11" t="str">
        <f>'申請書（複数入力用）'!J3282</f>
        <v/>
      </c>
      <c r="G3280" s="6" t="str">
        <f>'申請書（複数入力用）'!K3282</f>
        <v>a052r000000jS9ZAAU</v>
      </c>
      <c r="H3280" s="12" t="e">
        <f>'申請書（複数入力用）'!N3282</f>
        <v>#N/A</v>
      </c>
      <c r="I3280" s="12" t="e">
        <f>'申請書（複数入力用）'!O3282</f>
        <v>#N/A</v>
      </c>
      <c r="J3280" s="12">
        <f>'申請書（複数入力用）'!P3282</f>
        <v>1</v>
      </c>
    </row>
    <row r="3281" spans="1:10" ht="51.6" customHeight="1" x14ac:dyDescent="0.45">
      <c r="A3281" s="6">
        <f>'申請書（複数入力用）'!A3283</f>
        <v>3277</v>
      </c>
      <c r="B3281" s="13">
        <f>'申請書（複数入力用）'!AH3283</f>
        <v>0</v>
      </c>
      <c r="C3281" s="6">
        <f>'申請書（複数入力用）'!B3283</f>
        <v>0</v>
      </c>
      <c r="D3281" s="6">
        <f>'申請書（複数入力用）'!D3283</f>
        <v>0</v>
      </c>
      <c r="E3281" s="14">
        <f>'申請書（複数入力用）'!H3283</f>
        <v>0</v>
      </c>
      <c r="F3281" s="11" t="str">
        <f>'申請書（複数入力用）'!J3283</f>
        <v/>
      </c>
      <c r="G3281" s="6" t="str">
        <f>'申請書（複数入力用）'!K3283</f>
        <v>a052r000000jS9ZAAU</v>
      </c>
      <c r="H3281" s="12" t="e">
        <f>'申請書（複数入力用）'!N3283</f>
        <v>#N/A</v>
      </c>
      <c r="I3281" s="12" t="e">
        <f>'申請書（複数入力用）'!O3283</f>
        <v>#N/A</v>
      </c>
      <c r="J3281" s="12">
        <f>'申請書（複数入力用）'!P3283</f>
        <v>1</v>
      </c>
    </row>
    <row r="3282" spans="1:10" ht="51.6" customHeight="1" x14ac:dyDescent="0.45">
      <c r="A3282" s="6">
        <f>'申請書（複数入力用）'!A3284</f>
        <v>3278</v>
      </c>
      <c r="B3282" s="13">
        <f>'申請書（複数入力用）'!AH3284</f>
        <v>0</v>
      </c>
      <c r="C3282" s="6">
        <f>'申請書（複数入力用）'!B3284</f>
        <v>0</v>
      </c>
      <c r="D3282" s="6">
        <f>'申請書（複数入力用）'!D3284</f>
        <v>0</v>
      </c>
      <c r="E3282" s="14">
        <f>'申請書（複数入力用）'!H3284</f>
        <v>0</v>
      </c>
      <c r="F3282" s="11" t="str">
        <f>'申請書（複数入力用）'!J3284</f>
        <v/>
      </c>
      <c r="G3282" s="6" t="str">
        <f>'申請書（複数入力用）'!K3284</f>
        <v>a052r000000jS9ZAAU</v>
      </c>
      <c r="H3282" s="12" t="e">
        <f>'申請書（複数入力用）'!N3284</f>
        <v>#N/A</v>
      </c>
      <c r="I3282" s="12" t="e">
        <f>'申請書（複数入力用）'!O3284</f>
        <v>#N/A</v>
      </c>
      <c r="J3282" s="12">
        <f>'申請書（複数入力用）'!P3284</f>
        <v>1</v>
      </c>
    </row>
    <row r="3283" spans="1:10" ht="51.6" customHeight="1" x14ac:dyDescent="0.45">
      <c r="A3283" s="6">
        <f>'申請書（複数入力用）'!A3285</f>
        <v>3279</v>
      </c>
      <c r="B3283" s="13">
        <f>'申請書（複数入力用）'!AH3285</f>
        <v>0</v>
      </c>
      <c r="C3283" s="6">
        <f>'申請書（複数入力用）'!B3285</f>
        <v>0</v>
      </c>
      <c r="D3283" s="6">
        <f>'申請書（複数入力用）'!D3285</f>
        <v>0</v>
      </c>
      <c r="E3283" s="14">
        <f>'申請書（複数入力用）'!H3285</f>
        <v>0</v>
      </c>
      <c r="F3283" s="11" t="str">
        <f>'申請書（複数入力用）'!J3285</f>
        <v/>
      </c>
      <c r="G3283" s="6" t="str">
        <f>'申請書（複数入力用）'!K3285</f>
        <v>a052r000000jS9ZAAU</v>
      </c>
      <c r="H3283" s="12" t="e">
        <f>'申請書（複数入力用）'!N3285</f>
        <v>#N/A</v>
      </c>
      <c r="I3283" s="12" t="e">
        <f>'申請書（複数入力用）'!O3285</f>
        <v>#N/A</v>
      </c>
      <c r="J3283" s="12">
        <f>'申請書（複数入力用）'!P3285</f>
        <v>1</v>
      </c>
    </row>
    <row r="3284" spans="1:10" ht="51.6" customHeight="1" x14ac:dyDescent="0.45">
      <c r="A3284" s="6">
        <f>'申請書（複数入力用）'!A3286</f>
        <v>3280</v>
      </c>
      <c r="B3284" s="13">
        <f>'申請書（複数入力用）'!AH3286</f>
        <v>0</v>
      </c>
      <c r="C3284" s="6">
        <f>'申請書（複数入力用）'!B3286</f>
        <v>0</v>
      </c>
      <c r="D3284" s="6">
        <f>'申請書（複数入力用）'!D3286</f>
        <v>0</v>
      </c>
      <c r="E3284" s="14">
        <f>'申請書（複数入力用）'!H3286</f>
        <v>0</v>
      </c>
      <c r="F3284" s="11" t="str">
        <f>'申請書（複数入力用）'!J3286</f>
        <v/>
      </c>
      <c r="G3284" s="6" t="str">
        <f>'申請書（複数入力用）'!K3286</f>
        <v>a052r000000jS9ZAAU</v>
      </c>
      <c r="H3284" s="12" t="e">
        <f>'申請書（複数入力用）'!N3286</f>
        <v>#N/A</v>
      </c>
      <c r="I3284" s="12" t="e">
        <f>'申請書（複数入力用）'!O3286</f>
        <v>#N/A</v>
      </c>
      <c r="J3284" s="12">
        <f>'申請書（複数入力用）'!P3286</f>
        <v>1</v>
      </c>
    </row>
    <row r="3285" spans="1:10" ht="51.6" customHeight="1" x14ac:dyDescent="0.45">
      <c r="A3285" s="6">
        <f>'申請書（複数入力用）'!A3287</f>
        <v>3281</v>
      </c>
      <c r="B3285" s="13">
        <f>'申請書（複数入力用）'!AH3287</f>
        <v>0</v>
      </c>
      <c r="C3285" s="6">
        <f>'申請書（複数入力用）'!B3287</f>
        <v>0</v>
      </c>
      <c r="D3285" s="6">
        <f>'申請書（複数入力用）'!D3287</f>
        <v>0</v>
      </c>
      <c r="E3285" s="14">
        <f>'申請書（複数入力用）'!H3287</f>
        <v>0</v>
      </c>
      <c r="F3285" s="11" t="str">
        <f>'申請書（複数入力用）'!J3287</f>
        <v/>
      </c>
      <c r="G3285" s="6" t="str">
        <f>'申請書（複数入力用）'!K3287</f>
        <v>a052r000000jS9ZAAU</v>
      </c>
      <c r="H3285" s="12" t="e">
        <f>'申請書（複数入力用）'!N3287</f>
        <v>#N/A</v>
      </c>
      <c r="I3285" s="12" t="e">
        <f>'申請書（複数入力用）'!O3287</f>
        <v>#N/A</v>
      </c>
      <c r="J3285" s="12">
        <f>'申請書（複数入力用）'!P3287</f>
        <v>1</v>
      </c>
    </row>
    <row r="3286" spans="1:10" ht="51.6" customHeight="1" x14ac:dyDescent="0.45">
      <c r="A3286" s="6">
        <f>'申請書（複数入力用）'!A3288</f>
        <v>3282</v>
      </c>
      <c r="B3286" s="13">
        <f>'申請書（複数入力用）'!AH3288</f>
        <v>0</v>
      </c>
      <c r="C3286" s="6">
        <f>'申請書（複数入力用）'!B3288</f>
        <v>0</v>
      </c>
      <c r="D3286" s="6">
        <f>'申請書（複数入力用）'!D3288</f>
        <v>0</v>
      </c>
      <c r="E3286" s="14">
        <f>'申請書（複数入力用）'!H3288</f>
        <v>0</v>
      </c>
      <c r="F3286" s="11" t="str">
        <f>'申請書（複数入力用）'!J3288</f>
        <v/>
      </c>
      <c r="G3286" s="6" t="str">
        <f>'申請書（複数入力用）'!K3288</f>
        <v>a052r000000jS9ZAAU</v>
      </c>
      <c r="H3286" s="12" t="e">
        <f>'申請書（複数入力用）'!N3288</f>
        <v>#N/A</v>
      </c>
      <c r="I3286" s="12" t="e">
        <f>'申請書（複数入力用）'!O3288</f>
        <v>#N/A</v>
      </c>
      <c r="J3286" s="12">
        <f>'申請書（複数入力用）'!P3288</f>
        <v>1</v>
      </c>
    </row>
    <row r="3287" spans="1:10" ht="51.6" customHeight="1" x14ac:dyDescent="0.45">
      <c r="A3287" s="6">
        <f>'申請書（複数入力用）'!A3289</f>
        <v>3283</v>
      </c>
      <c r="B3287" s="13">
        <f>'申請書（複数入力用）'!AH3289</f>
        <v>0</v>
      </c>
      <c r="C3287" s="6">
        <f>'申請書（複数入力用）'!B3289</f>
        <v>0</v>
      </c>
      <c r="D3287" s="6">
        <f>'申請書（複数入力用）'!D3289</f>
        <v>0</v>
      </c>
      <c r="E3287" s="14">
        <f>'申請書（複数入力用）'!H3289</f>
        <v>0</v>
      </c>
      <c r="F3287" s="11" t="str">
        <f>'申請書（複数入力用）'!J3289</f>
        <v/>
      </c>
      <c r="G3287" s="6" t="str">
        <f>'申請書（複数入力用）'!K3289</f>
        <v>a052r000000jS9ZAAU</v>
      </c>
      <c r="H3287" s="12" t="e">
        <f>'申請書（複数入力用）'!N3289</f>
        <v>#N/A</v>
      </c>
      <c r="I3287" s="12" t="e">
        <f>'申請書（複数入力用）'!O3289</f>
        <v>#N/A</v>
      </c>
      <c r="J3287" s="12">
        <f>'申請書（複数入力用）'!P3289</f>
        <v>1</v>
      </c>
    </row>
    <row r="3288" spans="1:10" ht="51.6" customHeight="1" x14ac:dyDescent="0.45">
      <c r="A3288" s="6">
        <f>'申請書（複数入力用）'!A3290</f>
        <v>3284</v>
      </c>
      <c r="B3288" s="13">
        <f>'申請書（複数入力用）'!AH3290</f>
        <v>0</v>
      </c>
      <c r="C3288" s="6">
        <f>'申請書（複数入力用）'!B3290</f>
        <v>0</v>
      </c>
      <c r="D3288" s="6">
        <f>'申請書（複数入力用）'!D3290</f>
        <v>0</v>
      </c>
      <c r="E3288" s="14">
        <f>'申請書（複数入力用）'!H3290</f>
        <v>0</v>
      </c>
      <c r="F3288" s="11" t="str">
        <f>'申請書（複数入力用）'!J3290</f>
        <v/>
      </c>
      <c r="G3288" s="6" t="str">
        <f>'申請書（複数入力用）'!K3290</f>
        <v>a052r000000jS9ZAAU</v>
      </c>
      <c r="H3288" s="12" t="e">
        <f>'申請書（複数入力用）'!N3290</f>
        <v>#N/A</v>
      </c>
      <c r="I3288" s="12" t="e">
        <f>'申請書（複数入力用）'!O3290</f>
        <v>#N/A</v>
      </c>
      <c r="J3288" s="12">
        <f>'申請書（複数入力用）'!P3290</f>
        <v>1</v>
      </c>
    </row>
    <row r="3289" spans="1:10" ht="51.6" customHeight="1" x14ac:dyDescent="0.45">
      <c r="A3289" s="6">
        <f>'申請書（複数入力用）'!A3291</f>
        <v>3285</v>
      </c>
      <c r="B3289" s="13">
        <f>'申請書（複数入力用）'!AH3291</f>
        <v>0</v>
      </c>
      <c r="C3289" s="6">
        <f>'申請書（複数入力用）'!B3291</f>
        <v>0</v>
      </c>
      <c r="D3289" s="6">
        <f>'申請書（複数入力用）'!D3291</f>
        <v>0</v>
      </c>
      <c r="E3289" s="14">
        <f>'申請書（複数入力用）'!H3291</f>
        <v>0</v>
      </c>
      <c r="F3289" s="11" t="str">
        <f>'申請書（複数入力用）'!J3291</f>
        <v/>
      </c>
      <c r="G3289" s="6" t="str">
        <f>'申請書（複数入力用）'!K3291</f>
        <v>a052r000000jS9ZAAU</v>
      </c>
      <c r="H3289" s="12" t="e">
        <f>'申請書（複数入力用）'!N3291</f>
        <v>#N/A</v>
      </c>
      <c r="I3289" s="12" t="e">
        <f>'申請書（複数入力用）'!O3291</f>
        <v>#N/A</v>
      </c>
      <c r="J3289" s="12">
        <f>'申請書（複数入力用）'!P3291</f>
        <v>1</v>
      </c>
    </row>
    <row r="3290" spans="1:10" ht="51.6" customHeight="1" x14ac:dyDescent="0.45">
      <c r="A3290" s="6">
        <f>'申請書（複数入力用）'!A3292</f>
        <v>3286</v>
      </c>
      <c r="B3290" s="13">
        <f>'申請書（複数入力用）'!AH3292</f>
        <v>0</v>
      </c>
      <c r="C3290" s="6">
        <f>'申請書（複数入力用）'!B3292</f>
        <v>0</v>
      </c>
      <c r="D3290" s="6">
        <f>'申請書（複数入力用）'!D3292</f>
        <v>0</v>
      </c>
      <c r="E3290" s="14">
        <f>'申請書（複数入力用）'!H3292</f>
        <v>0</v>
      </c>
      <c r="F3290" s="11" t="str">
        <f>'申請書（複数入力用）'!J3292</f>
        <v/>
      </c>
      <c r="G3290" s="6" t="str">
        <f>'申請書（複数入力用）'!K3292</f>
        <v>a052r000000jS9ZAAU</v>
      </c>
      <c r="H3290" s="12" t="e">
        <f>'申請書（複数入力用）'!N3292</f>
        <v>#N/A</v>
      </c>
      <c r="I3290" s="12" t="e">
        <f>'申請書（複数入力用）'!O3292</f>
        <v>#N/A</v>
      </c>
      <c r="J3290" s="12">
        <f>'申請書（複数入力用）'!P3292</f>
        <v>1</v>
      </c>
    </row>
    <row r="3291" spans="1:10" ht="51.6" customHeight="1" x14ac:dyDescent="0.45">
      <c r="A3291" s="6">
        <f>'申請書（複数入力用）'!A3293</f>
        <v>3287</v>
      </c>
      <c r="B3291" s="13">
        <f>'申請書（複数入力用）'!AH3293</f>
        <v>0</v>
      </c>
      <c r="C3291" s="6">
        <f>'申請書（複数入力用）'!B3293</f>
        <v>0</v>
      </c>
      <c r="D3291" s="6">
        <f>'申請書（複数入力用）'!D3293</f>
        <v>0</v>
      </c>
      <c r="E3291" s="14">
        <f>'申請書（複数入力用）'!H3293</f>
        <v>0</v>
      </c>
      <c r="F3291" s="11" t="str">
        <f>'申請書（複数入力用）'!J3293</f>
        <v/>
      </c>
      <c r="G3291" s="6" t="str">
        <f>'申請書（複数入力用）'!K3293</f>
        <v>a052r000000jS9ZAAU</v>
      </c>
      <c r="H3291" s="12" t="e">
        <f>'申請書（複数入力用）'!N3293</f>
        <v>#N/A</v>
      </c>
      <c r="I3291" s="12" t="e">
        <f>'申請書（複数入力用）'!O3293</f>
        <v>#N/A</v>
      </c>
      <c r="J3291" s="12">
        <f>'申請書（複数入力用）'!P3293</f>
        <v>1</v>
      </c>
    </row>
    <row r="3292" spans="1:10" ht="51.6" customHeight="1" x14ac:dyDescent="0.45">
      <c r="A3292" s="6">
        <f>'申請書（複数入力用）'!A3294</f>
        <v>3288</v>
      </c>
      <c r="B3292" s="13">
        <f>'申請書（複数入力用）'!AH3294</f>
        <v>0</v>
      </c>
      <c r="C3292" s="6">
        <f>'申請書（複数入力用）'!B3294</f>
        <v>0</v>
      </c>
      <c r="D3292" s="6">
        <f>'申請書（複数入力用）'!D3294</f>
        <v>0</v>
      </c>
      <c r="E3292" s="14">
        <f>'申請書（複数入力用）'!H3294</f>
        <v>0</v>
      </c>
      <c r="F3292" s="11" t="str">
        <f>'申請書（複数入力用）'!J3294</f>
        <v/>
      </c>
      <c r="G3292" s="6" t="str">
        <f>'申請書（複数入力用）'!K3294</f>
        <v>a052r000000jS9ZAAU</v>
      </c>
      <c r="H3292" s="12" t="e">
        <f>'申請書（複数入力用）'!N3294</f>
        <v>#N/A</v>
      </c>
      <c r="I3292" s="12" t="e">
        <f>'申請書（複数入力用）'!O3294</f>
        <v>#N/A</v>
      </c>
      <c r="J3292" s="12">
        <f>'申請書（複数入力用）'!P3294</f>
        <v>1</v>
      </c>
    </row>
    <row r="3293" spans="1:10" ht="51.6" customHeight="1" x14ac:dyDescent="0.45">
      <c r="A3293" s="6">
        <f>'申請書（複数入力用）'!A3295</f>
        <v>3289</v>
      </c>
      <c r="B3293" s="13">
        <f>'申請書（複数入力用）'!AH3295</f>
        <v>0</v>
      </c>
      <c r="C3293" s="6">
        <f>'申請書（複数入力用）'!B3295</f>
        <v>0</v>
      </c>
      <c r="D3293" s="6">
        <f>'申請書（複数入力用）'!D3295</f>
        <v>0</v>
      </c>
      <c r="E3293" s="14">
        <f>'申請書（複数入力用）'!H3295</f>
        <v>0</v>
      </c>
      <c r="F3293" s="11" t="str">
        <f>'申請書（複数入力用）'!J3295</f>
        <v/>
      </c>
      <c r="G3293" s="6" t="str">
        <f>'申請書（複数入力用）'!K3295</f>
        <v>a052r000000jS9ZAAU</v>
      </c>
      <c r="H3293" s="12" t="e">
        <f>'申請書（複数入力用）'!N3295</f>
        <v>#N/A</v>
      </c>
      <c r="I3293" s="12" t="e">
        <f>'申請書（複数入力用）'!O3295</f>
        <v>#N/A</v>
      </c>
      <c r="J3293" s="12">
        <f>'申請書（複数入力用）'!P3295</f>
        <v>1</v>
      </c>
    </row>
    <row r="3294" spans="1:10" ht="51.6" customHeight="1" x14ac:dyDescent="0.45">
      <c r="A3294" s="6">
        <f>'申請書（複数入力用）'!A3296</f>
        <v>3290</v>
      </c>
      <c r="B3294" s="13">
        <f>'申請書（複数入力用）'!AH3296</f>
        <v>0</v>
      </c>
      <c r="C3294" s="6">
        <f>'申請書（複数入力用）'!B3296</f>
        <v>0</v>
      </c>
      <c r="D3294" s="6">
        <f>'申請書（複数入力用）'!D3296</f>
        <v>0</v>
      </c>
      <c r="E3294" s="14">
        <f>'申請書（複数入力用）'!H3296</f>
        <v>0</v>
      </c>
      <c r="F3294" s="11" t="str">
        <f>'申請書（複数入力用）'!J3296</f>
        <v/>
      </c>
      <c r="G3294" s="6" t="str">
        <f>'申請書（複数入力用）'!K3296</f>
        <v>a052r000000jS9ZAAU</v>
      </c>
      <c r="H3294" s="12" t="e">
        <f>'申請書（複数入力用）'!N3296</f>
        <v>#N/A</v>
      </c>
      <c r="I3294" s="12" t="e">
        <f>'申請書（複数入力用）'!O3296</f>
        <v>#N/A</v>
      </c>
      <c r="J3294" s="12">
        <f>'申請書（複数入力用）'!P3296</f>
        <v>1</v>
      </c>
    </row>
    <row r="3295" spans="1:10" ht="51.6" customHeight="1" x14ac:dyDescent="0.45">
      <c r="A3295" s="6">
        <f>'申請書（複数入力用）'!A3297</f>
        <v>3291</v>
      </c>
      <c r="B3295" s="13">
        <f>'申請書（複数入力用）'!AH3297</f>
        <v>0</v>
      </c>
      <c r="C3295" s="6">
        <f>'申請書（複数入力用）'!B3297</f>
        <v>0</v>
      </c>
      <c r="D3295" s="6">
        <f>'申請書（複数入力用）'!D3297</f>
        <v>0</v>
      </c>
      <c r="E3295" s="14">
        <f>'申請書（複数入力用）'!H3297</f>
        <v>0</v>
      </c>
      <c r="F3295" s="11" t="str">
        <f>'申請書（複数入力用）'!J3297</f>
        <v/>
      </c>
      <c r="G3295" s="6" t="str">
        <f>'申請書（複数入力用）'!K3297</f>
        <v>a052r000000jS9ZAAU</v>
      </c>
      <c r="H3295" s="12" t="e">
        <f>'申請書（複数入力用）'!N3297</f>
        <v>#N/A</v>
      </c>
      <c r="I3295" s="12" t="e">
        <f>'申請書（複数入力用）'!O3297</f>
        <v>#N/A</v>
      </c>
      <c r="J3295" s="12">
        <f>'申請書（複数入力用）'!P3297</f>
        <v>1</v>
      </c>
    </row>
    <row r="3296" spans="1:10" ht="51.6" customHeight="1" x14ac:dyDescent="0.45">
      <c r="A3296" s="6">
        <f>'申請書（複数入力用）'!A3298</f>
        <v>3292</v>
      </c>
      <c r="B3296" s="13">
        <f>'申請書（複数入力用）'!AH3298</f>
        <v>0</v>
      </c>
      <c r="C3296" s="6">
        <f>'申請書（複数入力用）'!B3298</f>
        <v>0</v>
      </c>
      <c r="D3296" s="6">
        <f>'申請書（複数入力用）'!D3298</f>
        <v>0</v>
      </c>
      <c r="E3296" s="14">
        <f>'申請書（複数入力用）'!H3298</f>
        <v>0</v>
      </c>
      <c r="F3296" s="11" t="str">
        <f>'申請書（複数入力用）'!J3298</f>
        <v/>
      </c>
      <c r="G3296" s="6" t="str">
        <f>'申請書（複数入力用）'!K3298</f>
        <v>a052r000000jS9ZAAU</v>
      </c>
      <c r="H3296" s="12" t="e">
        <f>'申請書（複数入力用）'!N3298</f>
        <v>#N/A</v>
      </c>
      <c r="I3296" s="12" t="e">
        <f>'申請書（複数入力用）'!O3298</f>
        <v>#N/A</v>
      </c>
      <c r="J3296" s="12">
        <f>'申請書（複数入力用）'!P3298</f>
        <v>1</v>
      </c>
    </row>
    <row r="3297" spans="1:10" ht="51.6" customHeight="1" x14ac:dyDescent="0.45">
      <c r="A3297" s="6">
        <f>'申請書（複数入力用）'!A3299</f>
        <v>3293</v>
      </c>
      <c r="B3297" s="13">
        <f>'申請書（複数入力用）'!AH3299</f>
        <v>0</v>
      </c>
      <c r="C3297" s="6">
        <f>'申請書（複数入力用）'!B3299</f>
        <v>0</v>
      </c>
      <c r="D3297" s="6">
        <f>'申請書（複数入力用）'!D3299</f>
        <v>0</v>
      </c>
      <c r="E3297" s="14">
        <f>'申請書（複数入力用）'!H3299</f>
        <v>0</v>
      </c>
      <c r="F3297" s="11" t="str">
        <f>'申請書（複数入力用）'!J3299</f>
        <v/>
      </c>
      <c r="G3297" s="6" t="str">
        <f>'申請書（複数入力用）'!K3299</f>
        <v>a052r000000jS9ZAAU</v>
      </c>
      <c r="H3297" s="12" t="e">
        <f>'申請書（複数入力用）'!N3299</f>
        <v>#N/A</v>
      </c>
      <c r="I3297" s="12" t="e">
        <f>'申請書（複数入力用）'!O3299</f>
        <v>#N/A</v>
      </c>
      <c r="J3297" s="12">
        <f>'申請書（複数入力用）'!P3299</f>
        <v>1</v>
      </c>
    </row>
    <row r="3298" spans="1:10" ht="51.6" customHeight="1" x14ac:dyDescent="0.45">
      <c r="A3298" s="6">
        <f>'申請書（複数入力用）'!A3300</f>
        <v>3294</v>
      </c>
      <c r="B3298" s="13">
        <f>'申請書（複数入力用）'!AH3300</f>
        <v>0</v>
      </c>
      <c r="C3298" s="6">
        <f>'申請書（複数入力用）'!B3300</f>
        <v>0</v>
      </c>
      <c r="D3298" s="6">
        <f>'申請書（複数入力用）'!D3300</f>
        <v>0</v>
      </c>
      <c r="E3298" s="14">
        <f>'申請書（複数入力用）'!H3300</f>
        <v>0</v>
      </c>
      <c r="F3298" s="11" t="str">
        <f>'申請書（複数入力用）'!J3300</f>
        <v/>
      </c>
      <c r="G3298" s="6" t="str">
        <f>'申請書（複数入力用）'!K3300</f>
        <v>a052r000000jS9ZAAU</v>
      </c>
      <c r="H3298" s="12" t="e">
        <f>'申請書（複数入力用）'!N3300</f>
        <v>#N/A</v>
      </c>
      <c r="I3298" s="12" t="e">
        <f>'申請書（複数入力用）'!O3300</f>
        <v>#N/A</v>
      </c>
      <c r="J3298" s="12">
        <f>'申請書（複数入力用）'!P3300</f>
        <v>1</v>
      </c>
    </row>
    <row r="3299" spans="1:10" ht="51.6" customHeight="1" x14ac:dyDescent="0.45">
      <c r="A3299" s="6">
        <f>'申請書（複数入力用）'!A3301</f>
        <v>3295</v>
      </c>
      <c r="B3299" s="13">
        <f>'申請書（複数入力用）'!AH3301</f>
        <v>0</v>
      </c>
      <c r="C3299" s="6">
        <f>'申請書（複数入力用）'!B3301</f>
        <v>0</v>
      </c>
      <c r="D3299" s="6">
        <f>'申請書（複数入力用）'!D3301</f>
        <v>0</v>
      </c>
      <c r="E3299" s="14">
        <f>'申請書（複数入力用）'!H3301</f>
        <v>0</v>
      </c>
      <c r="F3299" s="11" t="str">
        <f>'申請書（複数入力用）'!J3301</f>
        <v/>
      </c>
      <c r="G3299" s="6" t="str">
        <f>'申請書（複数入力用）'!K3301</f>
        <v>a052r000000jS9ZAAU</v>
      </c>
      <c r="H3299" s="12" t="e">
        <f>'申請書（複数入力用）'!N3301</f>
        <v>#N/A</v>
      </c>
      <c r="I3299" s="12" t="e">
        <f>'申請書（複数入力用）'!O3301</f>
        <v>#N/A</v>
      </c>
      <c r="J3299" s="12">
        <f>'申請書（複数入力用）'!P3301</f>
        <v>1</v>
      </c>
    </row>
    <row r="3300" spans="1:10" ht="51.6" customHeight="1" x14ac:dyDescent="0.45">
      <c r="A3300" s="6">
        <f>'申請書（複数入力用）'!A3302</f>
        <v>3296</v>
      </c>
      <c r="B3300" s="13">
        <f>'申請書（複数入力用）'!AH3302</f>
        <v>0</v>
      </c>
      <c r="C3300" s="6">
        <f>'申請書（複数入力用）'!B3302</f>
        <v>0</v>
      </c>
      <c r="D3300" s="6">
        <f>'申請書（複数入力用）'!D3302</f>
        <v>0</v>
      </c>
      <c r="E3300" s="14">
        <f>'申請書（複数入力用）'!H3302</f>
        <v>0</v>
      </c>
      <c r="F3300" s="11" t="str">
        <f>'申請書（複数入力用）'!J3302</f>
        <v/>
      </c>
      <c r="G3300" s="6" t="str">
        <f>'申請書（複数入力用）'!K3302</f>
        <v>a052r000000jS9ZAAU</v>
      </c>
      <c r="H3300" s="12" t="e">
        <f>'申請書（複数入力用）'!N3302</f>
        <v>#N/A</v>
      </c>
      <c r="I3300" s="12" t="e">
        <f>'申請書（複数入力用）'!O3302</f>
        <v>#N/A</v>
      </c>
      <c r="J3300" s="12">
        <f>'申請書（複数入力用）'!P3302</f>
        <v>1</v>
      </c>
    </row>
    <row r="3301" spans="1:10" ht="51.6" customHeight="1" x14ac:dyDescent="0.45">
      <c r="A3301" s="6">
        <f>'申請書（複数入力用）'!A3303</f>
        <v>3297</v>
      </c>
      <c r="B3301" s="13">
        <f>'申請書（複数入力用）'!AH3303</f>
        <v>0</v>
      </c>
      <c r="C3301" s="6">
        <f>'申請書（複数入力用）'!B3303</f>
        <v>0</v>
      </c>
      <c r="D3301" s="6">
        <f>'申請書（複数入力用）'!D3303</f>
        <v>0</v>
      </c>
      <c r="E3301" s="14">
        <f>'申請書（複数入力用）'!H3303</f>
        <v>0</v>
      </c>
      <c r="F3301" s="11" t="str">
        <f>'申請書（複数入力用）'!J3303</f>
        <v/>
      </c>
      <c r="G3301" s="6" t="str">
        <f>'申請書（複数入力用）'!K3303</f>
        <v>a052r000000jS9ZAAU</v>
      </c>
      <c r="H3301" s="12" t="e">
        <f>'申請書（複数入力用）'!N3303</f>
        <v>#N/A</v>
      </c>
      <c r="I3301" s="12" t="e">
        <f>'申請書（複数入力用）'!O3303</f>
        <v>#N/A</v>
      </c>
      <c r="J3301" s="12">
        <f>'申請書（複数入力用）'!P3303</f>
        <v>1</v>
      </c>
    </row>
    <row r="3302" spans="1:10" ht="51.6" customHeight="1" x14ac:dyDescent="0.45">
      <c r="A3302" s="6">
        <f>'申請書（複数入力用）'!A3304</f>
        <v>3298</v>
      </c>
      <c r="B3302" s="13">
        <f>'申請書（複数入力用）'!AH3304</f>
        <v>0</v>
      </c>
      <c r="C3302" s="6">
        <f>'申請書（複数入力用）'!B3304</f>
        <v>0</v>
      </c>
      <c r="D3302" s="6">
        <f>'申請書（複数入力用）'!D3304</f>
        <v>0</v>
      </c>
      <c r="E3302" s="14">
        <f>'申請書（複数入力用）'!H3304</f>
        <v>0</v>
      </c>
      <c r="F3302" s="11" t="str">
        <f>'申請書（複数入力用）'!J3304</f>
        <v/>
      </c>
      <c r="G3302" s="6" t="str">
        <f>'申請書（複数入力用）'!K3304</f>
        <v>a052r000000jS9ZAAU</v>
      </c>
      <c r="H3302" s="12" t="e">
        <f>'申請書（複数入力用）'!N3304</f>
        <v>#N/A</v>
      </c>
      <c r="I3302" s="12" t="e">
        <f>'申請書（複数入力用）'!O3304</f>
        <v>#N/A</v>
      </c>
      <c r="J3302" s="12">
        <f>'申請書（複数入力用）'!P3304</f>
        <v>1</v>
      </c>
    </row>
    <row r="3303" spans="1:10" ht="51.6" customHeight="1" x14ac:dyDescent="0.45">
      <c r="A3303" s="6">
        <f>'申請書（複数入力用）'!A3305</f>
        <v>3299</v>
      </c>
      <c r="B3303" s="13">
        <f>'申請書（複数入力用）'!AH3305</f>
        <v>0</v>
      </c>
      <c r="C3303" s="6">
        <f>'申請書（複数入力用）'!B3305</f>
        <v>0</v>
      </c>
      <c r="D3303" s="6">
        <f>'申請書（複数入力用）'!D3305</f>
        <v>0</v>
      </c>
      <c r="E3303" s="14">
        <f>'申請書（複数入力用）'!H3305</f>
        <v>0</v>
      </c>
      <c r="F3303" s="11" t="str">
        <f>'申請書（複数入力用）'!J3305</f>
        <v/>
      </c>
      <c r="G3303" s="6" t="str">
        <f>'申請書（複数入力用）'!K3305</f>
        <v>a052r000000jS9ZAAU</v>
      </c>
      <c r="H3303" s="12" t="e">
        <f>'申請書（複数入力用）'!N3305</f>
        <v>#N/A</v>
      </c>
      <c r="I3303" s="12" t="e">
        <f>'申請書（複数入力用）'!O3305</f>
        <v>#N/A</v>
      </c>
      <c r="J3303" s="12">
        <f>'申請書（複数入力用）'!P3305</f>
        <v>1</v>
      </c>
    </row>
    <row r="3304" spans="1:10" ht="51.6" customHeight="1" x14ac:dyDescent="0.45">
      <c r="A3304" s="6">
        <f>'申請書（複数入力用）'!A3306</f>
        <v>3300</v>
      </c>
      <c r="B3304" s="13">
        <f>'申請書（複数入力用）'!AH3306</f>
        <v>0</v>
      </c>
      <c r="C3304" s="6">
        <f>'申請書（複数入力用）'!B3306</f>
        <v>0</v>
      </c>
      <c r="D3304" s="6">
        <f>'申請書（複数入力用）'!D3306</f>
        <v>0</v>
      </c>
      <c r="E3304" s="14">
        <f>'申請書（複数入力用）'!H3306</f>
        <v>0</v>
      </c>
      <c r="F3304" s="11" t="str">
        <f>'申請書（複数入力用）'!J3306</f>
        <v/>
      </c>
      <c r="G3304" s="6" t="str">
        <f>'申請書（複数入力用）'!K3306</f>
        <v>a052r000000jS9ZAAU</v>
      </c>
      <c r="H3304" s="12" t="e">
        <f>'申請書（複数入力用）'!N3306</f>
        <v>#N/A</v>
      </c>
      <c r="I3304" s="12" t="e">
        <f>'申請書（複数入力用）'!O3306</f>
        <v>#N/A</v>
      </c>
      <c r="J3304" s="12">
        <f>'申請書（複数入力用）'!P3306</f>
        <v>1</v>
      </c>
    </row>
    <row r="3305" spans="1:10" ht="51.6" customHeight="1" x14ac:dyDescent="0.45">
      <c r="A3305" s="6">
        <f>'申請書（複数入力用）'!A3307</f>
        <v>3301</v>
      </c>
      <c r="B3305" s="13">
        <f>'申請書（複数入力用）'!AH3307</f>
        <v>0</v>
      </c>
      <c r="C3305" s="6">
        <f>'申請書（複数入力用）'!B3307</f>
        <v>0</v>
      </c>
      <c r="D3305" s="6">
        <f>'申請書（複数入力用）'!D3307</f>
        <v>0</v>
      </c>
      <c r="E3305" s="14">
        <f>'申請書（複数入力用）'!H3307</f>
        <v>0</v>
      </c>
      <c r="F3305" s="11" t="str">
        <f>'申請書（複数入力用）'!J3307</f>
        <v/>
      </c>
      <c r="G3305" s="6" t="str">
        <f>'申請書（複数入力用）'!K3307</f>
        <v>a052r000000jS9ZAAU</v>
      </c>
      <c r="H3305" s="12" t="e">
        <f>'申請書（複数入力用）'!N3307</f>
        <v>#N/A</v>
      </c>
      <c r="I3305" s="12" t="e">
        <f>'申請書（複数入力用）'!O3307</f>
        <v>#N/A</v>
      </c>
      <c r="J3305" s="12">
        <f>'申請書（複数入力用）'!P3307</f>
        <v>1</v>
      </c>
    </row>
    <row r="3306" spans="1:10" ht="51.6" customHeight="1" x14ac:dyDescent="0.45">
      <c r="A3306" s="6">
        <f>'申請書（複数入力用）'!A3308</f>
        <v>3302</v>
      </c>
      <c r="B3306" s="13">
        <f>'申請書（複数入力用）'!AH3308</f>
        <v>0</v>
      </c>
      <c r="C3306" s="6">
        <f>'申請書（複数入力用）'!B3308</f>
        <v>0</v>
      </c>
      <c r="D3306" s="6">
        <f>'申請書（複数入力用）'!D3308</f>
        <v>0</v>
      </c>
      <c r="E3306" s="14">
        <f>'申請書（複数入力用）'!H3308</f>
        <v>0</v>
      </c>
      <c r="F3306" s="11" t="str">
        <f>'申請書（複数入力用）'!J3308</f>
        <v/>
      </c>
      <c r="G3306" s="6" t="str">
        <f>'申請書（複数入力用）'!K3308</f>
        <v>a052r000000jS9ZAAU</v>
      </c>
      <c r="H3306" s="12" t="e">
        <f>'申請書（複数入力用）'!N3308</f>
        <v>#N/A</v>
      </c>
      <c r="I3306" s="12" t="e">
        <f>'申請書（複数入力用）'!O3308</f>
        <v>#N/A</v>
      </c>
      <c r="J3306" s="12">
        <f>'申請書（複数入力用）'!P3308</f>
        <v>1</v>
      </c>
    </row>
    <row r="3307" spans="1:10" ht="51.6" customHeight="1" x14ac:dyDescent="0.45">
      <c r="A3307" s="6">
        <f>'申請書（複数入力用）'!A3309</f>
        <v>3303</v>
      </c>
      <c r="B3307" s="13">
        <f>'申請書（複数入力用）'!AH3309</f>
        <v>0</v>
      </c>
      <c r="C3307" s="6">
        <f>'申請書（複数入力用）'!B3309</f>
        <v>0</v>
      </c>
      <c r="D3307" s="6">
        <f>'申請書（複数入力用）'!D3309</f>
        <v>0</v>
      </c>
      <c r="E3307" s="14">
        <f>'申請書（複数入力用）'!H3309</f>
        <v>0</v>
      </c>
      <c r="F3307" s="11" t="str">
        <f>'申請書（複数入力用）'!J3309</f>
        <v/>
      </c>
      <c r="G3307" s="6" t="str">
        <f>'申請書（複数入力用）'!K3309</f>
        <v>a052r000000jS9ZAAU</v>
      </c>
      <c r="H3307" s="12" t="e">
        <f>'申請書（複数入力用）'!N3309</f>
        <v>#N/A</v>
      </c>
      <c r="I3307" s="12" t="e">
        <f>'申請書（複数入力用）'!O3309</f>
        <v>#N/A</v>
      </c>
      <c r="J3307" s="12">
        <f>'申請書（複数入力用）'!P3309</f>
        <v>1</v>
      </c>
    </row>
    <row r="3308" spans="1:10" ht="51.6" customHeight="1" x14ac:dyDescent="0.45">
      <c r="A3308" s="6">
        <f>'申請書（複数入力用）'!A3310</f>
        <v>3304</v>
      </c>
      <c r="B3308" s="13">
        <f>'申請書（複数入力用）'!AH3310</f>
        <v>0</v>
      </c>
      <c r="C3308" s="6">
        <f>'申請書（複数入力用）'!B3310</f>
        <v>0</v>
      </c>
      <c r="D3308" s="6">
        <f>'申請書（複数入力用）'!D3310</f>
        <v>0</v>
      </c>
      <c r="E3308" s="14">
        <f>'申請書（複数入力用）'!H3310</f>
        <v>0</v>
      </c>
      <c r="F3308" s="11" t="str">
        <f>'申請書（複数入力用）'!J3310</f>
        <v/>
      </c>
      <c r="G3308" s="6" t="str">
        <f>'申請書（複数入力用）'!K3310</f>
        <v>a052r000000jS9ZAAU</v>
      </c>
      <c r="H3308" s="12" t="e">
        <f>'申請書（複数入力用）'!N3310</f>
        <v>#N/A</v>
      </c>
      <c r="I3308" s="12" t="e">
        <f>'申請書（複数入力用）'!O3310</f>
        <v>#N/A</v>
      </c>
      <c r="J3308" s="12">
        <f>'申請書（複数入力用）'!P3310</f>
        <v>1</v>
      </c>
    </row>
    <row r="3309" spans="1:10" ht="51.6" customHeight="1" x14ac:dyDescent="0.45">
      <c r="A3309" s="6">
        <f>'申請書（複数入力用）'!A3311</f>
        <v>3305</v>
      </c>
      <c r="B3309" s="13">
        <f>'申請書（複数入力用）'!AH3311</f>
        <v>0</v>
      </c>
      <c r="C3309" s="6">
        <f>'申請書（複数入力用）'!B3311</f>
        <v>0</v>
      </c>
      <c r="D3309" s="6">
        <f>'申請書（複数入力用）'!D3311</f>
        <v>0</v>
      </c>
      <c r="E3309" s="14">
        <f>'申請書（複数入力用）'!H3311</f>
        <v>0</v>
      </c>
      <c r="F3309" s="11" t="str">
        <f>'申請書（複数入力用）'!J3311</f>
        <v/>
      </c>
      <c r="G3309" s="6" t="str">
        <f>'申請書（複数入力用）'!K3311</f>
        <v>a052r000000jS9ZAAU</v>
      </c>
      <c r="H3309" s="12" t="e">
        <f>'申請書（複数入力用）'!N3311</f>
        <v>#N/A</v>
      </c>
      <c r="I3309" s="12" t="e">
        <f>'申請書（複数入力用）'!O3311</f>
        <v>#N/A</v>
      </c>
      <c r="J3309" s="12">
        <f>'申請書（複数入力用）'!P3311</f>
        <v>1</v>
      </c>
    </row>
    <row r="3310" spans="1:10" ht="51.6" customHeight="1" x14ac:dyDescent="0.45">
      <c r="A3310" s="6">
        <f>'申請書（複数入力用）'!A3312</f>
        <v>3306</v>
      </c>
      <c r="B3310" s="13">
        <f>'申請書（複数入力用）'!AH3312</f>
        <v>0</v>
      </c>
      <c r="C3310" s="6">
        <f>'申請書（複数入力用）'!B3312</f>
        <v>0</v>
      </c>
      <c r="D3310" s="6">
        <f>'申請書（複数入力用）'!D3312</f>
        <v>0</v>
      </c>
      <c r="E3310" s="14">
        <f>'申請書（複数入力用）'!H3312</f>
        <v>0</v>
      </c>
      <c r="F3310" s="11" t="str">
        <f>'申請書（複数入力用）'!J3312</f>
        <v/>
      </c>
      <c r="G3310" s="6" t="str">
        <f>'申請書（複数入力用）'!K3312</f>
        <v>a052r000000jS9ZAAU</v>
      </c>
      <c r="H3310" s="12" t="e">
        <f>'申請書（複数入力用）'!N3312</f>
        <v>#N/A</v>
      </c>
      <c r="I3310" s="12" t="e">
        <f>'申請書（複数入力用）'!O3312</f>
        <v>#N/A</v>
      </c>
      <c r="J3310" s="12">
        <f>'申請書（複数入力用）'!P3312</f>
        <v>1</v>
      </c>
    </row>
    <row r="3311" spans="1:10" ht="51.6" customHeight="1" x14ac:dyDescent="0.45">
      <c r="A3311" s="6">
        <f>'申請書（複数入力用）'!A3313</f>
        <v>3307</v>
      </c>
      <c r="B3311" s="13">
        <f>'申請書（複数入力用）'!AH3313</f>
        <v>0</v>
      </c>
      <c r="C3311" s="6">
        <f>'申請書（複数入力用）'!B3313</f>
        <v>0</v>
      </c>
      <c r="D3311" s="6">
        <f>'申請書（複数入力用）'!D3313</f>
        <v>0</v>
      </c>
      <c r="E3311" s="14">
        <f>'申請書（複数入力用）'!H3313</f>
        <v>0</v>
      </c>
      <c r="F3311" s="11" t="str">
        <f>'申請書（複数入力用）'!J3313</f>
        <v/>
      </c>
      <c r="G3311" s="6" t="str">
        <f>'申請書（複数入力用）'!K3313</f>
        <v>a052r000000jS9ZAAU</v>
      </c>
      <c r="H3311" s="12" t="e">
        <f>'申請書（複数入力用）'!N3313</f>
        <v>#N/A</v>
      </c>
      <c r="I3311" s="12" t="e">
        <f>'申請書（複数入力用）'!O3313</f>
        <v>#N/A</v>
      </c>
      <c r="J3311" s="12">
        <f>'申請書（複数入力用）'!P3313</f>
        <v>1</v>
      </c>
    </row>
    <row r="3312" spans="1:10" ht="51.6" customHeight="1" x14ac:dyDescent="0.45">
      <c r="A3312" s="6">
        <f>'申請書（複数入力用）'!A3314</f>
        <v>3308</v>
      </c>
      <c r="B3312" s="13">
        <f>'申請書（複数入力用）'!AH3314</f>
        <v>0</v>
      </c>
      <c r="C3312" s="6">
        <f>'申請書（複数入力用）'!B3314</f>
        <v>0</v>
      </c>
      <c r="D3312" s="6">
        <f>'申請書（複数入力用）'!D3314</f>
        <v>0</v>
      </c>
      <c r="E3312" s="14">
        <f>'申請書（複数入力用）'!H3314</f>
        <v>0</v>
      </c>
      <c r="F3312" s="11" t="str">
        <f>'申請書（複数入力用）'!J3314</f>
        <v/>
      </c>
      <c r="G3312" s="6" t="str">
        <f>'申請書（複数入力用）'!K3314</f>
        <v>a052r000000jS9ZAAU</v>
      </c>
      <c r="H3312" s="12" t="e">
        <f>'申請書（複数入力用）'!N3314</f>
        <v>#N/A</v>
      </c>
      <c r="I3312" s="12" t="e">
        <f>'申請書（複数入力用）'!O3314</f>
        <v>#N/A</v>
      </c>
      <c r="J3312" s="12">
        <f>'申請書（複数入力用）'!P3314</f>
        <v>1</v>
      </c>
    </row>
    <row r="3313" spans="1:10" ht="51.6" customHeight="1" x14ac:dyDescent="0.45">
      <c r="A3313" s="6">
        <f>'申請書（複数入力用）'!A3315</f>
        <v>3309</v>
      </c>
      <c r="B3313" s="13">
        <f>'申請書（複数入力用）'!AH3315</f>
        <v>0</v>
      </c>
      <c r="C3313" s="6">
        <f>'申請書（複数入力用）'!B3315</f>
        <v>0</v>
      </c>
      <c r="D3313" s="6">
        <f>'申請書（複数入力用）'!D3315</f>
        <v>0</v>
      </c>
      <c r="E3313" s="14">
        <f>'申請書（複数入力用）'!H3315</f>
        <v>0</v>
      </c>
      <c r="F3313" s="11" t="str">
        <f>'申請書（複数入力用）'!J3315</f>
        <v/>
      </c>
      <c r="G3313" s="6" t="str">
        <f>'申請書（複数入力用）'!K3315</f>
        <v>a052r000000jS9ZAAU</v>
      </c>
      <c r="H3313" s="12" t="e">
        <f>'申請書（複数入力用）'!N3315</f>
        <v>#N/A</v>
      </c>
      <c r="I3313" s="12" t="e">
        <f>'申請書（複数入力用）'!O3315</f>
        <v>#N/A</v>
      </c>
      <c r="J3313" s="12">
        <f>'申請書（複数入力用）'!P3315</f>
        <v>1</v>
      </c>
    </row>
    <row r="3314" spans="1:10" ht="51.6" customHeight="1" x14ac:dyDescent="0.45">
      <c r="A3314" s="6">
        <f>'申請書（複数入力用）'!A3316</f>
        <v>3310</v>
      </c>
      <c r="B3314" s="13">
        <f>'申請書（複数入力用）'!AH3316</f>
        <v>0</v>
      </c>
      <c r="C3314" s="6">
        <f>'申請書（複数入力用）'!B3316</f>
        <v>0</v>
      </c>
      <c r="D3314" s="6">
        <f>'申請書（複数入力用）'!D3316</f>
        <v>0</v>
      </c>
      <c r="E3314" s="14">
        <f>'申請書（複数入力用）'!H3316</f>
        <v>0</v>
      </c>
      <c r="F3314" s="11" t="str">
        <f>'申請書（複数入力用）'!J3316</f>
        <v/>
      </c>
      <c r="G3314" s="6" t="str">
        <f>'申請書（複数入力用）'!K3316</f>
        <v>a052r000000jS9ZAAU</v>
      </c>
      <c r="H3314" s="12" t="e">
        <f>'申請書（複数入力用）'!N3316</f>
        <v>#N/A</v>
      </c>
      <c r="I3314" s="12" t="e">
        <f>'申請書（複数入力用）'!O3316</f>
        <v>#N/A</v>
      </c>
      <c r="J3314" s="12">
        <f>'申請書（複数入力用）'!P3316</f>
        <v>1</v>
      </c>
    </row>
    <row r="3315" spans="1:10" ht="51.6" customHeight="1" x14ac:dyDescent="0.45">
      <c r="A3315" s="6">
        <f>'申請書（複数入力用）'!A3317</f>
        <v>3311</v>
      </c>
      <c r="B3315" s="13">
        <f>'申請書（複数入力用）'!AH3317</f>
        <v>0</v>
      </c>
      <c r="C3315" s="6">
        <f>'申請書（複数入力用）'!B3317</f>
        <v>0</v>
      </c>
      <c r="D3315" s="6">
        <f>'申請書（複数入力用）'!D3317</f>
        <v>0</v>
      </c>
      <c r="E3315" s="14">
        <f>'申請書（複数入力用）'!H3317</f>
        <v>0</v>
      </c>
      <c r="F3315" s="11" t="str">
        <f>'申請書（複数入力用）'!J3317</f>
        <v/>
      </c>
      <c r="G3315" s="6" t="str">
        <f>'申請書（複数入力用）'!K3317</f>
        <v>a052r000000jS9ZAAU</v>
      </c>
      <c r="H3315" s="12" t="e">
        <f>'申請書（複数入力用）'!N3317</f>
        <v>#N/A</v>
      </c>
      <c r="I3315" s="12" t="e">
        <f>'申請書（複数入力用）'!O3317</f>
        <v>#N/A</v>
      </c>
      <c r="J3315" s="12">
        <f>'申請書（複数入力用）'!P3317</f>
        <v>1</v>
      </c>
    </row>
    <row r="3316" spans="1:10" ht="51.6" customHeight="1" x14ac:dyDescent="0.45">
      <c r="A3316" s="6">
        <f>'申請書（複数入力用）'!A3318</f>
        <v>3312</v>
      </c>
      <c r="B3316" s="13">
        <f>'申請書（複数入力用）'!AH3318</f>
        <v>0</v>
      </c>
      <c r="C3316" s="6">
        <f>'申請書（複数入力用）'!B3318</f>
        <v>0</v>
      </c>
      <c r="D3316" s="6">
        <f>'申請書（複数入力用）'!D3318</f>
        <v>0</v>
      </c>
      <c r="E3316" s="14">
        <f>'申請書（複数入力用）'!H3318</f>
        <v>0</v>
      </c>
      <c r="F3316" s="11" t="str">
        <f>'申請書（複数入力用）'!J3318</f>
        <v/>
      </c>
      <c r="G3316" s="6" t="str">
        <f>'申請書（複数入力用）'!K3318</f>
        <v>a052r000000jS9ZAAU</v>
      </c>
      <c r="H3316" s="12" t="e">
        <f>'申請書（複数入力用）'!N3318</f>
        <v>#N/A</v>
      </c>
      <c r="I3316" s="12" t="e">
        <f>'申請書（複数入力用）'!O3318</f>
        <v>#N/A</v>
      </c>
      <c r="J3316" s="12">
        <f>'申請書（複数入力用）'!P3318</f>
        <v>1</v>
      </c>
    </row>
    <row r="3317" spans="1:10" ht="51.6" customHeight="1" x14ac:dyDescent="0.45">
      <c r="A3317" s="6">
        <f>'申請書（複数入力用）'!A3319</f>
        <v>3313</v>
      </c>
      <c r="B3317" s="13">
        <f>'申請書（複数入力用）'!AH3319</f>
        <v>0</v>
      </c>
      <c r="C3317" s="6">
        <f>'申請書（複数入力用）'!B3319</f>
        <v>0</v>
      </c>
      <c r="D3317" s="6">
        <f>'申請書（複数入力用）'!D3319</f>
        <v>0</v>
      </c>
      <c r="E3317" s="14">
        <f>'申請書（複数入力用）'!H3319</f>
        <v>0</v>
      </c>
      <c r="F3317" s="11" t="str">
        <f>'申請書（複数入力用）'!J3319</f>
        <v/>
      </c>
      <c r="G3317" s="6" t="str">
        <f>'申請書（複数入力用）'!K3319</f>
        <v>a052r000000jS9ZAAU</v>
      </c>
      <c r="H3317" s="12" t="e">
        <f>'申請書（複数入力用）'!N3319</f>
        <v>#N/A</v>
      </c>
      <c r="I3317" s="12" t="e">
        <f>'申請書（複数入力用）'!O3319</f>
        <v>#N/A</v>
      </c>
      <c r="J3317" s="12">
        <f>'申請書（複数入力用）'!P3319</f>
        <v>1</v>
      </c>
    </row>
    <row r="3318" spans="1:10" ht="51.6" customHeight="1" x14ac:dyDescent="0.45">
      <c r="A3318" s="6">
        <f>'申請書（複数入力用）'!A3320</f>
        <v>3314</v>
      </c>
      <c r="B3318" s="13">
        <f>'申請書（複数入力用）'!AH3320</f>
        <v>0</v>
      </c>
      <c r="C3318" s="6">
        <f>'申請書（複数入力用）'!B3320</f>
        <v>0</v>
      </c>
      <c r="D3318" s="6">
        <f>'申請書（複数入力用）'!D3320</f>
        <v>0</v>
      </c>
      <c r="E3318" s="14">
        <f>'申請書（複数入力用）'!H3320</f>
        <v>0</v>
      </c>
      <c r="F3318" s="11" t="str">
        <f>'申請書（複数入力用）'!J3320</f>
        <v/>
      </c>
      <c r="G3318" s="6" t="str">
        <f>'申請書（複数入力用）'!K3320</f>
        <v>a052r000000jS9ZAAU</v>
      </c>
      <c r="H3318" s="12" t="e">
        <f>'申請書（複数入力用）'!N3320</f>
        <v>#N/A</v>
      </c>
      <c r="I3318" s="12" t="e">
        <f>'申請書（複数入力用）'!O3320</f>
        <v>#N/A</v>
      </c>
      <c r="J3318" s="12">
        <f>'申請書（複数入力用）'!P3320</f>
        <v>1</v>
      </c>
    </row>
    <row r="3319" spans="1:10" ht="51.6" customHeight="1" x14ac:dyDescent="0.45">
      <c r="A3319" s="6">
        <f>'申請書（複数入力用）'!A3321</f>
        <v>3315</v>
      </c>
      <c r="B3319" s="13">
        <f>'申請書（複数入力用）'!AH3321</f>
        <v>0</v>
      </c>
      <c r="C3319" s="6">
        <f>'申請書（複数入力用）'!B3321</f>
        <v>0</v>
      </c>
      <c r="D3319" s="6">
        <f>'申請書（複数入力用）'!D3321</f>
        <v>0</v>
      </c>
      <c r="E3319" s="14">
        <f>'申請書（複数入力用）'!H3321</f>
        <v>0</v>
      </c>
      <c r="F3319" s="11" t="str">
        <f>'申請書（複数入力用）'!J3321</f>
        <v/>
      </c>
      <c r="G3319" s="6" t="str">
        <f>'申請書（複数入力用）'!K3321</f>
        <v>a052r000000jS9ZAAU</v>
      </c>
      <c r="H3319" s="12" t="e">
        <f>'申請書（複数入力用）'!N3321</f>
        <v>#N/A</v>
      </c>
      <c r="I3319" s="12" t="e">
        <f>'申請書（複数入力用）'!O3321</f>
        <v>#N/A</v>
      </c>
      <c r="J3319" s="12">
        <f>'申請書（複数入力用）'!P3321</f>
        <v>1</v>
      </c>
    </row>
    <row r="3320" spans="1:10" ht="51.6" customHeight="1" x14ac:dyDescent="0.45">
      <c r="A3320" s="6">
        <f>'申請書（複数入力用）'!A3322</f>
        <v>3316</v>
      </c>
      <c r="B3320" s="13">
        <f>'申請書（複数入力用）'!AH3322</f>
        <v>0</v>
      </c>
      <c r="C3320" s="6">
        <f>'申請書（複数入力用）'!B3322</f>
        <v>0</v>
      </c>
      <c r="D3320" s="6">
        <f>'申請書（複数入力用）'!D3322</f>
        <v>0</v>
      </c>
      <c r="E3320" s="14">
        <f>'申請書（複数入力用）'!H3322</f>
        <v>0</v>
      </c>
      <c r="F3320" s="11" t="str">
        <f>'申請書（複数入力用）'!J3322</f>
        <v/>
      </c>
      <c r="G3320" s="6" t="str">
        <f>'申請書（複数入力用）'!K3322</f>
        <v>a052r000000jS9ZAAU</v>
      </c>
      <c r="H3320" s="12" t="e">
        <f>'申請書（複数入力用）'!N3322</f>
        <v>#N/A</v>
      </c>
      <c r="I3320" s="12" t="e">
        <f>'申請書（複数入力用）'!O3322</f>
        <v>#N/A</v>
      </c>
      <c r="J3320" s="12">
        <f>'申請書（複数入力用）'!P3322</f>
        <v>1</v>
      </c>
    </row>
    <row r="3321" spans="1:10" ht="51.6" customHeight="1" x14ac:dyDescent="0.45">
      <c r="A3321" s="6">
        <f>'申請書（複数入力用）'!A3323</f>
        <v>3317</v>
      </c>
      <c r="B3321" s="13">
        <f>'申請書（複数入力用）'!AH3323</f>
        <v>0</v>
      </c>
      <c r="C3321" s="6">
        <f>'申請書（複数入力用）'!B3323</f>
        <v>0</v>
      </c>
      <c r="D3321" s="6">
        <f>'申請書（複数入力用）'!D3323</f>
        <v>0</v>
      </c>
      <c r="E3321" s="14">
        <f>'申請書（複数入力用）'!H3323</f>
        <v>0</v>
      </c>
      <c r="F3321" s="11" t="str">
        <f>'申請書（複数入力用）'!J3323</f>
        <v/>
      </c>
      <c r="G3321" s="6" t="str">
        <f>'申請書（複数入力用）'!K3323</f>
        <v>a052r000000jS9ZAAU</v>
      </c>
      <c r="H3321" s="12" t="e">
        <f>'申請書（複数入力用）'!N3323</f>
        <v>#N/A</v>
      </c>
      <c r="I3321" s="12" t="e">
        <f>'申請書（複数入力用）'!O3323</f>
        <v>#N/A</v>
      </c>
      <c r="J3321" s="12">
        <f>'申請書（複数入力用）'!P3323</f>
        <v>1</v>
      </c>
    </row>
    <row r="3322" spans="1:10" ht="51.6" customHeight="1" x14ac:dyDescent="0.45">
      <c r="A3322" s="6">
        <f>'申請書（複数入力用）'!A3324</f>
        <v>3318</v>
      </c>
      <c r="B3322" s="13">
        <f>'申請書（複数入力用）'!AH3324</f>
        <v>0</v>
      </c>
      <c r="C3322" s="6">
        <f>'申請書（複数入力用）'!B3324</f>
        <v>0</v>
      </c>
      <c r="D3322" s="6">
        <f>'申請書（複数入力用）'!D3324</f>
        <v>0</v>
      </c>
      <c r="E3322" s="14">
        <f>'申請書（複数入力用）'!H3324</f>
        <v>0</v>
      </c>
      <c r="F3322" s="11" t="str">
        <f>'申請書（複数入力用）'!J3324</f>
        <v/>
      </c>
      <c r="G3322" s="6" t="str">
        <f>'申請書（複数入力用）'!K3324</f>
        <v>a052r000000jS9ZAAU</v>
      </c>
      <c r="H3322" s="12" t="e">
        <f>'申請書（複数入力用）'!N3324</f>
        <v>#N/A</v>
      </c>
      <c r="I3322" s="12" t="e">
        <f>'申請書（複数入力用）'!O3324</f>
        <v>#N/A</v>
      </c>
      <c r="J3322" s="12">
        <f>'申請書（複数入力用）'!P3324</f>
        <v>1</v>
      </c>
    </row>
    <row r="3323" spans="1:10" ht="51.6" customHeight="1" x14ac:dyDescent="0.45">
      <c r="A3323" s="6">
        <f>'申請書（複数入力用）'!A3325</f>
        <v>3319</v>
      </c>
      <c r="B3323" s="13">
        <f>'申請書（複数入力用）'!AH3325</f>
        <v>0</v>
      </c>
      <c r="C3323" s="6">
        <f>'申請書（複数入力用）'!B3325</f>
        <v>0</v>
      </c>
      <c r="D3323" s="6">
        <f>'申請書（複数入力用）'!D3325</f>
        <v>0</v>
      </c>
      <c r="E3323" s="14">
        <f>'申請書（複数入力用）'!H3325</f>
        <v>0</v>
      </c>
      <c r="F3323" s="11" t="str">
        <f>'申請書（複数入力用）'!J3325</f>
        <v/>
      </c>
      <c r="G3323" s="6" t="str">
        <f>'申請書（複数入力用）'!K3325</f>
        <v>a052r000000jS9ZAAU</v>
      </c>
      <c r="H3323" s="12" t="e">
        <f>'申請書（複数入力用）'!N3325</f>
        <v>#N/A</v>
      </c>
      <c r="I3323" s="12" t="e">
        <f>'申請書（複数入力用）'!O3325</f>
        <v>#N/A</v>
      </c>
      <c r="J3323" s="12">
        <f>'申請書（複数入力用）'!P3325</f>
        <v>1</v>
      </c>
    </row>
    <row r="3324" spans="1:10" ht="51.6" customHeight="1" x14ac:dyDescent="0.45">
      <c r="A3324" s="6">
        <f>'申請書（複数入力用）'!A3326</f>
        <v>3320</v>
      </c>
      <c r="B3324" s="13">
        <f>'申請書（複数入力用）'!AH3326</f>
        <v>0</v>
      </c>
      <c r="C3324" s="6">
        <f>'申請書（複数入力用）'!B3326</f>
        <v>0</v>
      </c>
      <c r="D3324" s="6">
        <f>'申請書（複数入力用）'!D3326</f>
        <v>0</v>
      </c>
      <c r="E3324" s="14">
        <f>'申請書（複数入力用）'!H3326</f>
        <v>0</v>
      </c>
      <c r="F3324" s="11" t="str">
        <f>'申請書（複数入力用）'!J3326</f>
        <v/>
      </c>
      <c r="G3324" s="6" t="str">
        <f>'申請書（複数入力用）'!K3326</f>
        <v>a052r000000jS9ZAAU</v>
      </c>
      <c r="H3324" s="12" t="e">
        <f>'申請書（複数入力用）'!N3326</f>
        <v>#N/A</v>
      </c>
      <c r="I3324" s="12" t="e">
        <f>'申請書（複数入力用）'!O3326</f>
        <v>#N/A</v>
      </c>
      <c r="J3324" s="12">
        <f>'申請書（複数入力用）'!P3326</f>
        <v>1</v>
      </c>
    </row>
    <row r="3325" spans="1:10" ht="51.6" customHeight="1" x14ac:dyDescent="0.45">
      <c r="A3325" s="6">
        <f>'申請書（複数入力用）'!A3327</f>
        <v>3321</v>
      </c>
      <c r="B3325" s="13">
        <f>'申請書（複数入力用）'!AH3327</f>
        <v>0</v>
      </c>
      <c r="C3325" s="6">
        <f>'申請書（複数入力用）'!B3327</f>
        <v>0</v>
      </c>
      <c r="D3325" s="6">
        <f>'申請書（複数入力用）'!D3327</f>
        <v>0</v>
      </c>
      <c r="E3325" s="14">
        <f>'申請書（複数入力用）'!H3327</f>
        <v>0</v>
      </c>
      <c r="F3325" s="11" t="str">
        <f>'申請書（複数入力用）'!J3327</f>
        <v/>
      </c>
      <c r="G3325" s="6" t="str">
        <f>'申請書（複数入力用）'!K3327</f>
        <v>a052r000000jS9ZAAU</v>
      </c>
      <c r="H3325" s="12" t="e">
        <f>'申請書（複数入力用）'!N3327</f>
        <v>#N/A</v>
      </c>
      <c r="I3325" s="12" t="e">
        <f>'申請書（複数入力用）'!O3327</f>
        <v>#N/A</v>
      </c>
      <c r="J3325" s="12">
        <f>'申請書（複数入力用）'!P3327</f>
        <v>1</v>
      </c>
    </row>
    <row r="3326" spans="1:10" ht="51.6" customHeight="1" x14ac:dyDescent="0.45">
      <c r="A3326" s="6">
        <f>'申請書（複数入力用）'!A3328</f>
        <v>3322</v>
      </c>
      <c r="B3326" s="13">
        <f>'申請書（複数入力用）'!AH3328</f>
        <v>0</v>
      </c>
      <c r="C3326" s="6">
        <f>'申請書（複数入力用）'!B3328</f>
        <v>0</v>
      </c>
      <c r="D3326" s="6">
        <f>'申請書（複数入力用）'!D3328</f>
        <v>0</v>
      </c>
      <c r="E3326" s="14">
        <f>'申請書（複数入力用）'!H3328</f>
        <v>0</v>
      </c>
      <c r="F3326" s="11" t="str">
        <f>'申請書（複数入力用）'!J3328</f>
        <v/>
      </c>
      <c r="G3326" s="6" t="str">
        <f>'申請書（複数入力用）'!K3328</f>
        <v>a052r000000jS9ZAAU</v>
      </c>
      <c r="H3326" s="12" t="e">
        <f>'申請書（複数入力用）'!N3328</f>
        <v>#N/A</v>
      </c>
      <c r="I3326" s="12" t="e">
        <f>'申請書（複数入力用）'!O3328</f>
        <v>#N/A</v>
      </c>
      <c r="J3326" s="12">
        <f>'申請書（複数入力用）'!P3328</f>
        <v>1</v>
      </c>
    </row>
    <row r="3327" spans="1:10" ht="51.6" customHeight="1" x14ac:dyDescent="0.45">
      <c r="A3327" s="6">
        <f>'申請書（複数入力用）'!A3329</f>
        <v>3323</v>
      </c>
      <c r="B3327" s="13">
        <f>'申請書（複数入力用）'!AH3329</f>
        <v>0</v>
      </c>
      <c r="C3327" s="6">
        <f>'申請書（複数入力用）'!B3329</f>
        <v>0</v>
      </c>
      <c r="D3327" s="6">
        <f>'申請書（複数入力用）'!D3329</f>
        <v>0</v>
      </c>
      <c r="E3327" s="14">
        <f>'申請書（複数入力用）'!H3329</f>
        <v>0</v>
      </c>
      <c r="F3327" s="11" t="str">
        <f>'申請書（複数入力用）'!J3329</f>
        <v/>
      </c>
      <c r="G3327" s="6" t="str">
        <f>'申請書（複数入力用）'!K3329</f>
        <v>a052r000000jS9ZAAU</v>
      </c>
      <c r="H3327" s="12" t="e">
        <f>'申請書（複数入力用）'!N3329</f>
        <v>#N/A</v>
      </c>
      <c r="I3327" s="12" t="e">
        <f>'申請書（複数入力用）'!O3329</f>
        <v>#N/A</v>
      </c>
      <c r="J3327" s="12">
        <f>'申請書（複数入力用）'!P3329</f>
        <v>1</v>
      </c>
    </row>
    <row r="3328" spans="1:10" ht="51.6" customHeight="1" x14ac:dyDescent="0.45">
      <c r="A3328" s="6">
        <f>'申請書（複数入力用）'!A3330</f>
        <v>3324</v>
      </c>
      <c r="B3328" s="13">
        <f>'申請書（複数入力用）'!AH3330</f>
        <v>0</v>
      </c>
      <c r="C3328" s="6">
        <f>'申請書（複数入力用）'!B3330</f>
        <v>0</v>
      </c>
      <c r="D3328" s="6">
        <f>'申請書（複数入力用）'!D3330</f>
        <v>0</v>
      </c>
      <c r="E3328" s="14">
        <f>'申請書（複数入力用）'!H3330</f>
        <v>0</v>
      </c>
      <c r="F3328" s="11" t="str">
        <f>'申請書（複数入力用）'!J3330</f>
        <v/>
      </c>
      <c r="G3328" s="6" t="str">
        <f>'申請書（複数入力用）'!K3330</f>
        <v>a052r000000jS9ZAAU</v>
      </c>
      <c r="H3328" s="12" t="e">
        <f>'申請書（複数入力用）'!N3330</f>
        <v>#N/A</v>
      </c>
      <c r="I3328" s="12" t="e">
        <f>'申請書（複数入力用）'!O3330</f>
        <v>#N/A</v>
      </c>
      <c r="J3328" s="12">
        <f>'申請書（複数入力用）'!P3330</f>
        <v>1</v>
      </c>
    </row>
    <row r="3329" spans="1:10" ht="51.6" customHeight="1" x14ac:dyDescent="0.45">
      <c r="A3329" s="6">
        <f>'申請書（複数入力用）'!A3331</f>
        <v>3325</v>
      </c>
      <c r="B3329" s="13">
        <f>'申請書（複数入力用）'!AH3331</f>
        <v>0</v>
      </c>
      <c r="C3329" s="6">
        <f>'申請書（複数入力用）'!B3331</f>
        <v>0</v>
      </c>
      <c r="D3329" s="6">
        <f>'申請書（複数入力用）'!D3331</f>
        <v>0</v>
      </c>
      <c r="E3329" s="14">
        <f>'申請書（複数入力用）'!H3331</f>
        <v>0</v>
      </c>
      <c r="F3329" s="11" t="str">
        <f>'申請書（複数入力用）'!J3331</f>
        <v/>
      </c>
      <c r="G3329" s="6" t="str">
        <f>'申請書（複数入力用）'!K3331</f>
        <v>a052r000000jS9ZAAU</v>
      </c>
      <c r="H3329" s="12" t="e">
        <f>'申請書（複数入力用）'!N3331</f>
        <v>#N/A</v>
      </c>
      <c r="I3329" s="12" t="e">
        <f>'申請書（複数入力用）'!O3331</f>
        <v>#N/A</v>
      </c>
      <c r="J3329" s="12">
        <f>'申請書（複数入力用）'!P3331</f>
        <v>1</v>
      </c>
    </row>
    <row r="3330" spans="1:10" ht="51.6" customHeight="1" x14ac:dyDescent="0.45">
      <c r="A3330" s="6">
        <f>'申請書（複数入力用）'!A3332</f>
        <v>3326</v>
      </c>
      <c r="B3330" s="13">
        <f>'申請書（複数入力用）'!AH3332</f>
        <v>0</v>
      </c>
      <c r="C3330" s="6">
        <f>'申請書（複数入力用）'!B3332</f>
        <v>0</v>
      </c>
      <c r="D3330" s="6">
        <f>'申請書（複数入力用）'!D3332</f>
        <v>0</v>
      </c>
      <c r="E3330" s="14">
        <f>'申請書（複数入力用）'!H3332</f>
        <v>0</v>
      </c>
      <c r="F3330" s="11" t="str">
        <f>'申請書（複数入力用）'!J3332</f>
        <v/>
      </c>
      <c r="G3330" s="6" t="str">
        <f>'申請書（複数入力用）'!K3332</f>
        <v>a052r000000jS9ZAAU</v>
      </c>
      <c r="H3330" s="12" t="e">
        <f>'申請書（複数入力用）'!N3332</f>
        <v>#N/A</v>
      </c>
      <c r="I3330" s="12" t="e">
        <f>'申請書（複数入力用）'!O3332</f>
        <v>#N/A</v>
      </c>
      <c r="J3330" s="12">
        <f>'申請書（複数入力用）'!P3332</f>
        <v>1</v>
      </c>
    </row>
    <row r="3331" spans="1:10" ht="51.6" customHeight="1" x14ac:dyDescent="0.45">
      <c r="A3331" s="6">
        <f>'申請書（複数入力用）'!A3333</f>
        <v>3327</v>
      </c>
      <c r="B3331" s="13">
        <f>'申請書（複数入力用）'!AH3333</f>
        <v>0</v>
      </c>
      <c r="C3331" s="6">
        <f>'申請書（複数入力用）'!B3333</f>
        <v>0</v>
      </c>
      <c r="D3331" s="6">
        <f>'申請書（複数入力用）'!D3333</f>
        <v>0</v>
      </c>
      <c r="E3331" s="14">
        <f>'申請書（複数入力用）'!H3333</f>
        <v>0</v>
      </c>
      <c r="F3331" s="11" t="str">
        <f>'申請書（複数入力用）'!J3333</f>
        <v/>
      </c>
      <c r="G3331" s="6" t="str">
        <f>'申請書（複数入力用）'!K3333</f>
        <v>a052r000000jS9ZAAU</v>
      </c>
      <c r="H3331" s="12" t="e">
        <f>'申請書（複数入力用）'!N3333</f>
        <v>#N/A</v>
      </c>
      <c r="I3331" s="12" t="e">
        <f>'申請書（複数入力用）'!O3333</f>
        <v>#N/A</v>
      </c>
      <c r="J3331" s="12">
        <f>'申請書（複数入力用）'!P3333</f>
        <v>1</v>
      </c>
    </row>
    <row r="3332" spans="1:10" ht="51.6" customHeight="1" x14ac:dyDescent="0.45">
      <c r="A3332" s="6">
        <f>'申請書（複数入力用）'!A3334</f>
        <v>3328</v>
      </c>
      <c r="B3332" s="13">
        <f>'申請書（複数入力用）'!AH3334</f>
        <v>0</v>
      </c>
      <c r="C3332" s="6">
        <f>'申請書（複数入力用）'!B3334</f>
        <v>0</v>
      </c>
      <c r="D3332" s="6">
        <f>'申請書（複数入力用）'!D3334</f>
        <v>0</v>
      </c>
      <c r="E3332" s="14">
        <f>'申請書（複数入力用）'!H3334</f>
        <v>0</v>
      </c>
      <c r="F3332" s="11" t="str">
        <f>'申請書（複数入力用）'!J3334</f>
        <v/>
      </c>
      <c r="G3332" s="6" t="str">
        <f>'申請書（複数入力用）'!K3334</f>
        <v>a052r000000jS9ZAAU</v>
      </c>
      <c r="H3332" s="12" t="e">
        <f>'申請書（複数入力用）'!N3334</f>
        <v>#N/A</v>
      </c>
      <c r="I3332" s="12" t="e">
        <f>'申請書（複数入力用）'!O3334</f>
        <v>#N/A</v>
      </c>
      <c r="J3332" s="12">
        <f>'申請書（複数入力用）'!P3334</f>
        <v>1</v>
      </c>
    </row>
    <row r="3333" spans="1:10" ht="51.6" customHeight="1" x14ac:dyDescent="0.45">
      <c r="A3333" s="6">
        <f>'申請書（複数入力用）'!A3335</f>
        <v>3329</v>
      </c>
      <c r="B3333" s="13">
        <f>'申請書（複数入力用）'!AH3335</f>
        <v>0</v>
      </c>
      <c r="C3333" s="6">
        <f>'申請書（複数入力用）'!B3335</f>
        <v>0</v>
      </c>
      <c r="D3333" s="6">
        <f>'申請書（複数入力用）'!D3335</f>
        <v>0</v>
      </c>
      <c r="E3333" s="14">
        <f>'申請書（複数入力用）'!H3335</f>
        <v>0</v>
      </c>
      <c r="F3333" s="11" t="str">
        <f>'申請書（複数入力用）'!J3335</f>
        <v/>
      </c>
      <c r="G3333" s="6" t="str">
        <f>'申請書（複数入力用）'!K3335</f>
        <v>a052r000000jS9ZAAU</v>
      </c>
      <c r="H3333" s="12" t="e">
        <f>'申請書（複数入力用）'!N3335</f>
        <v>#N/A</v>
      </c>
      <c r="I3333" s="12" t="e">
        <f>'申請書（複数入力用）'!O3335</f>
        <v>#N/A</v>
      </c>
      <c r="J3333" s="12">
        <f>'申請書（複数入力用）'!P3335</f>
        <v>1</v>
      </c>
    </row>
    <row r="3334" spans="1:10" ht="51.6" customHeight="1" x14ac:dyDescent="0.45">
      <c r="A3334" s="6">
        <f>'申請書（複数入力用）'!A3336</f>
        <v>3330</v>
      </c>
      <c r="B3334" s="13">
        <f>'申請書（複数入力用）'!AH3336</f>
        <v>0</v>
      </c>
      <c r="C3334" s="6">
        <f>'申請書（複数入力用）'!B3336</f>
        <v>0</v>
      </c>
      <c r="D3334" s="6">
        <f>'申請書（複数入力用）'!D3336</f>
        <v>0</v>
      </c>
      <c r="E3334" s="14">
        <f>'申請書（複数入力用）'!H3336</f>
        <v>0</v>
      </c>
      <c r="F3334" s="11" t="str">
        <f>'申請書（複数入力用）'!J3336</f>
        <v/>
      </c>
      <c r="G3334" s="6" t="str">
        <f>'申請書（複数入力用）'!K3336</f>
        <v>a052r000000jS9ZAAU</v>
      </c>
      <c r="H3334" s="12" t="e">
        <f>'申請書（複数入力用）'!N3336</f>
        <v>#N/A</v>
      </c>
      <c r="I3334" s="12" t="e">
        <f>'申請書（複数入力用）'!O3336</f>
        <v>#N/A</v>
      </c>
      <c r="J3334" s="12">
        <f>'申請書（複数入力用）'!P3336</f>
        <v>1</v>
      </c>
    </row>
    <row r="3335" spans="1:10" ht="51.6" customHeight="1" x14ac:dyDescent="0.45">
      <c r="A3335" s="6">
        <f>'申請書（複数入力用）'!A3337</f>
        <v>3331</v>
      </c>
      <c r="B3335" s="13">
        <f>'申請書（複数入力用）'!AH3337</f>
        <v>0</v>
      </c>
      <c r="C3335" s="6">
        <f>'申請書（複数入力用）'!B3337</f>
        <v>0</v>
      </c>
      <c r="D3335" s="6">
        <f>'申請書（複数入力用）'!D3337</f>
        <v>0</v>
      </c>
      <c r="E3335" s="14">
        <f>'申請書（複数入力用）'!H3337</f>
        <v>0</v>
      </c>
      <c r="F3335" s="11" t="str">
        <f>'申請書（複数入力用）'!J3337</f>
        <v/>
      </c>
      <c r="G3335" s="6" t="str">
        <f>'申請書（複数入力用）'!K3337</f>
        <v>a052r000000jS9ZAAU</v>
      </c>
      <c r="H3335" s="12" t="e">
        <f>'申請書（複数入力用）'!N3337</f>
        <v>#N/A</v>
      </c>
      <c r="I3335" s="12" t="e">
        <f>'申請書（複数入力用）'!O3337</f>
        <v>#N/A</v>
      </c>
      <c r="J3335" s="12">
        <f>'申請書（複数入力用）'!P3337</f>
        <v>1</v>
      </c>
    </row>
    <row r="3336" spans="1:10" ht="51.6" customHeight="1" x14ac:dyDescent="0.45">
      <c r="A3336" s="6">
        <f>'申請書（複数入力用）'!A3338</f>
        <v>3332</v>
      </c>
      <c r="B3336" s="13">
        <f>'申請書（複数入力用）'!AH3338</f>
        <v>0</v>
      </c>
      <c r="C3336" s="6">
        <f>'申請書（複数入力用）'!B3338</f>
        <v>0</v>
      </c>
      <c r="D3336" s="6">
        <f>'申請書（複数入力用）'!D3338</f>
        <v>0</v>
      </c>
      <c r="E3336" s="14">
        <f>'申請書（複数入力用）'!H3338</f>
        <v>0</v>
      </c>
      <c r="F3336" s="11" t="str">
        <f>'申請書（複数入力用）'!J3338</f>
        <v/>
      </c>
      <c r="G3336" s="6" t="str">
        <f>'申請書（複数入力用）'!K3338</f>
        <v>a052r000000jS9ZAAU</v>
      </c>
      <c r="H3336" s="12" t="e">
        <f>'申請書（複数入力用）'!N3338</f>
        <v>#N/A</v>
      </c>
      <c r="I3336" s="12" t="e">
        <f>'申請書（複数入力用）'!O3338</f>
        <v>#N/A</v>
      </c>
      <c r="J3336" s="12">
        <f>'申請書（複数入力用）'!P3338</f>
        <v>1</v>
      </c>
    </row>
    <row r="3337" spans="1:10" ht="51.6" customHeight="1" x14ac:dyDescent="0.45">
      <c r="A3337" s="6">
        <f>'申請書（複数入力用）'!A3339</f>
        <v>3333</v>
      </c>
      <c r="B3337" s="13">
        <f>'申請書（複数入力用）'!AH3339</f>
        <v>0</v>
      </c>
      <c r="C3337" s="6">
        <f>'申請書（複数入力用）'!B3339</f>
        <v>0</v>
      </c>
      <c r="D3337" s="6">
        <f>'申請書（複数入力用）'!D3339</f>
        <v>0</v>
      </c>
      <c r="E3337" s="14">
        <f>'申請書（複数入力用）'!H3339</f>
        <v>0</v>
      </c>
      <c r="F3337" s="11" t="str">
        <f>'申請書（複数入力用）'!J3339</f>
        <v/>
      </c>
      <c r="G3337" s="6" t="str">
        <f>'申請書（複数入力用）'!K3339</f>
        <v>a052r000000jS9ZAAU</v>
      </c>
      <c r="H3337" s="12" t="e">
        <f>'申請書（複数入力用）'!N3339</f>
        <v>#N/A</v>
      </c>
      <c r="I3337" s="12" t="e">
        <f>'申請書（複数入力用）'!O3339</f>
        <v>#N/A</v>
      </c>
      <c r="J3337" s="12">
        <f>'申請書（複数入力用）'!P3339</f>
        <v>1</v>
      </c>
    </row>
    <row r="3338" spans="1:10" ht="51.6" customHeight="1" x14ac:dyDescent="0.45">
      <c r="A3338" s="6">
        <f>'申請書（複数入力用）'!A3340</f>
        <v>3334</v>
      </c>
      <c r="B3338" s="13">
        <f>'申請書（複数入力用）'!AH3340</f>
        <v>0</v>
      </c>
      <c r="C3338" s="6">
        <f>'申請書（複数入力用）'!B3340</f>
        <v>0</v>
      </c>
      <c r="D3338" s="6">
        <f>'申請書（複数入力用）'!D3340</f>
        <v>0</v>
      </c>
      <c r="E3338" s="14">
        <f>'申請書（複数入力用）'!H3340</f>
        <v>0</v>
      </c>
      <c r="F3338" s="11" t="str">
        <f>'申請書（複数入力用）'!J3340</f>
        <v/>
      </c>
      <c r="G3338" s="6" t="str">
        <f>'申請書（複数入力用）'!K3340</f>
        <v>a052r000000jS9ZAAU</v>
      </c>
      <c r="H3338" s="12" t="e">
        <f>'申請書（複数入力用）'!N3340</f>
        <v>#N/A</v>
      </c>
      <c r="I3338" s="12" t="e">
        <f>'申請書（複数入力用）'!O3340</f>
        <v>#N/A</v>
      </c>
      <c r="J3338" s="12">
        <f>'申請書（複数入力用）'!P3340</f>
        <v>1</v>
      </c>
    </row>
    <row r="3339" spans="1:10" ht="51.6" customHeight="1" x14ac:dyDescent="0.45">
      <c r="A3339" s="6">
        <f>'申請書（複数入力用）'!A3341</f>
        <v>3335</v>
      </c>
      <c r="B3339" s="13">
        <f>'申請書（複数入力用）'!AH3341</f>
        <v>0</v>
      </c>
      <c r="C3339" s="6">
        <f>'申請書（複数入力用）'!B3341</f>
        <v>0</v>
      </c>
      <c r="D3339" s="6">
        <f>'申請書（複数入力用）'!D3341</f>
        <v>0</v>
      </c>
      <c r="E3339" s="14">
        <f>'申請書（複数入力用）'!H3341</f>
        <v>0</v>
      </c>
      <c r="F3339" s="11" t="str">
        <f>'申請書（複数入力用）'!J3341</f>
        <v/>
      </c>
      <c r="G3339" s="6" t="str">
        <f>'申請書（複数入力用）'!K3341</f>
        <v>a052r000000jS9ZAAU</v>
      </c>
      <c r="H3339" s="12" t="e">
        <f>'申請書（複数入力用）'!N3341</f>
        <v>#N/A</v>
      </c>
      <c r="I3339" s="12" t="e">
        <f>'申請書（複数入力用）'!O3341</f>
        <v>#N/A</v>
      </c>
      <c r="J3339" s="12">
        <f>'申請書（複数入力用）'!P3341</f>
        <v>1</v>
      </c>
    </row>
    <row r="3340" spans="1:10" ht="51.6" customHeight="1" x14ac:dyDescent="0.45">
      <c r="A3340" s="6">
        <f>'申請書（複数入力用）'!A3342</f>
        <v>3336</v>
      </c>
      <c r="B3340" s="13">
        <f>'申請書（複数入力用）'!AH3342</f>
        <v>0</v>
      </c>
      <c r="C3340" s="6">
        <f>'申請書（複数入力用）'!B3342</f>
        <v>0</v>
      </c>
      <c r="D3340" s="6">
        <f>'申請書（複数入力用）'!D3342</f>
        <v>0</v>
      </c>
      <c r="E3340" s="14">
        <f>'申請書（複数入力用）'!H3342</f>
        <v>0</v>
      </c>
      <c r="F3340" s="11" t="str">
        <f>'申請書（複数入力用）'!J3342</f>
        <v/>
      </c>
      <c r="G3340" s="6" t="str">
        <f>'申請書（複数入力用）'!K3342</f>
        <v>a052r000000jS9ZAAU</v>
      </c>
      <c r="H3340" s="12" t="e">
        <f>'申請書（複数入力用）'!N3342</f>
        <v>#N/A</v>
      </c>
      <c r="I3340" s="12" t="e">
        <f>'申請書（複数入力用）'!O3342</f>
        <v>#N/A</v>
      </c>
      <c r="J3340" s="12">
        <f>'申請書（複数入力用）'!P3342</f>
        <v>1</v>
      </c>
    </row>
    <row r="3341" spans="1:10" ht="51.6" customHeight="1" x14ac:dyDescent="0.45">
      <c r="A3341" s="6">
        <f>'申請書（複数入力用）'!A3343</f>
        <v>3337</v>
      </c>
      <c r="B3341" s="13">
        <f>'申請書（複数入力用）'!AH3343</f>
        <v>0</v>
      </c>
      <c r="C3341" s="6">
        <f>'申請書（複数入力用）'!B3343</f>
        <v>0</v>
      </c>
      <c r="D3341" s="6">
        <f>'申請書（複数入力用）'!D3343</f>
        <v>0</v>
      </c>
      <c r="E3341" s="14">
        <f>'申請書（複数入力用）'!H3343</f>
        <v>0</v>
      </c>
      <c r="F3341" s="11" t="str">
        <f>'申請書（複数入力用）'!J3343</f>
        <v/>
      </c>
      <c r="G3341" s="6" t="str">
        <f>'申請書（複数入力用）'!K3343</f>
        <v>a052r000000jS9ZAAU</v>
      </c>
      <c r="H3341" s="12" t="e">
        <f>'申請書（複数入力用）'!N3343</f>
        <v>#N/A</v>
      </c>
      <c r="I3341" s="12" t="e">
        <f>'申請書（複数入力用）'!O3343</f>
        <v>#N/A</v>
      </c>
      <c r="J3341" s="12">
        <f>'申請書（複数入力用）'!P3343</f>
        <v>1</v>
      </c>
    </row>
    <row r="3342" spans="1:10" ht="51.6" customHeight="1" x14ac:dyDescent="0.45">
      <c r="A3342" s="6">
        <f>'申請書（複数入力用）'!A3344</f>
        <v>3338</v>
      </c>
      <c r="B3342" s="13">
        <f>'申請書（複数入力用）'!AH3344</f>
        <v>0</v>
      </c>
      <c r="C3342" s="6">
        <f>'申請書（複数入力用）'!B3344</f>
        <v>0</v>
      </c>
      <c r="D3342" s="6">
        <f>'申請書（複数入力用）'!D3344</f>
        <v>0</v>
      </c>
      <c r="E3342" s="14">
        <f>'申請書（複数入力用）'!H3344</f>
        <v>0</v>
      </c>
      <c r="F3342" s="11" t="str">
        <f>'申請書（複数入力用）'!J3344</f>
        <v/>
      </c>
      <c r="G3342" s="6" t="str">
        <f>'申請書（複数入力用）'!K3344</f>
        <v>a052r000000jS9ZAAU</v>
      </c>
      <c r="H3342" s="12" t="e">
        <f>'申請書（複数入力用）'!N3344</f>
        <v>#N/A</v>
      </c>
      <c r="I3342" s="12" t="e">
        <f>'申請書（複数入力用）'!O3344</f>
        <v>#N/A</v>
      </c>
      <c r="J3342" s="12">
        <f>'申請書（複数入力用）'!P3344</f>
        <v>1</v>
      </c>
    </row>
    <row r="3343" spans="1:10" ht="51.6" customHeight="1" x14ac:dyDescent="0.45">
      <c r="A3343" s="6">
        <f>'申請書（複数入力用）'!A3345</f>
        <v>3339</v>
      </c>
      <c r="B3343" s="13">
        <f>'申請書（複数入力用）'!AH3345</f>
        <v>0</v>
      </c>
      <c r="C3343" s="6">
        <f>'申請書（複数入力用）'!B3345</f>
        <v>0</v>
      </c>
      <c r="D3343" s="6">
        <f>'申請書（複数入力用）'!D3345</f>
        <v>0</v>
      </c>
      <c r="E3343" s="14">
        <f>'申請書（複数入力用）'!H3345</f>
        <v>0</v>
      </c>
      <c r="F3343" s="11" t="str">
        <f>'申請書（複数入力用）'!J3345</f>
        <v/>
      </c>
      <c r="G3343" s="6" t="str">
        <f>'申請書（複数入力用）'!K3345</f>
        <v>a052r000000jS9ZAAU</v>
      </c>
      <c r="H3343" s="12" t="e">
        <f>'申請書（複数入力用）'!N3345</f>
        <v>#N/A</v>
      </c>
      <c r="I3343" s="12" t="e">
        <f>'申請書（複数入力用）'!O3345</f>
        <v>#N/A</v>
      </c>
      <c r="J3343" s="12">
        <f>'申請書（複数入力用）'!P3345</f>
        <v>1</v>
      </c>
    </row>
    <row r="3344" spans="1:10" ht="51.6" customHeight="1" x14ac:dyDescent="0.45">
      <c r="A3344" s="6">
        <f>'申請書（複数入力用）'!A3346</f>
        <v>3340</v>
      </c>
      <c r="B3344" s="13">
        <f>'申請書（複数入力用）'!AH3346</f>
        <v>0</v>
      </c>
      <c r="C3344" s="6">
        <f>'申請書（複数入力用）'!B3346</f>
        <v>0</v>
      </c>
      <c r="D3344" s="6">
        <f>'申請書（複数入力用）'!D3346</f>
        <v>0</v>
      </c>
      <c r="E3344" s="14">
        <f>'申請書（複数入力用）'!H3346</f>
        <v>0</v>
      </c>
      <c r="F3344" s="11" t="str">
        <f>'申請書（複数入力用）'!J3346</f>
        <v/>
      </c>
      <c r="G3344" s="6" t="str">
        <f>'申請書（複数入力用）'!K3346</f>
        <v>a052r000000jS9ZAAU</v>
      </c>
      <c r="H3344" s="12" t="e">
        <f>'申請書（複数入力用）'!N3346</f>
        <v>#N/A</v>
      </c>
      <c r="I3344" s="12" t="e">
        <f>'申請書（複数入力用）'!O3346</f>
        <v>#N/A</v>
      </c>
      <c r="J3344" s="12">
        <f>'申請書（複数入力用）'!P3346</f>
        <v>1</v>
      </c>
    </row>
    <row r="3345" spans="1:10" ht="51.6" customHeight="1" x14ac:dyDescent="0.45">
      <c r="A3345" s="6">
        <f>'申請書（複数入力用）'!A3347</f>
        <v>3341</v>
      </c>
      <c r="B3345" s="13">
        <f>'申請書（複数入力用）'!AH3347</f>
        <v>0</v>
      </c>
      <c r="C3345" s="6">
        <f>'申請書（複数入力用）'!B3347</f>
        <v>0</v>
      </c>
      <c r="D3345" s="6">
        <f>'申請書（複数入力用）'!D3347</f>
        <v>0</v>
      </c>
      <c r="E3345" s="14">
        <f>'申請書（複数入力用）'!H3347</f>
        <v>0</v>
      </c>
      <c r="F3345" s="11" t="str">
        <f>'申請書（複数入力用）'!J3347</f>
        <v/>
      </c>
      <c r="G3345" s="6" t="str">
        <f>'申請書（複数入力用）'!K3347</f>
        <v>a052r000000jS9ZAAU</v>
      </c>
      <c r="H3345" s="12" t="e">
        <f>'申請書（複数入力用）'!N3347</f>
        <v>#N/A</v>
      </c>
      <c r="I3345" s="12" t="e">
        <f>'申請書（複数入力用）'!O3347</f>
        <v>#N/A</v>
      </c>
      <c r="J3345" s="12">
        <f>'申請書（複数入力用）'!P3347</f>
        <v>1</v>
      </c>
    </row>
    <row r="3346" spans="1:10" ht="51.6" customHeight="1" x14ac:dyDescent="0.45">
      <c r="A3346" s="6">
        <f>'申請書（複数入力用）'!A3348</f>
        <v>3342</v>
      </c>
      <c r="B3346" s="13">
        <f>'申請書（複数入力用）'!AH3348</f>
        <v>0</v>
      </c>
      <c r="C3346" s="6">
        <f>'申請書（複数入力用）'!B3348</f>
        <v>0</v>
      </c>
      <c r="D3346" s="6">
        <f>'申請書（複数入力用）'!D3348</f>
        <v>0</v>
      </c>
      <c r="E3346" s="14">
        <f>'申請書（複数入力用）'!H3348</f>
        <v>0</v>
      </c>
      <c r="F3346" s="11" t="str">
        <f>'申請書（複数入力用）'!J3348</f>
        <v/>
      </c>
      <c r="G3346" s="6" t="str">
        <f>'申請書（複数入力用）'!K3348</f>
        <v>a052r000000jS9ZAAU</v>
      </c>
      <c r="H3346" s="12" t="e">
        <f>'申請書（複数入力用）'!N3348</f>
        <v>#N/A</v>
      </c>
      <c r="I3346" s="12" t="e">
        <f>'申請書（複数入力用）'!O3348</f>
        <v>#N/A</v>
      </c>
      <c r="J3346" s="12">
        <f>'申請書（複数入力用）'!P3348</f>
        <v>1</v>
      </c>
    </row>
    <row r="3347" spans="1:10" ht="51.6" customHeight="1" x14ac:dyDescent="0.45">
      <c r="A3347" s="6">
        <f>'申請書（複数入力用）'!A3349</f>
        <v>3343</v>
      </c>
      <c r="B3347" s="13">
        <f>'申請書（複数入力用）'!AH3349</f>
        <v>0</v>
      </c>
      <c r="C3347" s="6">
        <f>'申請書（複数入力用）'!B3349</f>
        <v>0</v>
      </c>
      <c r="D3347" s="6">
        <f>'申請書（複数入力用）'!D3349</f>
        <v>0</v>
      </c>
      <c r="E3347" s="14">
        <f>'申請書（複数入力用）'!H3349</f>
        <v>0</v>
      </c>
      <c r="F3347" s="11" t="str">
        <f>'申請書（複数入力用）'!J3349</f>
        <v/>
      </c>
      <c r="G3347" s="6" t="str">
        <f>'申請書（複数入力用）'!K3349</f>
        <v>a052r000000jS9ZAAU</v>
      </c>
      <c r="H3347" s="12" t="e">
        <f>'申請書（複数入力用）'!N3349</f>
        <v>#N/A</v>
      </c>
      <c r="I3347" s="12" t="e">
        <f>'申請書（複数入力用）'!O3349</f>
        <v>#N/A</v>
      </c>
      <c r="J3347" s="12">
        <f>'申請書（複数入力用）'!P3349</f>
        <v>1</v>
      </c>
    </row>
    <row r="3348" spans="1:10" ht="51.6" customHeight="1" x14ac:dyDescent="0.45">
      <c r="A3348" s="6">
        <f>'申請書（複数入力用）'!A3350</f>
        <v>3344</v>
      </c>
      <c r="B3348" s="13">
        <f>'申請書（複数入力用）'!AH3350</f>
        <v>0</v>
      </c>
      <c r="C3348" s="6">
        <f>'申請書（複数入力用）'!B3350</f>
        <v>0</v>
      </c>
      <c r="D3348" s="6">
        <f>'申請書（複数入力用）'!D3350</f>
        <v>0</v>
      </c>
      <c r="E3348" s="14">
        <f>'申請書（複数入力用）'!H3350</f>
        <v>0</v>
      </c>
      <c r="F3348" s="11" t="str">
        <f>'申請書（複数入力用）'!J3350</f>
        <v/>
      </c>
      <c r="G3348" s="6" t="str">
        <f>'申請書（複数入力用）'!K3350</f>
        <v>a052r000000jS9ZAAU</v>
      </c>
      <c r="H3348" s="12" t="e">
        <f>'申請書（複数入力用）'!N3350</f>
        <v>#N/A</v>
      </c>
      <c r="I3348" s="12" t="e">
        <f>'申請書（複数入力用）'!O3350</f>
        <v>#N/A</v>
      </c>
      <c r="J3348" s="12">
        <f>'申請書（複数入力用）'!P3350</f>
        <v>1</v>
      </c>
    </row>
    <row r="3349" spans="1:10" ht="51.6" customHeight="1" x14ac:dyDescent="0.45">
      <c r="A3349" s="6">
        <f>'申請書（複数入力用）'!A3351</f>
        <v>3345</v>
      </c>
      <c r="B3349" s="13">
        <f>'申請書（複数入力用）'!AH3351</f>
        <v>0</v>
      </c>
      <c r="C3349" s="6">
        <f>'申請書（複数入力用）'!B3351</f>
        <v>0</v>
      </c>
      <c r="D3349" s="6">
        <f>'申請書（複数入力用）'!D3351</f>
        <v>0</v>
      </c>
      <c r="E3349" s="14">
        <f>'申請書（複数入力用）'!H3351</f>
        <v>0</v>
      </c>
      <c r="F3349" s="11" t="str">
        <f>'申請書（複数入力用）'!J3351</f>
        <v/>
      </c>
      <c r="G3349" s="6" t="str">
        <f>'申請書（複数入力用）'!K3351</f>
        <v>a052r000000jS9ZAAU</v>
      </c>
      <c r="H3349" s="12" t="e">
        <f>'申請書（複数入力用）'!N3351</f>
        <v>#N/A</v>
      </c>
      <c r="I3349" s="12" t="e">
        <f>'申請書（複数入力用）'!O3351</f>
        <v>#N/A</v>
      </c>
      <c r="J3349" s="12">
        <f>'申請書（複数入力用）'!P3351</f>
        <v>1</v>
      </c>
    </row>
    <row r="3350" spans="1:10" ht="51.6" customHeight="1" x14ac:dyDescent="0.45">
      <c r="A3350" s="6">
        <f>'申請書（複数入力用）'!A3352</f>
        <v>3346</v>
      </c>
      <c r="B3350" s="13">
        <f>'申請書（複数入力用）'!AH3352</f>
        <v>0</v>
      </c>
      <c r="C3350" s="6">
        <f>'申請書（複数入力用）'!B3352</f>
        <v>0</v>
      </c>
      <c r="D3350" s="6">
        <f>'申請書（複数入力用）'!D3352</f>
        <v>0</v>
      </c>
      <c r="E3350" s="14">
        <f>'申請書（複数入力用）'!H3352</f>
        <v>0</v>
      </c>
      <c r="F3350" s="11" t="str">
        <f>'申請書（複数入力用）'!J3352</f>
        <v/>
      </c>
      <c r="G3350" s="6" t="str">
        <f>'申請書（複数入力用）'!K3352</f>
        <v>a052r000000jS9ZAAU</v>
      </c>
      <c r="H3350" s="12" t="e">
        <f>'申請書（複数入力用）'!N3352</f>
        <v>#N/A</v>
      </c>
      <c r="I3350" s="12" t="e">
        <f>'申請書（複数入力用）'!O3352</f>
        <v>#N/A</v>
      </c>
      <c r="J3350" s="12">
        <f>'申請書（複数入力用）'!P3352</f>
        <v>1</v>
      </c>
    </row>
    <row r="3351" spans="1:10" ht="51.6" customHeight="1" x14ac:dyDescent="0.45">
      <c r="A3351" s="6">
        <f>'申請書（複数入力用）'!A3353</f>
        <v>3347</v>
      </c>
      <c r="B3351" s="13">
        <f>'申請書（複数入力用）'!AH3353</f>
        <v>0</v>
      </c>
      <c r="C3351" s="6">
        <f>'申請書（複数入力用）'!B3353</f>
        <v>0</v>
      </c>
      <c r="D3351" s="6">
        <f>'申請書（複数入力用）'!D3353</f>
        <v>0</v>
      </c>
      <c r="E3351" s="14">
        <f>'申請書（複数入力用）'!H3353</f>
        <v>0</v>
      </c>
      <c r="F3351" s="11" t="str">
        <f>'申請書（複数入力用）'!J3353</f>
        <v/>
      </c>
      <c r="G3351" s="6" t="str">
        <f>'申請書（複数入力用）'!K3353</f>
        <v>a052r000000jS9ZAAU</v>
      </c>
      <c r="H3351" s="12" t="e">
        <f>'申請書（複数入力用）'!N3353</f>
        <v>#N/A</v>
      </c>
      <c r="I3351" s="12" t="e">
        <f>'申請書（複数入力用）'!O3353</f>
        <v>#N/A</v>
      </c>
      <c r="J3351" s="12">
        <f>'申請書（複数入力用）'!P3353</f>
        <v>1</v>
      </c>
    </row>
    <row r="3352" spans="1:10" ht="51.6" customHeight="1" x14ac:dyDescent="0.45">
      <c r="A3352" s="6">
        <f>'申請書（複数入力用）'!A3354</f>
        <v>3348</v>
      </c>
      <c r="B3352" s="13">
        <f>'申請書（複数入力用）'!AH3354</f>
        <v>0</v>
      </c>
      <c r="C3352" s="6">
        <f>'申請書（複数入力用）'!B3354</f>
        <v>0</v>
      </c>
      <c r="D3352" s="6">
        <f>'申請書（複数入力用）'!D3354</f>
        <v>0</v>
      </c>
      <c r="E3352" s="14">
        <f>'申請書（複数入力用）'!H3354</f>
        <v>0</v>
      </c>
      <c r="F3352" s="11" t="str">
        <f>'申請書（複数入力用）'!J3354</f>
        <v/>
      </c>
      <c r="G3352" s="6" t="str">
        <f>'申請書（複数入力用）'!K3354</f>
        <v>a052r000000jS9ZAAU</v>
      </c>
      <c r="H3352" s="12" t="e">
        <f>'申請書（複数入力用）'!N3354</f>
        <v>#N/A</v>
      </c>
      <c r="I3352" s="12" t="e">
        <f>'申請書（複数入力用）'!O3354</f>
        <v>#N/A</v>
      </c>
      <c r="J3352" s="12">
        <f>'申請書（複数入力用）'!P3354</f>
        <v>1</v>
      </c>
    </row>
    <row r="3353" spans="1:10" ht="51.6" customHeight="1" x14ac:dyDescent="0.45">
      <c r="A3353" s="6">
        <f>'申請書（複数入力用）'!A3355</f>
        <v>3349</v>
      </c>
      <c r="B3353" s="13">
        <f>'申請書（複数入力用）'!AH3355</f>
        <v>0</v>
      </c>
      <c r="C3353" s="6">
        <f>'申請書（複数入力用）'!B3355</f>
        <v>0</v>
      </c>
      <c r="D3353" s="6">
        <f>'申請書（複数入力用）'!D3355</f>
        <v>0</v>
      </c>
      <c r="E3353" s="14">
        <f>'申請書（複数入力用）'!H3355</f>
        <v>0</v>
      </c>
      <c r="F3353" s="11" t="str">
        <f>'申請書（複数入力用）'!J3355</f>
        <v/>
      </c>
      <c r="G3353" s="6" t="str">
        <f>'申請書（複数入力用）'!K3355</f>
        <v>a052r000000jS9ZAAU</v>
      </c>
      <c r="H3353" s="12" t="e">
        <f>'申請書（複数入力用）'!N3355</f>
        <v>#N/A</v>
      </c>
      <c r="I3353" s="12" t="e">
        <f>'申請書（複数入力用）'!O3355</f>
        <v>#N/A</v>
      </c>
      <c r="J3353" s="12">
        <f>'申請書（複数入力用）'!P3355</f>
        <v>1</v>
      </c>
    </row>
    <row r="3354" spans="1:10" ht="51.6" customHeight="1" x14ac:dyDescent="0.45">
      <c r="A3354" s="6">
        <f>'申請書（複数入力用）'!A3356</f>
        <v>3350</v>
      </c>
      <c r="B3354" s="13">
        <f>'申請書（複数入力用）'!AH3356</f>
        <v>0</v>
      </c>
      <c r="C3354" s="6">
        <f>'申請書（複数入力用）'!B3356</f>
        <v>0</v>
      </c>
      <c r="D3354" s="6">
        <f>'申請書（複数入力用）'!D3356</f>
        <v>0</v>
      </c>
      <c r="E3354" s="14">
        <f>'申請書（複数入力用）'!H3356</f>
        <v>0</v>
      </c>
      <c r="F3354" s="11" t="str">
        <f>'申請書（複数入力用）'!J3356</f>
        <v/>
      </c>
      <c r="G3354" s="6" t="str">
        <f>'申請書（複数入力用）'!K3356</f>
        <v>a052r000000jS9ZAAU</v>
      </c>
      <c r="H3354" s="12" t="e">
        <f>'申請書（複数入力用）'!N3356</f>
        <v>#N/A</v>
      </c>
      <c r="I3354" s="12" t="e">
        <f>'申請書（複数入力用）'!O3356</f>
        <v>#N/A</v>
      </c>
      <c r="J3354" s="12">
        <f>'申請書（複数入力用）'!P3356</f>
        <v>1</v>
      </c>
    </row>
    <row r="3355" spans="1:10" ht="51.6" customHeight="1" x14ac:dyDescent="0.45">
      <c r="A3355" s="6">
        <f>'申請書（複数入力用）'!A3357</f>
        <v>3351</v>
      </c>
      <c r="B3355" s="13">
        <f>'申請書（複数入力用）'!AH3357</f>
        <v>0</v>
      </c>
      <c r="C3355" s="6">
        <f>'申請書（複数入力用）'!B3357</f>
        <v>0</v>
      </c>
      <c r="D3355" s="6">
        <f>'申請書（複数入力用）'!D3357</f>
        <v>0</v>
      </c>
      <c r="E3355" s="14">
        <f>'申請書（複数入力用）'!H3357</f>
        <v>0</v>
      </c>
      <c r="F3355" s="11" t="str">
        <f>'申請書（複数入力用）'!J3357</f>
        <v/>
      </c>
      <c r="G3355" s="6" t="str">
        <f>'申請書（複数入力用）'!K3357</f>
        <v>a052r000000jS9ZAAU</v>
      </c>
      <c r="H3355" s="12" t="e">
        <f>'申請書（複数入力用）'!N3357</f>
        <v>#N/A</v>
      </c>
      <c r="I3355" s="12" t="e">
        <f>'申請書（複数入力用）'!O3357</f>
        <v>#N/A</v>
      </c>
      <c r="J3355" s="12">
        <f>'申請書（複数入力用）'!P3357</f>
        <v>1</v>
      </c>
    </row>
    <row r="3356" spans="1:10" ht="51.6" customHeight="1" x14ac:dyDescent="0.45">
      <c r="A3356" s="6">
        <f>'申請書（複数入力用）'!A3358</f>
        <v>3352</v>
      </c>
      <c r="B3356" s="13">
        <f>'申請書（複数入力用）'!AH3358</f>
        <v>0</v>
      </c>
      <c r="C3356" s="6">
        <f>'申請書（複数入力用）'!B3358</f>
        <v>0</v>
      </c>
      <c r="D3356" s="6">
        <f>'申請書（複数入力用）'!D3358</f>
        <v>0</v>
      </c>
      <c r="E3356" s="14">
        <f>'申請書（複数入力用）'!H3358</f>
        <v>0</v>
      </c>
      <c r="F3356" s="11" t="str">
        <f>'申請書（複数入力用）'!J3358</f>
        <v/>
      </c>
      <c r="G3356" s="6" t="str">
        <f>'申請書（複数入力用）'!K3358</f>
        <v>a052r000000jS9ZAAU</v>
      </c>
      <c r="H3356" s="12" t="e">
        <f>'申請書（複数入力用）'!N3358</f>
        <v>#N/A</v>
      </c>
      <c r="I3356" s="12" t="e">
        <f>'申請書（複数入力用）'!O3358</f>
        <v>#N/A</v>
      </c>
      <c r="J3356" s="12">
        <f>'申請書（複数入力用）'!P3358</f>
        <v>1</v>
      </c>
    </row>
    <row r="3357" spans="1:10" ht="51.6" customHeight="1" x14ac:dyDescent="0.45">
      <c r="A3357" s="6">
        <f>'申請書（複数入力用）'!A3359</f>
        <v>3353</v>
      </c>
      <c r="B3357" s="13">
        <f>'申請書（複数入力用）'!AH3359</f>
        <v>0</v>
      </c>
      <c r="C3357" s="6">
        <f>'申請書（複数入力用）'!B3359</f>
        <v>0</v>
      </c>
      <c r="D3357" s="6">
        <f>'申請書（複数入力用）'!D3359</f>
        <v>0</v>
      </c>
      <c r="E3357" s="14">
        <f>'申請書（複数入力用）'!H3359</f>
        <v>0</v>
      </c>
      <c r="F3357" s="11" t="str">
        <f>'申請書（複数入力用）'!J3359</f>
        <v/>
      </c>
      <c r="G3357" s="6" t="str">
        <f>'申請書（複数入力用）'!K3359</f>
        <v>a052r000000jS9ZAAU</v>
      </c>
      <c r="H3357" s="12" t="e">
        <f>'申請書（複数入力用）'!N3359</f>
        <v>#N/A</v>
      </c>
      <c r="I3357" s="12" t="e">
        <f>'申請書（複数入力用）'!O3359</f>
        <v>#N/A</v>
      </c>
      <c r="J3357" s="12">
        <f>'申請書（複数入力用）'!P3359</f>
        <v>1</v>
      </c>
    </row>
    <row r="3358" spans="1:10" ht="51.6" customHeight="1" x14ac:dyDescent="0.45">
      <c r="A3358" s="6">
        <f>'申請書（複数入力用）'!A3360</f>
        <v>3354</v>
      </c>
      <c r="B3358" s="13">
        <f>'申請書（複数入力用）'!AH3360</f>
        <v>0</v>
      </c>
      <c r="C3358" s="6">
        <f>'申請書（複数入力用）'!B3360</f>
        <v>0</v>
      </c>
      <c r="D3358" s="6">
        <f>'申請書（複数入力用）'!D3360</f>
        <v>0</v>
      </c>
      <c r="E3358" s="14">
        <f>'申請書（複数入力用）'!H3360</f>
        <v>0</v>
      </c>
      <c r="F3358" s="11" t="str">
        <f>'申請書（複数入力用）'!J3360</f>
        <v/>
      </c>
      <c r="G3358" s="6" t="str">
        <f>'申請書（複数入力用）'!K3360</f>
        <v>a052r000000jS9ZAAU</v>
      </c>
      <c r="H3358" s="12" t="e">
        <f>'申請書（複数入力用）'!N3360</f>
        <v>#N/A</v>
      </c>
      <c r="I3358" s="12" t="e">
        <f>'申請書（複数入力用）'!O3360</f>
        <v>#N/A</v>
      </c>
      <c r="J3358" s="12">
        <f>'申請書（複数入力用）'!P3360</f>
        <v>1</v>
      </c>
    </row>
    <row r="3359" spans="1:10" ht="51.6" customHeight="1" x14ac:dyDescent="0.45">
      <c r="A3359" s="6">
        <f>'申請書（複数入力用）'!A3361</f>
        <v>3355</v>
      </c>
      <c r="B3359" s="13">
        <f>'申請書（複数入力用）'!AH3361</f>
        <v>0</v>
      </c>
      <c r="C3359" s="6">
        <f>'申請書（複数入力用）'!B3361</f>
        <v>0</v>
      </c>
      <c r="D3359" s="6">
        <f>'申請書（複数入力用）'!D3361</f>
        <v>0</v>
      </c>
      <c r="E3359" s="14">
        <f>'申請書（複数入力用）'!H3361</f>
        <v>0</v>
      </c>
      <c r="F3359" s="11" t="str">
        <f>'申請書（複数入力用）'!J3361</f>
        <v/>
      </c>
      <c r="G3359" s="6" t="str">
        <f>'申請書（複数入力用）'!K3361</f>
        <v>a052r000000jS9ZAAU</v>
      </c>
      <c r="H3359" s="12" t="e">
        <f>'申請書（複数入力用）'!N3361</f>
        <v>#N/A</v>
      </c>
      <c r="I3359" s="12" t="e">
        <f>'申請書（複数入力用）'!O3361</f>
        <v>#N/A</v>
      </c>
      <c r="J3359" s="12">
        <f>'申請書（複数入力用）'!P3361</f>
        <v>1</v>
      </c>
    </row>
    <row r="3360" spans="1:10" ht="51.6" customHeight="1" x14ac:dyDescent="0.45">
      <c r="A3360" s="6">
        <f>'申請書（複数入力用）'!A3362</f>
        <v>3356</v>
      </c>
      <c r="B3360" s="13">
        <f>'申請書（複数入力用）'!AH3362</f>
        <v>0</v>
      </c>
      <c r="C3360" s="6">
        <f>'申請書（複数入力用）'!B3362</f>
        <v>0</v>
      </c>
      <c r="D3360" s="6">
        <f>'申請書（複数入力用）'!D3362</f>
        <v>0</v>
      </c>
      <c r="E3360" s="14">
        <f>'申請書（複数入力用）'!H3362</f>
        <v>0</v>
      </c>
      <c r="F3360" s="11" t="str">
        <f>'申請書（複数入力用）'!J3362</f>
        <v/>
      </c>
      <c r="G3360" s="6" t="str">
        <f>'申請書（複数入力用）'!K3362</f>
        <v>a052r000000jS9ZAAU</v>
      </c>
      <c r="H3360" s="12" t="e">
        <f>'申請書（複数入力用）'!N3362</f>
        <v>#N/A</v>
      </c>
      <c r="I3360" s="12" t="e">
        <f>'申請書（複数入力用）'!O3362</f>
        <v>#N/A</v>
      </c>
      <c r="J3360" s="12">
        <f>'申請書（複数入力用）'!P3362</f>
        <v>1</v>
      </c>
    </row>
    <row r="3361" spans="1:10" ht="51.6" customHeight="1" x14ac:dyDescent="0.45">
      <c r="A3361" s="6">
        <f>'申請書（複数入力用）'!A3363</f>
        <v>3357</v>
      </c>
      <c r="B3361" s="13">
        <f>'申請書（複数入力用）'!AH3363</f>
        <v>0</v>
      </c>
      <c r="C3361" s="6">
        <f>'申請書（複数入力用）'!B3363</f>
        <v>0</v>
      </c>
      <c r="D3361" s="6">
        <f>'申請書（複数入力用）'!D3363</f>
        <v>0</v>
      </c>
      <c r="E3361" s="14">
        <f>'申請書（複数入力用）'!H3363</f>
        <v>0</v>
      </c>
      <c r="F3361" s="11" t="str">
        <f>'申請書（複数入力用）'!J3363</f>
        <v/>
      </c>
      <c r="G3361" s="6" t="str">
        <f>'申請書（複数入力用）'!K3363</f>
        <v>a052r000000jS9ZAAU</v>
      </c>
      <c r="H3361" s="12" t="e">
        <f>'申請書（複数入力用）'!N3363</f>
        <v>#N/A</v>
      </c>
      <c r="I3361" s="12" t="e">
        <f>'申請書（複数入力用）'!O3363</f>
        <v>#N/A</v>
      </c>
      <c r="J3361" s="12">
        <f>'申請書（複数入力用）'!P3363</f>
        <v>1</v>
      </c>
    </row>
    <row r="3362" spans="1:10" ht="51.6" customHeight="1" x14ac:dyDescent="0.45">
      <c r="A3362" s="6">
        <f>'申請書（複数入力用）'!A3364</f>
        <v>3358</v>
      </c>
      <c r="B3362" s="13">
        <f>'申請書（複数入力用）'!AH3364</f>
        <v>0</v>
      </c>
      <c r="C3362" s="6">
        <f>'申請書（複数入力用）'!B3364</f>
        <v>0</v>
      </c>
      <c r="D3362" s="6">
        <f>'申請書（複数入力用）'!D3364</f>
        <v>0</v>
      </c>
      <c r="E3362" s="14">
        <f>'申請書（複数入力用）'!H3364</f>
        <v>0</v>
      </c>
      <c r="F3362" s="11" t="str">
        <f>'申請書（複数入力用）'!J3364</f>
        <v/>
      </c>
      <c r="G3362" s="6" t="str">
        <f>'申請書（複数入力用）'!K3364</f>
        <v>a052r000000jS9ZAAU</v>
      </c>
      <c r="H3362" s="12" t="e">
        <f>'申請書（複数入力用）'!N3364</f>
        <v>#N/A</v>
      </c>
      <c r="I3362" s="12" t="e">
        <f>'申請書（複数入力用）'!O3364</f>
        <v>#N/A</v>
      </c>
      <c r="J3362" s="12">
        <f>'申請書（複数入力用）'!P3364</f>
        <v>1</v>
      </c>
    </row>
    <row r="3363" spans="1:10" ht="51.6" customHeight="1" x14ac:dyDescent="0.45">
      <c r="A3363" s="6">
        <f>'申請書（複数入力用）'!A3365</f>
        <v>3359</v>
      </c>
      <c r="B3363" s="13">
        <f>'申請書（複数入力用）'!AH3365</f>
        <v>0</v>
      </c>
      <c r="C3363" s="6">
        <f>'申請書（複数入力用）'!B3365</f>
        <v>0</v>
      </c>
      <c r="D3363" s="6">
        <f>'申請書（複数入力用）'!D3365</f>
        <v>0</v>
      </c>
      <c r="E3363" s="14">
        <f>'申請書（複数入力用）'!H3365</f>
        <v>0</v>
      </c>
      <c r="F3363" s="11" t="str">
        <f>'申請書（複数入力用）'!J3365</f>
        <v/>
      </c>
      <c r="G3363" s="6" t="str">
        <f>'申請書（複数入力用）'!K3365</f>
        <v>a052r000000jS9ZAAU</v>
      </c>
      <c r="H3363" s="12" t="e">
        <f>'申請書（複数入力用）'!N3365</f>
        <v>#N/A</v>
      </c>
      <c r="I3363" s="12" t="e">
        <f>'申請書（複数入力用）'!O3365</f>
        <v>#N/A</v>
      </c>
      <c r="J3363" s="12">
        <f>'申請書（複数入力用）'!P3365</f>
        <v>1</v>
      </c>
    </row>
    <row r="3364" spans="1:10" ht="51.6" customHeight="1" x14ac:dyDescent="0.45">
      <c r="A3364" s="6">
        <f>'申請書（複数入力用）'!A3366</f>
        <v>3360</v>
      </c>
      <c r="B3364" s="13">
        <f>'申請書（複数入力用）'!AH3366</f>
        <v>0</v>
      </c>
      <c r="C3364" s="6">
        <f>'申請書（複数入力用）'!B3366</f>
        <v>0</v>
      </c>
      <c r="D3364" s="6">
        <f>'申請書（複数入力用）'!D3366</f>
        <v>0</v>
      </c>
      <c r="E3364" s="14">
        <f>'申請書（複数入力用）'!H3366</f>
        <v>0</v>
      </c>
      <c r="F3364" s="11" t="str">
        <f>'申請書（複数入力用）'!J3366</f>
        <v/>
      </c>
      <c r="G3364" s="6" t="str">
        <f>'申請書（複数入力用）'!K3366</f>
        <v>a052r000000jS9ZAAU</v>
      </c>
      <c r="H3364" s="12" t="e">
        <f>'申請書（複数入力用）'!N3366</f>
        <v>#N/A</v>
      </c>
      <c r="I3364" s="12" t="e">
        <f>'申請書（複数入力用）'!O3366</f>
        <v>#N/A</v>
      </c>
      <c r="J3364" s="12">
        <f>'申請書（複数入力用）'!P3366</f>
        <v>1</v>
      </c>
    </row>
    <row r="3365" spans="1:10" ht="51.6" customHeight="1" x14ac:dyDescent="0.45">
      <c r="A3365" s="6">
        <f>'申請書（複数入力用）'!A3367</f>
        <v>3361</v>
      </c>
      <c r="B3365" s="13">
        <f>'申請書（複数入力用）'!AH3367</f>
        <v>0</v>
      </c>
      <c r="C3365" s="6">
        <f>'申請書（複数入力用）'!B3367</f>
        <v>0</v>
      </c>
      <c r="D3365" s="6">
        <f>'申請書（複数入力用）'!D3367</f>
        <v>0</v>
      </c>
      <c r="E3365" s="14">
        <f>'申請書（複数入力用）'!H3367</f>
        <v>0</v>
      </c>
      <c r="F3365" s="11" t="str">
        <f>'申請書（複数入力用）'!J3367</f>
        <v/>
      </c>
      <c r="G3365" s="6" t="str">
        <f>'申請書（複数入力用）'!K3367</f>
        <v>a052r000000jS9ZAAU</v>
      </c>
      <c r="H3365" s="12" t="e">
        <f>'申請書（複数入力用）'!N3367</f>
        <v>#N/A</v>
      </c>
      <c r="I3365" s="12" t="e">
        <f>'申請書（複数入力用）'!O3367</f>
        <v>#N/A</v>
      </c>
      <c r="J3365" s="12">
        <f>'申請書（複数入力用）'!P3367</f>
        <v>1</v>
      </c>
    </row>
    <row r="3366" spans="1:10" ht="51.6" customHeight="1" x14ac:dyDescent="0.45">
      <c r="A3366" s="6">
        <f>'申請書（複数入力用）'!A3368</f>
        <v>3362</v>
      </c>
      <c r="B3366" s="13">
        <f>'申請書（複数入力用）'!AH3368</f>
        <v>0</v>
      </c>
      <c r="C3366" s="6">
        <f>'申請書（複数入力用）'!B3368</f>
        <v>0</v>
      </c>
      <c r="D3366" s="6">
        <f>'申請書（複数入力用）'!D3368</f>
        <v>0</v>
      </c>
      <c r="E3366" s="14">
        <f>'申請書（複数入力用）'!H3368</f>
        <v>0</v>
      </c>
      <c r="F3366" s="11" t="str">
        <f>'申請書（複数入力用）'!J3368</f>
        <v/>
      </c>
      <c r="G3366" s="6" t="str">
        <f>'申請書（複数入力用）'!K3368</f>
        <v>a052r000000jS9ZAAU</v>
      </c>
      <c r="H3366" s="12" t="e">
        <f>'申請書（複数入力用）'!N3368</f>
        <v>#N/A</v>
      </c>
      <c r="I3366" s="12" t="e">
        <f>'申請書（複数入力用）'!O3368</f>
        <v>#N/A</v>
      </c>
      <c r="J3366" s="12">
        <f>'申請書（複数入力用）'!P3368</f>
        <v>1</v>
      </c>
    </row>
    <row r="3367" spans="1:10" ht="51.6" customHeight="1" x14ac:dyDescent="0.45">
      <c r="A3367" s="6">
        <f>'申請書（複数入力用）'!A3369</f>
        <v>3363</v>
      </c>
      <c r="B3367" s="13">
        <f>'申請書（複数入力用）'!AH3369</f>
        <v>0</v>
      </c>
      <c r="C3367" s="6">
        <f>'申請書（複数入力用）'!B3369</f>
        <v>0</v>
      </c>
      <c r="D3367" s="6">
        <f>'申請書（複数入力用）'!D3369</f>
        <v>0</v>
      </c>
      <c r="E3367" s="14">
        <f>'申請書（複数入力用）'!H3369</f>
        <v>0</v>
      </c>
      <c r="F3367" s="11" t="str">
        <f>'申請書（複数入力用）'!J3369</f>
        <v/>
      </c>
      <c r="G3367" s="6" t="str">
        <f>'申請書（複数入力用）'!K3369</f>
        <v>a052r000000jS9ZAAU</v>
      </c>
      <c r="H3367" s="12" t="e">
        <f>'申請書（複数入力用）'!N3369</f>
        <v>#N/A</v>
      </c>
      <c r="I3367" s="12" t="e">
        <f>'申請書（複数入力用）'!O3369</f>
        <v>#N/A</v>
      </c>
      <c r="J3367" s="12">
        <f>'申請書（複数入力用）'!P3369</f>
        <v>1</v>
      </c>
    </row>
    <row r="3368" spans="1:10" ht="51.6" customHeight="1" x14ac:dyDescent="0.45">
      <c r="A3368" s="6">
        <f>'申請書（複数入力用）'!A3370</f>
        <v>3364</v>
      </c>
      <c r="B3368" s="13">
        <f>'申請書（複数入力用）'!AH3370</f>
        <v>0</v>
      </c>
      <c r="C3368" s="6">
        <f>'申請書（複数入力用）'!B3370</f>
        <v>0</v>
      </c>
      <c r="D3368" s="6">
        <f>'申請書（複数入力用）'!D3370</f>
        <v>0</v>
      </c>
      <c r="E3368" s="14">
        <f>'申請書（複数入力用）'!H3370</f>
        <v>0</v>
      </c>
      <c r="F3368" s="11" t="str">
        <f>'申請書（複数入力用）'!J3370</f>
        <v/>
      </c>
      <c r="G3368" s="6" t="str">
        <f>'申請書（複数入力用）'!K3370</f>
        <v>a052r000000jS9ZAAU</v>
      </c>
      <c r="H3368" s="12" t="e">
        <f>'申請書（複数入力用）'!N3370</f>
        <v>#N/A</v>
      </c>
      <c r="I3368" s="12" t="e">
        <f>'申請書（複数入力用）'!O3370</f>
        <v>#N/A</v>
      </c>
      <c r="J3368" s="12">
        <f>'申請書（複数入力用）'!P3370</f>
        <v>1</v>
      </c>
    </row>
    <row r="3369" spans="1:10" ht="51.6" customHeight="1" x14ac:dyDescent="0.45">
      <c r="A3369" s="6">
        <f>'申請書（複数入力用）'!A3371</f>
        <v>3365</v>
      </c>
      <c r="B3369" s="13">
        <f>'申請書（複数入力用）'!AH3371</f>
        <v>0</v>
      </c>
      <c r="C3369" s="6">
        <f>'申請書（複数入力用）'!B3371</f>
        <v>0</v>
      </c>
      <c r="D3369" s="6">
        <f>'申請書（複数入力用）'!D3371</f>
        <v>0</v>
      </c>
      <c r="E3369" s="14">
        <f>'申請書（複数入力用）'!H3371</f>
        <v>0</v>
      </c>
      <c r="F3369" s="11" t="str">
        <f>'申請書（複数入力用）'!J3371</f>
        <v/>
      </c>
      <c r="G3369" s="6" t="str">
        <f>'申請書（複数入力用）'!K3371</f>
        <v>a052r000000jS9ZAAU</v>
      </c>
      <c r="H3369" s="12" t="e">
        <f>'申請書（複数入力用）'!N3371</f>
        <v>#N/A</v>
      </c>
      <c r="I3369" s="12" t="e">
        <f>'申請書（複数入力用）'!O3371</f>
        <v>#N/A</v>
      </c>
      <c r="J3369" s="12">
        <f>'申請書（複数入力用）'!P3371</f>
        <v>1</v>
      </c>
    </row>
    <row r="3370" spans="1:10" ht="51.6" customHeight="1" x14ac:dyDescent="0.45">
      <c r="A3370" s="6">
        <f>'申請書（複数入力用）'!A3372</f>
        <v>3366</v>
      </c>
      <c r="B3370" s="13">
        <f>'申請書（複数入力用）'!AH3372</f>
        <v>0</v>
      </c>
      <c r="C3370" s="6">
        <f>'申請書（複数入力用）'!B3372</f>
        <v>0</v>
      </c>
      <c r="D3370" s="6">
        <f>'申請書（複数入力用）'!D3372</f>
        <v>0</v>
      </c>
      <c r="E3370" s="14">
        <f>'申請書（複数入力用）'!H3372</f>
        <v>0</v>
      </c>
      <c r="F3370" s="11" t="str">
        <f>'申請書（複数入力用）'!J3372</f>
        <v/>
      </c>
      <c r="G3370" s="6" t="str">
        <f>'申請書（複数入力用）'!K3372</f>
        <v>a052r000000jS9ZAAU</v>
      </c>
      <c r="H3370" s="12" t="e">
        <f>'申請書（複数入力用）'!N3372</f>
        <v>#N/A</v>
      </c>
      <c r="I3370" s="12" t="e">
        <f>'申請書（複数入力用）'!O3372</f>
        <v>#N/A</v>
      </c>
      <c r="J3370" s="12">
        <f>'申請書（複数入力用）'!P3372</f>
        <v>1</v>
      </c>
    </row>
    <row r="3371" spans="1:10" ht="51.6" customHeight="1" x14ac:dyDescent="0.45">
      <c r="A3371" s="6">
        <f>'申請書（複数入力用）'!A3373</f>
        <v>3367</v>
      </c>
      <c r="B3371" s="13">
        <f>'申請書（複数入力用）'!AH3373</f>
        <v>0</v>
      </c>
      <c r="C3371" s="6">
        <f>'申請書（複数入力用）'!B3373</f>
        <v>0</v>
      </c>
      <c r="D3371" s="6">
        <f>'申請書（複数入力用）'!D3373</f>
        <v>0</v>
      </c>
      <c r="E3371" s="14">
        <f>'申請書（複数入力用）'!H3373</f>
        <v>0</v>
      </c>
      <c r="F3371" s="11" t="str">
        <f>'申請書（複数入力用）'!J3373</f>
        <v/>
      </c>
      <c r="G3371" s="6" t="str">
        <f>'申請書（複数入力用）'!K3373</f>
        <v>a052r000000jS9ZAAU</v>
      </c>
      <c r="H3371" s="12" t="e">
        <f>'申請書（複数入力用）'!N3373</f>
        <v>#N/A</v>
      </c>
      <c r="I3371" s="12" t="e">
        <f>'申請書（複数入力用）'!O3373</f>
        <v>#N/A</v>
      </c>
      <c r="J3371" s="12">
        <f>'申請書（複数入力用）'!P3373</f>
        <v>1</v>
      </c>
    </row>
    <row r="3372" spans="1:10" ht="51.6" customHeight="1" x14ac:dyDescent="0.45">
      <c r="A3372" s="6">
        <f>'申請書（複数入力用）'!A3374</f>
        <v>3368</v>
      </c>
      <c r="B3372" s="13">
        <f>'申請書（複数入力用）'!AH3374</f>
        <v>0</v>
      </c>
      <c r="C3372" s="6">
        <f>'申請書（複数入力用）'!B3374</f>
        <v>0</v>
      </c>
      <c r="D3372" s="6">
        <f>'申請書（複数入力用）'!D3374</f>
        <v>0</v>
      </c>
      <c r="E3372" s="14">
        <f>'申請書（複数入力用）'!H3374</f>
        <v>0</v>
      </c>
      <c r="F3372" s="11" t="str">
        <f>'申請書（複数入力用）'!J3374</f>
        <v/>
      </c>
      <c r="G3372" s="6" t="str">
        <f>'申請書（複数入力用）'!K3374</f>
        <v>a052r000000jS9ZAAU</v>
      </c>
      <c r="H3372" s="12" t="e">
        <f>'申請書（複数入力用）'!N3374</f>
        <v>#N/A</v>
      </c>
      <c r="I3372" s="12" t="e">
        <f>'申請書（複数入力用）'!O3374</f>
        <v>#N/A</v>
      </c>
      <c r="J3372" s="12">
        <f>'申請書（複数入力用）'!P3374</f>
        <v>1</v>
      </c>
    </row>
    <row r="3373" spans="1:10" ht="51.6" customHeight="1" x14ac:dyDescent="0.45">
      <c r="A3373" s="6">
        <f>'申請書（複数入力用）'!A3375</f>
        <v>3369</v>
      </c>
      <c r="B3373" s="13">
        <f>'申請書（複数入力用）'!AH3375</f>
        <v>0</v>
      </c>
      <c r="C3373" s="6">
        <f>'申請書（複数入力用）'!B3375</f>
        <v>0</v>
      </c>
      <c r="D3373" s="6">
        <f>'申請書（複数入力用）'!D3375</f>
        <v>0</v>
      </c>
      <c r="E3373" s="14">
        <f>'申請書（複数入力用）'!H3375</f>
        <v>0</v>
      </c>
      <c r="F3373" s="11" t="str">
        <f>'申請書（複数入力用）'!J3375</f>
        <v/>
      </c>
      <c r="G3373" s="6" t="str">
        <f>'申請書（複数入力用）'!K3375</f>
        <v>a052r000000jS9ZAAU</v>
      </c>
      <c r="H3373" s="12" t="e">
        <f>'申請書（複数入力用）'!N3375</f>
        <v>#N/A</v>
      </c>
      <c r="I3373" s="12" t="e">
        <f>'申請書（複数入力用）'!O3375</f>
        <v>#N/A</v>
      </c>
      <c r="J3373" s="12">
        <f>'申請書（複数入力用）'!P3375</f>
        <v>1</v>
      </c>
    </row>
    <row r="3374" spans="1:10" ht="51.6" customHeight="1" x14ac:dyDescent="0.45">
      <c r="A3374" s="6">
        <f>'申請書（複数入力用）'!A3376</f>
        <v>3370</v>
      </c>
      <c r="B3374" s="13">
        <f>'申請書（複数入力用）'!AH3376</f>
        <v>0</v>
      </c>
      <c r="C3374" s="6">
        <f>'申請書（複数入力用）'!B3376</f>
        <v>0</v>
      </c>
      <c r="D3374" s="6">
        <f>'申請書（複数入力用）'!D3376</f>
        <v>0</v>
      </c>
      <c r="E3374" s="14">
        <f>'申請書（複数入力用）'!H3376</f>
        <v>0</v>
      </c>
      <c r="F3374" s="11" t="str">
        <f>'申請書（複数入力用）'!J3376</f>
        <v/>
      </c>
      <c r="G3374" s="6" t="str">
        <f>'申請書（複数入力用）'!K3376</f>
        <v>a052r000000jS9ZAAU</v>
      </c>
      <c r="H3374" s="12" t="e">
        <f>'申請書（複数入力用）'!N3376</f>
        <v>#N/A</v>
      </c>
      <c r="I3374" s="12" t="e">
        <f>'申請書（複数入力用）'!O3376</f>
        <v>#N/A</v>
      </c>
      <c r="J3374" s="12">
        <f>'申請書（複数入力用）'!P3376</f>
        <v>1</v>
      </c>
    </row>
    <row r="3375" spans="1:10" ht="51.6" customHeight="1" x14ac:dyDescent="0.45">
      <c r="A3375" s="6">
        <f>'申請書（複数入力用）'!A3377</f>
        <v>3371</v>
      </c>
      <c r="B3375" s="13">
        <f>'申請書（複数入力用）'!AH3377</f>
        <v>0</v>
      </c>
      <c r="C3375" s="6">
        <f>'申請書（複数入力用）'!B3377</f>
        <v>0</v>
      </c>
      <c r="D3375" s="6">
        <f>'申請書（複数入力用）'!D3377</f>
        <v>0</v>
      </c>
      <c r="E3375" s="14">
        <f>'申請書（複数入力用）'!H3377</f>
        <v>0</v>
      </c>
      <c r="F3375" s="11" t="str">
        <f>'申請書（複数入力用）'!J3377</f>
        <v/>
      </c>
      <c r="G3375" s="6" t="str">
        <f>'申請書（複数入力用）'!K3377</f>
        <v>a052r000000jS9ZAAU</v>
      </c>
      <c r="H3375" s="12" t="e">
        <f>'申請書（複数入力用）'!N3377</f>
        <v>#N/A</v>
      </c>
      <c r="I3375" s="12" t="e">
        <f>'申請書（複数入力用）'!O3377</f>
        <v>#N/A</v>
      </c>
      <c r="J3375" s="12">
        <f>'申請書（複数入力用）'!P3377</f>
        <v>1</v>
      </c>
    </row>
    <row r="3376" spans="1:10" ht="51.6" customHeight="1" x14ac:dyDescent="0.45">
      <c r="A3376" s="6">
        <f>'申請書（複数入力用）'!A3378</f>
        <v>3372</v>
      </c>
      <c r="B3376" s="13">
        <f>'申請書（複数入力用）'!AH3378</f>
        <v>0</v>
      </c>
      <c r="C3376" s="6">
        <f>'申請書（複数入力用）'!B3378</f>
        <v>0</v>
      </c>
      <c r="D3376" s="6">
        <f>'申請書（複数入力用）'!D3378</f>
        <v>0</v>
      </c>
      <c r="E3376" s="14">
        <f>'申請書（複数入力用）'!H3378</f>
        <v>0</v>
      </c>
      <c r="F3376" s="11" t="str">
        <f>'申請書（複数入力用）'!J3378</f>
        <v/>
      </c>
      <c r="G3376" s="6" t="str">
        <f>'申請書（複数入力用）'!K3378</f>
        <v>a052r000000jS9ZAAU</v>
      </c>
      <c r="H3376" s="12" t="e">
        <f>'申請書（複数入力用）'!N3378</f>
        <v>#N/A</v>
      </c>
      <c r="I3376" s="12" t="e">
        <f>'申請書（複数入力用）'!O3378</f>
        <v>#N/A</v>
      </c>
      <c r="J3376" s="12">
        <f>'申請書（複数入力用）'!P3378</f>
        <v>1</v>
      </c>
    </row>
    <row r="3377" spans="1:10" ht="51.6" customHeight="1" x14ac:dyDescent="0.45">
      <c r="A3377" s="6">
        <f>'申請書（複数入力用）'!A3379</f>
        <v>3373</v>
      </c>
      <c r="B3377" s="13">
        <f>'申請書（複数入力用）'!AH3379</f>
        <v>0</v>
      </c>
      <c r="C3377" s="6">
        <f>'申請書（複数入力用）'!B3379</f>
        <v>0</v>
      </c>
      <c r="D3377" s="6">
        <f>'申請書（複数入力用）'!D3379</f>
        <v>0</v>
      </c>
      <c r="E3377" s="14">
        <f>'申請書（複数入力用）'!H3379</f>
        <v>0</v>
      </c>
      <c r="F3377" s="11" t="str">
        <f>'申請書（複数入力用）'!J3379</f>
        <v/>
      </c>
      <c r="G3377" s="6" t="str">
        <f>'申請書（複数入力用）'!K3379</f>
        <v>a052r000000jS9ZAAU</v>
      </c>
      <c r="H3377" s="12" t="e">
        <f>'申請書（複数入力用）'!N3379</f>
        <v>#N/A</v>
      </c>
      <c r="I3377" s="12" t="e">
        <f>'申請書（複数入力用）'!O3379</f>
        <v>#N/A</v>
      </c>
      <c r="J3377" s="12">
        <f>'申請書（複数入力用）'!P3379</f>
        <v>1</v>
      </c>
    </row>
    <row r="3378" spans="1:10" ht="51.6" customHeight="1" x14ac:dyDescent="0.45">
      <c r="A3378" s="6">
        <f>'申請書（複数入力用）'!A3380</f>
        <v>3374</v>
      </c>
      <c r="B3378" s="13">
        <f>'申請書（複数入力用）'!AH3380</f>
        <v>0</v>
      </c>
      <c r="C3378" s="6">
        <f>'申請書（複数入力用）'!B3380</f>
        <v>0</v>
      </c>
      <c r="D3378" s="6">
        <f>'申請書（複数入力用）'!D3380</f>
        <v>0</v>
      </c>
      <c r="E3378" s="14">
        <f>'申請書（複数入力用）'!H3380</f>
        <v>0</v>
      </c>
      <c r="F3378" s="11" t="str">
        <f>'申請書（複数入力用）'!J3380</f>
        <v/>
      </c>
      <c r="G3378" s="6" t="str">
        <f>'申請書（複数入力用）'!K3380</f>
        <v>a052r000000jS9ZAAU</v>
      </c>
      <c r="H3378" s="12" t="e">
        <f>'申請書（複数入力用）'!N3380</f>
        <v>#N/A</v>
      </c>
      <c r="I3378" s="12" t="e">
        <f>'申請書（複数入力用）'!O3380</f>
        <v>#N/A</v>
      </c>
      <c r="J3378" s="12">
        <f>'申請書（複数入力用）'!P3380</f>
        <v>1</v>
      </c>
    </row>
    <row r="3379" spans="1:10" ht="51.6" customHeight="1" x14ac:dyDescent="0.45">
      <c r="A3379" s="6">
        <f>'申請書（複数入力用）'!A3381</f>
        <v>3375</v>
      </c>
      <c r="B3379" s="13">
        <f>'申請書（複数入力用）'!AH3381</f>
        <v>0</v>
      </c>
      <c r="C3379" s="6">
        <f>'申請書（複数入力用）'!B3381</f>
        <v>0</v>
      </c>
      <c r="D3379" s="6">
        <f>'申請書（複数入力用）'!D3381</f>
        <v>0</v>
      </c>
      <c r="E3379" s="14">
        <f>'申請書（複数入力用）'!H3381</f>
        <v>0</v>
      </c>
      <c r="F3379" s="11" t="str">
        <f>'申請書（複数入力用）'!J3381</f>
        <v/>
      </c>
      <c r="G3379" s="6" t="str">
        <f>'申請書（複数入力用）'!K3381</f>
        <v>a052r000000jS9ZAAU</v>
      </c>
      <c r="H3379" s="12" t="e">
        <f>'申請書（複数入力用）'!N3381</f>
        <v>#N/A</v>
      </c>
      <c r="I3379" s="12" t="e">
        <f>'申請書（複数入力用）'!O3381</f>
        <v>#N/A</v>
      </c>
      <c r="J3379" s="12">
        <f>'申請書（複数入力用）'!P3381</f>
        <v>1</v>
      </c>
    </row>
    <row r="3380" spans="1:10" ht="51.6" customHeight="1" x14ac:dyDescent="0.45">
      <c r="A3380" s="6">
        <f>'申請書（複数入力用）'!A3382</f>
        <v>3376</v>
      </c>
      <c r="B3380" s="13">
        <f>'申請書（複数入力用）'!AH3382</f>
        <v>0</v>
      </c>
      <c r="C3380" s="6">
        <f>'申請書（複数入力用）'!B3382</f>
        <v>0</v>
      </c>
      <c r="D3380" s="6">
        <f>'申請書（複数入力用）'!D3382</f>
        <v>0</v>
      </c>
      <c r="E3380" s="14">
        <f>'申請書（複数入力用）'!H3382</f>
        <v>0</v>
      </c>
      <c r="F3380" s="11" t="str">
        <f>'申請書（複数入力用）'!J3382</f>
        <v/>
      </c>
      <c r="G3380" s="6" t="str">
        <f>'申請書（複数入力用）'!K3382</f>
        <v>a052r000000jS9ZAAU</v>
      </c>
      <c r="H3380" s="12" t="e">
        <f>'申請書（複数入力用）'!N3382</f>
        <v>#N/A</v>
      </c>
      <c r="I3380" s="12" t="e">
        <f>'申請書（複数入力用）'!O3382</f>
        <v>#N/A</v>
      </c>
      <c r="J3380" s="12">
        <f>'申請書（複数入力用）'!P3382</f>
        <v>1</v>
      </c>
    </row>
    <row r="3381" spans="1:10" ht="51.6" customHeight="1" x14ac:dyDescent="0.45">
      <c r="A3381" s="6">
        <f>'申請書（複数入力用）'!A3383</f>
        <v>3377</v>
      </c>
      <c r="B3381" s="13">
        <f>'申請書（複数入力用）'!AH3383</f>
        <v>0</v>
      </c>
      <c r="C3381" s="6">
        <f>'申請書（複数入力用）'!B3383</f>
        <v>0</v>
      </c>
      <c r="D3381" s="6">
        <f>'申請書（複数入力用）'!D3383</f>
        <v>0</v>
      </c>
      <c r="E3381" s="14">
        <f>'申請書（複数入力用）'!H3383</f>
        <v>0</v>
      </c>
      <c r="F3381" s="11" t="str">
        <f>'申請書（複数入力用）'!J3383</f>
        <v/>
      </c>
      <c r="G3381" s="6" t="str">
        <f>'申請書（複数入力用）'!K3383</f>
        <v>a052r000000jS9ZAAU</v>
      </c>
      <c r="H3381" s="12" t="e">
        <f>'申請書（複数入力用）'!N3383</f>
        <v>#N/A</v>
      </c>
      <c r="I3381" s="12" t="e">
        <f>'申請書（複数入力用）'!O3383</f>
        <v>#N/A</v>
      </c>
      <c r="J3381" s="12">
        <f>'申請書（複数入力用）'!P3383</f>
        <v>1</v>
      </c>
    </row>
    <row r="3382" spans="1:10" ht="51.6" customHeight="1" x14ac:dyDescent="0.45">
      <c r="A3382" s="6">
        <f>'申請書（複数入力用）'!A3384</f>
        <v>3378</v>
      </c>
      <c r="B3382" s="13">
        <f>'申請書（複数入力用）'!AH3384</f>
        <v>0</v>
      </c>
      <c r="C3382" s="6">
        <f>'申請書（複数入力用）'!B3384</f>
        <v>0</v>
      </c>
      <c r="D3382" s="6">
        <f>'申請書（複数入力用）'!D3384</f>
        <v>0</v>
      </c>
      <c r="E3382" s="14">
        <f>'申請書（複数入力用）'!H3384</f>
        <v>0</v>
      </c>
      <c r="F3382" s="11" t="str">
        <f>'申請書（複数入力用）'!J3384</f>
        <v/>
      </c>
      <c r="G3382" s="6" t="str">
        <f>'申請書（複数入力用）'!K3384</f>
        <v>a052r000000jS9ZAAU</v>
      </c>
      <c r="H3382" s="12" t="e">
        <f>'申請書（複数入力用）'!N3384</f>
        <v>#N/A</v>
      </c>
      <c r="I3382" s="12" t="e">
        <f>'申請書（複数入力用）'!O3384</f>
        <v>#N/A</v>
      </c>
      <c r="J3382" s="12">
        <f>'申請書（複数入力用）'!P3384</f>
        <v>1</v>
      </c>
    </row>
    <row r="3383" spans="1:10" ht="51.6" customHeight="1" x14ac:dyDescent="0.45">
      <c r="A3383" s="6">
        <f>'申請書（複数入力用）'!A3385</f>
        <v>3379</v>
      </c>
      <c r="B3383" s="13">
        <f>'申請書（複数入力用）'!AH3385</f>
        <v>0</v>
      </c>
      <c r="C3383" s="6">
        <f>'申請書（複数入力用）'!B3385</f>
        <v>0</v>
      </c>
      <c r="D3383" s="6">
        <f>'申請書（複数入力用）'!D3385</f>
        <v>0</v>
      </c>
      <c r="E3383" s="14">
        <f>'申請書（複数入力用）'!H3385</f>
        <v>0</v>
      </c>
      <c r="F3383" s="11" t="str">
        <f>'申請書（複数入力用）'!J3385</f>
        <v/>
      </c>
      <c r="G3383" s="6" t="str">
        <f>'申請書（複数入力用）'!K3385</f>
        <v>a052r000000jS9ZAAU</v>
      </c>
      <c r="H3383" s="12" t="e">
        <f>'申請書（複数入力用）'!N3385</f>
        <v>#N/A</v>
      </c>
      <c r="I3383" s="12" t="e">
        <f>'申請書（複数入力用）'!O3385</f>
        <v>#N/A</v>
      </c>
      <c r="J3383" s="12">
        <f>'申請書（複数入力用）'!P3385</f>
        <v>1</v>
      </c>
    </row>
    <row r="3384" spans="1:10" ht="51.6" customHeight="1" x14ac:dyDescent="0.45">
      <c r="A3384" s="6">
        <f>'申請書（複数入力用）'!A3386</f>
        <v>3380</v>
      </c>
      <c r="B3384" s="13">
        <f>'申請書（複数入力用）'!AH3386</f>
        <v>0</v>
      </c>
      <c r="C3384" s="6">
        <f>'申請書（複数入力用）'!B3386</f>
        <v>0</v>
      </c>
      <c r="D3384" s="6">
        <f>'申請書（複数入力用）'!D3386</f>
        <v>0</v>
      </c>
      <c r="E3384" s="14">
        <f>'申請書（複数入力用）'!H3386</f>
        <v>0</v>
      </c>
      <c r="F3384" s="11" t="str">
        <f>'申請書（複数入力用）'!J3386</f>
        <v/>
      </c>
      <c r="G3384" s="6" t="str">
        <f>'申請書（複数入力用）'!K3386</f>
        <v>a052r000000jS9ZAAU</v>
      </c>
      <c r="H3384" s="12" t="e">
        <f>'申請書（複数入力用）'!N3386</f>
        <v>#N/A</v>
      </c>
      <c r="I3384" s="12" t="e">
        <f>'申請書（複数入力用）'!O3386</f>
        <v>#N/A</v>
      </c>
      <c r="J3384" s="12">
        <f>'申請書（複数入力用）'!P3386</f>
        <v>1</v>
      </c>
    </row>
    <row r="3385" spans="1:10" ht="51.6" customHeight="1" x14ac:dyDescent="0.45">
      <c r="A3385" s="6">
        <f>'申請書（複数入力用）'!A3387</f>
        <v>3381</v>
      </c>
      <c r="B3385" s="13">
        <f>'申請書（複数入力用）'!AH3387</f>
        <v>0</v>
      </c>
      <c r="C3385" s="6">
        <f>'申請書（複数入力用）'!B3387</f>
        <v>0</v>
      </c>
      <c r="D3385" s="6">
        <f>'申請書（複数入力用）'!D3387</f>
        <v>0</v>
      </c>
      <c r="E3385" s="14">
        <f>'申請書（複数入力用）'!H3387</f>
        <v>0</v>
      </c>
      <c r="F3385" s="11" t="str">
        <f>'申請書（複数入力用）'!J3387</f>
        <v/>
      </c>
      <c r="G3385" s="6" t="str">
        <f>'申請書（複数入力用）'!K3387</f>
        <v>a052r000000jS9ZAAU</v>
      </c>
      <c r="H3385" s="12" t="e">
        <f>'申請書（複数入力用）'!N3387</f>
        <v>#N/A</v>
      </c>
      <c r="I3385" s="12" t="e">
        <f>'申請書（複数入力用）'!O3387</f>
        <v>#N/A</v>
      </c>
      <c r="J3385" s="12">
        <f>'申請書（複数入力用）'!P3387</f>
        <v>1</v>
      </c>
    </row>
    <row r="3386" spans="1:10" ht="51.6" customHeight="1" x14ac:dyDescent="0.45">
      <c r="A3386" s="6">
        <f>'申請書（複数入力用）'!A3388</f>
        <v>3382</v>
      </c>
      <c r="B3386" s="13">
        <f>'申請書（複数入力用）'!AH3388</f>
        <v>0</v>
      </c>
      <c r="C3386" s="6">
        <f>'申請書（複数入力用）'!B3388</f>
        <v>0</v>
      </c>
      <c r="D3386" s="6">
        <f>'申請書（複数入力用）'!D3388</f>
        <v>0</v>
      </c>
      <c r="E3386" s="14">
        <f>'申請書（複数入力用）'!H3388</f>
        <v>0</v>
      </c>
      <c r="F3386" s="11" t="str">
        <f>'申請書（複数入力用）'!J3388</f>
        <v/>
      </c>
      <c r="G3386" s="6" t="str">
        <f>'申請書（複数入力用）'!K3388</f>
        <v>a052r000000jS9ZAAU</v>
      </c>
      <c r="H3386" s="12" t="e">
        <f>'申請書（複数入力用）'!N3388</f>
        <v>#N/A</v>
      </c>
      <c r="I3386" s="12" t="e">
        <f>'申請書（複数入力用）'!O3388</f>
        <v>#N/A</v>
      </c>
      <c r="J3386" s="12">
        <f>'申請書（複数入力用）'!P3388</f>
        <v>1</v>
      </c>
    </row>
    <row r="3387" spans="1:10" ht="51.6" customHeight="1" x14ac:dyDescent="0.45">
      <c r="A3387" s="6">
        <f>'申請書（複数入力用）'!A3389</f>
        <v>3383</v>
      </c>
      <c r="B3387" s="13">
        <f>'申請書（複数入力用）'!AH3389</f>
        <v>0</v>
      </c>
      <c r="C3387" s="6">
        <f>'申請書（複数入力用）'!B3389</f>
        <v>0</v>
      </c>
      <c r="D3387" s="6">
        <f>'申請書（複数入力用）'!D3389</f>
        <v>0</v>
      </c>
      <c r="E3387" s="14">
        <f>'申請書（複数入力用）'!H3389</f>
        <v>0</v>
      </c>
      <c r="F3387" s="11" t="str">
        <f>'申請書（複数入力用）'!J3389</f>
        <v/>
      </c>
      <c r="G3387" s="6" t="str">
        <f>'申請書（複数入力用）'!K3389</f>
        <v>a052r000000jS9ZAAU</v>
      </c>
      <c r="H3387" s="12" t="e">
        <f>'申請書（複数入力用）'!N3389</f>
        <v>#N/A</v>
      </c>
      <c r="I3387" s="12" t="e">
        <f>'申請書（複数入力用）'!O3389</f>
        <v>#N/A</v>
      </c>
      <c r="J3387" s="12">
        <f>'申請書（複数入力用）'!P3389</f>
        <v>1</v>
      </c>
    </row>
    <row r="3388" spans="1:10" ht="51.6" customHeight="1" x14ac:dyDescent="0.45">
      <c r="A3388" s="6">
        <f>'申請書（複数入力用）'!A3390</f>
        <v>3384</v>
      </c>
      <c r="B3388" s="13">
        <f>'申請書（複数入力用）'!AH3390</f>
        <v>0</v>
      </c>
      <c r="C3388" s="6">
        <f>'申請書（複数入力用）'!B3390</f>
        <v>0</v>
      </c>
      <c r="D3388" s="6">
        <f>'申請書（複数入力用）'!D3390</f>
        <v>0</v>
      </c>
      <c r="E3388" s="14">
        <f>'申請書（複数入力用）'!H3390</f>
        <v>0</v>
      </c>
      <c r="F3388" s="11" t="str">
        <f>'申請書（複数入力用）'!J3390</f>
        <v/>
      </c>
      <c r="G3388" s="6" t="str">
        <f>'申請書（複数入力用）'!K3390</f>
        <v>a052r000000jS9ZAAU</v>
      </c>
      <c r="H3388" s="12" t="e">
        <f>'申請書（複数入力用）'!N3390</f>
        <v>#N/A</v>
      </c>
      <c r="I3388" s="12" t="e">
        <f>'申請書（複数入力用）'!O3390</f>
        <v>#N/A</v>
      </c>
      <c r="J3388" s="12">
        <f>'申請書（複数入力用）'!P3390</f>
        <v>1</v>
      </c>
    </row>
    <row r="3389" spans="1:10" ht="51.6" customHeight="1" x14ac:dyDescent="0.45">
      <c r="A3389" s="6">
        <f>'申請書（複数入力用）'!A3391</f>
        <v>3385</v>
      </c>
      <c r="B3389" s="13">
        <f>'申請書（複数入力用）'!AH3391</f>
        <v>0</v>
      </c>
      <c r="C3389" s="6">
        <f>'申請書（複数入力用）'!B3391</f>
        <v>0</v>
      </c>
      <c r="D3389" s="6">
        <f>'申請書（複数入力用）'!D3391</f>
        <v>0</v>
      </c>
      <c r="E3389" s="14">
        <f>'申請書（複数入力用）'!H3391</f>
        <v>0</v>
      </c>
      <c r="F3389" s="11" t="str">
        <f>'申請書（複数入力用）'!J3391</f>
        <v/>
      </c>
      <c r="G3389" s="6" t="str">
        <f>'申請書（複数入力用）'!K3391</f>
        <v>a052r000000jS9ZAAU</v>
      </c>
      <c r="H3389" s="12" t="e">
        <f>'申請書（複数入力用）'!N3391</f>
        <v>#N/A</v>
      </c>
      <c r="I3389" s="12" t="e">
        <f>'申請書（複数入力用）'!O3391</f>
        <v>#N/A</v>
      </c>
      <c r="J3389" s="12">
        <f>'申請書（複数入力用）'!P3391</f>
        <v>1</v>
      </c>
    </row>
    <row r="3390" spans="1:10" ht="51.6" customHeight="1" x14ac:dyDescent="0.45">
      <c r="A3390" s="6">
        <f>'申請書（複数入力用）'!A3392</f>
        <v>3386</v>
      </c>
      <c r="B3390" s="13">
        <f>'申請書（複数入力用）'!AH3392</f>
        <v>0</v>
      </c>
      <c r="C3390" s="6">
        <f>'申請書（複数入力用）'!B3392</f>
        <v>0</v>
      </c>
      <c r="D3390" s="6">
        <f>'申請書（複数入力用）'!D3392</f>
        <v>0</v>
      </c>
      <c r="E3390" s="14">
        <f>'申請書（複数入力用）'!H3392</f>
        <v>0</v>
      </c>
      <c r="F3390" s="11" t="str">
        <f>'申請書（複数入力用）'!J3392</f>
        <v/>
      </c>
      <c r="G3390" s="6" t="str">
        <f>'申請書（複数入力用）'!K3392</f>
        <v>a052r000000jS9ZAAU</v>
      </c>
      <c r="H3390" s="12" t="e">
        <f>'申請書（複数入力用）'!N3392</f>
        <v>#N/A</v>
      </c>
      <c r="I3390" s="12" t="e">
        <f>'申請書（複数入力用）'!O3392</f>
        <v>#N/A</v>
      </c>
      <c r="J3390" s="12">
        <f>'申請書（複数入力用）'!P3392</f>
        <v>1</v>
      </c>
    </row>
    <row r="3391" spans="1:10" ht="51.6" customHeight="1" x14ac:dyDescent="0.45">
      <c r="A3391" s="6">
        <f>'申請書（複数入力用）'!A3393</f>
        <v>3387</v>
      </c>
      <c r="B3391" s="13">
        <f>'申請書（複数入力用）'!AH3393</f>
        <v>0</v>
      </c>
      <c r="C3391" s="6">
        <f>'申請書（複数入力用）'!B3393</f>
        <v>0</v>
      </c>
      <c r="D3391" s="6">
        <f>'申請書（複数入力用）'!D3393</f>
        <v>0</v>
      </c>
      <c r="E3391" s="14">
        <f>'申請書（複数入力用）'!H3393</f>
        <v>0</v>
      </c>
      <c r="F3391" s="11" t="str">
        <f>'申請書（複数入力用）'!J3393</f>
        <v/>
      </c>
      <c r="G3391" s="6" t="str">
        <f>'申請書（複数入力用）'!K3393</f>
        <v>a052r000000jS9ZAAU</v>
      </c>
      <c r="H3391" s="12" t="e">
        <f>'申請書（複数入力用）'!N3393</f>
        <v>#N/A</v>
      </c>
      <c r="I3391" s="12" t="e">
        <f>'申請書（複数入力用）'!O3393</f>
        <v>#N/A</v>
      </c>
      <c r="J3391" s="12">
        <f>'申請書（複数入力用）'!P3393</f>
        <v>1</v>
      </c>
    </row>
    <row r="3392" spans="1:10" ht="51.6" customHeight="1" x14ac:dyDescent="0.45">
      <c r="A3392" s="6">
        <f>'申請書（複数入力用）'!A3394</f>
        <v>3388</v>
      </c>
      <c r="B3392" s="13">
        <f>'申請書（複数入力用）'!AH3394</f>
        <v>0</v>
      </c>
      <c r="C3392" s="6">
        <f>'申請書（複数入力用）'!B3394</f>
        <v>0</v>
      </c>
      <c r="D3392" s="6">
        <f>'申請書（複数入力用）'!D3394</f>
        <v>0</v>
      </c>
      <c r="E3392" s="14">
        <f>'申請書（複数入力用）'!H3394</f>
        <v>0</v>
      </c>
      <c r="F3392" s="11" t="str">
        <f>'申請書（複数入力用）'!J3394</f>
        <v/>
      </c>
      <c r="G3392" s="6" t="str">
        <f>'申請書（複数入力用）'!K3394</f>
        <v>a052r000000jS9ZAAU</v>
      </c>
      <c r="H3392" s="12" t="e">
        <f>'申請書（複数入力用）'!N3394</f>
        <v>#N/A</v>
      </c>
      <c r="I3392" s="12" t="e">
        <f>'申請書（複数入力用）'!O3394</f>
        <v>#N/A</v>
      </c>
      <c r="J3392" s="12">
        <f>'申請書（複数入力用）'!P3394</f>
        <v>1</v>
      </c>
    </row>
    <row r="3393" spans="1:10" ht="51.6" customHeight="1" x14ac:dyDescent="0.45">
      <c r="A3393" s="6">
        <f>'申請書（複数入力用）'!A3395</f>
        <v>3389</v>
      </c>
      <c r="B3393" s="13">
        <f>'申請書（複数入力用）'!AH3395</f>
        <v>0</v>
      </c>
      <c r="C3393" s="6">
        <f>'申請書（複数入力用）'!B3395</f>
        <v>0</v>
      </c>
      <c r="D3393" s="6">
        <f>'申請書（複数入力用）'!D3395</f>
        <v>0</v>
      </c>
      <c r="E3393" s="14">
        <f>'申請書（複数入力用）'!H3395</f>
        <v>0</v>
      </c>
      <c r="F3393" s="11" t="str">
        <f>'申請書（複数入力用）'!J3395</f>
        <v/>
      </c>
      <c r="G3393" s="6" t="str">
        <f>'申請書（複数入力用）'!K3395</f>
        <v>a052r000000jS9ZAAU</v>
      </c>
      <c r="H3393" s="12" t="e">
        <f>'申請書（複数入力用）'!N3395</f>
        <v>#N/A</v>
      </c>
      <c r="I3393" s="12" t="e">
        <f>'申請書（複数入力用）'!O3395</f>
        <v>#N/A</v>
      </c>
      <c r="J3393" s="12">
        <f>'申請書（複数入力用）'!P3395</f>
        <v>1</v>
      </c>
    </row>
    <row r="3394" spans="1:10" ht="51.6" customHeight="1" x14ac:dyDescent="0.45">
      <c r="A3394" s="6">
        <f>'申請書（複数入力用）'!A3396</f>
        <v>3390</v>
      </c>
      <c r="B3394" s="13">
        <f>'申請書（複数入力用）'!AH3396</f>
        <v>0</v>
      </c>
      <c r="C3394" s="6">
        <f>'申請書（複数入力用）'!B3396</f>
        <v>0</v>
      </c>
      <c r="D3394" s="6">
        <f>'申請書（複数入力用）'!D3396</f>
        <v>0</v>
      </c>
      <c r="E3394" s="14">
        <f>'申請書（複数入力用）'!H3396</f>
        <v>0</v>
      </c>
      <c r="F3394" s="11" t="str">
        <f>'申請書（複数入力用）'!J3396</f>
        <v/>
      </c>
      <c r="G3394" s="6" t="str">
        <f>'申請書（複数入力用）'!K3396</f>
        <v>a052r000000jS9ZAAU</v>
      </c>
      <c r="H3394" s="12" t="e">
        <f>'申請書（複数入力用）'!N3396</f>
        <v>#N/A</v>
      </c>
      <c r="I3394" s="12" t="e">
        <f>'申請書（複数入力用）'!O3396</f>
        <v>#N/A</v>
      </c>
      <c r="J3394" s="12">
        <f>'申請書（複数入力用）'!P3396</f>
        <v>1</v>
      </c>
    </row>
    <row r="3395" spans="1:10" ht="51.6" customHeight="1" x14ac:dyDescent="0.45">
      <c r="A3395" s="6">
        <f>'申請書（複数入力用）'!A3397</f>
        <v>3391</v>
      </c>
      <c r="B3395" s="13">
        <f>'申請書（複数入力用）'!AH3397</f>
        <v>0</v>
      </c>
      <c r="C3395" s="6">
        <f>'申請書（複数入力用）'!B3397</f>
        <v>0</v>
      </c>
      <c r="D3395" s="6">
        <f>'申請書（複数入力用）'!D3397</f>
        <v>0</v>
      </c>
      <c r="E3395" s="14">
        <f>'申請書（複数入力用）'!H3397</f>
        <v>0</v>
      </c>
      <c r="F3395" s="11" t="str">
        <f>'申請書（複数入力用）'!J3397</f>
        <v/>
      </c>
      <c r="G3395" s="6" t="str">
        <f>'申請書（複数入力用）'!K3397</f>
        <v>a052r000000jS9ZAAU</v>
      </c>
      <c r="H3395" s="12" t="e">
        <f>'申請書（複数入力用）'!N3397</f>
        <v>#N/A</v>
      </c>
      <c r="I3395" s="12" t="e">
        <f>'申請書（複数入力用）'!O3397</f>
        <v>#N/A</v>
      </c>
      <c r="J3395" s="12">
        <f>'申請書（複数入力用）'!P3397</f>
        <v>1</v>
      </c>
    </row>
    <row r="3396" spans="1:10" ht="51.6" customHeight="1" x14ac:dyDescent="0.45">
      <c r="A3396" s="6">
        <f>'申請書（複数入力用）'!A3398</f>
        <v>3392</v>
      </c>
      <c r="B3396" s="13">
        <f>'申請書（複数入力用）'!AH3398</f>
        <v>0</v>
      </c>
      <c r="C3396" s="6">
        <f>'申請書（複数入力用）'!B3398</f>
        <v>0</v>
      </c>
      <c r="D3396" s="6">
        <f>'申請書（複数入力用）'!D3398</f>
        <v>0</v>
      </c>
      <c r="E3396" s="14">
        <f>'申請書（複数入力用）'!H3398</f>
        <v>0</v>
      </c>
      <c r="F3396" s="11" t="str">
        <f>'申請書（複数入力用）'!J3398</f>
        <v/>
      </c>
      <c r="G3396" s="6" t="str">
        <f>'申請書（複数入力用）'!K3398</f>
        <v>a052r000000jS9ZAAU</v>
      </c>
      <c r="H3396" s="12" t="e">
        <f>'申請書（複数入力用）'!N3398</f>
        <v>#N/A</v>
      </c>
      <c r="I3396" s="12" t="e">
        <f>'申請書（複数入力用）'!O3398</f>
        <v>#N/A</v>
      </c>
      <c r="J3396" s="12">
        <f>'申請書（複数入力用）'!P3398</f>
        <v>1</v>
      </c>
    </row>
    <row r="3397" spans="1:10" ht="51.6" customHeight="1" x14ac:dyDescent="0.45">
      <c r="A3397" s="6">
        <f>'申請書（複数入力用）'!A3399</f>
        <v>3393</v>
      </c>
      <c r="B3397" s="13">
        <f>'申請書（複数入力用）'!AH3399</f>
        <v>0</v>
      </c>
      <c r="C3397" s="6">
        <f>'申請書（複数入力用）'!B3399</f>
        <v>0</v>
      </c>
      <c r="D3397" s="6">
        <f>'申請書（複数入力用）'!D3399</f>
        <v>0</v>
      </c>
      <c r="E3397" s="14">
        <f>'申請書（複数入力用）'!H3399</f>
        <v>0</v>
      </c>
      <c r="F3397" s="11" t="str">
        <f>'申請書（複数入力用）'!J3399</f>
        <v/>
      </c>
      <c r="G3397" s="6" t="str">
        <f>'申請書（複数入力用）'!K3399</f>
        <v>a052r000000jS9ZAAU</v>
      </c>
      <c r="H3397" s="12" t="e">
        <f>'申請書（複数入力用）'!N3399</f>
        <v>#N/A</v>
      </c>
      <c r="I3397" s="12" t="e">
        <f>'申請書（複数入力用）'!O3399</f>
        <v>#N/A</v>
      </c>
      <c r="J3397" s="12">
        <f>'申請書（複数入力用）'!P3399</f>
        <v>1</v>
      </c>
    </row>
    <row r="3398" spans="1:10" ht="51.6" customHeight="1" x14ac:dyDescent="0.45">
      <c r="A3398" s="6">
        <f>'申請書（複数入力用）'!A3400</f>
        <v>3394</v>
      </c>
      <c r="B3398" s="13">
        <f>'申請書（複数入力用）'!AH3400</f>
        <v>0</v>
      </c>
      <c r="C3398" s="6">
        <f>'申請書（複数入力用）'!B3400</f>
        <v>0</v>
      </c>
      <c r="D3398" s="6">
        <f>'申請書（複数入力用）'!D3400</f>
        <v>0</v>
      </c>
      <c r="E3398" s="14">
        <f>'申請書（複数入力用）'!H3400</f>
        <v>0</v>
      </c>
      <c r="F3398" s="11" t="str">
        <f>'申請書（複数入力用）'!J3400</f>
        <v/>
      </c>
      <c r="G3398" s="6" t="str">
        <f>'申請書（複数入力用）'!K3400</f>
        <v>a052r000000jS9ZAAU</v>
      </c>
      <c r="H3398" s="12" t="e">
        <f>'申請書（複数入力用）'!N3400</f>
        <v>#N/A</v>
      </c>
      <c r="I3398" s="12" t="e">
        <f>'申請書（複数入力用）'!O3400</f>
        <v>#N/A</v>
      </c>
      <c r="J3398" s="12">
        <f>'申請書（複数入力用）'!P3400</f>
        <v>1</v>
      </c>
    </row>
    <row r="3399" spans="1:10" ht="51.6" customHeight="1" x14ac:dyDescent="0.45">
      <c r="A3399" s="6">
        <f>'申請書（複数入力用）'!A3401</f>
        <v>3395</v>
      </c>
      <c r="B3399" s="13">
        <f>'申請書（複数入力用）'!AH3401</f>
        <v>0</v>
      </c>
      <c r="C3399" s="6">
        <f>'申請書（複数入力用）'!B3401</f>
        <v>0</v>
      </c>
      <c r="D3399" s="6">
        <f>'申請書（複数入力用）'!D3401</f>
        <v>0</v>
      </c>
      <c r="E3399" s="14">
        <f>'申請書（複数入力用）'!H3401</f>
        <v>0</v>
      </c>
      <c r="F3399" s="11" t="str">
        <f>'申請書（複数入力用）'!J3401</f>
        <v/>
      </c>
      <c r="G3399" s="6" t="str">
        <f>'申請書（複数入力用）'!K3401</f>
        <v>a052r000000jS9ZAAU</v>
      </c>
      <c r="H3399" s="12" t="e">
        <f>'申請書（複数入力用）'!N3401</f>
        <v>#N/A</v>
      </c>
      <c r="I3399" s="12" t="e">
        <f>'申請書（複数入力用）'!O3401</f>
        <v>#N/A</v>
      </c>
      <c r="J3399" s="12">
        <f>'申請書（複数入力用）'!P3401</f>
        <v>1</v>
      </c>
    </row>
    <row r="3400" spans="1:10" ht="51.6" customHeight="1" x14ac:dyDescent="0.45">
      <c r="A3400" s="6">
        <f>'申請書（複数入力用）'!A3402</f>
        <v>3396</v>
      </c>
      <c r="B3400" s="13">
        <f>'申請書（複数入力用）'!AH3402</f>
        <v>0</v>
      </c>
      <c r="C3400" s="6">
        <f>'申請書（複数入力用）'!B3402</f>
        <v>0</v>
      </c>
      <c r="D3400" s="6">
        <f>'申請書（複数入力用）'!D3402</f>
        <v>0</v>
      </c>
      <c r="E3400" s="14">
        <f>'申請書（複数入力用）'!H3402</f>
        <v>0</v>
      </c>
      <c r="F3400" s="11" t="str">
        <f>'申請書（複数入力用）'!J3402</f>
        <v/>
      </c>
      <c r="G3400" s="6" t="str">
        <f>'申請書（複数入力用）'!K3402</f>
        <v>a052r000000jS9ZAAU</v>
      </c>
      <c r="H3400" s="12" t="e">
        <f>'申請書（複数入力用）'!N3402</f>
        <v>#N/A</v>
      </c>
      <c r="I3400" s="12" t="e">
        <f>'申請書（複数入力用）'!O3402</f>
        <v>#N/A</v>
      </c>
      <c r="J3400" s="12">
        <f>'申請書（複数入力用）'!P3402</f>
        <v>1</v>
      </c>
    </row>
    <row r="3401" spans="1:10" ht="51.6" customHeight="1" x14ac:dyDescent="0.45">
      <c r="A3401" s="6">
        <f>'申請書（複数入力用）'!A3403</f>
        <v>3397</v>
      </c>
      <c r="B3401" s="13">
        <f>'申請書（複数入力用）'!AH3403</f>
        <v>0</v>
      </c>
      <c r="C3401" s="6">
        <f>'申請書（複数入力用）'!B3403</f>
        <v>0</v>
      </c>
      <c r="D3401" s="6">
        <f>'申請書（複数入力用）'!D3403</f>
        <v>0</v>
      </c>
      <c r="E3401" s="14">
        <f>'申請書（複数入力用）'!H3403</f>
        <v>0</v>
      </c>
      <c r="F3401" s="11" t="str">
        <f>'申請書（複数入力用）'!J3403</f>
        <v/>
      </c>
      <c r="G3401" s="6" t="str">
        <f>'申請書（複数入力用）'!K3403</f>
        <v>a052r000000jS9ZAAU</v>
      </c>
      <c r="H3401" s="12" t="e">
        <f>'申請書（複数入力用）'!N3403</f>
        <v>#N/A</v>
      </c>
      <c r="I3401" s="12" t="e">
        <f>'申請書（複数入力用）'!O3403</f>
        <v>#N/A</v>
      </c>
      <c r="J3401" s="12">
        <f>'申請書（複数入力用）'!P3403</f>
        <v>1</v>
      </c>
    </row>
    <row r="3402" spans="1:10" ht="51.6" customHeight="1" x14ac:dyDescent="0.45">
      <c r="A3402" s="6">
        <f>'申請書（複数入力用）'!A3404</f>
        <v>3398</v>
      </c>
      <c r="B3402" s="13">
        <f>'申請書（複数入力用）'!AH3404</f>
        <v>0</v>
      </c>
      <c r="C3402" s="6">
        <f>'申請書（複数入力用）'!B3404</f>
        <v>0</v>
      </c>
      <c r="D3402" s="6">
        <f>'申請書（複数入力用）'!D3404</f>
        <v>0</v>
      </c>
      <c r="E3402" s="14">
        <f>'申請書（複数入力用）'!H3404</f>
        <v>0</v>
      </c>
      <c r="F3402" s="11" t="str">
        <f>'申請書（複数入力用）'!J3404</f>
        <v/>
      </c>
      <c r="G3402" s="6" t="str">
        <f>'申請書（複数入力用）'!K3404</f>
        <v>a052r000000jS9ZAAU</v>
      </c>
      <c r="H3402" s="12" t="e">
        <f>'申請書（複数入力用）'!N3404</f>
        <v>#N/A</v>
      </c>
      <c r="I3402" s="12" t="e">
        <f>'申請書（複数入力用）'!O3404</f>
        <v>#N/A</v>
      </c>
      <c r="J3402" s="12">
        <f>'申請書（複数入力用）'!P3404</f>
        <v>1</v>
      </c>
    </row>
    <row r="3403" spans="1:10" ht="51.6" customHeight="1" x14ac:dyDescent="0.45">
      <c r="A3403" s="6">
        <f>'申請書（複数入力用）'!A3405</f>
        <v>3399</v>
      </c>
      <c r="B3403" s="13">
        <f>'申請書（複数入力用）'!AH3405</f>
        <v>0</v>
      </c>
      <c r="C3403" s="6">
        <f>'申請書（複数入力用）'!B3405</f>
        <v>0</v>
      </c>
      <c r="D3403" s="6">
        <f>'申請書（複数入力用）'!D3405</f>
        <v>0</v>
      </c>
      <c r="E3403" s="14">
        <f>'申請書（複数入力用）'!H3405</f>
        <v>0</v>
      </c>
      <c r="F3403" s="11" t="str">
        <f>'申請書（複数入力用）'!J3405</f>
        <v/>
      </c>
      <c r="G3403" s="6" t="str">
        <f>'申請書（複数入力用）'!K3405</f>
        <v>a052r000000jS9ZAAU</v>
      </c>
      <c r="H3403" s="12" t="e">
        <f>'申請書（複数入力用）'!N3405</f>
        <v>#N/A</v>
      </c>
      <c r="I3403" s="12" t="e">
        <f>'申請書（複数入力用）'!O3405</f>
        <v>#N/A</v>
      </c>
      <c r="J3403" s="12">
        <f>'申請書（複数入力用）'!P3405</f>
        <v>1</v>
      </c>
    </row>
    <row r="3404" spans="1:10" ht="51.6" customHeight="1" x14ac:dyDescent="0.45">
      <c r="A3404" s="6">
        <f>'申請書（複数入力用）'!A3406</f>
        <v>3400</v>
      </c>
      <c r="B3404" s="13">
        <f>'申請書（複数入力用）'!AH3406</f>
        <v>0</v>
      </c>
      <c r="C3404" s="6">
        <f>'申請書（複数入力用）'!B3406</f>
        <v>0</v>
      </c>
      <c r="D3404" s="6">
        <f>'申請書（複数入力用）'!D3406</f>
        <v>0</v>
      </c>
      <c r="E3404" s="14">
        <f>'申請書（複数入力用）'!H3406</f>
        <v>0</v>
      </c>
      <c r="F3404" s="11" t="str">
        <f>'申請書（複数入力用）'!J3406</f>
        <v/>
      </c>
      <c r="G3404" s="6" t="str">
        <f>'申請書（複数入力用）'!K3406</f>
        <v>a052r000000jS9ZAAU</v>
      </c>
      <c r="H3404" s="12" t="e">
        <f>'申請書（複数入力用）'!N3406</f>
        <v>#N/A</v>
      </c>
      <c r="I3404" s="12" t="e">
        <f>'申請書（複数入力用）'!O3406</f>
        <v>#N/A</v>
      </c>
      <c r="J3404" s="12">
        <f>'申請書（複数入力用）'!P3406</f>
        <v>1</v>
      </c>
    </row>
    <row r="3405" spans="1:10" ht="51.6" customHeight="1" x14ac:dyDescent="0.45">
      <c r="A3405" s="6">
        <f>'申請書（複数入力用）'!A3407</f>
        <v>3401</v>
      </c>
      <c r="B3405" s="13">
        <f>'申請書（複数入力用）'!AH3407</f>
        <v>0</v>
      </c>
      <c r="C3405" s="6">
        <f>'申請書（複数入力用）'!B3407</f>
        <v>0</v>
      </c>
      <c r="D3405" s="6">
        <f>'申請書（複数入力用）'!D3407</f>
        <v>0</v>
      </c>
      <c r="E3405" s="14">
        <f>'申請書（複数入力用）'!H3407</f>
        <v>0</v>
      </c>
      <c r="F3405" s="11" t="str">
        <f>'申請書（複数入力用）'!J3407</f>
        <v/>
      </c>
      <c r="G3405" s="6" t="str">
        <f>'申請書（複数入力用）'!K3407</f>
        <v>a052r000000jS9ZAAU</v>
      </c>
      <c r="H3405" s="12" t="e">
        <f>'申請書（複数入力用）'!N3407</f>
        <v>#N/A</v>
      </c>
      <c r="I3405" s="12" t="e">
        <f>'申請書（複数入力用）'!O3407</f>
        <v>#N/A</v>
      </c>
      <c r="J3405" s="12">
        <f>'申請書（複数入力用）'!P3407</f>
        <v>1</v>
      </c>
    </row>
    <row r="3406" spans="1:10" ht="51.6" customHeight="1" x14ac:dyDescent="0.45">
      <c r="A3406" s="6">
        <f>'申請書（複数入力用）'!A3408</f>
        <v>3402</v>
      </c>
      <c r="B3406" s="13">
        <f>'申請書（複数入力用）'!AH3408</f>
        <v>0</v>
      </c>
      <c r="C3406" s="6">
        <f>'申請書（複数入力用）'!B3408</f>
        <v>0</v>
      </c>
      <c r="D3406" s="6">
        <f>'申請書（複数入力用）'!D3408</f>
        <v>0</v>
      </c>
      <c r="E3406" s="14">
        <f>'申請書（複数入力用）'!H3408</f>
        <v>0</v>
      </c>
      <c r="F3406" s="11" t="str">
        <f>'申請書（複数入力用）'!J3408</f>
        <v/>
      </c>
      <c r="G3406" s="6" t="str">
        <f>'申請書（複数入力用）'!K3408</f>
        <v>a052r000000jS9ZAAU</v>
      </c>
      <c r="H3406" s="12" t="e">
        <f>'申請書（複数入力用）'!N3408</f>
        <v>#N/A</v>
      </c>
      <c r="I3406" s="12" t="e">
        <f>'申請書（複数入力用）'!O3408</f>
        <v>#N/A</v>
      </c>
      <c r="J3406" s="12">
        <f>'申請書（複数入力用）'!P3408</f>
        <v>1</v>
      </c>
    </row>
    <row r="3407" spans="1:10" ht="51.6" customHeight="1" x14ac:dyDescent="0.45">
      <c r="A3407" s="6">
        <f>'申請書（複数入力用）'!A3409</f>
        <v>3403</v>
      </c>
      <c r="B3407" s="13">
        <f>'申請書（複数入力用）'!AH3409</f>
        <v>0</v>
      </c>
      <c r="C3407" s="6">
        <f>'申請書（複数入力用）'!B3409</f>
        <v>0</v>
      </c>
      <c r="D3407" s="6">
        <f>'申請書（複数入力用）'!D3409</f>
        <v>0</v>
      </c>
      <c r="E3407" s="14">
        <f>'申請書（複数入力用）'!H3409</f>
        <v>0</v>
      </c>
      <c r="F3407" s="11" t="str">
        <f>'申請書（複数入力用）'!J3409</f>
        <v/>
      </c>
      <c r="G3407" s="6" t="str">
        <f>'申請書（複数入力用）'!K3409</f>
        <v>a052r000000jS9ZAAU</v>
      </c>
      <c r="H3407" s="12" t="e">
        <f>'申請書（複数入力用）'!N3409</f>
        <v>#N/A</v>
      </c>
      <c r="I3407" s="12" t="e">
        <f>'申請書（複数入力用）'!O3409</f>
        <v>#N/A</v>
      </c>
      <c r="J3407" s="12">
        <f>'申請書（複数入力用）'!P3409</f>
        <v>1</v>
      </c>
    </row>
    <row r="3408" spans="1:10" ht="51.6" customHeight="1" x14ac:dyDescent="0.45">
      <c r="A3408" s="6">
        <f>'申請書（複数入力用）'!A3410</f>
        <v>3404</v>
      </c>
      <c r="B3408" s="13">
        <f>'申請書（複数入力用）'!AH3410</f>
        <v>0</v>
      </c>
      <c r="C3408" s="6">
        <f>'申請書（複数入力用）'!B3410</f>
        <v>0</v>
      </c>
      <c r="D3408" s="6">
        <f>'申請書（複数入力用）'!D3410</f>
        <v>0</v>
      </c>
      <c r="E3408" s="14">
        <f>'申請書（複数入力用）'!H3410</f>
        <v>0</v>
      </c>
      <c r="F3408" s="11" t="str">
        <f>'申請書（複数入力用）'!J3410</f>
        <v/>
      </c>
      <c r="G3408" s="6" t="str">
        <f>'申請書（複数入力用）'!K3410</f>
        <v>a052r000000jS9ZAAU</v>
      </c>
      <c r="H3408" s="12" t="e">
        <f>'申請書（複数入力用）'!N3410</f>
        <v>#N/A</v>
      </c>
      <c r="I3408" s="12" t="e">
        <f>'申請書（複数入力用）'!O3410</f>
        <v>#N/A</v>
      </c>
      <c r="J3408" s="12">
        <f>'申請書（複数入力用）'!P3410</f>
        <v>1</v>
      </c>
    </row>
    <row r="3409" spans="1:10" ht="51.6" customHeight="1" x14ac:dyDescent="0.45">
      <c r="A3409" s="6">
        <f>'申請書（複数入力用）'!A3411</f>
        <v>3405</v>
      </c>
      <c r="B3409" s="13">
        <f>'申請書（複数入力用）'!AH3411</f>
        <v>0</v>
      </c>
      <c r="C3409" s="6">
        <f>'申請書（複数入力用）'!B3411</f>
        <v>0</v>
      </c>
      <c r="D3409" s="6">
        <f>'申請書（複数入力用）'!D3411</f>
        <v>0</v>
      </c>
      <c r="E3409" s="14">
        <f>'申請書（複数入力用）'!H3411</f>
        <v>0</v>
      </c>
      <c r="F3409" s="11" t="str">
        <f>'申請書（複数入力用）'!J3411</f>
        <v/>
      </c>
      <c r="G3409" s="6" t="str">
        <f>'申請書（複数入力用）'!K3411</f>
        <v>a052r000000jS9ZAAU</v>
      </c>
      <c r="H3409" s="12" t="e">
        <f>'申請書（複数入力用）'!N3411</f>
        <v>#N/A</v>
      </c>
      <c r="I3409" s="12" t="e">
        <f>'申請書（複数入力用）'!O3411</f>
        <v>#N/A</v>
      </c>
      <c r="J3409" s="12">
        <f>'申請書（複数入力用）'!P3411</f>
        <v>1</v>
      </c>
    </row>
    <row r="3410" spans="1:10" ht="51.6" customHeight="1" x14ac:dyDescent="0.45">
      <c r="A3410" s="6">
        <f>'申請書（複数入力用）'!A3412</f>
        <v>3406</v>
      </c>
      <c r="B3410" s="13">
        <f>'申請書（複数入力用）'!AH3412</f>
        <v>0</v>
      </c>
      <c r="C3410" s="6">
        <f>'申請書（複数入力用）'!B3412</f>
        <v>0</v>
      </c>
      <c r="D3410" s="6">
        <f>'申請書（複数入力用）'!D3412</f>
        <v>0</v>
      </c>
      <c r="E3410" s="14">
        <f>'申請書（複数入力用）'!H3412</f>
        <v>0</v>
      </c>
      <c r="F3410" s="11" t="str">
        <f>'申請書（複数入力用）'!J3412</f>
        <v/>
      </c>
      <c r="G3410" s="6" t="str">
        <f>'申請書（複数入力用）'!K3412</f>
        <v>a052r000000jS9ZAAU</v>
      </c>
      <c r="H3410" s="12" t="e">
        <f>'申請書（複数入力用）'!N3412</f>
        <v>#N/A</v>
      </c>
      <c r="I3410" s="12" t="e">
        <f>'申請書（複数入力用）'!O3412</f>
        <v>#N/A</v>
      </c>
      <c r="J3410" s="12">
        <f>'申請書（複数入力用）'!P3412</f>
        <v>1</v>
      </c>
    </row>
    <row r="3411" spans="1:10" ht="51.6" customHeight="1" x14ac:dyDescent="0.45">
      <c r="A3411" s="6">
        <f>'申請書（複数入力用）'!A3413</f>
        <v>3407</v>
      </c>
      <c r="B3411" s="13">
        <f>'申請書（複数入力用）'!AH3413</f>
        <v>0</v>
      </c>
      <c r="C3411" s="6">
        <f>'申請書（複数入力用）'!B3413</f>
        <v>0</v>
      </c>
      <c r="D3411" s="6">
        <f>'申請書（複数入力用）'!D3413</f>
        <v>0</v>
      </c>
      <c r="E3411" s="14">
        <f>'申請書（複数入力用）'!H3413</f>
        <v>0</v>
      </c>
      <c r="F3411" s="11" t="str">
        <f>'申請書（複数入力用）'!J3413</f>
        <v/>
      </c>
      <c r="G3411" s="6" t="str">
        <f>'申請書（複数入力用）'!K3413</f>
        <v>a052r000000jS9ZAAU</v>
      </c>
      <c r="H3411" s="12" t="e">
        <f>'申請書（複数入力用）'!N3413</f>
        <v>#N/A</v>
      </c>
      <c r="I3411" s="12" t="e">
        <f>'申請書（複数入力用）'!O3413</f>
        <v>#N/A</v>
      </c>
      <c r="J3411" s="12">
        <f>'申請書（複数入力用）'!P3413</f>
        <v>1</v>
      </c>
    </row>
    <row r="3412" spans="1:10" ht="51.6" customHeight="1" x14ac:dyDescent="0.45">
      <c r="A3412" s="6">
        <f>'申請書（複数入力用）'!A3414</f>
        <v>3408</v>
      </c>
      <c r="B3412" s="13">
        <f>'申請書（複数入力用）'!AH3414</f>
        <v>0</v>
      </c>
      <c r="C3412" s="6">
        <f>'申請書（複数入力用）'!B3414</f>
        <v>0</v>
      </c>
      <c r="D3412" s="6">
        <f>'申請書（複数入力用）'!D3414</f>
        <v>0</v>
      </c>
      <c r="E3412" s="14">
        <f>'申請書（複数入力用）'!H3414</f>
        <v>0</v>
      </c>
      <c r="F3412" s="11" t="str">
        <f>'申請書（複数入力用）'!J3414</f>
        <v/>
      </c>
      <c r="G3412" s="6" t="str">
        <f>'申請書（複数入力用）'!K3414</f>
        <v>a052r000000jS9ZAAU</v>
      </c>
      <c r="H3412" s="12" t="e">
        <f>'申請書（複数入力用）'!N3414</f>
        <v>#N/A</v>
      </c>
      <c r="I3412" s="12" t="e">
        <f>'申請書（複数入力用）'!O3414</f>
        <v>#N/A</v>
      </c>
      <c r="J3412" s="12">
        <f>'申請書（複数入力用）'!P3414</f>
        <v>1</v>
      </c>
    </row>
    <row r="3413" spans="1:10" ht="51.6" customHeight="1" x14ac:dyDescent="0.45">
      <c r="A3413" s="6">
        <f>'申請書（複数入力用）'!A3415</f>
        <v>3409</v>
      </c>
      <c r="B3413" s="13">
        <f>'申請書（複数入力用）'!AH3415</f>
        <v>0</v>
      </c>
      <c r="C3413" s="6">
        <f>'申請書（複数入力用）'!B3415</f>
        <v>0</v>
      </c>
      <c r="D3413" s="6">
        <f>'申請書（複数入力用）'!D3415</f>
        <v>0</v>
      </c>
      <c r="E3413" s="14">
        <f>'申請書（複数入力用）'!H3415</f>
        <v>0</v>
      </c>
      <c r="F3413" s="11" t="str">
        <f>'申請書（複数入力用）'!J3415</f>
        <v/>
      </c>
      <c r="G3413" s="6" t="str">
        <f>'申請書（複数入力用）'!K3415</f>
        <v>a052r000000jS9ZAAU</v>
      </c>
      <c r="H3413" s="12" t="e">
        <f>'申請書（複数入力用）'!N3415</f>
        <v>#N/A</v>
      </c>
      <c r="I3413" s="12" t="e">
        <f>'申請書（複数入力用）'!O3415</f>
        <v>#N/A</v>
      </c>
      <c r="J3413" s="12">
        <f>'申請書（複数入力用）'!P3415</f>
        <v>1</v>
      </c>
    </row>
    <row r="3414" spans="1:10" ht="51.6" customHeight="1" x14ac:dyDescent="0.45">
      <c r="A3414" s="6">
        <f>'申請書（複数入力用）'!A3416</f>
        <v>3410</v>
      </c>
      <c r="B3414" s="13">
        <f>'申請書（複数入力用）'!AH3416</f>
        <v>0</v>
      </c>
      <c r="C3414" s="6">
        <f>'申請書（複数入力用）'!B3416</f>
        <v>0</v>
      </c>
      <c r="D3414" s="6">
        <f>'申請書（複数入力用）'!D3416</f>
        <v>0</v>
      </c>
      <c r="E3414" s="14">
        <f>'申請書（複数入力用）'!H3416</f>
        <v>0</v>
      </c>
      <c r="F3414" s="11" t="str">
        <f>'申請書（複数入力用）'!J3416</f>
        <v/>
      </c>
      <c r="G3414" s="6" t="str">
        <f>'申請書（複数入力用）'!K3416</f>
        <v>a052r000000jS9ZAAU</v>
      </c>
      <c r="H3414" s="12" t="e">
        <f>'申請書（複数入力用）'!N3416</f>
        <v>#N/A</v>
      </c>
      <c r="I3414" s="12" t="e">
        <f>'申請書（複数入力用）'!O3416</f>
        <v>#N/A</v>
      </c>
      <c r="J3414" s="12">
        <f>'申請書（複数入力用）'!P3416</f>
        <v>1</v>
      </c>
    </row>
    <row r="3415" spans="1:10" ht="51.6" customHeight="1" x14ac:dyDescent="0.45">
      <c r="A3415" s="6">
        <f>'申請書（複数入力用）'!A3417</f>
        <v>3411</v>
      </c>
      <c r="B3415" s="13">
        <f>'申請書（複数入力用）'!AH3417</f>
        <v>0</v>
      </c>
      <c r="C3415" s="6">
        <f>'申請書（複数入力用）'!B3417</f>
        <v>0</v>
      </c>
      <c r="D3415" s="6">
        <f>'申請書（複数入力用）'!D3417</f>
        <v>0</v>
      </c>
      <c r="E3415" s="14">
        <f>'申請書（複数入力用）'!H3417</f>
        <v>0</v>
      </c>
      <c r="F3415" s="11" t="str">
        <f>'申請書（複数入力用）'!J3417</f>
        <v/>
      </c>
      <c r="G3415" s="6" t="str">
        <f>'申請書（複数入力用）'!K3417</f>
        <v>a052r000000jS9ZAAU</v>
      </c>
      <c r="H3415" s="12" t="e">
        <f>'申請書（複数入力用）'!N3417</f>
        <v>#N/A</v>
      </c>
      <c r="I3415" s="12" t="e">
        <f>'申請書（複数入力用）'!O3417</f>
        <v>#N/A</v>
      </c>
      <c r="J3415" s="12">
        <f>'申請書（複数入力用）'!P3417</f>
        <v>1</v>
      </c>
    </row>
    <row r="3416" spans="1:10" ht="51.6" customHeight="1" x14ac:dyDescent="0.45">
      <c r="A3416" s="6">
        <f>'申請書（複数入力用）'!A3418</f>
        <v>3412</v>
      </c>
      <c r="B3416" s="13">
        <f>'申請書（複数入力用）'!AH3418</f>
        <v>0</v>
      </c>
      <c r="C3416" s="6">
        <f>'申請書（複数入力用）'!B3418</f>
        <v>0</v>
      </c>
      <c r="D3416" s="6">
        <f>'申請書（複数入力用）'!D3418</f>
        <v>0</v>
      </c>
      <c r="E3416" s="14">
        <f>'申請書（複数入力用）'!H3418</f>
        <v>0</v>
      </c>
      <c r="F3416" s="11" t="str">
        <f>'申請書（複数入力用）'!J3418</f>
        <v/>
      </c>
      <c r="G3416" s="6" t="str">
        <f>'申請書（複数入力用）'!K3418</f>
        <v>a052r000000jS9ZAAU</v>
      </c>
      <c r="H3416" s="12" t="e">
        <f>'申請書（複数入力用）'!N3418</f>
        <v>#N/A</v>
      </c>
      <c r="I3416" s="12" t="e">
        <f>'申請書（複数入力用）'!O3418</f>
        <v>#N/A</v>
      </c>
      <c r="J3416" s="12">
        <f>'申請書（複数入力用）'!P3418</f>
        <v>1</v>
      </c>
    </row>
    <row r="3417" spans="1:10" ht="51.6" customHeight="1" x14ac:dyDescent="0.45">
      <c r="A3417" s="6">
        <f>'申請書（複数入力用）'!A3419</f>
        <v>3413</v>
      </c>
      <c r="B3417" s="13">
        <f>'申請書（複数入力用）'!AH3419</f>
        <v>0</v>
      </c>
      <c r="C3417" s="6">
        <f>'申請書（複数入力用）'!B3419</f>
        <v>0</v>
      </c>
      <c r="D3417" s="6">
        <f>'申請書（複数入力用）'!D3419</f>
        <v>0</v>
      </c>
      <c r="E3417" s="14">
        <f>'申請書（複数入力用）'!H3419</f>
        <v>0</v>
      </c>
      <c r="F3417" s="11" t="str">
        <f>'申請書（複数入力用）'!J3419</f>
        <v/>
      </c>
      <c r="G3417" s="6" t="str">
        <f>'申請書（複数入力用）'!K3419</f>
        <v>a052r000000jS9ZAAU</v>
      </c>
      <c r="H3417" s="12" t="e">
        <f>'申請書（複数入力用）'!N3419</f>
        <v>#N/A</v>
      </c>
      <c r="I3417" s="12" t="e">
        <f>'申請書（複数入力用）'!O3419</f>
        <v>#N/A</v>
      </c>
      <c r="J3417" s="12">
        <f>'申請書（複数入力用）'!P3419</f>
        <v>1</v>
      </c>
    </row>
    <row r="3418" spans="1:10" ht="51.6" customHeight="1" x14ac:dyDescent="0.45">
      <c r="A3418" s="6">
        <f>'申請書（複数入力用）'!A3420</f>
        <v>3414</v>
      </c>
      <c r="B3418" s="13">
        <f>'申請書（複数入力用）'!AH3420</f>
        <v>0</v>
      </c>
      <c r="C3418" s="6">
        <f>'申請書（複数入力用）'!B3420</f>
        <v>0</v>
      </c>
      <c r="D3418" s="6">
        <f>'申請書（複数入力用）'!D3420</f>
        <v>0</v>
      </c>
      <c r="E3418" s="14">
        <f>'申請書（複数入力用）'!H3420</f>
        <v>0</v>
      </c>
      <c r="F3418" s="11" t="str">
        <f>'申請書（複数入力用）'!J3420</f>
        <v/>
      </c>
      <c r="G3418" s="6" t="str">
        <f>'申請書（複数入力用）'!K3420</f>
        <v>a052r000000jS9ZAAU</v>
      </c>
      <c r="H3418" s="12" t="e">
        <f>'申請書（複数入力用）'!N3420</f>
        <v>#N/A</v>
      </c>
      <c r="I3418" s="12" t="e">
        <f>'申請書（複数入力用）'!O3420</f>
        <v>#N/A</v>
      </c>
      <c r="J3418" s="12">
        <f>'申請書（複数入力用）'!P3420</f>
        <v>1</v>
      </c>
    </row>
    <row r="3419" spans="1:10" ht="51.6" customHeight="1" x14ac:dyDescent="0.45">
      <c r="A3419" s="6">
        <f>'申請書（複数入力用）'!A3421</f>
        <v>3415</v>
      </c>
      <c r="B3419" s="13">
        <f>'申請書（複数入力用）'!AH3421</f>
        <v>0</v>
      </c>
      <c r="C3419" s="6">
        <f>'申請書（複数入力用）'!B3421</f>
        <v>0</v>
      </c>
      <c r="D3419" s="6">
        <f>'申請書（複数入力用）'!D3421</f>
        <v>0</v>
      </c>
      <c r="E3419" s="14">
        <f>'申請書（複数入力用）'!H3421</f>
        <v>0</v>
      </c>
      <c r="F3419" s="11" t="str">
        <f>'申請書（複数入力用）'!J3421</f>
        <v/>
      </c>
      <c r="G3419" s="6" t="str">
        <f>'申請書（複数入力用）'!K3421</f>
        <v>a052r000000jS9ZAAU</v>
      </c>
      <c r="H3419" s="12" t="e">
        <f>'申請書（複数入力用）'!N3421</f>
        <v>#N/A</v>
      </c>
      <c r="I3419" s="12" t="e">
        <f>'申請書（複数入力用）'!O3421</f>
        <v>#N/A</v>
      </c>
      <c r="J3419" s="12">
        <f>'申請書（複数入力用）'!P3421</f>
        <v>1</v>
      </c>
    </row>
    <row r="3420" spans="1:10" ht="51.6" customHeight="1" x14ac:dyDescent="0.45">
      <c r="A3420" s="6">
        <f>'申請書（複数入力用）'!A3422</f>
        <v>3416</v>
      </c>
      <c r="B3420" s="13">
        <f>'申請書（複数入力用）'!AH3422</f>
        <v>0</v>
      </c>
      <c r="C3420" s="6">
        <f>'申請書（複数入力用）'!B3422</f>
        <v>0</v>
      </c>
      <c r="D3420" s="6">
        <f>'申請書（複数入力用）'!D3422</f>
        <v>0</v>
      </c>
      <c r="E3420" s="14">
        <f>'申請書（複数入力用）'!H3422</f>
        <v>0</v>
      </c>
      <c r="F3420" s="11" t="str">
        <f>'申請書（複数入力用）'!J3422</f>
        <v/>
      </c>
      <c r="G3420" s="6" t="str">
        <f>'申請書（複数入力用）'!K3422</f>
        <v>a052r000000jS9ZAAU</v>
      </c>
      <c r="H3420" s="12" t="e">
        <f>'申請書（複数入力用）'!N3422</f>
        <v>#N/A</v>
      </c>
      <c r="I3420" s="12" t="e">
        <f>'申請書（複数入力用）'!O3422</f>
        <v>#N/A</v>
      </c>
      <c r="J3420" s="12">
        <f>'申請書（複数入力用）'!P3422</f>
        <v>1</v>
      </c>
    </row>
    <row r="3421" spans="1:10" ht="51.6" customHeight="1" x14ac:dyDescent="0.45">
      <c r="A3421" s="6">
        <f>'申請書（複数入力用）'!A3423</f>
        <v>3417</v>
      </c>
      <c r="B3421" s="13">
        <f>'申請書（複数入力用）'!AH3423</f>
        <v>0</v>
      </c>
      <c r="C3421" s="6">
        <f>'申請書（複数入力用）'!B3423</f>
        <v>0</v>
      </c>
      <c r="D3421" s="6">
        <f>'申請書（複数入力用）'!D3423</f>
        <v>0</v>
      </c>
      <c r="E3421" s="14">
        <f>'申請書（複数入力用）'!H3423</f>
        <v>0</v>
      </c>
      <c r="F3421" s="11" t="str">
        <f>'申請書（複数入力用）'!J3423</f>
        <v/>
      </c>
      <c r="G3421" s="6" t="str">
        <f>'申請書（複数入力用）'!K3423</f>
        <v>a052r000000jS9ZAAU</v>
      </c>
      <c r="H3421" s="12" t="e">
        <f>'申請書（複数入力用）'!N3423</f>
        <v>#N/A</v>
      </c>
      <c r="I3421" s="12" t="e">
        <f>'申請書（複数入力用）'!O3423</f>
        <v>#N/A</v>
      </c>
      <c r="J3421" s="12">
        <f>'申請書（複数入力用）'!P3423</f>
        <v>1</v>
      </c>
    </row>
    <row r="3422" spans="1:10" ht="51.6" customHeight="1" x14ac:dyDescent="0.45">
      <c r="A3422" s="6">
        <f>'申請書（複数入力用）'!A3424</f>
        <v>3418</v>
      </c>
      <c r="B3422" s="13">
        <f>'申請書（複数入力用）'!AH3424</f>
        <v>0</v>
      </c>
      <c r="C3422" s="6">
        <f>'申請書（複数入力用）'!B3424</f>
        <v>0</v>
      </c>
      <c r="D3422" s="6">
        <f>'申請書（複数入力用）'!D3424</f>
        <v>0</v>
      </c>
      <c r="E3422" s="14">
        <f>'申請書（複数入力用）'!H3424</f>
        <v>0</v>
      </c>
      <c r="F3422" s="11" t="str">
        <f>'申請書（複数入力用）'!J3424</f>
        <v/>
      </c>
      <c r="G3422" s="6" t="str">
        <f>'申請書（複数入力用）'!K3424</f>
        <v>a052r000000jS9ZAAU</v>
      </c>
      <c r="H3422" s="12" t="e">
        <f>'申請書（複数入力用）'!N3424</f>
        <v>#N/A</v>
      </c>
      <c r="I3422" s="12" t="e">
        <f>'申請書（複数入力用）'!O3424</f>
        <v>#N/A</v>
      </c>
      <c r="J3422" s="12">
        <f>'申請書（複数入力用）'!P3424</f>
        <v>1</v>
      </c>
    </row>
    <row r="3423" spans="1:10" ht="51.6" customHeight="1" x14ac:dyDescent="0.45">
      <c r="A3423" s="6">
        <f>'申請書（複数入力用）'!A3425</f>
        <v>3419</v>
      </c>
      <c r="B3423" s="13">
        <f>'申請書（複数入力用）'!AH3425</f>
        <v>0</v>
      </c>
      <c r="C3423" s="6">
        <f>'申請書（複数入力用）'!B3425</f>
        <v>0</v>
      </c>
      <c r="D3423" s="6">
        <f>'申請書（複数入力用）'!D3425</f>
        <v>0</v>
      </c>
      <c r="E3423" s="14">
        <f>'申請書（複数入力用）'!H3425</f>
        <v>0</v>
      </c>
      <c r="F3423" s="11" t="str">
        <f>'申請書（複数入力用）'!J3425</f>
        <v/>
      </c>
      <c r="G3423" s="6" t="str">
        <f>'申請書（複数入力用）'!K3425</f>
        <v>a052r000000jS9ZAAU</v>
      </c>
      <c r="H3423" s="12" t="e">
        <f>'申請書（複数入力用）'!N3425</f>
        <v>#N/A</v>
      </c>
      <c r="I3423" s="12" t="e">
        <f>'申請書（複数入力用）'!O3425</f>
        <v>#N/A</v>
      </c>
      <c r="J3423" s="12">
        <f>'申請書（複数入力用）'!P3425</f>
        <v>1</v>
      </c>
    </row>
    <row r="3424" spans="1:10" ht="51.6" customHeight="1" x14ac:dyDescent="0.45">
      <c r="A3424" s="6">
        <f>'申請書（複数入力用）'!A3426</f>
        <v>3420</v>
      </c>
      <c r="B3424" s="13">
        <f>'申請書（複数入力用）'!AH3426</f>
        <v>0</v>
      </c>
      <c r="C3424" s="6">
        <f>'申請書（複数入力用）'!B3426</f>
        <v>0</v>
      </c>
      <c r="D3424" s="6">
        <f>'申請書（複数入力用）'!D3426</f>
        <v>0</v>
      </c>
      <c r="E3424" s="14">
        <f>'申請書（複数入力用）'!H3426</f>
        <v>0</v>
      </c>
      <c r="F3424" s="11" t="str">
        <f>'申請書（複数入力用）'!J3426</f>
        <v/>
      </c>
      <c r="G3424" s="6" t="str">
        <f>'申請書（複数入力用）'!K3426</f>
        <v>a052r000000jS9ZAAU</v>
      </c>
      <c r="H3424" s="12" t="e">
        <f>'申請書（複数入力用）'!N3426</f>
        <v>#N/A</v>
      </c>
      <c r="I3424" s="12" t="e">
        <f>'申請書（複数入力用）'!O3426</f>
        <v>#N/A</v>
      </c>
      <c r="J3424" s="12">
        <f>'申請書（複数入力用）'!P3426</f>
        <v>1</v>
      </c>
    </row>
    <row r="3425" spans="1:10" ht="51.6" customHeight="1" x14ac:dyDescent="0.45">
      <c r="A3425" s="6">
        <f>'申請書（複数入力用）'!A3427</f>
        <v>3421</v>
      </c>
      <c r="B3425" s="13">
        <f>'申請書（複数入力用）'!AH3427</f>
        <v>0</v>
      </c>
      <c r="C3425" s="6">
        <f>'申請書（複数入力用）'!B3427</f>
        <v>0</v>
      </c>
      <c r="D3425" s="6">
        <f>'申請書（複数入力用）'!D3427</f>
        <v>0</v>
      </c>
      <c r="E3425" s="14">
        <f>'申請書（複数入力用）'!H3427</f>
        <v>0</v>
      </c>
      <c r="F3425" s="11" t="str">
        <f>'申請書（複数入力用）'!J3427</f>
        <v/>
      </c>
      <c r="G3425" s="6" t="str">
        <f>'申請書（複数入力用）'!K3427</f>
        <v>a052r000000jS9ZAAU</v>
      </c>
      <c r="H3425" s="12" t="e">
        <f>'申請書（複数入力用）'!N3427</f>
        <v>#N/A</v>
      </c>
      <c r="I3425" s="12" t="e">
        <f>'申請書（複数入力用）'!O3427</f>
        <v>#N/A</v>
      </c>
      <c r="J3425" s="12">
        <f>'申請書（複数入力用）'!P3427</f>
        <v>1</v>
      </c>
    </row>
    <row r="3426" spans="1:10" ht="51.6" customHeight="1" x14ac:dyDescent="0.45">
      <c r="A3426" s="6">
        <f>'申請書（複数入力用）'!A3428</f>
        <v>3422</v>
      </c>
      <c r="B3426" s="13">
        <f>'申請書（複数入力用）'!AH3428</f>
        <v>0</v>
      </c>
      <c r="C3426" s="6">
        <f>'申請書（複数入力用）'!B3428</f>
        <v>0</v>
      </c>
      <c r="D3426" s="6">
        <f>'申請書（複数入力用）'!D3428</f>
        <v>0</v>
      </c>
      <c r="E3426" s="14">
        <f>'申請書（複数入力用）'!H3428</f>
        <v>0</v>
      </c>
      <c r="F3426" s="11" t="str">
        <f>'申請書（複数入力用）'!J3428</f>
        <v/>
      </c>
      <c r="G3426" s="6" t="str">
        <f>'申請書（複数入力用）'!K3428</f>
        <v>a052r000000jS9ZAAU</v>
      </c>
      <c r="H3426" s="12" t="e">
        <f>'申請書（複数入力用）'!N3428</f>
        <v>#N/A</v>
      </c>
      <c r="I3426" s="12" t="e">
        <f>'申請書（複数入力用）'!O3428</f>
        <v>#N/A</v>
      </c>
      <c r="J3426" s="12">
        <f>'申請書（複数入力用）'!P3428</f>
        <v>1</v>
      </c>
    </row>
    <row r="3427" spans="1:10" ht="51.6" customHeight="1" x14ac:dyDescent="0.45">
      <c r="A3427" s="6">
        <f>'申請書（複数入力用）'!A3429</f>
        <v>3423</v>
      </c>
      <c r="B3427" s="13">
        <f>'申請書（複数入力用）'!AH3429</f>
        <v>0</v>
      </c>
      <c r="C3427" s="6">
        <f>'申請書（複数入力用）'!B3429</f>
        <v>0</v>
      </c>
      <c r="D3427" s="6">
        <f>'申請書（複数入力用）'!D3429</f>
        <v>0</v>
      </c>
      <c r="E3427" s="14">
        <f>'申請書（複数入力用）'!H3429</f>
        <v>0</v>
      </c>
      <c r="F3427" s="11" t="str">
        <f>'申請書（複数入力用）'!J3429</f>
        <v/>
      </c>
      <c r="G3427" s="6" t="str">
        <f>'申請書（複数入力用）'!K3429</f>
        <v>a052r000000jS9ZAAU</v>
      </c>
      <c r="H3427" s="12" t="e">
        <f>'申請書（複数入力用）'!N3429</f>
        <v>#N/A</v>
      </c>
      <c r="I3427" s="12" t="e">
        <f>'申請書（複数入力用）'!O3429</f>
        <v>#N/A</v>
      </c>
      <c r="J3427" s="12">
        <f>'申請書（複数入力用）'!P3429</f>
        <v>1</v>
      </c>
    </row>
    <row r="3428" spans="1:10" ht="51.6" customHeight="1" x14ac:dyDescent="0.45">
      <c r="A3428" s="6">
        <f>'申請書（複数入力用）'!A3430</f>
        <v>3424</v>
      </c>
      <c r="B3428" s="13">
        <f>'申請書（複数入力用）'!AH3430</f>
        <v>0</v>
      </c>
      <c r="C3428" s="6">
        <f>'申請書（複数入力用）'!B3430</f>
        <v>0</v>
      </c>
      <c r="D3428" s="6">
        <f>'申請書（複数入力用）'!D3430</f>
        <v>0</v>
      </c>
      <c r="E3428" s="14">
        <f>'申請書（複数入力用）'!H3430</f>
        <v>0</v>
      </c>
      <c r="F3428" s="11" t="str">
        <f>'申請書（複数入力用）'!J3430</f>
        <v/>
      </c>
      <c r="G3428" s="6" t="str">
        <f>'申請書（複数入力用）'!K3430</f>
        <v>a052r000000jS9ZAAU</v>
      </c>
      <c r="H3428" s="12" t="e">
        <f>'申請書（複数入力用）'!N3430</f>
        <v>#N/A</v>
      </c>
      <c r="I3428" s="12" t="e">
        <f>'申請書（複数入力用）'!O3430</f>
        <v>#N/A</v>
      </c>
      <c r="J3428" s="12">
        <f>'申請書（複数入力用）'!P3430</f>
        <v>1</v>
      </c>
    </row>
    <row r="3429" spans="1:10" ht="51.6" customHeight="1" x14ac:dyDescent="0.45">
      <c r="A3429" s="6">
        <f>'申請書（複数入力用）'!A3431</f>
        <v>3425</v>
      </c>
      <c r="B3429" s="13">
        <f>'申請書（複数入力用）'!AH3431</f>
        <v>0</v>
      </c>
      <c r="C3429" s="6">
        <f>'申請書（複数入力用）'!B3431</f>
        <v>0</v>
      </c>
      <c r="D3429" s="6">
        <f>'申請書（複数入力用）'!D3431</f>
        <v>0</v>
      </c>
      <c r="E3429" s="14">
        <f>'申請書（複数入力用）'!H3431</f>
        <v>0</v>
      </c>
      <c r="F3429" s="11" t="str">
        <f>'申請書（複数入力用）'!J3431</f>
        <v/>
      </c>
      <c r="G3429" s="6" t="str">
        <f>'申請書（複数入力用）'!K3431</f>
        <v>a052r000000jS9ZAAU</v>
      </c>
      <c r="H3429" s="12" t="e">
        <f>'申請書（複数入力用）'!N3431</f>
        <v>#N/A</v>
      </c>
      <c r="I3429" s="12" t="e">
        <f>'申請書（複数入力用）'!O3431</f>
        <v>#N/A</v>
      </c>
      <c r="J3429" s="12">
        <f>'申請書（複数入力用）'!P3431</f>
        <v>1</v>
      </c>
    </row>
    <row r="3430" spans="1:10" ht="51.6" customHeight="1" x14ac:dyDescent="0.45">
      <c r="A3430" s="6">
        <f>'申請書（複数入力用）'!A3432</f>
        <v>3426</v>
      </c>
      <c r="B3430" s="13">
        <f>'申請書（複数入力用）'!AH3432</f>
        <v>0</v>
      </c>
      <c r="C3430" s="6">
        <f>'申請書（複数入力用）'!B3432</f>
        <v>0</v>
      </c>
      <c r="D3430" s="6">
        <f>'申請書（複数入力用）'!D3432</f>
        <v>0</v>
      </c>
      <c r="E3430" s="14">
        <f>'申請書（複数入力用）'!H3432</f>
        <v>0</v>
      </c>
      <c r="F3430" s="11" t="str">
        <f>'申請書（複数入力用）'!J3432</f>
        <v/>
      </c>
      <c r="G3430" s="6" t="str">
        <f>'申請書（複数入力用）'!K3432</f>
        <v>a052r000000jS9ZAAU</v>
      </c>
      <c r="H3430" s="12" t="e">
        <f>'申請書（複数入力用）'!N3432</f>
        <v>#N/A</v>
      </c>
      <c r="I3430" s="12" t="e">
        <f>'申請書（複数入力用）'!O3432</f>
        <v>#N/A</v>
      </c>
      <c r="J3430" s="12">
        <f>'申請書（複数入力用）'!P3432</f>
        <v>1</v>
      </c>
    </row>
    <row r="3431" spans="1:10" ht="51.6" customHeight="1" x14ac:dyDescent="0.45">
      <c r="A3431" s="6">
        <f>'申請書（複数入力用）'!A3433</f>
        <v>3427</v>
      </c>
      <c r="B3431" s="13">
        <f>'申請書（複数入力用）'!AH3433</f>
        <v>0</v>
      </c>
      <c r="C3431" s="6">
        <f>'申請書（複数入力用）'!B3433</f>
        <v>0</v>
      </c>
      <c r="D3431" s="6">
        <f>'申請書（複数入力用）'!D3433</f>
        <v>0</v>
      </c>
      <c r="E3431" s="14">
        <f>'申請書（複数入力用）'!H3433</f>
        <v>0</v>
      </c>
      <c r="F3431" s="11" t="str">
        <f>'申請書（複数入力用）'!J3433</f>
        <v/>
      </c>
      <c r="G3431" s="6" t="str">
        <f>'申請書（複数入力用）'!K3433</f>
        <v>a052r000000jS9ZAAU</v>
      </c>
      <c r="H3431" s="12" t="e">
        <f>'申請書（複数入力用）'!N3433</f>
        <v>#N/A</v>
      </c>
      <c r="I3431" s="12" t="e">
        <f>'申請書（複数入力用）'!O3433</f>
        <v>#N/A</v>
      </c>
      <c r="J3431" s="12">
        <f>'申請書（複数入力用）'!P3433</f>
        <v>1</v>
      </c>
    </row>
    <row r="3432" spans="1:10" ht="51.6" customHeight="1" x14ac:dyDescent="0.45">
      <c r="A3432" s="6">
        <f>'申請書（複数入力用）'!A3434</f>
        <v>3428</v>
      </c>
      <c r="B3432" s="13">
        <f>'申請書（複数入力用）'!AH3434</f>
        <v>0</v>
      </c>
      <c r="C3432" s="6">
        <f>'申請書（複数入力用）'!B3434</f>
        <v>0</v>
      </c>
      <c r="D3432" s="6">
        <f>'申請書（複数入力用）'!D3434</f>
        <v>0</v>
      </c>
      <c r="E3432" s="14">
        <f>'申請書（複数入力用）'!H3434</f>
        <v>0</v>
      </c>
      <c r="F3432" s="11" t="str">
        <f>'申請書（複数入力用）'!J3434</f>
        <v/>
      </c>
      <c r="G3432" s="6" t="str">
        <f>'申請書（複数入力用）'!K3434</f>
        <v>a052r000000jS9ZAAU</v>
      </c>
      <c r="H3432" s="12" t="e">
        <f>'申請書（複数入力用）'!N3434</f>
        <v>#N/A</v>
      </c>
      <c r="I3432" s="12" t="e">
        <f>'申請書（複数入力用）'!O3434</f>
        <v>#N/A</v>
      </c>
      <c r="J3432" s="12">
        <f>'申請書（複数入力用）'!P3434</f>
        <v>1</v>
      </c>
    </row>
    <row r="3433" spans="1:10" ht="51.6" customHeight="1" x14ac:dyDescent="0.45">
      <c r="A3433" s="6">
        <f>'申請書（複数入力用）'!A3435</f>
        <v>3429</v>
      </c>
      <c r="B3433" s="13">
        <f>'申請書（複数入力用）'!AH3435</f>
        <v>0</v>
      </c>
      <c r="C3433" s="6">
        <f>'申請書（複数入力用）'!B3435</f>
        <v>0</v>
      </c>
      <c r="D3433" s="6">
        <f>'申請書（複数入力用）'!D3435</f>
        <v>0</v>
      </c>
      <c r="E3433" s="14">
        <f>'申請書（複数入力用）'!H3435</f>
        <v>0</v>
      </c>
      <c r="F3433" s="11" t="str">
        <f>'申請書（複数入力用）'!J3435</f>
        <v/>
      </c>
      <c r="G3433" s="6" t="str">
        <f>'申請書（複数入力用）'!K3435</f>
        <v>a052r000000jS9ZAAU</v>
      </c>
      <c r="H3433" s="12" t="e">
        <f>'申請書（複数入力用）'!N3435</f>
        <v>#N/A</v>
      </c>
      <c r="I3433" s="12" t="e">
        <f>'申請書（複数入力用）'!O3435</f>
        <v>#N/A</v>
      </c>
      <c r="J3433" s="12">
        <f>'申請書（複数入力用）'!P3435</f>
        <v>1</v>
      </c>
    </row>
    <row r="3434" spans="1:10" ht="51.6" customHeight="1" x14ac:dyDescent="0.45">
      <c r="A3434" s="6">
        <f>'申請書（複数入力用）'!A3436</f>
        <v>3430</v>
      </c>
      <c r="B3434" s="13">
        <f>'申請書（複数入力用）'!AH3436</f>
        <v>0</v>
      </c>
      <c r="C3434" s="6">
        <f>'申請書（複数入力用）'!B3436</f>
        <v>0</v>
      </c>
      <c r="D3434" s="6">
        <f>'申請書（複数入力用）'!D3436</f>
        <v>0</v>
      </c>
      <c r="E3434" s="14">
        <f>'申請書（複数入力用）'!H3436</f>
        <v>0</v>
      </c>
      <c r="F3434" s="11" t="str">
        <f>'申請書（複数入力用）'!J3436</f>
        <v/>
      </c>
      <c r="G3434" s="6" t="str">
        <f>'申請書（複数入力用）'!K3436</f>
        <v>a052r000000jS9ZAAU</v>
      </c>
      <c r="H3434" s="12" t="e">
        <f>'申請書（複数入力用）'!N3436</f>
        <v>#N/A</v>
      </c>
      <c r="I3434" s="12" t="e">
        <f>'申請書（複数入力用）'!O3436</f>
        <v>#N/A</v>
      </c>
      <c r="J3434" s="12">
        <f>'申請書（複数入力用）'!P3436</f>
        <v>1</v>
      </c>
    </row>
    <row r="3435" spans="1:10" ht="51.6" customHeight="1" x14ac:dyDescent="0.45">
      <c r="A3435" s="6">
        <f>'申請書（複数入力用）'!A3437</f>
        <v>3431</v>
      </c>
      <c r="B3435" s="13">
        <f>'申請書（複数入力用）'!AH3437</f>
        <v>0</v>
      </c>
      <c r="C3435" s="6">
        <f>'申請書（複数入力用）'!B3437</f>
        <v>0</v>
      </c>
      <c r="D3435" s="6">
        <f>'申請書（複数入力用）'!D3437</f>
        <v>0</v>
      </c>
      <c r="E3435" s="14">
        <f>'申請書（複数入力用）'!H3437</f>
        <v>0</v>
      </c>
      <c r="F3435" s="11" t="str">
        <f>'申請書（複数入力用）'!J3437</f>
        <v/>
      </c>
      <c r="G3435" s="6" t="str">
        <f>'申請書（複数入力用）'!K3437</f>
        <v>a052r000000jS9ZAAU</v>
      </c>
      <c r="H3435" s="12" t="e">
        <f>'申請書（複数入力用）'!N3437</f>
        <v>#N/A</v>
      </c>
      <c r="I3435" s="12" t="e">
        <f>'申請書（複数入力用）'!O3437</f>
        <v>#N/A</v>
      </c>
      <c r="J3435" s="12">
        <f>'申請書（複数入力用）'!P3437</f>
        <v>1</v>
      </c>
    </row>
    <row r="3436" spans="1:10" ht="51.6" customHeight="1" x14ac:dyDescent="0.45">
      <c r="A3436" s="6">
        <f>'申請書（複数入力用）'!A3438</f>
        <v>3432</v>
      </c>
      <c r="B3436" s="13">
        <f>'申請書（複数入力用）'!AH3438</f>
        <v>0</v>
      </c>
      <c r="C3436" s="6">
        <f>'申請書（複数入力用）'!B3438</f>
        <v>0</v>
      </c>
      <c r="D3436" s="6">
        <f>'申請書（複数入力用）'!D3438</f>
        <v>0</v>
      </c>
      <c r="E3436" s="14">
        <f>'申請書（複数入力用）'!H3438</f>
        <v>0</v>
      </c>
      <c r="F3436" s="11" t="str">
        <f>'申請書（複数入力用）'!J3438</f>
        <v/>
      </c>
      <c r="G3436" s="6" t="str">
        <f>'申請書（複数入力用）'!K3438</f>
        <v>a052r000000jS9ZAAU</v>
      </c>
      <c r="H3436" s="12" t="e">
        <f>'申請書（複数入力用）'!N3438</f>
        <v>#N/A</v>
      </c>
      <c r="I3436" s="12" t="e">
        <f>'申請書（複数入力用）'!O3438</f>
        <v>#N/A</v>
      </c>
      <c r="J3436" s="12">
        <f>'申請書（複数入力用）'!P3438</f>
        <v>1</v>
      </c>
    </row>
    <row r="3437" spans="1:10" ht="51.6" customHeight="1" x14ac:dyDescent="0.45">
      <c r="A3437" s="6">
        <f>'申請書（複数入力用）'!A3439</f>
        <v>3433</v>
      </c>
      <c r="B3437" s="13">
        <f>'申請書（複数入力用）'!AH3439</f>
        <v>0</v>
      </c>
      <c r="C3437" s="6">
        <f>'申請書（複数入力用）'!B3439</f>
        <v>0</v>
      </c>
      <c r="D3437" s="6">
        <f>'申請書（複数入力用）'!D3439</f>
        <v>0</v>
      </c>
      <c r="E3437" s="14">
        <f>'申請書（複数入力用）'!H3439</f>
        <v>0</v>
      </c>
      <c r="F3437" s="11" t="str">
        <f>'申請書（複数入力用）'!J3439</f>
        <v/>
      </c>
      <c r="G3437" s="6" t="str">
        <f>'申請書（複数入力用）'!K3439</f>
        <v>a052r000000jS9ZAAU</v>
      </c>
      <c r="H3437" s="12" t="e">
        <f>'申請書（複数入力用）'!N3439</f>
        <v>#N/A</v>
      </c>
      <c r="I3437" s="12" t="e">
        <f>'申請書（複数入力用）'!O3439</f>
        <v>#N/A</v>
      </c>
      <c r="J3437" s="12">
        <f>'申請書（複数入力用）'!P3439</f>
        <v>1</v>
      </c>
    </row>
    <row r="3438" spans="1:10" ht="51.6" customHeight="1" x14ac:dyDescent="0.45">
      <c r="A3438" s="6">
        <f>'申請書（複数入力用）'!A3440</f>
        <v>3434</v>
      </c>
      <c r="B3438" s="13">
        <f>'申請書（複数入力用）'!AH3440</f>
        <v>0</v>
      </c>
      <c r="C3438" s="6">
        <f>'申請書（複数入力用）'!B3440</f>
        <v>0</v>
      </c>
      <c r="D3438" s="6">
        <f>'申請書（複数入力用）'!D3440</f>
        <v>0</v>
      </c>
      <c r="E3438" s="14">
        <f>'申請書（複数入力用）'!H3440</f>
        <v>0</v>
      </c>
      <c r="F3438" s="11" t="str">
        <f>'申請書（複数入力用）'!J3440</f>
        <v/>
      </c>
      <c r="G3438" s="6" t="str">
        <f>'申請書（複数入力用）'!K3440</f>
        <v>a052r000000jS9ZAAU</v>
      </c>
      <c r="H3438" s="12" t="e">
        <f>'申請書（複数入力用）'!N3440</f>
        <v>#N/A</v>
      </c>
      <c r="I3438" s="12" t="e">
        <f>'申請書（複数入力用）'!O3440</f>
        <v>#N/A</v>
      </c>
      <c r="J3438" s="12">
        <f>'申請書（複数入力用）'!P3440</f>
        <v>1</v>
      </c>
    </row>
    <row r="3439" spans="1:10" ht="51.6" customHeight="1" x14ac:dyDescent="0.45">
      <c r="A3439" s="6">
        <f>'申請書（複数入力用）'!A3441</f>
        <v>3435</v>
      </c>
      <c r="B3439" s="13">
        <f>'申請書（複数入力用）'!AH3441</f>
        <v>0</v>
      </c>
      <c r="C3439" s="6">
        <f>'申請書（複数入力用）'!B3441</f>
        <v>0</v>
      </c>
      <c r="D3439" s="6">
        <f>'申請書（複数入力用）'!D3441</f>
        <v>0</v>
      </c>
      <c r="E3439" s="14">
        <f>'申請書（複数入力用）'!H3441</f>
        <v>0</v>
      </c>
      <c r="F3439" s="11" t="str">
        <f>'申請書（複数入力用）'!J3441</f>
        <v/>
      </c>
      <c r="G3439" s="6" t="str">
        <f>'申請書（複数入力用）'!K3441</f>
        <v>a052r000000jS9ZAAU</v>
      </c>
      <c r="H3439" s="12" t="e">
        <f>'申請書（複数入力用）'!N3441</f>
        <v>#N/A</v>
      </c>
      <c r="I3439" s="12" t="e">
        <f>'申請書（複数入力用）'!O3441</f>
        <v>#N/A</v>
      </c>
      <c r="J3439" s="12">
        <f>'申請書（複数入力用）'!P3441</f>
        <v>1</v>
      </c>
    </row>
    <row r="3440" spans="1:10" ht="51.6" customHeight="1" x14ac:dyDescent="0.45">
      <c r="A3440" s="6">
        <f>'申請書（複数入力用）'!A3442</f>
        <v>3436</v>
      </c>
      <c r="B3440" s="13">
        <f>'申請書（複数入力用）'!AH3442</f>
        <v>0</v>
      </c>
      <c r="C3440" s="6">
        <f>'申請書（複数入力用）'!B3442</f>
        <v>0</v>
      </c>
      <c r="D3440" s="6">
        <f>'申請書（複数入力用）'!D3442</f>
        <v>0</v>
      </c>
      <c r="E3440" s="14">
        <f>'申請書（複数入力用）'!H3442</f>
        <v>0</v>
      </c>
      <c r="F3440" s="11" t="str">
        <f>'申請書（複数入力用）'!J3442</f>
        <v/>
      </c>
      <c r="G3440" s="6" t="str">
        <f>'申請書（複数入力用）'!K3442</f>
        <v>a052r000000jS9ZAAU</v>
      </c>
      <c r="H3440" s="12" t="e">
        <f>'申請書（複数入力用）'!N3442</f>
        <v>#N/A</v>
      </c>
      <c r="I3440" s="12" t="e">
        <f>'申請書（複数入力用）'!O3442</f>
        <v>#N/A</v>
      </c>
      <c r="J3440" s="12">
        <f>'申請書（複数入力用）'!P3442</f>
        <v>1</v>
      </c>
    </row>
    <row r="3441" spans="1:10" ht="51.6" customHeight="1" x14ac:dyDescent="0.45">
      <c r="A3441" s="6">
        <f>'申請書（複数入力用）'!A3443</f>
        <v>3437</v>
      </c>
      <c r="B3441" s="13">
        <f>'申請書（複数入力用）'!AH3443</f>
        <v>0</v>
      </c>
      <c r="C3441" s="6">
        <f>'申請書（複数入力用）'!B3443</f>
        <v>0</v>
      </c>
      <c r="D3441" s="6">
        <f>'申請書（複数入力用）'!D3443</f>
        <v>0</v>
      </c>
      <c r="E3441" s="14">
        <f>'申請書（複数入力用）'!H3443</f>
        <v>0</v>
      </c>
      <c r="F3441" s="11" t="str">
        <f>'申請書（複数入力用）'!J3443</f>
        <v/>
      </c>
      <c r="G3441" s="6" t="str">
        <f>'申請書（複数入力用）'!K3443</f>
        <v>a052r000000jS9ZAAU</v>
      </c>
      <c r="H3441" s="12" t="e">
        <f>'申請書（複数入力用）'!N3443</f>
        <v>#N/A</v>
      </c>
      <c r="I3441" s="12" t="e">
        <f>'申請書（複数入力用）'!O3443</f>
        <v>#N/A</v>
      </c>
      <c r="J3441" s="12">
        <f>'申請書（複数入力用）'!P3443</f>
        <v>1</v>
      </c>
    </row>
    <row r="3442" spans="1:10" ht="51.6" customHeight="1" x14ac:dyDescent="0.45">
      <c r="A3442" s="6">
        <f>'申請書（複数入力用）'!A3444</f>
        <v>3438</v>
      </c>
      <c r="B3442" s="13">
        <f>'申請書（複数入力用）'!AH3444</f>
        <v>0</v>
      </c>
      <c r="C3442" s="6">
        <f>'申請書（複数入力用）'!B3444</f>
        <v>0</v>
      </c>
      <c r="D3442" s="6">
        <f>'申請書（複数入力用）'!D3444</f>
        <v>0</v>
      </c>
      <c r="E3442" s="14">
        <f>'申請書（複数入力用）'!H3444</f>
        <v>0</v>
      </c>
      <c r="F3442" s="11" t="str">
        <f>'申請書（複数入力用）'!J3444</f>
        <v/>
      </c>
      <c r="G3442" s="6" t="str">
        <f>'申請書（複数入力用）'!K3444</f>
        <v>a052r000000jS9ZAAU</v>
      </c>
      <c r="H3442" s="12" t="e">
        <f>'申請書（複数入力用）'!N3444</f>
        <v>#N/A</v>
      </c>
      <c r="I3442" s="12" t="e">
        <f>'申請書（複数入力用）'!O3444</f>
        <v>#N/A</v>
      </c>
      <c r="J3442" s="12">
        <f>'申請書（複数入力用）'!P3444</f>
        <v>1</v>
      </c>
    </row>
    <row r="3443" spans="1:10" ht="51.6" customHeight="1" x14ac:dyDescent="0.45">
      <c r="A3443" s="6">
        <f>'申請書（複数入力用）'!A3445</f>
        <v>3439</v>
      </c>
      <c r="B3443" s="13">
        <f>'申請書（複数入力用）'!AH3445</f>
        <v>0</v>
      </c>
      <c r="C3443" s="6">
        <f>'申請書（複数入力用）'!B3445</f>
        <v>0</v>
      </c>
      <c r="D3443" s="6">
        <f>'申請書（複数入力用）'!D3445</f>
        <v>0</v>
      </c>
      <c r="E3443" s="14">
        <f>'申請書（複数入力用）'!H3445</f>
        <v>0</v>
      </c>
      <c r="F3443" s="11" t="str">
        <f>'申請書（複数入力用）'!J3445</f>
        <v/>
      </c>
      <c r="G3443" s="6" t="str">
        <f>'申請書（複数入力用）'!K3445</f>
        <v>a052r000000jS9ZAAU</v>
      </c>
      <c r="H3443" s="12" t="e">
        <f>'申請書（複数入力用）'!N3445</f>
        <v>#N/A</v>
      </c>
      <c r="I3443" s="12" t="e">
        <f>'申請書（複数入力用）'!O3445</f>
        <v>#N/A</v>
      </c>
      <c r="J3443" s="12">
        <f>'申請書（複数入力用）'!P3445</f>
        <v>1</v>
      </c>
    </row>
    <row r="3444" spans="1:10" ht="51.6" customHeight="1" x14ac:dyDescent="0.45">
      <c r="A3444" s="6">
        <f>'申請書（複数入力用）'!A3446</f>
        <v>3440</v>
      </c>
      <c r="B3444" s="13">
        <f>'申請書（複数入力用）'!AH3446</f>
        <v>0</v>
      </c>
      <c r="C3444" s="6">
        <f>'申請書（複数入力用）'!B3446</f>
        <v>0</v>
      </c>
      <c r="D3444" s="6">
        <f>'申請書（複数入力用）'!D3446</f>
        <v>0</v>
      </c>
      <c r="E3444" s="14">
        <f>'申請書（複数入力用）'!H3446</f>
        <v>0</v>
      </c>
      <c r="F3444" s="11" t="str">
        <f>'申請書（複数入力用）'!J3446</f>
        <v/>
      </c>
      <c r="G3444" s="6" t="str">
        <f>'申請書（複数入力用）'!K3446</f>
        <v>a052r000000jS9ZAAU</v>
      </c>
      <c r="H3444" s="12" t="e">
        <f>'申請書（複数入力用）'!N3446</f>
        <v>#N/A</v>
      </c>
      <c r="I3444" s="12" t="e">
        <f>'申請書（複数入力用）'!O3446</f>
        <v>#N/A</v>
      </c>
      <c r="J3444" s="12">
        <f>'申請書（複数入力用）'!P3446</f>
        <v>1</v>
      </c>
    </row>
    <row r="3445" spans="1:10" ht="51.6" customHeight="1" x14ac:dyDescent="0.45">
      <c r="A3445" s="6">
        <f>'申請書（複数入力用）'!A3447</f>
        <v>3441</v>
      </c>
      <c r="B3445" s="13">
        <f>'申請書（複数入力用）'!AH3447</f>
        <v>0</v>
      </c>
      <c r="C3445" s="6">
        <f>'申請書（複数入力用）'!B3447</f>
        <v>0</v>
      </c>
      <c r="D3445" s="6">
        <f>'申請書（複数入力用）'!D3447</f>
        <v>0</v>
      </c>
      <c r="E3445" s="14">
        <f>'申請書（複数入力用）'!H3447</f>
        <v>0</v>
      </c>
      <c r="F3445" s="11" t="str">
        <f>'申請書（複数入力用）'!J3447</f>
        <v/>
      </c>
      <c r="G3445" s="6" t="str">
        <f>'申請書（複数入力用）'!K3447</f>
        <v>a052r000000jS9ZAAU</v>
      </c>
      <c r="H3445" s="12" t="e">
        <f>'申請書（複数入力用）'!N3447</f>
        <v>#N/A</v>
      </c>
      <c r="I3445" s="12" t="e">
        <f>'申請書（複数入力用）'!O3447</f>
        <v>#N/A</v>
      </c>
      <c r="J3445" s="12">
        <f>'申請書（複数入力用）'!P3447</f>
        <v>1</v>
      </c>
    </row>
    <row r="3446" spans="1:10" ht="51.6" customHeight="1" x14ac:dyDescent="0.45">
      <c r="A3446" s="6">
        <f>'申請書（複数入力用）'!A3448</f>
        <v>3442</v>
      </c>
      <c r="B3446" s="13">
        <f>'申請書（複数入力用）'!AH3448</f>
        <v>0</v>
      </c>
      <c r="C3446" s="6">
        <f>'申請書（複数入力用）'!B3448</f>
        <v>0</v>
      </c>
      <c r="D3446" s="6">
        <f>'申請書（複数入力用）'!D3448</f>
        <v>0</v>
      </c>
      <c r="E3446" s="14">
        <f>'申請書（複数入力用）'!H3448</f>
        <v>0</v>
      </c>
      <c r="F3446" s="11" t="str">
        <f>'申請書（複数入力用）'!J3448</f>
        <v/>
      </c>
      <c r="G3446" s="6" t="str">
        <f>'申請書（複数入力用）'!K3448</f>
        <v>a052r000000jS9ZAAU</v>
      </c>
      <c r="H3446" s="12" t="e">
        <f>'申請書（複数入力用）'!N3448</f>
        <v>#N/A</v>
      </c>
      <c r="I3446" s="12" t="e">
        <f>'申請書（複数入力用）'!O3448</f>
        <v>#N/A</v>
      </c>
      <c r="J3446" s="12">
        <f>'申請書（複数入力用）'!P3448</f>
        <v>1</v>
      </c>
    </row>
    <row r="3447" spans="1:10" ht="51.6" customHeight="1" x14ac:dyDescent="0.45">
      <c r="A3447" s="6">
        <f>'申請書（複数入力用）'!A3449</f>
        <v>3443</v>
      </c>
      <c r="B3447" s="13">
        <f>'申請書（複数入力用）'!AH3449</f>
        <v>0</v>
      </c>
      <c r="C3447" s="6">
        <f>'申請書（複数入力用）'!B3449</f>
        <v>0</v>
      </c>
      <c r="D3447" s="6">
        <f>'申請書（複数入力用）'!D3449</f>
        <v>0</v>
      </c>
      <c r="E3447" s="14">
        <f>'申請書（複数入力用）'!H3449</f>
        <v>0</v>
      </c>
      <c r="F3447" s="11" t="str">
        <f>'申請書（複数入力用）'!J3449</f>
        <v/>
      </c>
      <c r="G3447" s="6" t="str">
        <f>'申請書（複数入力用）'!K3449</f>
        <v>a052r000000jS9ZAAU</v>
      </c>
      <c r="H3447" s="12" t="e">
        <f>'申請書（複数入力用）'!N3449</f>
        <v>#N/A</v>
      </c>
      <c r="I3447" s="12" t="e">
        <f>'申請書（複数入力用）'!O3449</f>
        <v>#N/A</v>
      </c>
      <c r="J3447" s="12">
        <f>'申請書（複数入力用）'!P3449</f>
        <v>1</v>
      </c>
    </row>
    <row r="3448" spans="1:10" ht="51.6" customHeight="1" x14ac:dyDescent="0.45">
      <c r="A3448" s="6">
        <f>'申請書（複数入力用）'!A3450</f>
        <v>3444</v>
      </c>
      <c r="B3448" s="13">
        <f>'申請書（複数入力用）'!AH3450</f>
        <v>0</v>
      </c>
      <c r="C3448" s="6">
        <f>'申請書（複数入力用）'!B3450</f>
        <v>0</v>
      </c>
      <c r="D3448" s="6">
        <f>'申請書（複数入力用）'!D3450</f>
        <v>0</v>
      </c>
      <c r="E3448" s="14">
        <f>'申請書（複数入力用）'!H3450</f>
        <v>0</v>
      </c>
      <c r="F3448" s="11" t="str">
        <f>'申請書（複数入力用）'!J3450</f>
        <v/>
      </c>
      <c r="G3448" s="6" t="str">
        <f>'申請書（複数入力用）'!K3450</f>
        <v>a052r000000jS9ZAAU</v>
      </c>
      <c r="H3448" s="12" t="e">
        <f>'申請書（複数入力用）'!N3450</f>
        <v>#N/A</v>
      </c>
      <c r="I3448" s="12" t="e">
        <f>'申請書（複数入力用）'!O3450</f>
        <v>#N/A</v>
      </c>
      <c r="J3448" s="12">
        <f>'申請書（複数入力用）'!P3450</f>
        <v>1</v>
      </c>
    </row>
    <row r="3449" spans="1:10" ht="51.6" customHeight="1" x14ac:dyDescent="0.45">
      <c r="A3449" s="6">
        <f>'申請書（複数入力用）'!A3451</f>
        <v>3445</v>
      </c>
      <c r="B3449" s="13">
        <f>'申請書（複数入力用）'!AH3451</f>
        <v>0</v>
      </c>
      <c r="C3449" s="6">
        <f>'申請書（複数入力用）'!B3451</f>
        <v>0</v>
      </c>
      <c r="D3449" s="6">
        <f>'申請書（複数入力用）'!D3451</f>
        <v>0</v>
      </c>
      <c r="E3449" s="14">
        <f>'申請書（複数入力用）'!H3451</f>
        <v>0</v>
      </c>
      <c r="F3449" s="11" t="str">
        <f>'申請書（複数入力用）'!J3451</f>
        <v/>
      </c>
      <c r="G3449" s="6" t="str">
        <f>'申請書（複数入力用）'!K3451</f>
        <v>a052r000000jS9ZAAU</v>
      </c>
      <c r="H3449" s="12" t="e">
        <f>'申請書（複数入力用）'!N3451</f>
        <v>#N/A</v>
      </c>
      <c r="I3449" s="12" t="e">
        <f>'申請書（複数入力用）'!O3451</f>
        <v>#N/A</v>
      </c>
      <c r="J3449" s="12">
        <f>'申請書（複数入力用）'!P3451</f>
        <v>1</v>
      </c>
    </row>
    <row r="3450" spans="1:10" ht="51.6" customHeight="1" x14ac:dyDescent="0.45">
      <c r="A3450" s="6">
        <f>'申請書（複数入力用）'!A3452</f>
        <v>3446</v>
      </c>
      <c r="B3450" s="13">
        <f>'申請書（複数入力用）'!AH3452</f>
        <v>0</v>
      </c>
      <c r="C3450" s="6">
        <f>'申請書（複数入力用）'!B3452</f>
        <v>0</v>
      </c>
      <c r="D3450" s="6">
        <f>'申請書（複数入力用）'!D3452</f>
        <v>0</v>
      </c>
      <c r="E3450" s="14">
        <f>'申請書（複数入力用）'!H3452</f>
        <v>0</v>
      </c>
      <c r="F3450" s="11" t="str">
        <f>'申請書（複数入力用）'!J3452</f>
        <v/>
      </c>
      <c r="G3450" s="6" t="str">
        <f>'申請書（複数入力用）'!K3452</f>
        <v>a052r000000jS9ZAAU</v>
      </c>
      <c r="H3450" s="12" t="e">
        <f>'申請書（複数入力用）'!N3452</f>
        <v>#N/A</v>
      </c>
      <c r="I3450" s="12" t="e">
        <f>'申請書（複数入力用）'!O3452</f>
        <v>#N/A</v>
      </c>
      <c r="J3450" s="12">
        <f>'申請書（複数入力用）'!P3452</f>
        <v>1</v>
      </c>
    </row>
    <row r="3451" spans="1:10" ht="51.6" customHeight="1" x14ac:dyDescent="0.45">
      <c r="A3451" s="6">
        <f>'申請書（複数入力用）'!A3453</f>
        <v>3447</v>
      </c>
      <c r="B3451" s="13">
        <f>'申請書（複数入力用）'!AH3453</f>
        <v>0</v>
      </c>
      <c r="C3451" s="6">
        <f>'申請書（複数入力用）'!B3453</f>
        <v>0</v>
      </c>
      <c r="D3451" s="6">
        <f>'申請書（複数入力用）'!D3453</f>
        <v>0</v>
      </c>
      <c r="E3451" s="14">
        <f>'申請書（複数入力用）'!H3453</f>
        <v>0</v>
      </c>
      <c r="F3451" s="11" t="str">
        <f>'申請書（複数入力用）'!J3453</f>
        <v/>
      </c>
      <c r="G3451" s="6" t="str">
        <f>'申請書（複数入力用）'!K3453</f>
        <v>a052r000000jS9ZAAU</v>
      </c>
      <c r="H3451" s="12" t="e">
        <f>'申請書（複数入力用）'!N3453</f>
        <v>#N/A</v>
      </c>
      <c r="I3451" s="12" t="e">
        <f>'申請書（複数入力用）'!O3453</f>
        <v>#N/A</v>
      </c>
      <c r="J3451" s="12">
        <f>'申請書（複数入力用）'!P3453</f>
        <v>1</v>
      </c>
    </row>
    <row r="3452" spans="1:10" ht="51.6" customHeight="1" x14ac:dyDescent="0.45">
      <c r="A3452" s="6">
        <f>'申請書（複数入力用）'!A3454</f>
        <v>3448</v>
      </c>
      <c r="B3452" s="13">
        <f>'申請書（複数入力用）'!AH3454</f>
        <v>0</v>
      </c>
      <c r="C3452" s="6">
        <f>'申請書（複数入力用）'!B3454</f>
        <v>0</v>
      </c>
      <c r="D3452" s="6">
        <f>'申請書（複数入力用）'!D3454</f>
        <v>0</v>
      </c>
      <c r="E3452" s="14">
        <f>'申請書（複数入力用）'!H3454</f>
        <v>0</v>
      </c>
      <c r="F3452" s="11" t="str">
        <f>'申請書（複数入力用）'!J3454</f>
        <v/>
      </c>
      <c r="G3452" s="6" t="str">
        <f>'申請書（複数入力用）'!K3454</f>
        <v>a052r000000jS9ZAAU</v>
      </c>
      <c r="H3452" s="12" t="e">
        <f>'申請書（複数入力用）'!N3454</f>
        <v>#N/A</v>
      </c>
      <c r="I3452" s="12" t="e">
        <f>'申請書（複数入力用）'!O3454</f>
        <v>#N/A</v>
      </c>
      <c r="J3452" s="12">
        <f>'申請書（複数入力用）'!P3454</f>
        <v>1</v>
      </c>
    </row>
    <row r="3453" spans="1:10" ht="51.6" customHeight="1" x14ac:dyDescent="0.45">
      <c r="A3453" s="6">
        <f>'申請書（複数入力用）'!A3455</f>
        <v>3449</v>
      </c>
      <c r="B3453" s="13">
        <f>'申請書（複数入力用）'!AH3455</f>
        <v>0</v>
      </c>
      <c r="C3453" s="6">
        <f>'申請書（複数入力用）'!B3455</f>
        <v>0</v>
      </c>
      <c r="D3453" s="6">
        <f>'申請書（複数入力用）'!D3455</f>
        <v>0</v>
      </c>
      <c r="E3453" s="14">
        <f>'申請書（複数入力用）'!H3455</f>
        <v>0</v>
      </c>
      <c r="F3453" s="11" t="str">
        <f>'申請書（複数入力用）'!J3455</f>
        <v/>
      </c>
      <c r="G3453" s="6" t="str">
        <f>'申請書（複数入力用）'!K3455</f>
        <v>a052r000000jS9ZAAU</v>
      </c>
      <c r="H3453" s="12" t="e">
        <f>'申請書（複数入力用）'!N3455</f>
        <v>#N/A</v>
      </c>
      <c r="I3453" s="12" t="e">
        <f>'申請書（複数入力用）'!O3455</f>
        <v>#N/A</v>
      </c>
      <c r="J3453" s="12">
        <f>'申請書（複数入力用）'!P3455</f>
        <v>1</v>
      </c>
    </row>
    <row r="3454" spans="1:10" ht="51.6" customHeight="1" x14ac:dyDescent="0.45">
      <c r="A3454" s="6">
        <f>'申請書（複数入力用）'!A3456</f>
        <v>3450</v>
      </c>
      <c r="B3454" s="13">
        <f>'申請書（複数入力用）'!AH3456</f>
        <v>0</v>
      </c>
      <c r="C3454" s="6">
        <f>'申請書（複数入力用）'!B3456</f>
        <v>0</v>
      </c>
      <c r="D3454" s="6">
        <f>'申請書（複数入力用）'!D3456</f>
        <v>0</v>
      </c>
      <c r="E3454" s="14">
        <f>'申請書（複数入力用）'!H3456</f>
        <v>0</v>
      </c>
      <c r="F3454" s="11" t="str">
        <f>'申請書（複数入力用）'!J3456</f>
        <v/>
      </c>
      <c r="G3454" s="6" t="str">
        <f>'申請書（複数入力用）'!K3456</f>
        <v>a052r000000jS9ZAAU</v>
      </c>
      <c r="H3454" s="12" t="e">
        <f>'申請書（複数入力用）'!N3456</f>
        <v>#N/A</v>
      </c>
      <c r="I3454" s="12" t="e">
        <f>'申請書（複数入力用）'!O3456</f>
        <v>#N/A</v>
      </c>
      <c r="J3454" s="12">
        <f>'申請書（複数入力用）'!P3456</f>
        <v>1</v>
      </c>
    </row>
    <row r="3455" spans="1:10" ht="51.6" customHeight="1" x14ac:dyDescent="0.45">
      <c r="A3455" s="6">
        <f>'申請書（複数入力用）'!A3457</f>
        <v>3451</v>
      </c>
      <c r="B3455" s="13">
        <f>'申請書（複数入力用）'!AH3457</f>
        <v>0</v>
      </c>
      <c r="C3455" s="6">
        <f>'申請書（複数入力用）'!B3457</f>
        <v>0</v>
      </c>
      <c r="D3455" s="6">
        <f>'申請書（複数入力用）'!D3457</f>
        <v>0</v>
      </c>
      <c r="E3455" s="14">
        <f>'申請書（複数入力用）'!H3457</f>
        <v>0</v>
      </c>
      <c r="F3455" s="11" t="str">
        <f>'申請書（複数入力用）'!J3457</f>
        <v/>
      </c>
      <c r="G3455" s="6" t="str">
        <f>'申請書（複数入力用）'!K3457</f>
        <v>a052r000000jS9ZAAU</v>
      </c>
      <c r="H3455" s="12" t="e">
        <f>'申請書（複数入力用）'!N3457</f>
        <v>#N/A</v>
      </c>
      <c r="I3455" s="12" t="e">
        <f>'申請書（複数入力用）'!O3457</f>
        <v>#N/A</v>
      </c>
      <c r="J3455" s="12">
        <f>'申請書（複数入力用）'!P3457</f>
        <v>1</v>
      </c>
    </row>
    <row r="3456" spans="1:10" ht="51.6" customHeight="1" x14ac:dyDescent="0.45">
      <c r="A3456" s="6">
        <f>'申請書（複数入力用）'!A3458</f>
        <v>3452</v>
      </c>
      <c r="B3456" s="13">
        <f>'申請書（複数入力用）'!AH3458</f>
        <v>0</v>
      </c>
      <c r="C3456" s="6">
        <f>'申請書（複数入力用）'!B3458</f>
        <v>0</v>
      </c>
      <c r="D3456" s="6">
        <f>'申請書（複数入力用）'!D3458</f>
        <v>0</v>
      </c>
      <c r="E3456" s="14">
        <f>'申請書（複数入力用）'!H3458</f>
        <v>0</v>
      </c>
      <c r="F3456" s="11" t="str">
        <f>'申請書（複数入力用）'!J3458</f>
        <v/>
      </c>
      <c r="G3456" s="6" t="str">
        <f>'申請書（複数入力用）'!K3458</f>
        <v>a052r000000jS9ZAAU</v>
      </c>
      <c r="H3456" s="12" t="e">
        <f>'申請書（複数入力用）'!N3458</f>
        <v>#N/A</v>
      </c>
      <c r="I3456" s="12" t="e">
        <f>'申請書（複数入力用）'!O3458</f>
        <v>#N/A</v>
      </c>
      <c r="J3456" s="12">
        <f>'申請書（複数入力用）'!P3458</f>
        <v>1</v>
      </c>
    </row>
    <row r="3457" spans="1:10" ht="51.6" customHeight="1" x14ac:dyDescent="0.45">
      <c r="A3457" s="6">
        <f>'申請書（複数入力用）'!A3459</f>
        <v>3453</v>
      </c>
      <c r="B3457" s="13">
        <f>'申請書（複数入力用）'!AH3459</f>
        <v>0</v>
      </c>
      <c r="C3457" s="6">
        <f>'申請書（複数入力用）'!B3459</f>
        <v>0</v>
      </c>
      <c r="D3457" s="6">
        <f>'申請書（複数入力用）'!D3459</f>
        <v>0</v>
      </c>
      <c r="E3457" s="14">
        <f>'申請書（複数入力用）'!H3459</f>
        <v>0</v>
      </c>
      <c r="F3457" s="11" t="str">
        <f>'申請書（複数入力用）'!J3459</f>
        <v/>
      </c>
      <c r="G3457" s="6" t="str">
        <f>'申請書（複数入力用）'!K3459</f>
        <v>a052r000000jS9ZAAU</v>
      </c>
      <c r="H3457" s="12" t="e">
        <f>'申請書（複数入力用）'!N3459</f>
        <v>#N/A</v>
      </c>
      <c r="I3457" s="12" t="e">
        <f>'申請書（複数入力用）'!O3459</f>
        <v>#N/A</v>
      </c>
      <c r="J3457" s="12">
        <f>'申請書（複数入力用）'!P3459</f>
        <v>1</v>
      </c>
    </row>
    <row r="3458" spans="1:10" ht="51.6" customHeight="1" x14ac:dyDescent="0.45">
      <c r="A3458" s="6">
        <f>'申請書（複数入力用）'!A3460</f>
        <v>3454</v>
      </c>
      <c r="B3458" s="13">
        <f>'申請書（複数入力用）'!AH3460</f>
        <v>0</v>
      </c>
      <c r="C3458" s="6">
        <f>'申請書（複数入力用）'!B3460</f>
        <v>0</v>
      </c>
      <c r="D3458" s="6">
        <f>'申請書（複数入力用）'!D3460</f>
        <v>0</v>
      </c>
      <c r="E3458" s="14">
        <f>'申請書（複数入力用）'!H3460</f>
        <v>0</v>
      </c>
      <c r="F3458" s="11" t="str">
        <f>'申請書（複数入力用）'!J3460</f>
        <v/>
      </c>
      <c r="G3458" s="6" t="str">
        <f>'申請書（複数入力用）'!K3460</f>
        <v>a052r000000jS9ZAAU</v>
      </c>
      <c r="H3458" s="12" t="e">
        <f>'申請書（複数入力用）'!N3460</f>
        <v>#N/A</v>
      </c>
      <c r="I3458" s="12" t="e">
        <f>'申請書（複数入力用）'!O3460</f>
        <v>#N/A</v>
      </c>
      <c r="J3458" s="12">
        <f>'申請書（複数入力用）'!P3460</f>
        <v>1</v>
      </c>
    </row>
    <row r="3459" spans="1:10" ht="51.6" customHeight="1" x14ac:dyDescent="0.45">
      <c r="A3459" s="6">
        <f>'申請書（複数入力用）'!A3461</f>
        <v>3455</v>
      </c>
      <c r="B3459" s="13">
        <f>'申請書（複数入力用）'!AH3461</f>
        <v>0</v>
      </c>
      <c r="C3459" s="6">
        <f>'申請書（複数入力用）'!B3461</f>
        <v>0</v>
      </c>
      <c r="D3459" s="6">
        <f>'申請書（複数入力用）'!D3461</f>
        <v>0</v>
      </c>
      <c r="E3459" s="14">
        <f>'申請書（複数入力用）'!H3461</f>
        <v>0</v>
      </c>
      <c r="F3459" s="11" t="str">
        <f>'申請書（複数入力用）'!J3461</f>
        <v/>
      </c>
      <c r="G3459" s="6" t="str">
        <f>'申請書（複数入力用）'!K3461</f>
        <v>a052r000000jS9ZAAU</v>
      </c>
      <c r="H3459" s="12" t="e">
        <f>'申請書（複数入力用）'!N3461</f>
        <v>#N/A</v>
      </c>
      <c r="I3459" s="12" t="e">
        <f>'申請書（複数入力用）'!O3461</f>
        <v>#N/A</v>
      </c>
      <c r="J3459" s="12">
        <f>'申請書（複数入力用）'!P3461</f>
        <v>1</v>
      </c>
    </row>
    <row r="3460" spans="1:10" ht="51.6" customHeight="1" x14ac:dyDescent="0.45">
      <c r="A3460" s="6">
        <f>'申請書（複数入力用）'!A3462</f>
        <v>3456</v>
      </c>
      <c r="B3460" s="13">
        <f>'申請書（複数入力用）'!AH3462</f>
        <v>0</v>
      </c>
      <c r="C3460" s="6">
        <f>'申請書（複数入力用）'!B3462</f>
        <v>0</v>
      </c>
      <c r="D3460" s="6">
        <f>'申請書（複数入力用）'!D3462</f>
        <v>0</v>
      </c>
      <c r="E3460" s="14">
        <f>'申請書（複数入力用）'!H3462</f>
        <v>0</v>
      </c>
      <c r="F3460" s="11" t="str">
        <f>'申請書（複数入力用）'!J3462</f>
        <v/>
      </c>
      <c r="G3460" s="6" t="str">
        <f>'申請書（複数入力用）'!K3462</f>
        <v>a052r000000jS9ZAAU</v>
      </c>
      <c r="H3460" s="12" t="e">
        <f>'申請書（複数入力用）'!N3462</f>
        <v>#N/A</v>
      </c>
      <c r="I3460" s="12" t="e">
        <f>'申請書（複数入力用）'!O3462</f>
        <v>#N/A</v>
      </c>
      <c r="J3460" s="12">
        <f>'申請書（複数入力用）'!P3462</f>
        <v>1</v>
      </c>
    </row>
    <row r="3461" spans="1:10" ht="51.6" customHeight="1" x14ac:dyDescent="0.45">
      <c r="A3461" s="6">
        <f>'申請書（複数入力用）'!A3463</f>
        <v>3457</v>
      </c>
      <c r="B3461" s="13">
        <f>'申請書（複数入力用）'!AH3463</f>
        <v>0</v>
      </c>
      <c r="C3461" s="6">
        <f>'申請書（複数入力用）'!B3463</f>
        <v>0</v>
      </c>
      <c r="D3461" s="6">
        <f>'申請書（複数入力用）'!D3463</f>
        <v>0</v>
      </c>
      <c r="E3461" s="14">
        <f>'申請書（複数入力用）'!H3463</f>
        <v>0</v>
      </c>
      <c r="F3461" s="11" t="str">
        <f>'申請書（複数入力用）'!J3463</f>
        <v/>
      </c>
      <c r="G3461" s="6" t="str">
        <f>'申請書（複数入力用）'!K3463</f>
        <v>a052r000000jS9ZAAU</v>
      </c>
      <c r="H3461" s="12" t="e">
        <f>'申請書（複数入力用）'!N3463</f>
        <v>#N/A</v>
      </c>
      <c r="I3461" s="12" t="e">
        <f>'申請書（複数入力用）'!O3463</f>
        <v>#N/A</v>
      </c>
      <c r="J3461" s="12">
        <f>'申請書（複数入力用）'!P3463</f>
        <v>1</v>
      </c>
    </row>
    <row r="3462" spans="1:10" ht="51.6" customHeight="1" x14ac:dyDescent="0.45">
      <c r="A3462" s="6">
        <f>'申請書（複数入力用）'!A3464</f>
        <v>3458</v>
      </c>
      <c r="B3462" s="13">
        <f>'申請書（複数入力用）'!AH3464</f>
        <v>0</v>
      </c>
      <c r="C3462" s="6">
        <f>'申請書（複数入力用）'!B3464</f>
        <v>0</v>
      </c>
      <c r="D3462" s="6">
        <f>'申請書（複数入力用）'!D3464</f>
        <v>0</v>
      </c>
      <c r="E3462" s="14">
        <f>'申請書（複数入力用）'!H3464</f>
        <v>0</v>
      </c>
      <c r="F3462" s="11" t="str">
        <f>'申請書（複数入力用）'!J3464</f>
        <v/>
      </c>
      <c r="G3462" s="6" t="str">
        <f>'申請書（複数入力用）'!K3464</f>
        <v>a052r000000jS9ZAAU</v>
      </c>
      <c r="H3462" s="12" t="e">
        <f>'申請書（複数入力用）'!N3464</f>
        <v>#N/A</v>
      </c>
      <c r="I3462" s="12" t="e">
        <f>'申請書（複数入力用）'!O3464</f>
        <v>#N/A</v>
      </c>
      <c r="J3462" s="12">
        <f>'申請書（複数入力用）'!P3464</f>
        <v>1</v>
      </c>
    </row>
    <row r="3463" spans="1:10" ht="51.6" customHeight="1" x14ac:dyDescent="0.45">
      <c r="A3463" s="6">
        <f>'申請書（複数入力用）'!A3465</f>
        <v>3459</v>
      </c>
      <c r="B3463" s="13">
        <f>'申請書（複数入力用）'!AH3465</f>
        <v>0</v>
      </c>
      <c r="C3463" s="6">
        <f>'申請書（複数入力用）'!B3465</f>
        <v>0</v>
      </c>
      <c r="D3463" s="6">
        <f>'申請書（複数入力用）'!D3465</f>
        <v>0</v>
      </c>
      <c r="E3463" s="14">
        <f>'申請書（複数入力用）'!H3465</f>
        <v>0</v>
      </c>
      <c r="F3463" s="11" t="str">
        <f>'申請書（複数入力用）'!J3465</f>
        <v/>
      </c>
      <c r="G3463" s="6" t="str">
        <f>'申請書（複数入力用）'!K3465</f>
        <v>a052r000000jS9ZAAU</v>
      </c>
      <c r="H3463" s="12" t="e">
        <f>'申請書（複数入力用）'!N3465</f>
        <v>#N/A</v>
      </c>
      <c r="I3463" s="12" t="e">
        <f>'申請書（複数入力用）'!O3465</f>
        <v>#N/A</v>
      </c>
      <c r="J3463" s="12">
        <f>'申請書（複数入力用）'!P3465</f>
        <v>1</v>
      </c>
    </row>
    <row r="3464" spans="1:10" ht="51.6" customHeight="1" x14ac:dyDescent="0.45">
      <c r="A3464" s="6">
        <f>'申請書（複数入力用）'!A3466</f>
        <v>3460</v>
      </c>
      <c r="B3464" s="13">
        <f>'申請書（複数入力用）'!AH3466</f>
        <v>0</v>
      </c>
      <c r="C3464" s="6">
        <f>'申請書（複数入力用）'!B3466</f>
        <v>0</v>
      </c>
      <c r="D3464" s="6">
        <f>'申請書（複数入力用）'!D3466</f>
        <v>0</v>
      </c>
      <c r="E3464" s="14">
        <f>'申請書（複数入力用）'!H3466</f>
        <v>0</v>
      </c>
      <c r="F3464" s="11" t="str">
        <f>'申請書（複数入力用）'!J3466</f>
        <v/>
      </c>
      <c r="G3464" s="6" t="str">
        <f>'申請書（複数入力用）'!K3466</f>
        <v>a052r000000jS9ZAAU</v>
      </c>
      <c r="H3464" s="12" t="e">
        <f>'申請書（複数入力用）'!N3466</f>
        <v>#N/A</v>
      </c>
      <c r="I3464" s="12" t="e">
        <f>'申請書（複数入力用）'!O3466</f>
        <v>#N/A</v>
      </c>
      <c r="J3464" s="12">
        <f>'申請書（複数入力用）'!P3466</f>
        <v>1</v>
      </c>
    </row>
    <row r="3465" spans="1:10" ht="51.6" customHeight="1" x14ac:dyDescent="0.45">
      <c r="A3465" s="6">
        <f>'申請書（複数入力用）'!A3467</f>
        <v>3461</v>
      </c>
      <c r="B3465" s="13">
        <f>'申請書（複数入力用）'!AH3467</f>
        <v>0</v>
      </c>
      <c r="C3465" s="6">
        <f>'申請書（複数入力用）'!B3467</f>
        <v>0</v>
      </c>
      <c r="D3465" s="6">
        <f>'申請書（複数入力用）'!D3467</f>
        <v>0</v>
      </c>
      <c r="E3465" s="14">
        <f>'申請書（複数入力用）'!H3467</f>
        <v>0</v>
      </c>
      <c r="F3465" s="11" t="str">
        <f>'申請書（複数入力用）'!J3467</f>
        <v/>
      </c>
      <c r="G3465" s="6" t="str">
        <f>'申請書（複数入力用）'!K3467</f>
        <v>a052r000000jS9ZAAU</v>
      </c>
      <c r="H3465" s="12" t="e">
        <f>'申請書（複数入力用）'!N3467</f>
        <v>#N/A</v>
      </c>
      <c r="I3465" s="12" t="e">
        <f>'申請書（複数入力用）'!O3467</f>
        <v>#N/A</v>
      </c>
      <c r="J3465" s="12">
        <f>'申請書（複数入力用）'!P3467</f>
        <v>1</v>
      </c>
    </row>
    <row r="3466" spans="1:10" ht="51.6" customHeight="1" x14ac:dyDescent="0.45">
      <c r="A3466" s="6">
        <f>'申請書（複数入力用）'!A3468</f>
        <v>3462</v>
      </c>
      <c r="B3466" s="13">
        <f>'申請書（複数入力用）'!AH3468</f>
        <v>0</v>
      </c>
      <c r="C3466" s="6">
        <f>'申請書（複数入力用）'!B3468</f>
        <v>0</v>
      </c>
      <c r="D3466" s="6">
        <f>'申請書（複数入力用）'!D3468</f>
        <v>0</v>
      </c>
      <c r="E3466" s="14">
        <f>'申請書（複数入力用）'!H3468</f>
        <v>0</v>
      </c>
      <c r="F3466" s="11" t="str">
        <f>'申請書（複数入力用）'!J3468</f>
        <v/>
      </c>
      <c r="G3466" s="6" t="str">
        <f>'申請書（複数入力用）'!K3468</f>
        <v>a052r000000jS9ZAAU</v>
      </c>
      <c r="H3466" s="12" t="e">
        <f>'申請書（複数入力用）'!N3468</f>
        <v>#N/A</v>
      </c>
      <c r="I3466" s="12" t="e">
        <f>'申請書（複数入力用）'!O3468</f>
        <v>#N/A</v>
      </c>
      <c r="J3466" s="12">
        <f>'申請書（複数入力用）'!P3468</f>
        <v>1</v>
      </c>
    </row>
    <row r="3467" spans="1:10" ht="51.6" customHeight="1" x14ac:dyDescent="0.45">
      <c r="A3467" s="6">
        <f>'申請書（複数入力用）'!A3469</f>
        <v>3463</v>
      </c>
      <c r="B3467" s="13">
        <f>'申請書（複数入力用）'!AH3469</f>
        <v>0</v>
      </c>
      <c r="C3467" s="6">
        <f>'申請書（複数入力用）'!B3469</f>
        <v>0</v>
      </c>
      <c r="D3467" s="6">
        <f>'申請書（複数入力用）'!D3469</f>
        <v>0</v>
      </c>
      <c r="E3467" s="14">
        <f>'申請書（複数入力用）'!H3469</f>
        <v>0</v>
      </c>
      <c r="F3467" s="11" t="str">
        <f>'申請書（複数入力用）'!J3469</f>
        <v/>
      </c>
      <c r="G3467" s="6" t="str">
        <f>'申請書（複数入力用）'!K3469</f>
        <v>a052r000000jS9ZAAU</v>
      </c>
      <c r="H3467" s="12" t="e">
        <f>'申請書（複数入力用）'!N3469</f>
        <v>#N/A</v>
      </c>
      <c r="I3467" s="12" t="e">
        <f>'申請書（複数入力用）'!O3469</f>
        <v>#N/A</v>
      </c>
      <c r="J3467" s="12">
        <f>'申請書（複数入力用）'!P3469</f>
        <v>1</v>
      </c>
    </row>
    <row r="3468" spans="1:10" ht="51.6" customHeight="1" x14ac:dyDescent="0.45">
      <c r="A3468" s="6">
        <f>'申請書（複数入力用）'!A3470</f>
        <v>3464</v>
      </c>
      <c r="B3468" s="13">
        <f>'申請書（複数入力用）'!AH3470</f>
        <v>0</v>
      </c>
      <c r="C3468" s="6">
        <f>'申請書（複数入力用）'!B3470</f>
        <v>0</v>
      </c>
      <c r="D3468" s="6">
        <f>'申請書（複数入力用）'!D3470</f>
        <v>0</v>
      </c>
      <c r="E3468" s="14">
        <f>'申請書（複数入力用）'!H3470</f>
        <v>0</v>
      </c>
      <c r="F3468" s="11" t="str">
        <f>'申請書（複数入力用）'!J3470</f>
        <v/>
      </c>
      <c r="G3468" s="6" t="str">
        <f>'申請書（複数入力用）'!K3470</f>
        <v>a052r000000jS9ZAAU</v>
      </c>
      <c r="H3468" s="12" t="e">
        <f>'申請書（複数入力用）'!N3470</f>
        <v>#N/A</v>
      </c>
      <c r="I3468" s="12" t="e">
        <f>'申請書（複数入力用）'!O3470</f>
        <v>#N/A</v>
      </c>
      <c r="J3468" s="12">
        <f>'申請書（複数入力用）'!P3470</f>
        <v>1</v>
      </c>
    </row>
    <row r="3469" spans="1:10" ht="51.6" customHeight="1" x14ac:dyDescent="0.45">
      <c r="A3469" s="6">
        <f>'申請書（複数入力用）'!A3471</f>
        <v>3465</v>
      </c>
      <c r="B3469" s="13">
        <f>'申請書（複数入力用）'!AH3471</f>
        <v>0</v>
      </c>
      <c r="C3469" s="6">
        <f>'申請書（複数入力用）'!B3471</f>
        <v>0</v>
      </c>
      <c r="D3469" s="6">
        <f>'申請書（複数入力用）'!D3471</f>
        <v>0</v>
      </c>
      <c r="E3469" s="14">
        <f>'申請書（複数入力用）'!H3471</f>
        <v>0</v>
      </c>
      <c r="F3469" s="11" t="str">
        <f>'申請書（複数入力用）'!J3471</f>
        <v/>
      </c>
      <c r="G3469" s="6" t="str">
        <f>'申請書（複数入力用）'!K3471</f>
        <v>a052r000000jS9ZAAU</v>
      </c>
      <c r="H3469" s="12" t="e">
        <f>'申請書（複数入力用）'!N3471</f>
        <v>#N/A</v>
      </c>
      <c r="I3469" s="12" t="e">
        <f>'申請書（複数入力用）'!O3471</f>
        <v>#N/A</v>
      </c>
      <c r="J3469" s="12">
        <f>'申請書（複数入力用）'!P3471</f>
        <v>1</v>
      </c>
    </row>
    <row r="3470" spans="1:10" ht="51.6" customHeight="1" x14ac:dyDescent="0.45">
      <c r="A3470" s="6">
        <f>'申請書（複数入力用）'!A3472</f>
        <v>3466</v>
      </c>
      <c r="B3470" s="13">
        <f>'申請書（複数入力用）'!AH3472</f>
        <v>0</v>
      </c>
      <c r="C3470" s="6">
        <f>'申請書（複数入力用）'!B3472</f>
        <v>0</v>
      </c>
      <c r="D3470" s="6">
        <f>'申請書（複数入力用）'!D3472</f>
        <v>0</v>
      </c>
      <c r="E3470" s="14">
        <f>'申請書（複数入力用）'!H3472</f>
        <v>0</v>
      </c>
      <c r="F3470" s="11" t="str">
        <f>'申請書（複数入力用）'!J3472</f>
        <v/>
      </c>
      <c r="G3470" s="6" t="str">
        <f>'申請書（複数入力用）'!K3472</f>
        <v>a052r000000jS9ZAAU</v>
      </c>
      <c r="H3470" s="12" t="e">
        <f>'申請書（複数入力用）'!N3472</f>
        <v>#N/A</v>
      </c>
      <c r="I3470" s="12" t="e">
        <f>'申請書（複数入力用）'!O3472</f>
        <v>#N/A</v>
      </c>
      <c r="J3470" s="12">
        <f>'申請書（複数入力用）'!P3472</f>
        <v>1</v>
      </c>
    </row>
    <row r="3471" spans="1:10" ht="51.6" customHeight="1" x14ac:dyDescent="0.45">
      <c r="A3471" s="6">
        <f>'申請書（複数入力用）'!A3473</f>
        <v>3467</v>
      </c>
      <c r="B3471" s="13">
        <f>'申請書（複数入力用）'!AH3473</f>
        <v>0</v>
      </c>
      <c r="C3471" s="6">
        <f>'申請書（複数入力用）'!B3473</f>
        <v>0</v>
      </c>
      <c r="D3471" s="6">
        <f>'申請書（複数入力用）'!D3473</f>
        <v>0</v>
      </c>
      <c r="E3471" s="14">
        <f>'申請書（複数入力用）'!H3473</f>
        <v>0</v>
      </c>
      <c r="F3471" s="11" t="str">
        <f>'申請書（複数入力用）'!J3473</f>
        <v/>
      </c>
      <c r="G3471" s="6" t="str">
        <f>'申請書（複数入力用）'!K3473</f>
        <v>a052r000000jS9ZAAU</v>
      </c>
      <c r="H3471" s="12" t="e">
        <f>'申請書（複数入力用）'!N3473</f>
        <v>#N/A</v>
      </c>
      <c r="I3471" s="12" t="e">
        <f>'申請書（複数入力用）'!O3473</f>
        <v>#N/A</v>
      </c>
      <c r="J3471" s="12">
        <f>'申請書（複数入力用）'!P3473</f>
        <v>1</v>
      </c>
    </row>
    <row r="3472" spans="1:10" ht="51.6" customHeight="1" x14ac:dyDescent="0.45">
      <c r="A3472" s="6">
        <f>'申請書（複数入力用）'!A3474</f>
        <v>3468</v>
      </c>
      <c r="B3472" s="13">
        <f>'申請書（複数入力用）'!AH3474</f>
        <v>0</v>
      </c>
      <c r="C3472" s="6">
        <f>'申請書（複数入力用）'!B3474</f>
        <v>0</v>
      </c>
      <c r="D3472" s="6">
        <f>'申請書（複数入力用）'!D3474</f>
        <v>0</v>
      </c>
      <c r="E3472" s="14">
        <f>'申請書（複数入力用）'!H3474</f>
        <v>0</v>
      </c>
      <c r="F3472" s="11" t="str">
        <f>'申請書（複数入力用）'!J3474</f>
        <v/>
      </c>
      <c r="G3472" s="6" t="str">
        <f>'申請書（複数入力用）'!K3474</f>
        <v>a052r000000jS9ZAAU</v>
      </c>
      <c r="H3472" s="12" t="e">
        <f>'申請書（複数入力用）'!N3474</f>
        <v>#N/A</v>
      </c>
      <c r="I3472" s="12" t="e">
        <f>'申請書（複数入力用）'!O3474</f>
        <v>#N/A</v>
      </c>
      <c r="J3472" s="12">
        <f>'申請書（複数入力用）'!P3474</f>
        <v>1</v>
      </c>
    </row>
    <row r="3473" spans="1:10" ht="51.6" customHeight="1" x14ac:dyDescent="0.45">
      <c r="A3473" s="6">
        <f>'申請書（複数入力用）'!A3475</f>
        <v>3469</v>
      </c>
      <c r="B3473" s="13">
        <f>'申請書（複数入力用）'!AH3475</f>
        <v>0</v>
      </c>
      <c r="C3473" s="6">
        <f>'申請書（複数入力用）'!B3475</f>
        <v>0</v>
      </c>
      <c r="D3473" s="6">
        <f>'申請書（複数入力用）'!D3475</f>
        <v>0</v>
      </c>
      <c r="E3473" s="14">
        <f>'申請書（複数入力用）'!H3475</f>
        <v>0</v>
      </c>
      <c r="F3473" s="11" t="str">
        <f>'申請書（複数入力用）'!J3475</f>
        <v/>
      </c>
      <c r="G3473" s="6" t="str">
        <f>'申請書（複数入力用）'!K3475</f>
        <v>a052r000000jS9ZAAU</v>
      </c>
      <c r="H3473" s="12" t="e">
        <f>'申請書（複数入力用）'!N3475</f>
        <v>#N/A</v>
      </c>
      <c r="I3473" s="12" t="e">
        <f>'申請書（複数入力用）'!O3475</f>
        <v>#N/A</v>
      </c>
      <c r="J3473" s="12">
        <f>'申請書（複数入力用）'!P3475</f>
        <v>1</v>
      </c>
    </row>
    <row r="3474" spans="1:10" ht="51.6" customHeight="1" x14ac:dyDescent="0.45">
      <c r="A3474" s="6">
        <f>'申請書（複数入力用）'!A3476</f>
        <v>3470</v>
      </c>
      <c r="B3474" s="13">
        <f>'申請書（複数入力用）'!AH3476</f>
        <v>0</v>
      </c>
      <c r="C3474" s="6">
        <f>'申請書（複数入力用）'!B3476</f>
        <v>0</v>
      </c>
      <c r="D3474" s="6">
        <f>'申請書（複数入力用）'!D3476</f>
        <v>0</v>
      </c>
      <c r="E3474" s="14">
        <f>'申請書（複数入力用）'!H3476</f>
        <v>0</v>
      </c>
      <c r="F3474" s="11" t="str">
        <f>'申請書（複数入力用）'!J3476</f>
        <v/>
      </c>
      <c r="G3474" s="6" t="str">
        <f>'申請書（複数入力用）'!K3476</f>
        <v>a052r000000jS9ZAAU</v>
      </c>
      <c r="H3474" s="12" t="e">
        <f>'申請書（複数入力用）'!N3476</f>
        <v>#N/A</v>
      </c>
      <c r="I3474" s="12" t="e">
        <f>'申請書（複数入力用）'!O3476</f>
        <v>#N/A</v>
      </c>
      <c r="J3474" s="12">
        <f>'申請書（複数入力用）'!P3476</f>
        <v>1</v>
      </c>
    </row>
    <row r="3475" spans="1:10" ht="51.6" customHeight="1" x14ac:dyDescent="0.45">
      <c r="A3475" s="6">
        <f>'申請書（複数入力用）'!A3477</f>
        <v>3471</v>
      </c>
      <c r="B3475" s="13">
        <f>'申請書（複数入力用）'!AH3477</f>
        <v>0</v>
      </c>
      <c r="C3475" s="6">
        <f>'申請書（複数入力用）'!B3477</f>
        <v>0</v>
      </c>
      <c r="D3475" s="6">
        <f>'申請書（複数入力用）'!D3477</f>
        <v>0</v>
      </c>
      <c r="E3475" s="14">
        <f>'申請書（複数入力用）'!H3477</f>
        <v>0</v>
      </c>
      <c r="F3475" s="11" t="str">
        <f>'申請書（複数入力用）'!J3477</f>
        <v/>
      </c>
      <c r="G3475" s="6" t="str">
        <f>'申請書（複数入力用）'!K3477</f>
        <v>a052r000000jS9ZAAU</v>
      </c>
      <c r="H3475" s="12" t="e">
        <f>'申請書（複数入力用）'!N3477</f>
        <v>#N/A</v>
      </c>
      <c r="I3475" s="12" t="e">
        <f>'申請書（複数入力用）'!O3477</f>
        <v>#N/A</v>
      </c>
      <c r="J3475" s="12">
        <f>'申請書（複数入力用）'!P3477</f>
        <v>1</v>
      </c>
    </row>
    <row r="3476" spans="1:10" ht="51.6" customHeight="1" x14ac:dyDescent="0.45">
      <c r="A3476" s="6">
        <f>'申請書（複数入力用）'!A3478</f>
        <v>3472</v>
      </c>
      <c r="B3476" s="13">
        <f>'申請書（複数入力用）'!AH3478</f>
        <v>0</v>
      </c>
      <c r="C3476" s="6">
        <f>'申請書（複数入力用）'!B3478</f>
        <v>0</v>
      </c>
      <c r="D3476" s="6">
        <f>'申請書（複数入力用）'!D3478</f>
        <v>0</v>
      </c>
      <c r="E3476" s="14">
        <f>'申請書（複数入力用）'!H3478</f>
        <v>0</v>
      </c>
      <c r="F3476" s="11" t="str">
        <f>'申請書（複数入力用）'!J3478</f>
        <v/>
      </c>
      <c r="G3476" s="6" t="str">
        <f>'申請書（複数入力用）'!K3478</f>
        <v>a052r000000jS9ZAAU</v>
      </c>
      <c r="H3476" s="12" t="e">
        <f>'申請書（複数入力用）'!N3478</f>
        <v>#N/A</v>
      </c>
      <c r="I3476" s="12" t="e">
        <f>'申請書（複数入力用）'!O3478</f>
        <v>#N/A</v>
      </c>
      <c r="J3476" s="12">
        <f>'申請書（複数入力用）'!P3478</f>
        <v>1</v>
      </c>
    </row>
    <row r="3477" spans="1:10" ht="51.6" customHeight="1" x14ac:dyDescent="0.45">
      <c r="A3477" s="6">
        <f>'申請書（複数入力用）'!A3479</f>
        <v>3473</v>
      </c>
      <c r="B3477" s="13">
        <f>'申請書（複数入力用）'!AH3479</f>
        <v>0</v>
      </c>
      <c r="C3477" s="6">
        <f>'申請書（複数入力用）'!B3479</f>
        <v>0</v>
      </c>
      <c r="D3477" s="6">
        <f>'申請書（複数入力用）'!D3479</f>
        <v>0</v>
      </c>
      <c r="E3477" s="14">
        <f>'申請書（複数入力用）'!H3479</f>
        <v>0</v>
      </c>
      <c r="F3477" s="11" t="str">
        <f>'申請書（複数入力用）'!J3479</f>
        <v/>
      </c>
      <c r="G3477" s="6" t="str">
        <f>'申請書（複数入力用）'!K3479</f>
        <v>a052r000000jS9ZAAU</v>
      </c>
      <c r="H3477" s="12" t="e">
        <f>'申請書（複数入力用）'!N3479</f>
        <v>#N/A</v>
      </c>
      <c r="I3477" s="12" t="e">
        <f>'申請書（複数入力用）'!O3479</f>
        <v>#N/A</v>
      </c>
      <c r="J3477" s="12">
        <f>'申請書（複数入力用）'!P3479</f>
        <v>1</v>
      </c>
    </row>
    <row r="3478" spans="1:10" ht="51.6" customHeight="1" x14ac:dyDescent="0.45">
      <c r="A3478" s="6">
        <f>'申請書（複数入力用）'!A3480</f>
        <v>3474</v>
      </c>
      <c r="B3478" s="13">
        <f>'申請書（複数入力用）'!AH3480</f>
        <v>0</v>
      </c>
      <c r="C3478" s="6">
        <f>'申請書（複数入力用）'!B3480</f>
        <v>0</v>
      </c>
      <c r="D3478" s="6">
        <f>'申請書（複数入力用）'!D3480</f>
        <v>0</v>
      </c>
      <c r="E3478" s="14">
        <f>'申請書（複数入力用）'!H3480</f>
        <v>0</v>
      </c>
      <c r="F3478" s="11" t="str">
        <f>'申請書（複数入力用）'!J3480</f>
        <v/>
      </c>
      <c r="G3478" s="6" t="str">
        <f>'申請書（複数入力用）'!K3480</f>
        <v>a052r000000jS9ZAAU</v>
      </c>
      <c r="H3478" s="12" t="e">
        <f>'申請書（複数入力用）'!N3480</f>
        <v>#N/A</v>
      </c>
      <c r="I3478" s="12" t="e">
        <f>'申請書（複数入力用）'!O3480</f>
        <v>#N/A</v>
      </c>
      <c r="J3478" s="12">
        <f>'申請書（複数入力用）'!P3480</f>
        <v>1</v>
      </c>
    </row>
    <row r="3479" spans="1:10" ht="51.6" customHeight="1" x14ac:dyDescent="0.45">
      <c r="A3479" s="6">
        <f>'申請書（複数入力用）'!A3481</f>
        <v>3475</v>
      </c>
      <c r="B3479" s="13">
        <f>'申請書（複数入力用）'!AH3481</f>
        <v>0</v>
      </c>
      <c r="C3479" s="6">
        <f>'申請書（複数入力用）'!B3481</f>
        <v>0</v>
      </c>
      <c r="D3479" s="6">
        <f>'申請書（複数入力用）'!D3481</f>
        <v>0</v>
      </c>
      <c r="E3479" s="14">
        <f>'申請書（複数入力用）'!H3481</f>
        <v>0</v>
      </c>
      <c r="F3479" s="11" t="str">
        <f>'申請書（複数入力用）'!J3481</f>
        <v/>
      </c>
      <c r="G3479" s="6" t="str">
        <f>'申請書（複数入力用）'!K3481</f>
        <v>a052r000000jS9ZAAU</v>
      </c>
      <c r="H3479" s="12" t="e">
        <f>'申請書（複数入力用）'!N3481</f>
        <v>#N/A</v>
      </c>
      <c r="I3479" s="12" t="e">
        <f>'申請書（複数入力用）'!O3481</f>
        <v>#N/A</v>
      </c>
      <c r="J3479" s="12">
        <f>'申請書（複数入力用）'!P3481</f>
        <v>1</v>
      </c>
    </row>
    <row r="3480" spans="1:10" ht="51.6" customHeight="1" x14ac:dyDescent="0.45">
      <c r="A3480" s="6">
        <f>'申請書（複数入力用）'!A3482</f>
        <v>3476</v>
      </c>
      <c r="B3480" s="13">
        <f>'申請書（複数入力用）'!AH3482</f>
        <v>0</v>
      </c>
      <c r="C3480" s="6">
        <f>'申請書（複数入力用）'!B3482</f>
        <v>0</v>
      </c>
      <c r="D3480" s="6">
        <f>'申請書（複数入力用）'!D3482</f>
        <v>0</v>
      </c>
      <c r="E3480" s="14">
        <f>'申請書（複数入力用）'!H3482</f>
        <v>0</v>
      </c>
      <c r="F3480" s="11" t="str">
        <f>'申請書（複数入力用）'!J3482</f>
        <v/>
      </c>
      <c r="G3480" s="6" t="str">
        <f>'申請書（複数入力用）'!K3482</f>
        <v>a052r000000jS9ZAAU</v>
      </c>
      <c r="H3480" s="12" t="e">
        <f>'申請書（複数入力用）'!N3482</f>
        <v>#N/A</v>
      </c>
      <c r="I3480" s="12" t="e">
        <f>'申請書（複数入力用）'!O3482</f>
        <v>#N/A</v>
      </c>
      <c r="J3480" s="12">
        <f>'申請書（複数入力用）'!P3482</f>
        <v>1</v>
      </c>
    </row>
    <row r="3481" spans="1:10" ht="51.6" customHeight="1" x14ac:dyDescent="0.45">
      <c r="A3481" s="6">
        <f>'申請書（複数入力用）'!A3483</f>
        <v>3477</v>
      </c>
      <c r="B3481" s="13">
        <f>'申請書（複数入力用）'!AH3483</f>
        <v>0</v>
      </c>
      <c r="C3481" s="6">
        <f>'申請書（複数入力用）'!B3483</f>
        <v>0</v>
      </c>
      <c r="D3481" s="6">
        <f>'申請書（複数入力用）'!D3483</f>
        <v>0</v>
      </c>
      <c r="E3481" s="14">
        <f>'申請書（複数入力用）'!H3483</f>
        <v>0</v>
      </c>
      <c r="F3481" s="11" t="str">
        <f>'申請書（複数入力用）'!J3483</f>
        <v/>
      </c>
      <c r="G3481" s="6" t="str">
        <f>'申請書（複数入力用）'!K3483</f>
        <v>a052r000000jS9ZAAU</v>
      </c>
      <c r="H3481" s="12" t="e">
        <f>'申請書（複数入力用）'!N3483</f>
        <v>#N/A</v>
      </c>
      <c r="I3481" s="12" t="e">
        <f>'申請書（複数入力用）'!O3483</f>
        <v>#N/A</v>
      </c>
      <c r="J3481" s="12">
        <f>'申請書（複数入力用）'!P3483</f>
        <v>1</v>
      </c>
    </row>
    <row r="3482" spans="1:10" ht="51.6" customHeight="1" x14ac:dyDescent="0.45">
      <c r="A3482" s="6">
        <f>'申請書（複数入力用）'!A3484</f>
        <v>3478</v>
      </c>
      <c r="B3482" s="13">
        <f>'申請書（複数入力用）'!AH3484</f>
        <v>0</v>
      </c>
      <c r="C3482" s="6">
        <f>'申請書（複数入力用）'!B3484</f>
        <v>0</v>
      </c>
      <c r="D3482" s="6">
        <f>'申請書（複数入力用）'!D3484</f>
        <v>0</v>
      </c>
      <c r="E3482" s="14">
        <f>'申請書（複数入力用）'!H3484</f>
        <v>0</v>
      </c>
      <c r="F3482" s="11" t="str">
        <f>'申請書（複数入力用）'!J3484</f>
        <v/>
      </c>
      <c r="G3482" s="6" t="str">
        <f>'申請書（複数入力用）'!K3484</f>
        <v>a052r000000jS9ZAAU</v>
      </c>
      <c r="H3482" s="12" t="e">
        <f>'申請書（複数入力用）'!N3484</f>
        <v>#N/A</v>
      </c>
      <c r="I3482" s="12" t="e">
        <f>'申請書（複数入力用）'!O3484</f>
        <v>#N/A</v>
      </c>
      <c r="J3482" s="12">
        <f>'申請書（複数入力用）'!P3484</f>
        <v>1</v>
      </c>
    </row>
    <row r="3483" spans="1:10" ht="51.6" customHeight="1" x14ac:dyDescent="0.45">
      <c r="A3483" s="6">
        <f>'申請書（複数入力用）'!A3485</f>
        <v>3479</v>
      </c>
      <c r="B3483" s="13">
        <f>'申請書（複数入力用）'!AH3485</f>
        <v>0</v>
      </c>
      <c r="C3483" s="6">
        <f>'申請書（複数入力用）'!B3485</f>
        <v>0</v>
      </c>
      <c r="D3483" s="6">
        <f>'申請書（複数入力用）'!D3485</f>
        <v>0</v>
      </c>
      <c r="E3483" s="14">
        <f>'申請書（複数入力用）'!H3485</f>
        <v>0</v>
      </c>
      <c r="F3483" s="11" t="str">
        <f>'申請書（複数入力用）'!J3485</f>
        <v/>
      </c>
      <c r="G3483" s="6" t="str">
        <f>'申請書（複数入力用）'!K3485</f>
        <v>a052r000000jS9ZAAU</v>
      </c>
      <c r="H3483" s="12" t="e">
        <f>'申請書（複数入力用）'!N3485</f>
        <v>#N/A</v>
      </c>
      <c r="I3483" s="12" t="e">
        <f>'申請書（複数入力用）'!O3485</f>
        <v>#N/A</v>
      </c>
      <c r="J3483" s="12">
        <f>'申請書（複数入力用）'!P3485</f>
        <v>1</v>
      </c>
    </row>
    <row r="3484" spans="1:10" ht="51.6" customHeight="1" x14ac:dyDescent="0.45">
      <c r="A3484" s="6">
        <f>'申請書（複数入力用）'!A3486</f>
        <v>3480</v>
      </c>
      <c r="B3484" s="13">
        <f>'申請書（複数入力用）'!AH3486</f>
        <v>0</v>
      </c>
      <c r="C3484" s="6">
        <f>'申請書（複数入力用）'!B3486</f>
        <v>0</v>
      </c>
      <c r="D3484" s="6">
        <f>'申請書（複数入力用）'!D3486</f>
        <v>0</v>
      </c>
      <c r="E3484" s="14">
        <f>'申請書（複数入力用）'!H3486</f>
        <v>0</v>
      </c>
      <c r="F3484" s="11" t="str">
        <f>'申請書（複数入力用）'!J3486</f>
        <v/>
      </c>
      <c r="G3484" s="6" t="str">
        <f>'申請書（複数入力用）'!K3486</f>
        <v>a052r000000jS9ZAAU</v>
      </c>
      <c r="H3484" s="12" t="e">
        <f>'申請書（複数入力用）'!N3486</f>
        <v>#N/A</v>
      </c>
      <c r="I3484" s="12" t="e">
        <f>'申請書（複数入力用）'!O3486</f>
        <v>#N/A</v>
      </c>
      <c r="J3484" s="12">
        <f>'申請書（複数入力用）'!P3486</f>
        <v>1</v>
      </c>
    </row>
    <row r="3485" spans="1:10" ht="51.6" customHeight="1" x14ac:dyDescent="0.45">
      <c r="A3485" s="6">
        <f>'申請書（複数入力用）'!A3487</f>
        <v>3481</v>
      </c>
      <c r="B3485" s="13">
        <f>'申請書（複数入力用）'!AH3487</f>
        <v>0</v>
      </c>
      <c r="C3485" s="6">
        <f>'申請書（複数入力用）'!B3487</f>
        <v>0</v>
      </c>
      <c r="D3485" s="6">
        <f>'申請書（複数入力用）'!D3487</f>
        <v>0</v>
      </c>
      <c r="E3485" s="14">
        <f>'申請書（複数入力用）'!H3487</f>
        <v>0</v>
      </c>
      <c r="F3485" s="11" t="str">
        <f>'申請書（複数入力用）'!J3487</f>
        <v/>
      </c>
      <c r="G3485" s="6" t="str">
        <f>'申請書（複数入力用）'!K3487</f>
        <v>a052r000000jS9ZAAU</v>
      </c>
      <c r="H3485" s="12" t="e">
        <f>'申請書（複数入力用）'!N3487</f>
        <v>#N/A</v>
      </c>
      <c r="I3485" s="12" t="e">
        <f>'申請書（複数入力用）'!O3487</f>
        <v>#N/A</v>
      </c>
      <c r="J3485" s="12">
        <f>'申請書（複数入力用）'!P3487</f>
        <v>1</v>
      </c>
    </row>
    <row r="3486" spans="1:10" ht="51.6" customHeight="1" x14ac:dyDescent="0.45">
      <c r="A3486" s="6">
        <f>'申請書（複数入力用）'!A3488</f>
        <v>3482</v>
      </c>
      <c r="B3486" s="13">
        <f>'申請書（複数入力用）'!AH3488</f>
        <v>0</v>
      </c>
      <c r="C3486" s="6">
        <f>'申請書（複数入力用）'!B3488</f>
        <v>0</v>
      </c>
      <c r="D3486" s="6">
        <f>'申請書（複数入力用）'!D3488</f>
        <v>0</v>
      </c>
      <c r="E3486" s="14">
        <f>'申請書（複数入力用）'!H3488</f>
        <v>0</v>
      </c>
      <c r="F3486" s="11" t="str">
        <f>'申請書（複数入力用）'!J3488</f>
        <v/>
      </c>
      <c r="G3486" s="6" t="str">
        <f>'申請書（複数入力用）'!K3488</f>
        <v>a052r000000jS9ZAAU</v>
      </c>
      <c r="H3486" s="12" t="e">
        <f>'申請書（複数入力用）'!N3488</f>
        <v>#N/A</v>
      </c>
      <c r="I3486" s="12" t="e">
        <f>'申請書（複数入力用）'!O3488</f>
        <v>#N/A</v>
      </c>
      <c r="J3486" s="12">
        <f>'申請書（複数入力用）'!P3488</f>
        <v>1</v>
      </c>
    </row>
    <row r="3487" spans="1:10" ht="51.6" customHeight="1" x14ac:dyDescent="0.45">
      <c r="A3487" s="6">
        <f>'申請書（複数入力用）'!A3489</f>
        <v>3483</v>
      </c>
      <c r="B3487" s="13">
        <f>'申請書（複数入力用）'!AH3489</f>
        <v>0</v>
      </c>
      <c r="C3487" s="6">
        <f>'申請書（複数入力用）'!B3489</f>
        <v>0</v>
      </c>
      <c r="D3487" s="6">
        <f>'申請書（複数入力用）'!D3489</f>
        <v>0</v>
      </c>
      <c r="E3487" s="14">
        <f>'申請書（複数入力用）'!H3489</f>
        <v>0</v>
      </c>
      <c r="F3487" s="11" t="str">
        <f>'申請書（複数入力用）'!J3489</f>
        <v/>
      </c>
      <c r="G3487" s="6" t="str">
        <f>'申請書（複数入力用）'!K3489</f>
        <v>a052r000000jS9ZAAU</v>
      </c>
      <c r="H3487" s="12" t="e">
        <f>'申請書（複数入力用）'!N3489</f>
        <v>#N/A</v>
      </c>
      <c r="I3487" s="12" t="e">
        <f>'申請書（複数入力用）'!O3489</f>
        <v>#N/A</v>
      </c>
      <c r="J3487" s="12">
        <f>'申請書（複数入力用）'!P3489</f>
        <v>1</v>
      </c>
    </row>
    <row r="3488" spans="1:10" ht="51.6" customHeight="1" x14ac:dyDescent="0.45">
      <c r="A3488" s="6">
        <f>'申請書（複数入力用）'!A3490</f>
        <v>3484</v>
      </c>
      <c r="B3488" s="13">
        <f>'申請書（複数入力用）'!AH3490</f>
        <v>0</v>
      </c>
      <c r="C3488" s="6">
        <f>'申請書（複数入力用）'!B3490</f>
        <v>0</v>
      </c>
      <c r="D3488" s="6">
        <f>'申請書（複数入力用）'!D3490</f>
        <v>0</v>
      </c>
      <c r="E3488" s="14">
        <f>'申請書（複数入力用）'!H3490</f>
        <v>0</v>
      </c>
      <c r="F3488" s="11" t="str">
        <f>'申請書（複数入力用）'!J3490</f>
        <v/>
      </c>
      <c r="G3488" s="6" t="str">
        <f>'申請書（複数入力用）'!K3490</f>
        <v>a052r000000jS9ZAAU</v>
      </c>
      <c r="H3488" s="12" t="e">
        <f>'申請書（複数入力用）'!N3490</f>
        <v>#N/A</v>
      </c>
      <c r="I3488" s="12" t="e">
        <f>'申請書（複数入力用）'!O3490</f>
        <v>#N/A</v>
      </c>
      <c r="J3488" s="12">
        <f>'申請書（複数入力用）'!P3490</f>
        <v>1</v>
      </c>
    </row>
    <row r="3489" spans="1:10" ht="51.6" customHeight="1" x14ac:dyDescent="0.45">
      <c r="A3489" s="6">
        <f>'申請書（複数入力用）'!A3491</f>
        <v>3485</v>
      </c>
      <c r="B3489" s="13">
        <f>'申請書（複数入力用）'!AH3491</f>
        <v>0</v>
      </c>
      <c r="C3489" s="6">
        <f>'申請書（複数入力用）'!B3491</f>
        <v>0</v>
      </c>
      <c r="D3489" s="6">
        <f>'申請書（複数入力用）'!D3491</f>
        <v>0</v>
      </c>
      <c r="E3489" s="14">
        <f>'申請書（複数入力用）'!H3491</f>
        <v>0</v>
      </c>
      <c r="F3489" s="11" t="str">
        <f>'申請書（複数入力用）'!J3491</f>
        <v/>
      </c>
      <c r="G3489" s="6" t="str">
        <f>'申請書（複数入力用）'!K3491</f>
        <v>a052r000000jS9ZAAU</v>
      </c>
      <c r="H3489" s="12" t="e">
        <f>'申請書（複数入力用）'!N3491</f>
        <v>#N/A</v>
      </c>
      <c r="I3489" s="12" t="e">
        <f>'申請書（複数入力用）'!O3491</f>
        <v>#N/A</v>
      </c>
      <c r="J3489" s="12">
        <f>'申請書（複数入力用）'!P3491</f>
        <v>1</v>
      </c>
    </row>
    <row r="3490" spans="1:10" ht="51.6" customHeight="1" x14ac:dyDescent="0.45">
      <c r="A3490" s="6">
        <f>'申請書（複数入力用）'!A3492</f>
        <v>3486</v>
      </c>
      <c r="B3490" s="13">
        <f>'申請書（複数入力用）'!AH3492</f>
        <v>0</v>
      </c>
      <c r="C3490" s="6">
        <f>'申請書（複数入力用）'!B3492</f>
        <v>0</v>
      </c>
      <c r="D3490" s="6">
        <f>'申請書（複数入力用）'!D3492</f>
        <v>0</v>
      </c>
      <c r="E3490" s="14">
        <f>'申請書（複数入力用）'!H3492</f>
        <v>0</v>
      </c>
      <c r="F3490" s="11" t="str">
        <f>'申請書（複数入力用）'!J3492</f>
        <v/>
      </c>
      <c r="G3490" s="6" t="str">
        <f>'申請書（複数入力用）'!K3492</f>
        <v>a052r000000jS9ZAAU</v>
      </c>
      <c r="H3490" s="12" t="e">
        <f>'申請書（複数入力用）'!N3492</f>
        <v>#N/A</v>
      </c>
      <c r="I3490" s="12" t="e">
        <f>'申請書（複数入力用）'!O3492</f>
        <v>#N/A</v>
      </c>
      <c r="J3490" s="12">
        <f>'申請書（複数入力用）'!P3492</f>
        <v>1</v>
      </c>
    </row>
    <row r="3491" spans="1:10" ht="51.6" customHeight="1" x14ac:dyDescent="0.45">
      <c r="A3491" s="6">
        <f>'申請書（複数入力用）'!A3493</f>
        <v>3487</v>
      </c>
      <c r="B3491" s="13">
        <f>'申請書（複数入力用）'!AH3493</f>
        <v>0</v>
      </c>
      <c r="C3491" s="6">
        <f>'申請書（複数入力用）'!B3493</f>
        <v>0</v>
      </c>
      <c r="D3491" s="6">
        <f>'申請書（複数入力用）'!D3493</f>
        <v>0</v>
      </c>
      <c r="E3491" s="14">
        <f>'申請書（複数入力用）'!H3493</f>
        <v>0</v>
      </c>
      <c r="F3491" s="11" t="str">
        <f>'申請書（複数入力用）'!J3493</f>
        <v/>
      </c>
      <c r="G3491" s="6" t="str">
        <f>'申請書（複数入力用）'!K3493</f>
        <v>a052r000000jS9ZAAU</v>
      </c>
      <c r="H3491" s="12" t="e">
        <f>'申請書（複数入力用）'!N3493</f>
        <v>#N/A</v>
      </c>
      <c r="I3491" s="12" t="e">
        <f>'申請書（複数入力用）'!O3493</f>
        <v>#N/A</v>
      </c>
      <c r="J3491" s="12">
        <f>'申請書（複数入力用）'!P3493</f>
        <v>1</v>
      </c>
    </row>
    <row r="3492" spans="1:10" ht="51.6" customHeight="1" x14ac:dyDescent="0.45">
      <c r="A3492" s="6">
        <f>'申請書（複数入力用）'!A3494</f>
        <v>3488</v>
      </c>
      <c r="B3492" s="13">
        <f>'申請書（複数入力用）'!AH3494</f>
        <v>0</v>
      </c>
      <c r="C3492" s="6">
        <f>'申請書（複数入力用）'!B3494</f>
        <v>0</v>
      </c>
      <c r="D3492" s="6">
        <f>'申請書（複数入力用）'!D3494</f>
        <v>0</v>
      </c>
      <c r="E3492" s="14">
        <f>'申請書（複数入力用）'!H3494</f>
        <v>0</v>
      </c>
      <c r="F3492" s="11" t="str">
        <f>'申請書（複数入力用）'!J3494</f>
        <v/>
      </c>
      <c r="G3492" s="6" t="str">
        <f>'申請書（複数入力用）'!K3494</f>
        <v>a052r000000jS9ZAAU</v>
      </c>
      <c r="H3492" s="12" t="e">
        <f>'申請書（複数入力用）'!N3494</f>
        <v>#N/A</v>
      </c>
      <c r="I3492" s="12" t="e">
        <f>'申請書（複数入力用）'!O3494</f>
        <v>#N/A</v>
      </c>
      <c r="J3492" s="12">
        <f>'申請書（複数入力用）'!P3494</f>
        <v>1</v>
      </c>
    </row>
    <row r="3493" spans="1:10" ht="51.6" customHeight="1" x14ac:dyDescent="0.45">
      <c r="A3493" s="6">
        <f>'申請書（複数入力用）'!A3495</f>
        <v>3489</v>
      </c>
      <c r="B3493" s="13">
        <f>'申請書（複数入力用）'!AH3495</f>
        <v>0</v>
      </c>
      <c r="C3493" s="6">
        <f>'申請書（複数入力用）'!B3495</f>
        <v>0</v>
      </c>
      <c r="D3493" s="6">
        <f>'申請書（複数入力用）'!D3495</f>
        <v>0</v>
      </c>
      <c r="E3493" s="14">
        <f>'申請書（複数入力用）'!H3495</f>
        <v>0</v>
      </c>
      <c r="F3493" s="11" t="str">
        <f>'申請書（複数入力用）'!J3495</f>
        <v/>
      </c>
      <c r="G3493" s="6" t="str">
        <f>'申請書（複数入力用）'!K3495</f>
        <v>a052r000000jS9ZAAU</v>
      </c>
      <c r="H3493" s="12" t="e">
        <f>'申請書（複数入力用）'!N3495</f>
        <v>#N/A</v>
      </c>
      <c r="I3493" s="12" t="e">
        <f>'申請書（複数入力用）'!O3495</f>
        <v>#N/A</v>
      </c>
      <c r="J3493" s="12">
        <f>'申請書（複数入力用）'!P3495</f>
        <v>1</v>
      </c>
    </row>
    <row r="3494" spans="1:10" ht="51.6" customHeight="1" x14ac:dyDescent="0.45">
      <c r="A3494" s="6">
        <f>'申請書（複数入力用）'!A3496</f>
        <v>3490</v>
      </c>
      <c r="B3494" s="13">
        <f>'申請書（複数入力用）'!AH3496</f>
        <v>0</v>
      </c>
      <c r="C3494" s="6">
        <f>'申請書（複数入力用）'!B3496</f>
        <v>0</v>
      </c>
      <c r="D3494" s="6">
        <f>'申請書（複数入力用）'!D3496</f>
        <v>0</v>
      </c>
      <c r="E3494" s="14">
        <f>'申請書（複数入力用）'!H3496</f>
        <v>0</v>
      </c>
      <c r="F3494" s="11" t="str">
        <f>'申請書（複数入力用）'!J3496</f>
        <v/>
      </c>
      <c r="G3494" s="6" t="str">
        <f>'申請書（複数入力用）'!K3496</f>
        <v>a052r000000jS9ZAAU</v>
      </c>
      <c r="H3494" s="12" t="e">
        <f>'申請書（複数入力用）'!N3496</f>
        <v>#N/A</v>
      </c>
      <c r="I3494" s="12" t="e">
        <f>'申請書（複数入力用）'!O3496</f>
        <v>#N/A</v>
      </c>
      <c r="J3494" s="12">
        <f>'申請書（複数入力用）'!P3496</f>
        <v>1</v>
      </c>
    </row>
    <row r="3495" spans="1:10" ht="51.6" customHeight="1" x14ac:dyDescent="0.45">
      <c r="A3495" s="6">
        <f>'申請書（複数入力用）'!A3497</f>
        <v>3491</v>
      </c>
      <c r="B3495" s="13">
        <f>'申請書（複数入力用）'!AH3497</f>
        <v>0</v>
      </c>
      <c r="C3495" s="6">
        <f>'申請書（複数入力用）'!B3497</f>
        <v>0</v>
      </c>
      <c r="D3495" s="6">
        <f>'申請書（複数入力用）'!D3497</f>
        <v>0</v>
      </c>
      <c r="E3495" s="14">
        <f>'申請書（複数入力用）'!H3497</f>
        <v>0</v>
      </c>
      <c r="F3495" s="11" t="str">
        <f>'申請書（複数入力用）'!J3497</f>
        <v/>
      </c>
      <c r="G3495" s="6" t="str">
        <f>'申請書（複数入力用）'!K3497</f>
        <v>a052r000000jS9ZAAU</v>
      </c>
      <c r="H3495" s="12" t="e">
        <f>'申請書（複数入力用）'!N3497</f>
        <v>#N/A</v>
      </c>
      <c r="I3495" s="12" t="e">
        <f>'申請書（複数入力用）'!O3497</f>
        <v>#N/A</v>
      </c>
      <c r="J3495" s="12">
        <f>'申請書（複数入力用）'!P3497</f>
        <v>1</v>
      </c>
    </row>
    <row r="3496" spans="1:10" ht="51.6" customHeight="1" x14ac:dyDescent="0.45">
      <c r="A3496" s="6">
        <f>'申請書（複数入力用）'!A3498</f>
        <v>3492</v>
      </c>
      <c r="B3496" s="13">
        <f>'申請書（複数入力用）'!AH3498</f>
        <v>0</v>
      </c>
      <c r="C3496" s="6">
        <f>'申請書（複数入力用）'!B3498</f>
        <v>0</v>
      </c>
      <c r="D3496" s="6">
        <f>'申請書（複数入力用）'!D3498</f>
        <v>0</v>
      </c>
      <c r="E3496" s="14">
        <f>'申請書（複数入力用）'!H3498</f>
        <v>0</v>
      </c>
      <c r="F3496" s="11" t="str">
        <f>'申請書（複数入力用）'!J3498</f>
        <v/>
      </c>
      <c r="G3496" s="6" t="str">
        <f>'申請書（複数入力用）'!K3498</f>
        <v>a052r000000jS9ZAAU</v>
      </c>
      <c r="H3496" s="12" t="e">
        <f>'申請書（複数入力用）'!N3498</f>
        <v>#N/A</v>
      </c>
      <c r="I3496" s="12" t="e">
        <f>'申請書（複数入力用）'!O3498</f>
        <v>#N/A</v>
      </c>
      <c r="J3496" s="12">
        <f>'申請書（複数入力用）'!P3498</f>
        <v>1</v>
      </c>
    </row>
    <row r="3497" spans="1:10" ht="51.6" customHeight="1" x14ac:dyDescent="0.45">
      <c r="A3497" s="6">
        <f>'申請書（複数入力用）'!A3499</f>
        <v>3493</v>
      </c>
      <c r="B3497" s="13">
        <f>'申請書（複数入力用）'!AH3499</f>
        <v>0</v>
      </c>
      <c r="C3497" s="6">
        <f>'申請書（複数入力用）'!B3499</f>
        <v>0</v>
      </c>
      <c r="D3497" s="6">
        <f>'申請書（複数入力用）'!D3499</f>
        <v>0</v>
      </c>
      <c r="E3497" s="14">
        <f>'申請書（複数入力用）'!H3499</f>
        <v>0</v>
      </c>
      <c r="F3497" s="11" t="str">
        <f>'申請書（複数入力用）'!J3499</f>
        <v/>
      </c>
      <c r="G3497" s="6" t="str">
        <f>'申請書（複数入力用）'!K3499</f>
        <v>a052r000000jS9ZAAU</v>
      </c>
      <c r="H3497" s="12" t="e">
        <f>'申請書（複数入力用）'!N3499</f>
        <v>#N/A</v>
      </c>
      <c r="I3497" s="12" t="e">
        <f>'申請書（複数入力用）'!O3499</f>
        <v>#N/A</v>
      </c>
      <c r="J3497" s="12">
        <f>'申請書（複数入力用）'!P3499</f>
        <v>1</v>
      </c>
    </row>
    <row r="3498" spans="1:10" ht="51.6" customHeight="1" x14ac:dyDescent="0.45">
      <c r="A3498" s="6">
        <f>'申請書（複数入力用）'!A3500</f>
        <v>3494</v>
      </c>
      <c r="B3498" s="13">
        <f>'申請書（複数入力用）'!AH3500</f>
        <v>0</v>
      </c>
      <c r="C3498" s="6">
        <f>'申請書（複数入力用）'!B3500</f>
        <v>0</v>
      </c>
      <c r="D3498" s="6">
        <f>'申請書（複数入力用）'!D3500</f>
        <v>0</v>
      </c>
      <c r="E3498" s="14">
        <f>'申請書（複数入力用）'!H3500</f>
        <v>0</v>
      </c>
      <c r="F3498" s="11" t="str">
        <f>'申請書（複数入力用）'!J3500</f>
        <v/>
      </c>
      <c r="G3498" s="6" t="str">
        <f>'申請書（複数入力用）'!K3500</f>
        <v>a052r000000jS9ZAAU</v>
      </c>
      <c r="H3498" s="12" t="e">
        <f>'申請書（複数入力用）'!N3500</f>
        <v>#N/A</v>
      </c>
      <c r="I3498" s="12" t="e">
        <f>'申請書（複数入力用）'!O3500</f>
        <v>#N/A</v>
      </c>
      <c r="J3498" s="12">
        <f>'申請書（複数入力用）'!P3500</f>
        <v>1</v>
      </c>
    </row>
    <row r="3499" spans="1:10" ht="51.6" customHeight="1" x14ac:dyDescent="0.45">
      <c r="A3499" s="6">
        <f>'申請書（複数入力用）'!A3501</f>
        <v>3495</v>
      </c>
      <c r="B3499" s="13">
        <f>'申請書（複数入力用）'!AH3501</f>
        <v>0</v>
      </c>
      <c r="C3499" s="6">
        <f>'申請書（複数入力用）'!B3501</f>
        <v>0</v>
      </c>
      <c r="D3499" s="6">
        <f>'申請書（複数入力用）'!D3501</f>
        <v>0</v>
      </c>
      <c r="E3499" s="14">
        <f>'申請書（複数入力用）'!H3501</f>
        <v>0</v>
      </c>
      <c r="F3499" s="11" t="str">
        <f>'申請書（複数入力用）'!J3501</f>
        <v/>
      </c>
      <c r="G3499" s="6" t="str">
        <f>'申請書（複数入力用）'!K3501</f>
        <v>a052r000000jS9ZAAU</v>
      </c>
      <c r="H3499" s="12" t="e">
        <f>'申請書（複数入力用）'!N3501</f>
        <v>#N/A</v>
      </c>
      <c r="I3499" s="12" t="e">
        <f>'申請書（複数入力用）'!O3501</f>
        <v>#N/A</v>
      </c>
      <c r="J3499" s="12">
        <f>'申請書（複数入力用）'!P3501</f>
        <v>1</v>
      </c>
    </row>
    <row r="3500" spans="1:10" ht="51.6" customHeight="1" x14ac:dyDescent="0.45">
      <c r="A3500" s="6">
        <f>'申請書（複数入力用）'!A3502</f>
        <v>3496</v>
      </c>
      <c r="B3500" s="13">
        <f>'申請書（複数入力用）'!AH3502</f>
        <v>0</v>
      </c>
      <c r="C3500" s="6">
        <f>'申請書（複数入力用）'!B3502</f>
        <v>0</v>
      </c>
      <c r="D3500" s="6">
        <f>'申請書（複数入力用）'!D3502</f>
        <v>0</v>
      </c>
      <c r="E3500" s="14">
        <f>'申請書（複数入力用）'!H3502</f>
        <v>0</v>
      </c>
      <c r="F3500" s="11" t="str">
        <f>'申請書（複数入力用）'!J3502</f>
        <v/>
      </c>
      <c r="G3500" s="6" t="str">
        <f>'申請書（複数入力用）'!K3502</f>
        <v>a052r000000jS9ZAAU</v>
      </c>
      <c r="H3500" s="12" t="e">
        <f>'申請書（複数入力用）'!N3502</f>
        <v>#N/A</v>
      </c>
      <c r="I3500" s="12" t="e">
        <f>'申請書（複数入力用）'!O3502</f>
        <v>#N/A</v>
      </c>
      <c r="J3500" s="12">
        <f>'申請書（複数入力用）'!P3502</f>
        <v>1</v>
      </c>
    </row>
    <row r="3501" spans="1:10" ht="51.6" customHeight="1" x14ac:dyDescent="0.45">
      <c r="A3501" s="6">
        <f>'申請書（複数入力用）'!A3503</f>
        <v>3497</v>
      </c>
      <c r="B3501" s="13">
        <f>'申請書（複数入力用）'!AH3503</f>
        <v>0</v>
      </c>
      <c r="C3501" s="6">
        <f>'申請書（複数入力用）'!B3503</f>
        <v>0</v>
      </c>
      <c r="D3501" s="6">
        <f>'申請書（複数入力用）'!D3503</f>
        <v>0</v>
      </c>
      <c r="E3501" s="14">
        <f>'申請書（複数入力用）'!H3503</f>
        <v>0</v>
      </c>
      <c r="F3501" s="11" t="str">
        <f>'申請書（複数入力用）'!J3503</f>
        <v/>
      </c>
      <c r="G3501" s="6" t="str">
        <f>'申請書（複数入力用）'!K3503</f>
        <v>a052r000000jS9ZAAU</v>
      </c>
      <c r="H3501" s="12" t="e">
        <f>'申請書（複数入力用）'!N3503</f>
        <v>#N/A</v>
      </c>
      <c r="I3501" s="12" t="e">
        <f>'申請書（複数入力用）'!O3503</f>
        <v>#N/A</v>
      </c>
      <c r="J3501" s="12">
        <f>'申請書（複数入力用）'!P3503</f>
        <v>1</v>
      </c>
    </row>
    <row r="3502" spans="1:10" ht="51.6" customHeight="1" x14ac:dyDescent="0.45">
      <c r="A3502" s="6">
        <f>'申請書（複数入力用）'!A3504</f>
        <v>3498</v>
      </c>
      <c r="B3502" s="13">
        <f>'申請書（複数入力用）'!AH3504</f>
        <v>0</v>
      </c>
      <c r="C3502" s="6">
        <f>'申請書（複数入力用）'!B3504</f>
        <v>0</v>
      </c>
      <c r="D3502" s="6">
        <f>'申請書（複数入力用）'!D3504</f>
        <v>0</v>
      </c>
      <c r="E3502" s="14">
        <f>'申請書（複数入力用）'!H3504</f>
        <v>0</v>
      </c>
      <c r="F3502" s="11" t="str">
        <f>'申請書（複数入力用）'!J3504</f>
        <v/>
      </c>
      <c r="G3502" s="6" t="str">
        <f>'申請書（複数入力用）'!K3504</f>
        <v>a052r000000jS9ZAAU</v>
      </c>
      <c r="H3502" s="12" t="e">
        <f>'申請書（複数入力用）'!N3504</f>
        <v>#N/A</v>
      </c>
      <c r="I3502" s="12" t="e">
        <f>'申請書（複数入力用）'!O3504</f>
        <v>#N/A</v>
      </c>
      <c r="J3502" s="12">
        <f>'申請書（複数入力用）'!P3504</f>
        <v>1</v>
      </c>
    </row>
    <row r="3503" spans="1:10" ht="51.6" customHeight="1" x14ac:dyDescent="0.45">
      <c r="A3503" s="6">
        <f>'申請書（複数入力用）'!A3505</f>
        <v>3499</v>
      </c>
      <c r="B3503" s="13">
        <f>'申請書（複数入力用）'!AH3505</f>
        <v>0</v>
      </c>
      <c r="C3503" s="6">
        <f>'申請書（複数入力用）'!B3505</f>
        <v>0</v>
      </c>
      <c r="D3503" s="6">
        <f>'申請書（複数入力用）'!D3505</f>
        <v>0</v>
      </c>
      <c r="E3503" s="14">
        <f>'申請書（複数入力用）'!H3505</f>
        <v>0</v>
      </c>
      <c r="F3503" s="11" t="str">
        <f>'申請書（複数入力用）'!J3505</f>
        <v/>
      </c>
      <c r="G3503" s="6" t="str">
        <f>'申請書（複数入力用）'!K3505</f>
        <v>a052r000000jS9ZAAU</v>
      </c>
      <c r="H3503" s="12" t="e">
        <f>'申請書（複数入力用）'!N3505</f>
        <v>#N/A</v>
      </c>
      <c r="I3503" s="12" t="e">
        <f>'申請書（複数入力用）'!O3505</f>
        <v>#N/A</v>
      </c>
      <c r="J3503" s="12">
        <f>'申請書（複数入力用）'!P3505</f>
        <v>1</v>
      </c>
    </row>
    <row r="3504" spans="1:10" ht="51.6" customHeight="1" x14ac:dyDescent="0.45">
      <c r="A3504" s="6">
        <f>'申請書（複数入力用）'!A3506</f>
        <v>3500</v>
      </c>
      <c r="B3504" s="13">
        <f>'申請書（複数入力用）'!AH3506</f>
        <v>0</v>
      </c>
      <c r="C3504" s="6">
        <f>'申請書（複数入力用）'!B3506</f>
        <v>0</v>
      </c>
      <c r="D3504" s="6">
        <f>'申請書（複数入力用）'!D3506</f>
        <v>0</v>
      </c>
      <c r="E3504" s="14">
        <f>'申請書（複数入力用）'!H3506</f>
        <v>0</v>
      </c>
      <c r="F3504" s="11" t="str">
        <f>'申請書（複数入力用）'!J3506</f>
        <v/>
      </c>
      <c r="G3504" s="6" t="str">
        <f>'申請書（複数入力用）'!K3506</f>
        <v>a052r000000jS9ZAAU</v>
      </c>
      <c r="H3504" s="12" t="e">
        <f>'申請書（複数入力用）'!N3506</f>
        <v>#N/A</v>
      </c>
      <c r="I3504" s="12" t="e">
        <f>'申請書（複数入力用）'!O3506</f>
        <v>#N/A</v>
      </c>
      <c r="J3504" s="12">
        <f>'申請書（複数入力用）'!P3506</f>
        <v>1</v>
      </c>
    </row>
    <row r="3505" x14ac:dyDescent="0.45"/>
  </sheetData>
  <phoneticPr fontId="2"/>
  <dataValidations disablePrompts="1" count="2">
    <dataValidation imeMode="disabled" allowBlank="1" showInputMessage="1" showErrorMessage="1" sqref="D4:E3504 B4:B3504"/>
    <dataValidation type="list" allowBlank="1" showInputMessage="1" showErrorMessage="1" sqref="I1">
      <formula1>"TRUE"</formula1>
    </dataValidation>
  </dataValidations>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743"/>
  <sheetViews>
    <sheetView zoomScale="160" zoomScaleNormal="160" workbookViewId="0">
      <pane xSplit="1" ySplit="1" topLeftCell="B1547" activePane="bottomRight" state="frozen"/>
      <selection pane="topRight" activeCell="B1" sqref="B1"/>
      <selection pane="bottomLeft" activeCell="A2" sqref="A2"/>
      <selection pane="bottomRight" activeCell="C1552" sqref="C1:C1048576"/>
    </sheetView>
  </sheetViews>
  <sheetFormatPr defaultRowHeight="18" x14ac:dyDescent="0.45"/>
  <cols>
    <col min="1" max="1" width="38" style="21" bestFit="1" customWidth="1"/>
    <col min="3" max="3" width="8.69921875" style="22"/>
  </cols>
  <sheetData>
    <row r="1" spans="1:6" x14ac:dyDescent="0.45">
      <c r="A1" s="21" t="s">
        <v>1930</v>
      </c>
      <c r="B1" t="s">
        <v>1931</v>
      </c>
      <c r="C1" s="22" t="s">
        <v>5356</v>
      </c>
      <c r="E1" t="s">
        <v>5269</v>
      </c>
    </row>
    <row r="2" spans="1:6" x14ac:dyDescent="0.45">
      <c r="A2" s="21" t="s">
        <v>1932</v>
      </c>
      <c r="B2" s="22" t="s">
        <v>1751</v>
      </c>
      <c r="C2" s="22" t="s">
        <v>5357</v>
      </c>
      <c r="E2" t="s">
        <v>0</v>
      </c>
      <c r="F2" s="2" t="s">
        <v>7103</v>
      </c>
    </row>
    <row r="3" spans="1:6" x14ac:dyDescent="0.45">
      <c r="A3" s="21" t="s">
        <v>1933</v>
      </c>
      <c r="B3" t="s">
        <v>1752</v>
      </c>
      <c r="C3" s="22" t="s">
        <v>5358</v>
      </c>
      <c r="E3" t="s">
        <v>180</v>
      </c>
      <c r="F3" s="2" t="s">
        <v>7104</v>
      </c>
    </row>
    <row r="4" spans="1:6" x14ac:dyDescent="0.45">
      <c r="A4" s="21" t="s">
        <v>1934</v>
      </c>
      <c r="B4" t="s">
        <v>1753</v>
      </c>
      <c r="C4" s="22" t="s">
        <v>5359</v>
      </c>
      <c r="E4" t="s">
        <v>221</v>
      </c>
      <c r="F4" s="2" t="s">
        <v>7105</v>
      </c>
    </row>
    <row r="5" spans="1:6" x14ac:dyDescent="0.45">
      <c r="A5" s="21" t="s">
        <v>1935</v>
      </c>
      <c r="B5" t="s">
        <v>1754</v>
      </c>
      <c r="C5" s="22" t="s">
        <v>5360</v>
      </c>
      <c r="E5" t="s">
        <v>255</v>
      </c>
      <c r="F5" s="2" t="s">
        <v>7106</v>
      </c>
    </row>
    <row r="6" spans="1:6" x14ac:dyDescent="0.45">
      <c r="A6" s="21" t="s">
        <v>1936</v>
      </c>
      <c r="B6" t="s">
        <v>1755</v>
      </c>
      <c r="C6" s="22" t="s">
        <v>5361</v>
      </c>
      <c r="E6" t="s">
        <v>291</v>
      </c>
      <c r="F6" s="2" t="s">
        <v>7107</v>
      </c>
    </row>
    <row r="7" spans="1:6" x14ac:dyDescent="0.45">
      <c r="A7" s="21" t="s">
        <v>1937</v>
      </c>
      <c r="B7" t="s">
        <v>1756</v>
      </c>
      <c r="C7" s="22" t="s">
        <v>5362</v>
      </c>
      <c r="E7" t="s">
        <v>317</v>
      </c>
      <c r="F7" s="2" t="s">
        <v>7108</v>
      </c>
    </row>
    <row r="8" spans="1:6" x14ac:dyDescent="0.45">
      <c r="A8" s="21" t="s">
        <v>1938</v>
      </c>
      <c r="B8" t="s">
        <v>1757</v>
      </c>
      <c r="C8" s="22" t="s">
        <v>5363</v>
      </c>
      <c r="E8" t="s">
        <v>353</v>
      </c>
      <c r="F8" s="2" t="s">
        <v>7109</v>
      </c>
    </row>
    <row r="9" spans="1:6" x14ac:dyDescent="0.45">
      <c r="A9" s="21" t="s">
        <v>1939</v>
      </c>
      <c r="B9" t="s">
        <v>1758</v>
      </c>
      <c r="C9" s="22" t="s">
        <v>5364</v>
      </c>
      <c r="E9" t="s">
        <v>411</v>
      </c>
      <c r="F9" s="2" t="s">
        <v>7110</v>
      </c>
    </row>
    <row r="10" spans="1:6" x14ac:dyDescent="0.45">
      <c r="A10" s="21" t="s">
        <v>1940</v>
      </c>
      <c r="B10" t="s">
        <v>1759</v>
      </c>
      <c r="C10" s="22" t="s">
        <v>5365</v>
      </c>
      <c r="E10" t="s">
        <v>456</v>
      </c>
      <c r="F10" s="2" t="s">
        <v>7111</v>
      </c>
    </row>
    <row r="11" spans="1:6" x14ac:dyDescent="0.45">
      <c r="A11" s="21" t="s">
        <v>1941</v>
      </c>
      <c r="B11" t="s">
        <v>1760</v>
      </c>
      <c r="C11" s="22" t="s">
        <v>5366</v>
      </c>
      <c r="E11" t="s">
        <v>482</v>
      </c>
      <c r="F11" s="2" t="s">
        <v>5270</v>
      </c>
    </row>
    <row r="12" spans="1:6" x14ac:dyDescent="0.45">
      <c r="A12" s="21" t="s">
        <v>1942</v>
      </c>
      <c r="B12" t="s">
        <v>1761</v>
      </c>
      <c r="C12" s="22" t="s">
        <v>5367</v>
      </c>
      <c r="E12" t="s">
        <v>517</v>
      </c>
      <c r="F12" s="2" t="s">
        <v>5271</v>
      </c>
    </row>
    <row r="13" spans="1:6" x14ac:dyDescent="0.45">
      <c r="A13" s="21" t="s">
        <v>1943</v>
      </c>
      <c r="B13" t="s">
        <v>1762</v>
      </c>
      <c r="C13" s="22" t="s">
        <v>5368</v>
      </c>
      <c r="E13" t="s">
        <v>580</v>
      </c>
      <c r="F13" s="2" t="s">
        <v>5272</v>
      </c>
    </row>
    <row r="14" spans="1:6" x14ac:dyDescent="0.45">
      <c r="A14" s="21" t="s">
        <v>1944</v>
      </c>
      <c r="B14" t="s">
        <v>1763</v>
      </c>
      <c r="C14" s="22" t="s">
        <v>5369</v>
      </c>
      <c r="E14" t="s">
        <v>635</v>
      </c>
      <c r="F14" s="2" t="s">
        <v>5273</v>
      </c>
    </row>
    <row r="15" spans="1:6" x14ac:dyDescent="0.45">
      <c r="A15" s="21" t="s">
        <v>1945</v>
      </c>
      <c r="B15" t="s">
        <v>1764</v>
      </c>
      <c r="C15" s="22" t="s">
        <v>5370</v>
      </c>
      <c r="E15" t="s">
        <v>698</v>
      </c>
      <c r="F15" s="2" t="s">
        <v>5274</v>
      </c>
    </row>
    <row r="16" spans="1:6" x14ac:dyDescent="0.45">
      <c r="A16" s="21" t="s">
        <v>1946</v>
      </c>
      <c r="B16" t="s">
        <v>1765</v>
      </c>
      <c r="C16" s="22" t="s">
        <v>5371</v>
      </c>
      <c r="E16" t="s">
        <v>732</v>
      </c>
      <c r="F16" s="2" t="s">
        <v>5275</v>
      </c>
    </row>
    <row r="17" spans="1:6" x14ac:dyDescent="0.45">
      <c r="A17" s="21" t="s">
        <v>1947</v>
      </c>
      <c r="B17" t="s">
        <v>1766</v>
      </c>
      <c r="C17" s="22" t="s">
        <v>5372</v>
      </c>
      <c r="E17" t="s">
        <v>763</v>
      </c>
      <c r="F17" s="2" t="s">
        <v>5276</v>
      </c>
    </row>
    <row r="18" spans="1:6" x14ac:dyDescent="0.45">
      <c r="A18" s="21" t="s">
        <v>1948</v>
      </c>
      <c r="B18" t="s">
        <v>1767</v>
      </c>
      <c r="C18" s="22" t="s">
        <v>5373</v>
      </c>
      <c r="E18" t="s">
        <v>778</v>
      </c>
      <c r="F18" s="2" t="s">
        <v>5277</v>
      </c>
    </row>
    <row r="19" spans="1:6" x14ac:dyDescent="0.45">
      <c r="A19" s="21" t="s">
        <v>1949</v>
      </c>
      <c r="B19" t="s">
        <v>1768</v>
      </c>
      <c r="C19" s="22" t="s">
        <v>5374</v>
      </c>
      <c r="E19" t="s">
        <v>798</v>
      </c>
      <c r="F19" s="2" t="s">
        <v>5278</v>
      </c>
    </row>
    <row r="20" spans="1:6" x14ac:dyDescent="0.45">
      <c r="A20" s="21" t="s">
        <v>1950</v>
      </c>
      <c r="B20" t="s">
        <v>1769</v>
      </c>
      <c r="C20" s="22" t="s">
        <v>5375</v>
      </c>
      <c r="E20" t="s">
        <v>815</v>
      </c>
      <c r="F20" s="2" t="s">
        <v>5279</v>
      </c>
    </row>
    <row r="21" spans="1:6" x14ac:dyDescent="0.45">
      <c r="A21" s="21" t="s">
        <v>1951</v>
      </c>
      <c r="B21" t="s">
        <v>1770</v>
      </c>
      <c r="C21" s="22" t="s">
        <v>5376</v>
      </c>
      <c r="E21" t="s">
        <v>842</v>
      </c>
      <c r="F21" s="2" t="s">
        <v>5280</v>
      </c>
    </row>
    <row r="22" spans="1:6" x14ac:dyDescent="0.45">
      <c r="A22" s="21" t="s">
        <v>1952</v>
      </c>
      <c r="B22" t="s">
        <v>1771</v>
      </c>
      <c r="C22" s="22" t="s">
        <v>5377</v>
      </c>
      <c r="E22" t="s">
        <v>917</v>
      </c>
      <c r="F22" s="2" t="s">
        <v>5281</v>
      </c>
    </row>
    <row r="23" spans="1:6" x14ac:dyDescent="0.45">
      <c r="A23" s="21" t="s">
        <v>1953</v>
      </c>
      <c r="B23" t="s">
        <v>1772</v>
      </c>
      <c r="C23" s="22" t="s">
        <v>5378</v>
      </c>
      <c r="E23" t="s">
        <v>959</v>
      </c>
      <c r="F23" s="2" t="s">
        <v>5282</v>
      </c>
    </row>
    <row r="24" spans="1:6" x14ac:dyDescent="0.45">
      <c r="A24" s="21" t="s">
        <v>1954</v>
      </c>
      <c r="B24" t="s">
        <v>1773</v>
      </c>
      <c r="C24" s="22" t="s">
        <v>5379</v>
      </c>
      <c r="E24" t="s">
        <v>993</v>
      </c>
      <c r="F24" s="2" t="s">
        <v>5283</v>
      </c>
    </row>
    <row r="25" spans="1:6" x14ac:dyDescent="0.45">
      <c r="A25" s="21" t="s">
        <v>1955</v>
      </c>
      <c r="B25" t="s">
        <v>1774</v>
      </c>
      <c r="C25" s="22" t="s">
        <v>5380</v>
      </c>
      <c r="E25" t="s">
        <v>1047</v>
      </c>
      <c r="F25" s="2" t="s">
        <v>5284</v>
      </c>
    </row>
    <row r="26" spans="1:6" x14ac:dyDescent="0.45">
      <c r="A26" s="21" t="s">
        <v>1956</v>
      </c>
      <c r="B26" t="s">
        <v>1775</v>
      </c>
      <c r="C26" s="22" t="s">
        <v>5381</v>
      </c>
      <c r="E26" t="s">
        <v>1075</v>
      </c>
      <c r="F26" s="2" t="s">
        <v>5285</v>
      </c>
    </row>
    <row r="27" spans="1:6" x14ac:dyDescent="0.45">
      <c r="A27" s="21" t="s">
        <v>1957</v>
      </c>
      <c r="B27" t="s">
        <v>1776</v>
      </c>
      <c r="C27" s="22" t="s">
        <v>5382</v>
      </c>
      <c r="E27" t="s">
        <v>1095</v>
      </c>
      <c r="F27" s="2" t="s">
        <v>5286</v>
      </c>
    </row>
    <row r="28" spans="1:6" x14ac:dyDescent="0.45">
      <c r="A28" s="21" t="s">
        <v>1958</v>
      </c>
      <c r="B28" t="s">
        <v>1777</v>
      </c>
      <c r="C28" s="22" t="s">
        <v>5383</v>
      </c>
      <c r="E28" t="s">
        <v>1122</v>
      </c>
      <c r="F28" s="2" t="s">
        <v>5287</v>
      </c>
    </row>
    <row r="29" spans="1:6" x14ac:dyDescent="0.45">
      <c r="A29" s="21" t="s">
        <v>1959</v>
      </c>
      <c r="B29" t="s">
        <v>1778</v>
      </c>
      <c r="C29" s="22" t="s">
        <v>5384</v>
      </c>
      <c r="E29" t="s">
        <v>1166</v>
      </c>
      <c r="F29" s="2" t="s">
        <v>5288</v>
      </c>
    </row>
    <row r="30" spans="1:6" x14ac:dyDescent="0.45">
      <c r="A30" s="21" t="s">
        <v>1960</v>
      </c>
      <c r="B30" t="s">
        <v>1779</v>
      </c>
      <c r="C30" s="22" t="s">
        <v>5385</v>
      </c>
      <c r="E30" t="s">
        <v>1207</v>
      </c>
      <c r="F30" s="2" t="s">
        <v>5289</v>
      </c>
    </row>
    <row r="31" spans="1:6" x14ac:dyDescent="0.45">
      <c r="A31" s="21" t="s">
        <v>1961</v>
      </c>
      <c r="B31" t="s">
        <v>1780</v>
      </c>
      <c r="C31" s="22" t="s">
        <v>5386</v>
      </c>
      <c r="E31" t="s">
        <v>1245</v>
      </c>
      <c r="F31" s="2" t="s">
        <v>5290</v>
      </c>
    </row>
    <row r="32" spans="1:6" x14ac:dyDescent="0.45">
      <c r="A32" s="21" t="s">
        <v>1962</v>
      </c>
      <c r="B32" t="s">
        <v>1781</v>
      </c>
      <c r="C32" s="22" t="s">
        <v>5387</v>
      </c>
      <c r="E32" t="s">
        <v>1274</v>
      </c>
      <c r="F32" s="2" t="s">
        <v>5291</v>
      </c>
    </row>
    <row r="33" spans="1:6" x14ac:dyDescent="0.45">
      <c r="A33" s="21" t="s">
        <v>1963</v>
      </c>
      <c r="B33" t="s">
        <v>1782</v>
      </c>
      <c r="C33" s="22" t="s">
        <v>5388</v>
      </c>
      <c r="E33" t="s">
        <v>1292</v>
      </c>
      <c r="F33" s="2" t="s">
        <v>5292</v>
      </c>
    </row>
    <row r="34" spans="1:6" x14ac:dyDescent="0.45">
      <c r="A34" s="21" t="s">
        <v>1964</v>
      </c>
      <c r="B34" t="s">
        <v>1783</v>
      </c>
      <c r="C34" s="22" t="s">
        <v>5389</v>
      </c>
      <c r="E34" t="s">
        <v>1311</v>
      </c>
      <c r="F34" s="2" t="s">
        <v>5293</v>
      </c>
    </row>
    <row r="35" spans="1:6" x14ac:dyDescent="0.45">
      <c r="A35" s="21" t="s">
        <v>1965</v>
      </c>
      <c r="B35" t="s">
        <v>1784</v>
      </c>
      <c r="C35" s="22" t="s">
        <v>5390</v>
      </c>
      <c r="E35" t="s">
        <v>1339</v>
      </c>
      <c r="F35" s="2" t="s">
        <v>5294</v>
      </c>
    </row>
    <row r="36" spans="1:6" x14ac:dyDescent="0.45">
      <c r="A36" s="21" t="s">
        <v>1966</v>
      </c>
      <c r="B36" t="s">
        <v>1785</v>
      </c>
      <c r="C36" s="22" t="s">
        <v>5391</v>
      </c>
      <c r="E36" t="s">
        <v>1362</v>
      </c>
      <c r="F36" s="2" t="s">
        <v>5295</v>
      </c>
    </row>
    <row r="37" spans="1:6" x14ac:dyDescent="0.45">
      <c r="A37" s="21" t="s">
        <v>1967</v>
      </c>
      <c r="B37" t="s">
        <v>1786</v>
      </c>
      <c r="C37" s="22" t="s">
        <v>5392</v>
      </c>
      <c r="E37" t="s">
        <v>1382</v>
      </c>
      <c r="F37" s="2" t="s">
        <v>5296</v>
      </c>
    </row>
    <row r="38" spans="1:6" x14ac:dyDescent="0.45">
      <c r="A38" s="21" t="s">
        <v>1968</v>
      </c>
      <c r="B38" t="s">
        <v>1787</v>
      </c>
      <c r="C38" s="22" t="s">
        <v>5393</v>
      </c>
      <c r="E38" t="s">
        <v>1407</v>
      </c>
      <c r="F38" s="2" t="s">
        <v>5297</v>
      </c>
    </row>
    <row r="39" spans="1:6" x14ac:dyDescent="0.45">
      <c r="A39" s="21" t="s">
        <v>1969</v>
      </c>
      <c r="B39" t="s">
        <v>1788</v>
      </c>
      <c r="C39" s="22" t="s">
        <v>5394</v>
      </c>
      <c r="E39" t="s">
        <v>1425</v>
      </c>
      <c r="F39" s="2" t="s">
        <v>5298</v>
      </c>
    </row>
    <row r="40" spans="1:6" x14ac:dyDescent="0.45">
      <c r="A40" s="21" t="s">
        <v>1970</v>
      </c>
      <c r="B40" t="s">
        <v>1789</v>
      </c>
      <c r="C40" s="22" t="s">
        <v>5395</v>
      </c>
      <c r="E40" t="s">
        <v>1445</v>
      </c>
      <c r="F40" s="2" t="s">
        <v>5299</v>
      </c>
    </row>
    <row r="41" spans="1:6" x14ac:dyDescent="0.45">
      <c r="A41" s="21" t="s">
        <v>1971</v>
      </c>
      <c r="B41" t="s">
        <v>1790</v>
      </c>
      <c r="C41" s="22" t="s">
        <v>5396</v>
      </c>
      <c r="E41" t="s">
        <v>1475</v>
      </c>
      <c r="F41" s="2" t="s">
        <v>5300</v>
      </c>
    </row>
    <row r="42" spans="1:6" x14ac:dyDescent="0.45">
      <c r="A42" s="21" t="s">
        <v>1972</v>
      </c>
      <c r="B42" t="s">
        <v>1791</v>
      </c>
      <c r="C42" s="22" t="s">
        <v>5397</v>
      </c>
      <c r="E42" t="s">
        <v>1534</v>
      </c>
      <c r="F42" s="2" t="s">
        <v>5301</v>
      </c>
    </row>
    <row r="43" spans="1:6" x14ac:dyDescent="0.45">
      <c r="A43" s="21" t="s">
        <v>1973</v>
      </c>
      <c r="B43" t="s">
        <v>1792</v>
      </c>
      <c r="C43" s="22" t="s">
        <v>5398</v>
      </c>
      <c r="E43" t="s">
        <v>1555</v>
      </c>
      <c r="F43" s="2" t="s">
        <v>5302</v>
      </c>
    </row>
    <row r="44" spans="1:6" x14ac:dyDescent="0.45">
      <c r="A44" s="21" t="s">
        <v>1974</v>
      </c>
      <c r="B44" t="s">
        <v>1793</v>
      </c>
      <c r="C44" s="22" t="s">
        <v>5399</v>
      </c>
      <c r="E44" t="s">
        <v>1577</v>
      </c>
      <c r="F44" s="2" t="s">
        <v>5303</v>
      </c>
    </row>
    <row r="45" spans="1:6" x14ac:dyDescent="0.45">
      <c r="A45" s="21" t="s">
        <v>1975</v>
      </c>
      <c r="B45" t="s">
        <v>1794</v>
      </c>
      <c r="C45" s="22" t="s">
        <v>5400</v>
      </c>
      <c r="E45" t="s">
        <v>1620</v>
      </c>
      <c r="F45" s="2" t="s">
        <v>5304</v>
      </c>
    </row>
    <row r="46" spans="1:6" x14ac:dyDescent="0.45">
      <c r="A46" s="21" t="s">
        <v>1976</v>
      </c>
      <c r="B46" t="s">
        <v>1795</v>
      </c>
      <c r="C46" s="22" t="s">
        <v>5401</v>
      </c>
      <c r="E46" t="s">
        <v>1639</v>
      </c>
      <c r="F46" s="2" t="s">
        <v>5305</v>
      </c>
    </row>
    <row r="47" spans="1:6" x14ac:dyDescent="0.45">
      <c r="A47" s="21" t="s">
        <v>1977</v>
      </c>
      <c r="B47" t="s">
        <v>1796</v>
      </c>
      <c r="C47" s="22" t="s">
        <v>5402</v>
      </c>
      <c r="E47" t="s">
        <v>1665</v>
      </c>
      <c r="F47" s="2" t="s">
        <v>5306</v>
      </c>
    </row>
    <row r="48" spans="1:6" x14ac:dyDescent="0.45">
      <c r="A48" s="21" t="s">
        <v>1978</v>
      </c>
      <c r="B48" t="s">
        <v>1797</v>
      </c>
      <c r="C48" s="22" t="s">
        <v>5403</v>
      </c>
      <c r="E48" t="s">
        <v>1709</v>
      </c>
      <c r="F48" s="2" t="s">
        <v>5307</v>
      </c>
    </row>
    <row r="49" spans="1:3" x14ac:dyDescent="0.45">
      <c r="A49" s="21" t="s">
        <v>1979</v>
      </c>
      <c r="B49" t="s">
        <v>1798</v>
      </c>
      <c r="C49" s="22" t="s">
        <v>5404</v>
      </c>
    </row>
    <row r="50" spans="1:3" x14ac:dyDescent="0.45">
      <c r="A50" s="21" t="s">
        <v>1980</v>
      </c>
      <c r="B50" t="s">
        <v>1799</v>
      </c>
      <c r="C50" s="22" t="s">
        <v>5405</v>
      </c>
    </row>
    <row r="51" spans="1:3" x14ac:dyDescent="0.45">
      <c r="A51" s="21" t="s">
        <v>1981</v>
      </c>
      <c r="B51" t="s">
        <v>1800</v>
      </c>
      <c r="C51" s="22" t="s">
        <v>5406</v>
      </c>
    </row>
    <row r="52" spans="1:3" x14ac:dyDescent="0.45">
      <c r="A52" s="21" t="s">
        <v>1982</v>
      </c>
      <c r="B52" t="s">
        <v>1801</v>
      </c>
      <c r="C52" s="22" t="s">
        <v>5407</v>
      </c>
    </row>
    <row r="53" spans="1:3" x14ac:dyDescent="0.45">
      <c r="A53" s="21" t="s">
        <v>1983</v>
      </c>
      <c r="B53" t="s">
        <v>1802</v>
      </c>
      <c r="C53" s="22" t="s">
        <v>5408</v>
      </c>
    </row>
    <row r="54" spans="1:3" x14ac:dyDescent="0.45">
      <c r="A54" s="21" t="s">
        <v>1984</v>
      </c>
      <c r="B54" t="s">
        <v>1803</v>
      </c>
      <c r="C54" s="22" t="s">
        <v>5409</v>
      </c>
    </row>
    <row r="55" spans="1:3" x14ac:dyDescent="0.45">
      <c r="A55" s="21" t="s">
        <v>1985</v>
      </c>
      <c r="B55" t="s">
        <v>1804</v>
      </c>
      <c r="C55" s="22" t="s">
        <v>5410</v>
      </c>
    </row>
    <row r="56" spans="1:3" x14ac:dyDescent="0.45">
      <c r="A56" s="21" t="s">
        <v>1986</v>
      </c>
      <c r="B56" t="s">
        <v>1805</v>
      </c>
      <c r="C56" s="22" t="s">
        <v>5411</v>
      </c>
    </row>
    <row r="57" spans="1:3" x14ac:dyDescent="0.45">
      <c r="A57" s="21" t="s">
        <v>1987</v>
      </c>
      <c r="B57" t="s">
        <v>1806</v>
      </c>
      <c r="C57" s="22" t="s">
        <v>5412</v>
      </c>
    </row>
    <row r="58" spans="1:3" x14ac:dyDescent="0.45">
      <c r="A58" s="21" t="s">
        <v>1988</v>
      </c>
      <c r="B58" t="s">
        <v>1807</v>
      </c>
      <c r="C58" s="22" t="s">
        <v>5413</v>
      </c>
    </row>
    <row r="59" spans="1:3" x14ac:dyDescent="0.45">
      <c r="A59" s="21" t="s">
        <v>1989</v>
      </c>
      <c r="B59" t="s">
        <v>1808</v>
      </c>
      <c r="C59" s="22" t="s">
        <v>5414</v>
      </c>
    </row>
    <row r="60" spans="1:3" x14ac:dyDescent="0.45">
      <c r="A60" s="21" t="s">
        <v>1990</v>
      </c>
      <c r="B60" t="s">
        <v>1809</v>
      </c>
      <c r="C60" s="22" t="s">
        <v>5415</v>
      </c>
    </row>
    <row r="61" spans="1:3" x14ac:dyDescent="0.45">
      <c r="A61" s="21" t="s">
        <v>1991</v>
      </c>
      <c r="B61" t="s">
        <v>1810</v>
      </c>
      <c r="C61" s="22" t="s">
        <v>5416</v>
      </c>
    </row>
    <row r="62" spans="1:3" x14ac:dyDescent="0.45">
      <c r="A62" s="21" t="s">
        <v>1992</v>
      </c>
      <c r="B62" t="s">
        <v>1811</v>
      </c>
      <c r="C62" s="22" t="s">
        <v>5417</v>
      </c>
    </row>
    <row r="63" spans="1:3" x14ac:dyDescent="0.45">
      <c r="A63" s="21" t="s">
        <v>1993</v>
      </c>
      <c r="B63" t="s">
        <v>1812</v>
      </c>
      <c r="C63" s="22" t="s">
        <v>5418</v>
      </c>
    </row>
    <row r="64" spans="1:3" x14ac:dyDescent="0.45">
      <c r="A64" s="21" t="s">
        <v>1994</v>
      </c>
      <c r="B64" t="s">
        <v>1813</v>
      </c>
      <c r="C64" s="22" t="s">
        <v>5419</v>
      </c>
    </row>
    <row r="65" spans="1:3" x14ac:dyDescent="0.45">
      <c r="A65" s="21" t="s">
        <v>1995</v>
      </c>
      <c r="B65" t="s">
        <v>1814</v>
      </c>
      <c r="C65" s="22" t="s">
        <v>5420</v>
      </c>
    </row>
    <row r="66" spans="1:3" x14ac:dyDescent="0.45">
      <c r="A66" s="21" t="s">
        <v>1996</v>
      </c>
      <c r="B66" t="s">
        <v>1815</v>
      </c>
      <c r="C66" s="22" t="s">
        <v>5421</v>
      </c>
    </row>
    <row r="67" spans="1:3" x14ac:dyDescent="0.45">
      <c r="A67" s="21" t="s">
        <v>1997</v>
      </c>
      <c r="B67" t="s">
        <v>1816</v>
      </c>
      <c r="C67" s="22" t="s">
        <v>5422</v>
      </c>
    </row>
    <row r="68" spans="1:3" x14ac:dyDescent="0.45">
      <c r="A68" s="21" t="s">
        <v>1998</v>
      </c>
      <c r="B68" t="s">
        <v>1817</v>
      </c>
      <c r="C68" s="22" t="s">
        <v>5423</v>
      </c>
    </row>
    <row r="69" spans="1:3" x14ac:dyDescent="0.45">
      <c r="A69" s="21" t="s">
        <v>1999</v>
      </c>
      <c r="B69" t="s">
        <v>1818</v>
      </c>
      <c r="C69" s="22" t="s">
        <v>5424</v>
      </c>
    </row>
    <row r="70" spans="1:3" x14ac:dyDescent="0.45">
      <c r="A70" s="21" t="s">
        <v>2000</v>
      </c>
      <c r="B70" t="s">
        <v>1819</v>
      </c>
      <c r="C70" s="22" t="s">
        <v>5425</v>
      </c>
    </row>
    <row r="71" spans="1:3" x14ac:dyDescent="0.45">
      <c r="A71" s="21" t="s">
        <v>2001</v>
      </c>
      <c r="B71" t="s">
        <v>1820</v>
      </c>
      <c r="C71" s="22" t="s">
        <v>5426</v>
      </c>
    </row>
    <row r="72" spans="1:3" x14ac:dyDescent="0.45">
      <c r="A72" s="21" t="s">
        <v>2002</v>
      </c>
      <c r="B72" t="s">
        <v>1821</v>
      </c>
      <c r="C72" s="22" t="s">
        <v>5427</v>
      </c>
    </row>
    <row r="73" spans="1:3" x14ac:dyDescent="0.45">
      <c r="A73" s="21" t="s">
        <v>2003</v>
      </c>
      <c r="B73" t="s">
        <v>1822</v>
      </c>
      <c r="C73" s="22" t="s">
        <v>5428</v>
      </c>
    </row>
    <row r="74" spans="1:3" x14ac:dyDescent="0.45">
      <c r="A74" s="21" t="s">
        <v>2004</v>
      </c>
      <c r="B74" t="s">
        <v>1823</v>
      </c>
      <c r="C74" s="22" t="s">
        <v>5429</v>
      </c>
    </row>
    <row r="75" spans="1:3" x14ac:dyDescent="0.45">
      <c r="A75" s="21" t="s">
        <v>2005</v>
      </c>
      <c r="B75" t="s">
        <v>1824</v>
      </c>
      <c r="C75" s="22" t="s">
        <v>5430</v>
      </c>
    </row>
    <row r="76" spans="1:3" x14ac:dyDescent="0.45">
      <c r="A76" s="21" t="s">
        <v>2006</v>
      </c>
      <c r="B76" t="s">
        <v>1825</v>
      </c>
      <c r="C76" s="22" t="s">
        <v>5431</v>
      </c>
    </row>
    <row r="77" spans="1:3" x14ac:dyDescent="0.45">
      <c r="A77" s="21" t="s">
        <v>2007</v>
      </c>
      <c r="B77" t="s">
        <v>1826</v>
      </c>
      <c r="C77" s="22" t="s">
        <v>5432</v>
      </c>
    </row>
    <row r="78" spans="1:3" x14ac:dyDescent="0.45">
      <c r="A78" s="21" t="s">
        <v>2008</v>
      </c>
      <c r="B78" t="s">
        <v>1827</v>
      </c>
      <c r="C78" s="22" t="s">
        <v>5433</v>
      </c>
    </row>
    <row r="79" spans="1:3" x14ac:dyDescent="0.45">
      <c r="A79" s="21" t="s">
        <v>2009</v>
      </c>
      <c r="B79" t="s">
        <v>1828</v>
      </c>
      <c r="C79" s="22" t="s">
        <v>5434</v>
      </c>
    </row>
    <row r="80" spans="1:3" x14ac:dyDescent="0.45">
      <c r="A80" s="21" t="s">
        <v>2010</v>
      </c>
      <c r="B80" t="s">
        <v>1829</v>
      </c>
      <c r="C80" s="22" t="s">
        <v>5435</v>
      </c>
    </row>
    <row r="81" spans="1:3" x14ac:dyDescent="0.45">
      <c r="A81" s="21" t="s">
        <v>2011</v>
      </c>
      <c r="B81" t="s">
        <v>1830</v>
      </c>
      <c r="C81" s="22" t="s">
        <v>5436</v>
      </c>
    </row>
    <row r="82" spans="1:3" x14ac:dyDescent="0.45">
      <c r="A82" s="21" t="s">
        <v>2012</v>
      </c>
      <c r="B82" t="s">
        <v>1831</v>
      </c>
      <c r="C82" s="22" t="s">
        <v>5437</v>
      </c>
    </row>
    <row r="83" spans="1:3" x14ac:dyDescent="0.45">
      <c r="A83" s="21" t="s">
        <v>2013</v>
      </c>
      <c r="B83" t="s">
        <v>1832</v>
      </c>
      <c r="C83" s="22" t="s">
        <v>5438</v>
      </c>
    </row>
    <row r="84" spans="1:3" x14ac:dyDescent="0.45">
      <c r="A84" s="21" t="s">
        <v>2014</v>
      </c>
      <c r="B84" t="s">
        <v>1833</v>
      </c>
      <c r="C84" s="22" t="s">
        <v>5439</v>
      </c>
    </row>
    <row r="85" spans="1:3" x14ac:dyDescent="0.45">
      <c r="A85" s="21" t="s">
        <v>2015</v>
      </c>
      <c r="B85" t="s">
        <v>1834</v>
      </c>
      <c r="C85" s="22" t="s">
        <v>5440</v>
      </c>
    </row>
    <row r="86" spans="1:3" x14ac:dyDescent="0.45">
      <c r="A86" s="21" t="s">
        <v>2016</v>
      </c>
      <c r="B86" t="s">
        <v>1835</v>
      </c>
      <c r="C86" s="22" t="s">
        <v>5441</v>
      </c>
    </row>
    <row r="87" spans="1:3" x14ac:dyDescent="0.45">
      <c r="A87" s="21" t="s">
        <v>2017</v>
      </c>
      <c r="B87" t="s">
        <v>1836</v>
      </c>
      <c r="C87" s="22" t="s">
        <v>5442</v>
      </c>
    </row>
    <row r="88" spans="1:3" x14ac:dyDescent="0.45">
      <c r="A88" s="21" t="s">
        <v>2018</v>
      </c>
      <c r="B88" t="s">
        <v>1837</v>
      </c>
      <c r="C88" s="22" t="s">
        <v>5443</v>
      </c>
    </row>
    <row r="89" spans="1:3" x14ac:dyDescent="0.45">
      <c r="A89" s="21" t="s">
        <v>2019</v>
      </c>
      <c r="B89" t="s">
        <v>1838</v>
      </c>
      <c r="C89" s="22" t="s">
        <v>5444</v>
      </c>
    </row>
    <row r="90" spans="1:3" x14ac:dyDescent="0.45">
      <c r="A90" s="21" t="s">
        <v>2020</v>
      </c>
      <c r="B90" t="s">
        <v>1839</v>
      </c>
      <c r="C90" s="22" t="s">
        <v>5445</v>
      </c>
    </row>
    <row r="91" spans="1:3" x14ac:dyDescent="0.45">
      <c r="A91" s="21" t="s">
        <v>2021</v>
      </c>
      <c r="B91" t="s">
        <v>1840</v>
      </c>
      <c r="C91" s="22" t="s">
        <v>5446</v>
      </c>
    </row>
    <row r="92" spans="1:3" x14ac:dyDescent="0.45">
      <c r="A92" s="21" t="s">
        <v>2022</v>
      </c>
      <c r="B92" t="s">
        <v>1841</v>
      </c>
      <c r="C92" s="22" t="s">
        <v>5447</v>
      </c>
    </row>
    <row r="93" spans="1:3" x14ac:dyDescent="0.45">
      <c r="A93" s="21" t="s">
        <v>2023</v>
      </c>
      <c r="B93" t="s">
        <v>1842</v>
      </c>
      <c r="C93" s="22" t="s">
        <v>5448</v>
      </c>
    </row>
    <row r="94" spans="1:3" x14ac:dyDescent="0.45">
      <c r="A94" s="21" t="s">
        <v>2024</v>
      </c>
      <c r="B94" t="s">
        <v>1843</v>
      </c>
      <c r="C94" s="22" t="s">
        <v>5449</v>
      </c>
    </row>
    <row r="95" spans="1:3" x14ac:dyDescent="0.45">
      <c r="A95" s="21" t="s">
        <v>2025</v>
      </c>
      <c r="B95" t="s">
        <v>1844</v>
      </c>
      <c r="C95" s="22" t="s">
        <v>5450</v>
      </c>
    </row>
    <row r="96" spans="1:3" x14ac:dyDescent="0.45">
      <c r="A96" s="21" t="s">
        <v>2026</v>
      </c>
      <c r="B96" t="s">
        <v>1845</v>
      </c>
      <c r="C96" s="22" t="s">
        <v>5451</v>
      </c>
    </row>
    <row r="97" spans="1:3" x14ac:dyDescent="0.45">
      <c r="A97" s="21" t="s">
        <v>2027</v>
      </c>
      <c r="B97" t="s">
        <v>1846</v>
      </c>
      <c r="C97" s="22" t="s">
        <v>5452</v>
      </c>
    </row>
    <row r="98" spans="1:3" x14ac:dyDescent="0.45">
      <c r="A98" s="21" t="s">
        <v>2028</v>
      </c>
      <c r="B98" t="s">
        <v>1847</v>
      </c>
      <c r="C98" s="22" t="s">
        <v>5453</v>
      </c>
    </row>
    <row r="99" spans="1:3" x14ac:dyDescent="0.45">
      <c r="A99" s="21" t="s">
        <v>2029</v>
      </c>
      <c r="B99" t="s">
        <v>1848</v>
      </c>
      <c r="C99" s="22" t="s">
        <v>5454</v>
      </c>
    </row>
    <row r="100" spans="1:3" x14ac:dyDescent="0.45">
      <c r="A100" s="21" t="s">
        <v>2030</v>
      </c>
      <c r="B100" t="s">
        <v>1849</v>
      </c>
      <c r="C100" s="22" t="s">
        <v>5455</v>
      </c>
    </row>
    <row r="101" spans="1:3" x14ac:dyDescent="0.45">
      <c r="A101" s="21" t="s">
        <v>2031</v>
      </c>
      <c r="B101" t="s">
        <v>1850</v>
      </c>
      <c r="C101" s="22" t="s">
        <v>5456</v>
      </c>
    </row>
    <row r="102" spans="1:3" x14ac:dyDescent="0.45">
      <c r="A102" s="21" t="s">
        <v>2032</v>
      </c>
      <c r="B102" t="s">
        <v>1851</v>
      </c>
      <c r="C102" s="22" t="s">
        <v>5457</v>
      </c>
    </row>
    <row r="103" spans="1:3" x14ac:dyDescent="0.45">
      <c r="A103" s="21" t="s">
        <v>2033</v>
      </c>
      <c r="B103" t="s">
        <v>1852</v>
      </c>
      <c r="C103" s="22" t="s">
        <v>5458</v>
      </c>
    </row>
    <row r="104" spans="1:3" x14ac:dyDescent="0.45">
      <c r="A104" s="21" t="s">
        <v>2034</v>
      </c>
      <c r="B104" t="s">
        <v>1853</v>
      </c>
      <c r="C104" s="22" t="s">
        <v>5459</v>
      </c>
    </row>
    <row r="105" spans="1:3" x14ac:dyDescent="0.45">
      <c r="A105" s="21" t="s">
        <v>2035</v>
      </c>
      <c r="B105" t="s">
        <v>1854</v>
      </c>
      <c r="C105" s="22" t="s">
        <v>5460</v>
      </c>
    </row>
    <row r="106" spans="1:3" x14ac:dyDescent="0.45">
      <c r="A106" s="21" t="s">
        <v>2036</v>
      </c>
      <c r="B106" t="s">
        <v>1855</v>
      </c>
      <c r="C106" s="22" t="s">
        <v>5461</v>
      </c>
    </row>
    <row r="107" spans="1:3" x14ac:dyDescent="0.45">
      <c r="A107" s="21" t="s">
        <v>2037</v>
      </c>
      <c r="B107" t="s">
        <v>1856</v>
      </c>
      <c r="C107" s="22" t="s">
        <v>5462</v>
      </c>
    </row>
    <row r="108" spans="1:3" x14ac:dyDescent="0.45">
      <c r="A108" s="21" t="s">
        <v>2038</v>
      </c>
      <c r="B108" t="s">
        <v>1857</v>
      </c>
      <c r="C108" s="22" t="s">
        <v>5463</v>
      </c>
    </row>
    <row r="109" spans="1:3" x14ac:dyDescent="0.45">
      <c r="A109" s="21" t="s">
        <v>2039</v>
      </c>
      <c r="B109" t="s">
        <v>1858</v>
      </c>
      <c r="C109" s="22" t="s">
        <v>5464</v>
      </c>
    </row>
    <row r="110" spans="1:3" x14ac:dyDescent="0.45">
      <c r="A110" s="21" t="s">
        <v>2040</v>
      </c>
      <c r="B110" t="s">
        <v>1859</v>
      </c>
      <c r="C110" s="22" t="s">
        <v>5465</v>
      </c>
    </row>
    <row r="111" spans="1:3" x14ac:dyDescent="0.45">
      <c r="A111" s="21" t="s">
        <v>2041</v>
      </c>
      <c r="B111" t="s">
        <v>1860</v>
      </c>
      <c r="C111" s="22" t="s">
        <v>5466</v>
      </c>
    </row>
    <row r="112" spans="1:3" x14ac:dyDescent="0.45">
      <c r="A112" s="21" t="s">
        <v>2042</v>
      </c>
      <c r="B112" t="s">
        <v>1861</v>
      </c>
      <c r="C112" s="22" t="s">
        <v>5467</v>
      </c>
    </row>
    <row r="113" spans="1:3" x14ac:dyDescent="0.45">
      <c r="A113" s="21" t="s">
        <v>2043</v>
      </c>
      <c r="B113" t="s">
        <v>1862</v>
      </c>
      <c r="C113" s="22" t="s">
        <v>5468</v>
      </c>
    </row>
    <row r="114" spans="1:3" x14ac:dyDescent="0.45">
      <c r="A114" s="21" t="s">
        <v>2044</v>
      </c>
      <c r="B114" t="s">
        <v>1863</v>
      </c>
      <c r="C114" s="22" t="s">
        <v>5469</v>
      </c>
    </row>
    <row r="115" spans="1:3" x14ac:dyDescent="0.45">
      <c r="A115" s="21" t="s">
        <v>2045</v>
      </c>
      <c r="B115" t="s">
        <v>1864</v>
      </c>
      <c r="C115" s="22" t="s">
        <v>5470</v>
      </c>
    </row>
    <row r="116" spans="1:3" x14ac:dyDescent="0.45">
      <c r="A116" s="21" t="s">
        <v>2046</v>
      </c>
      <c r="B116" t="s">
        <v>1865</v>
      </c>
      <c r="C116" s="22" t="s">
        <v>5471</v>
      </c>
    </row>
    <row r="117" spans="1:3" x14ac:dyDescent="0.45">
      <c r="A117" s="21" t="s">
        <v>2047</v>
      </c>
      <c r="B117" t="s">
        <v>1866</v>
      </c>
      <c r="C117" s="22" t="s">
        <v>5472</v>
      </c>
    </row>
    <row r="118" spans="1:3" x14ac:dyDescent="0.45">
      <c r="A118" s="21" t="s">
        <v>2048</v>
      </c>
      <c r="B118" t="s">
        <v>1867</v>
      </c>
      <c r="C118" s="22" t="s">
        <v>5473</v>
      </c>
    </row>
    <row r="119" spans="1:3" x14ac:dyDescent="0.45">
      <c r="A119" s="21" t="s">
        <v>2049</v>
      </c>
      <c r="B119" t="s">
        <v>1868</v>
      </c>
      <c r="C119" s="22" t="s">
        <v>5474</v>
      </c>
    </row>
    <row r="120" spans="1:3" x14ac:dyDescent="0.45">
      <c r="A120" s="21" t="s">
        <v>2050</v>
      </c>
      <c r="B120" t="s">
        <v>1869</v>
      </c>
      <c r="C120" s="22" t="s">
        <v>5475</v>
      </c>
    </row>
    <row r="121" spans="1:3" x14ac:dyDescent="0.45">
      <c r="A121" s="21" t="s">
        <v>2051</v>
      </c>
      <c r="B121" t="s">
        <v>1870</v>
      </c>
      <c r="C121" s="22" t="s">
        <v>5476</v>
      </c>
    </row>
    <row r="122" spans="1:3" x14ac:dyDescent="0.45">
      <c r="A122" s="21" t="s">
        <v>2052</v>
      </c>
      <c r="B122" t="s">
        <v>1871</v>
      </c>
      <c r="C122" s="22" t="s">
        <v>5477</v>
      </c>
    </row>
    <row r="123" spans="1:3" x14ac:dyDescent="0.45">
      <c r="A123" s="21" t="s">
        <v>2053</v>
      </c>
      <c r="B123" t="s">
        <v>1872</v>
      </c>
      <c r="C123" s="22" t="s">
        <v>5478</v>
      </c>
    </row>
    <row r="124" spans="1:3" x14ac:dyDescent="0.45">
      <c r="A124" s="21" t="s">
        <v>2054</v>
      </c>
      <c r="B124" t="s">
        <v>1873</v>
      </c>
      <c r="C124" s="22" t="s">
        <v>5479</v>
      </c>
    </row>
    <row r="125" spans="1:3" x14ac:dyDescent="0.45">
      <c r="A125" s="21" t="s">
        <v>2055</v>
      </c>
      <c r="B125" t="s">
        <v>1874</v>
      </c>
      <c r="C125" s="22" t="s">
        <v>5480</v>
      </c>
    </row>
    <row r="126" spans="1:3" x14ac:dyDescent="0.45">
      <c r="A126" s="21" t="s">
        <v>2056</v>
      </c>
      <c r="B126" t="s">
        <v>1875</v>
      </c>
      <c r="C126" s="22" t="s">
        <v>5481</v>
      </c>
    </row>
    <row r="127" spans="1:3" x14ac:dyDescent="0.45">
      <c r="A127" s="21" t="s">
        <v>2057</v>
      </c>
      <c r="B127" t="s">
        <v>1876</v>
      </c>
      <c r="C127" s="22" t="s">
        <v>5482</v>
      </c>
    </row>
    <row r="128" spans="1:3" x14ac:dyDescent="0.45">
      <c r="A128" s="21" t="s">
        <v>2058</v>
      </c>
      <c r="B128" t="s">
        <v>1877</v>
      </c>
      <c r="C128" s="22" t="s">
        <v>5483</v>
      </c>
    </row>
    <row r="129" spans="1:3" x14ac:dyDescent="0.45">
      <c r="A129" s="21" t="s">
        <v>2059</v>
      </c>
      <c r="B129" t="s">
        <v>1878</v>
      </c>
      <c r="C129" s="22" t="s">
        <v>5484</v>
      </c>
    </row>
    <row r="130" spans="1:3" x14ac:dyDescent="0.45">
      <c r="A130" s="21" t="s">
        <v>2060</v>
      </c>
      <c r="B130" t="s">
        <v>1879</v>
      </c>
      <c r="C130" s="22" t="s">
        <v>5485</v>
      </c>
    </row>
    <row r="131" spans="1:3" x14ac:dyDescent="0.45">
      <c r="A131" s="21" t="s">
        <v>2061</v>
      </c>
      <c r="B131" t="s">
        <v>1880</v>
      </c>
      <c r="C131" s="22" t="s">
        <v>5486</v>
      </c>
    </row>
    <row r="132" spans="1:3" x14ac:dyDescent="0.45">
      <c r="A132" s="21" t="s">
        <v>2062</v>
      </c>
      <c r="B132" t="s">
        <v>1881</v>
      </c>
      <c r="C132" s="22" t="s">
        <v>5487</v>
      </c>
    </row>
    <row r="133" spans="1:3" x14ac:dyDescent="0.45">
      <c r="A133" s="21" t="s">
        <v>2063</v>
      </c>
      <c r="B133" t="s">
        <v>1882</v>
      </c>
      <c r="C133" s="22" t="s">
        <v>5488</v>
      </c>
    </row>
    <row r="134" spans="1:3" x14ac:dyDescent="0.45">
      <c r="A134" s="21" t="s">
        <v>2064</v>
      </c>
      <c r="B134" t="s">
        <v>1883</v>
      </c>
      <c r="C134" s="22" t="s">
        <v>5489</v>
      </c>
    </row>
    <row r="135" spans="1:3" x14ac:dyDescent="0.45">
      <c r="A135" s="21" t="s">
        <v>2065</v>
      </c>
      <c r="B135" t="s">
        <v>1884</v>
      </c>
      <c r="C135" s="22" t="s">
        <v>5490</v>
      </c>
    </row>
    <row r="136" spans="1:3" x14ac:dyDescent="0.45">
      <c r="A136" s="21" t="s">
        <v>2066</v>
      </c>
      <c r="B136" t="s">
        <v>1885</v>
      </c>
      <c r="C136" s="22" t="s">
        <v>5491</v>
      </c>
    </row>
    <row r="137" spans="1:3" x14ac:dyDescent="0.45">
      <c r="A137" s="21" t="s">
        <v>2067</v>
      </c>
      <c r="B137" t="s">
        <v>1886</v>
      </c>
      <c r="C137" s="22" t="s">
        <v>5492</v>
      </c>
    </row>
    <row r="138" spans="1:3" x14ac:dyDescent="0.45">
      <c r="A138" s="21" t="s">
        <v>2068</v>
      </c>
      <c r="B138" t="s">
        <v>1887</v>
      </c>
      <c r="C138" s="22" t="s">
        <v>5493</v>
      </c>
    </row>
    <row r="139" spans="1:3" x14ac:dyDescent="0.45">
      <c r="A139" s="21" t="s">
        <v>2069</v>
      </c>
      <c r="B139" t="s">
        <v>1888</v>
      </c>
      <c r="C139" s="22" t="s">
        <v>5494</v>
      </c>
    </row>
    <row r="140" spans="1:3" x14ac:dyDescent="0.45">
      <c r="A140" s="21" t="s">
        <v>2070</v>
      </c>
      <c r="B140" t="s">
        <v>1889</v>
      </c>
      <c r="C140" s="22" t="s">
        <v>5495</v>
      </c>
    </row>
    <row r="141" spans="1:3" x14ac:dyDescent="0.45">
      <c r="A141" s="21" t="s">
        <v>2071</v>
      </c>
      <c r="B141" t="s">
        <v>1890</v>
      </c>
      <c r="C141" s="22" t="s">
        <v>5496</v>
      </c>
    </row>
    <row r="142" spans="1:3" x14ac:dyDescent="0.45">
      <c r="A142" s="21" t="s">
        <v>2072</v>
      </c>
      <c r="B142" t="s">
        <v>1891</v>
      </c>
      <c r="C142" s="22" t="s">
        <v>5497</v>
      </c>
    </row>
    <row r="143" spans="1:3" x14ac:dyDescent="0.45">
      <c r="A143" s="21" t="s">
        <v>2073</v>
      </c>
      <c r="B143" t="s">
        <v>1892</v>
      </c>
      <c r="C143" s="22" t="s">
        <v>5498</v>
      </c>
    </row>
    <row r="144" spans="1:3" x14ac:dyDescent="0.45">
      <c r="A144" s="21" t="s">
        <v>2074</v>
      </c>
      <c r="B144" t="s">
        <v>1893</v>
      </c>
      <c r="C144" s="22" t="s">
        <v>5499</v>
      </c>
    </row>
    <row r="145" spans="1:3" x14ac:dyDescent="0.45">
      <c r="A145" s="21" t="s">
        <v>2075</v>
      </c>
      <c r="B145" t="s">
        <v>1894</v>
      </c>
      <c r="C145" s="22" t="s">
        <v>5500</v>
      </c>
    </row>
    <row r="146" spans="1:3" x14ac:dyDescent="0.45">
      <c r="A146" s="21" t="s">
        <v>2076</v>
      </c>
      <c r="B146" t="s">
        <v>1895</v>
      </c>
      <c r="C146" s="22" t="s">
        <v>5501</v>
      </c>
    </row>
    <row r="147" spans="1:3" x14ac:dyDescent="0.45">
      <c r="A147" s="21" t="s">
        <v>2077</v>
      </c>
      <c r="B147" t="s">
        <v>1896</v>
      </c>
      <c r="C147" s="22" t="s">
        <v>5502</v>
      </c>
    </row>
    <row r="148" spans="1:3" x14ac:dyDescent="0.45">
      <c r="A148" s="21" t="s">
        <v>2078</v>
      </c>
      <c r="B148" t="s">
        <v>1897</v>
      </c>
      <c r="C148" s="22" t="s">
        <v>5503</v>
      </c>
    </row>
    <row r="149" spans="1:3" x14ac:dyDescent="0.45">
      <c r="A149" s="21" t="s">
        <v>2079</v>
      </c>
      <c r="B149" t="s">
        <v>1898</v>
      </c>
      <c r="C149" s="22" t="s">
        <v>5504</v>
      </c>
    </row>
    <row r="150" spans="1:3" x14ac:dyDescent="0.45">
      <c r="A150" s="21" t="s">
        <v>2080</v>
      </c>
      <c r="B150" t="s">
        <v>1899</v>
      </c>
      <c r="C150" s="22" t="s">
        <v>5505</v>
      </c>
    </row>
    <row r="151" spans="1:3" x14ac:dyDescent="0.45">
      <c r="A151" s="21" t="s">
        <v>2081</v>
      </c>
      <c r="B151" t="s">
        <v>1900</v>
      </c>
      <c r="C151" s="22" t="s">
        <v>5506</v>
      </c>
    </row>
    <row r="152" spans="1:3" x14ac:dyDescent="0.45">
      <c r="A152" s="21" t="s">
        <v>2082</v>
      </c>
      <c r="B152" t="s">
        <v>1901</v>
      </c>
      <c r="C152" s="22" t="s">
        <v>5507</v>
      </c>
    </row>
    <row r="153" spans="1:3" x14ac:dyDescent="0.45">
      <c r="A153" s="21" t="s">
        <v>2083</v>
      </c>
      <c r="B153" t="s">
        <v>1902</v>
      </c>
      <c r="C153" s="22" t="s">
        <v>5508</v>
      </c>
    </row>
    <row r="154" spans="1:3" x14ac:dyDescent="0.45">
      <c r="A154" s="21" t="s">
        <v>2084</v>
      </c>
      <c r="B154" t="s">
        <v>1903</v>
      </c>
      <c r="C154" s="22" t="s">
        <v>5509</v>
      </c>
    </row>
    <row r="155" spans="1:3" x14ac:dyDescent="0.45">
      <c r="A155" s="21" t="s">
        <v>2085</v>
      </c>
      <c r="B155" t="s">
        <v>1904</v>
      </c>
      <c r="C155" s="22" t="s">
        <v>5510</v>
      </c>
    </row>
    <row r="156" spans="1:3" x14ac:dyDescent="0.45">
      <c r="A156" s="21" t="s">
        <v>2086</v>
      </c>
      <c r="B156" t="s">
        <v>1905</v>
      </c>
      <c r="C156" s="22" t="s">
        <v>5511</v>
      </c>
    </row>
    <row r="157" spans="1:3" x14ac:dyDescent="0.45">
      <c r="A157" s="21" t="s">
        <v>2087</v>
      </c>
      <c r="B157" t="s">
        <v>1906</v>
      </c>
      <c r="C157" s="22" t="s">
        <v>5512</v>
      </c>
    </row>
    <row r="158" spans="1:3" x14ac:dyDescent="0.45">
      <c r="A158" s="21" t="s">
        <v>2088</v>
      </c>
      <c r="B158" t="s">
        <v>1907</v>
      </c>
      <c r="C158" s="22" t="s">
        <v>5513</v>
      </c>
    </row>
    <row r="159" spans="1:3" x14ac:dyDescent="0.45">
      <c r="A159" s="21" t="s">
        <v>2089</v>
      </c>
      <c r="B159" t="s">
        <v>1908</v>
      </c>
      <c r="C159" s="22" t="s">
        <v>5514</v>
      </c>
    </row>
    <row r="160" spans="1:3" x14ac:dyDescent="0.45">
      <c r="A160" s="21" t="s">
        <v>2090</v>
      </c>
      <c r="B160" t="s">
        <v>1909</v>
      </c>
      <c r="C160" s="22" t="s">
        <v>5515</v>
      </c>
    </row>
    <row r="161" spans="1:3" x14ac:dyDescent="0.45">
      <c r="A161" s="21" t="s">
        <v>2091</v>
      </c>
      <c r="B161" t="s">
        <v>1910</v>
      </c>
      <c r="C161" s="22" t="s">
        <v>5516</v>
      </c>
    </row>
    <row r="162" spans="1:3" x14ac:dyDescent="0.45">
      <c r="A162" s="21" t="s">
        <v>2092</v>
      </c>
      <c r="B162" t="s">
        <v>1911</v>
      </c>
      <c r="C162" s="22" t="s">
        <v>5517</v>
      </c>
    </row>
    <row r="163" spans="1:3" x14ac:dyDescent="0.45">
      <c r="A163" s="21" t="s">
        <v>2093</v>
      </c>
      <c r="B163" t="s">
        <v>1912</v>
      </c>
      <c r="C163" s="22" t="s">
        <v>5518</v>
      </c>
    </row>
    <row r="164" spans="1:3" x14ac:dyDescent="0.45">
      <c r="A164" s="21" t="s">
        <v>2094</v>
      </c>
      <c r="B164" t="s">
        <v>1913</v>
      </c>
      <c r="C164" s="22" t="s">
        <v>5519</v>
      </c>
    </row>
    <row r="165" spans="1:3" x14ac:dyDescent="0.45">
      <c r="A165" s="21" t="s">
        <v>2095</v>
      </c>
      <c r="B165" t="s">
        <v>1914</v>
      </c>
      <c r="C165" s="22" t="s">
        <v>5520</v>
      </c>
    </row>
    <row r="166" spans="1:3" x14ac:dyDescent="0.45">
      <c r="A166" s="21" t="s">
        <v>2096</v>
      </c>
      <c r="B166" t="s">
        <v>1915</v>
      </c>
      <c r="C166" s="22" t="s">
        <v>5521</v>
      </c>
    </row>
    <row r="167" spans="1:3" x14ac:dyDescent="0.45">
      <c r="A167" s="21" t="s">
        <v>2097</v>
      </c>
      <c r="B167" t="s">
        <v>1916</v>
      </c>
      <c r="C167" s="22" t="s">
        <v>5522</v>
      </c>
    </row>
    <row r="168" spans="1:3" x14ac:dyDescent="0.45">
      <c r="A168" s="21" t="s">
        <v>2098</v>
      </c>
      <c r="B168" t="s">
        <v>1917</v>
      </c>
      <c r="C168" s="22" t="s">
        <v>5523</v>
      </c>
    </row>
    <row r="169" spans="1:3" x14ac:dyDescent="0.45">
      <c r="A169" s="21" t="s">
        <v>2099</v>
      </c>
      <c r="B169" t="s">
        <v>1918</v>
      </c>
      <c r="C169" s="22" t="s">
        <v>5524</v>
      </c>
    </row>
    <row r="170" spans="1:3" x14ac:dyDescent="0.45">
      <c r="A170" s="21" t="s">
        <v>2100</v>
      </c>
      <c r="B170" t="s">
        <v>1919</v>
      </c>
      <c r="C170" s="22" t="s">
        <v>5525</v>
      </c>
    </row>
    <row r="171" spans="1:3" x14ac:dyDescent="0.45">
      <c r="A171" s="21" t="s">
        <v>2101</v>
      </c>
      <c r="B171" t="s">
        <v>1920</v>
      </c>
      <c r="C171" s="22" t="s">
        <v>5526</v>
      </c>
    </row>
    <row r="172" spans="1:3" x14ac:dyDescent="0.45">
      <c r="A172" s="21" t="s">
        <v>2102</v>
      </c>
      <c r="B172" t="s">
        <v>1921</v>
      </c>
      <c r="C172" s="22" t="s">
        <v>5527</v>
      </c>
    </row>
    <row r="173" spans="1:3" x14ac:dyDescent="0.45">
      <c r="A173" s="21" t="s">
        <v>2103</v>
      </c>
      <c r="B173" t="s">
        <v>1922</v>
      </c>
      <c r="C173" s="22" t="s">
        <v>5528</v>
      </c>
    </row>
    <row r="174" spans="1:3" x14ac:dyDescent="0.45">
      <c r="A174" s="21" t="s">
        <v>2104</v>
      </c>
      <c r="B174" t="s">
        <v>1923</v>
      </c>
      <c r="C174" s="22" t="s">
        <v>5529</v>
      </c>
    </row>
    <row r="175" spans="1:3" x14ac:dyDescent="0.45">
      <c r="A175" s="21" t="s">
        <v>2105</v>
      </c>
      <c r="B175" t="s">
        <v>1924</v>
      </c>
      <c r="C175" s="22" t="s">
        <v>5530</v>
      </c>
    </row>
    <row r="176" spans="1:3" x14ac:dyDescent="0.45">
      <c r="A176" s="21" t="s">
        <v>2106</v>
      </c>
      <c r="B176" t="s">
        <v>1925</v>
      </c>
      <c r="C176" s="22" t="s">
        <v>5531</v>
      </c>
    </row>
    <row r="177" spans="1:3" x14ac:dyDescent="0.45">
      <c r="A177" s="21" t="s">
        <v>2107</v>
      </c>
      <c r="B177" t="s">
        <v>1926</v>
      </c>
      <c r="C177" s="22" t="s">
        <v>5532</v>
      </c>
    </row>
    <row r="178" spans="1:3" x14ac:dyDescent="0.45">
      <c r="A178" s="21" t="s">
        <v>2108</v>
      </c>
      <c r="B178" t="s">
        <v>1927</v>
      </c>
      <c r="C178" s="22" t="s">
        <v>5533</v>
      </c>
    </row>
    <row r="179" spans="1:3" x14ac:dyDescent="0.45">
      <c r="A179" s="21" t="s">
        <v>2109</v>
      </c>
      <c r="B179" t="s">
        <v>1928</v>
      </c>
      <c r="C179" s="22" t="s">
        <v>5534</v>
      </c>
    </row>
    <row r="180" spans="1:3" x14ac:dyDescent="0.45">
      <c r="A180" s="21" t="s">
        <v>2110</v>
      </c>
      <c r="B180" t="s">
        <v>1929</v>
      </c>
      <c r="C180" s="22" t="s">
        <v>5535</v>
      </c>
    </row>
    <row r="181" spans="1:3" x14ac:dyDescent="0.45">
      <c r="A181" s="21" t="s">
        <v>2111</v>
      </c>
      <c r="B181" t="s">
        <v>2112</v>
      </c>
      <c r="C181" s="22" t="s">
        <v>5536</v>
      </c>
    </row>
    <row r="182" spans="1:3" x14ac:dyDescent="0.45">
      <c r="A182" s="21" t="s">
        <v>2113</v>
      </c>
      <c r="B182" t="s">
        <v>2114</v>
      </c>
      <c r="C182" s="22" t="s">
        <v>5537</v>
      </c>
    </row>
    <row r="183" spans="1:3" x14ac:dyDescent="0.45">
      <c r="A183" s="21" t="s">
        <v>2115</v>
      </c>
      <c r="B183" t="s">
        <v>2116</v>
      </c>
      <c r="C183" s="22" t="s">
        <v>5538</v>
      </c>
    </row>
    <row r="184" spans="1:3" x14ac:dyDescent="0.45">
      <c r="A184" s="21" t="s">
        <v>2117</v>
      </c>
      <c r="B184" t="s">
        <v>2118</v>
      </c>
      <c r="C184" s="22" t="s">
        <v>5539</v>
      </c>
    </row>
    <row r="185" spans="1:3" x14ac:dyDescent="0.45">
      <c r="A185" s="21" t="s">
        <v>2119</v>
      </c>
      <c r="B185" t="s">
        <v>2120</v>
      </c>
      <c r="C185" s="22" t="s">
        <v>5540</v>
      </c>
    </row>
    <row r="186" spans="1:3" x14ac:dyDescent="0.45">
      <c r="A186" s="21" t="s">
        <v>2121</v>
      </c>
      <c r="B186" t="s">
        <v>2122</v>
      </c>
      <c r="C186" s="22" t="s">
        <v>5541</v>
      </c>
    </row>
    <row r="187" spans="1:3" x14ac:dyDescent="0.45">
      <c r="A187" s="21" t="s">
        <v>2123</v>
      </c>
      <c r="B187" t="s">
        <v>2124</v>
      </c>
      <c r="C187" s="22" t="s">
        <v>5542</v>
      </c>
    </row>
    <row r="188" spans="1:3" x14ac:dyDescent="0.45">
      <c r="A188" s="21" t="s">
        <v>2125</v>
      </c>
      <c r="B188" t="s">
        <v>2126</v>
      </c>
      <c r="C188" s="22" t="s">
        <v>5543</v>
      </c>
    </row>
    <row r="189" spans="1:3" x14ac:dyDescent="0.45">
      <c r="A189" s="21" t="s">
        <v>2127</v>
      </c>
      <c r="B189" t="s">
        <v>2128</v>
      </c>
      <c r="C189" s="22" t="s">
        <v>5544</v>
      </c>
    </row>
    <row r="190" spans="1:3" x14ac:dyDescent="0.45">
      <c r="A190" s="21" t="s">
        <v>2129</v>
      </c>
      <c r="B190" t="s">
        <v>2130</v>
      </c>
      <c r="C190" s="22" t="s">
        <v>5545</v>
      </c>
    </row>
    <row r="191" spans="1:3" x14ac:dyDescent="0.45">
      <c r="A191" s="21" t="s">
        <v>2131</v>
      </c>
      <c r="B191" t="s">
        <v>2132</v>
      </c>
      <c r="C191" s="22" t="s">
        <v>5546</v>
      </c>
    </row>
    <row r="192" spans="1:3" x14ac:dyDescent="0.45">
      <c r="A192" s="21" t="s">
        <v>2133</v>
      </c>
      <c r="B192" t="s">
        <v>2134</v>
      </c>
      <c r="C192" s="22" t="s">
        <v>5547</v>
      </c>
    </row>
    <row r="193" spans="1:3" x14ac:dyDescent="0.45">
      <c r="A193" s="21" t="s">
        <v>2135</v>
      </c>
      <c r="B193" t="s">
        <v>2136</v>
      </c>
      <c r="C193" s="22" t="s">
        <v>5548</v>
      </c>
    </row>
    <row r="194" spans="1:3" x14ac:dyDescent="0.45">
      <c r="A194" s="21" t="s">
        <v>2137</v>
      </c>
      <c r="B194" t="s">
        <v>2138</v>
      </c>
      <c r="C194" s="22" t="s">
        <v>5549</v>
      </c>
    </row>
    <row r="195" spans="1:3" x14ac:dyDescent="0.45">
      <c r="A195" s="21" t="s">
        <v>2139</v>
      </c>
      <c r="B195" t="s">
        <v>2140</v>
      </c>
      <c r="C195" s="22" t="s">
        <v>5550</v>
      </c>
    </row>
    <row r="196" spans="1:3" x14ac:dyDescent="0.45">
      <c r="A196" s="21" t="s">
        <v>2141</v>
      </c>
      <c r="B196" t="s">
        <v>2142</v>
      </c>
      <c r="C196" s="22" t="s">
        <v>5551</v>
      </c>
    </row>
    <row r="197" spans="1:3" x14ac:dyDescent="0.45">
      <c r="A197" s="21" t="s">
        <v>2143</v>
      </c>
      <c r="B197" t="s">
        <v>2144</v>
      </c>
      <c r="C197" s="22" t="s">
        <v>5552</v>
      </c>
    </row>
    <row r="198" spans="1:3" x14ac:dyDescent="0.45">
      <c r="A198" s="21" t="s">
        <v>2145</v>
      </c>
      <c r="B198" t="s">
        <v>2146</v>
      </c>
      <c r="C198" s="22" t="s">
        <v>5553</v>
      </c>
    </row>
    <row r="199" spans="1:3" x14ac:dyDescent="0.45">
      <c r="A199" s="21" t="s">
        <v>2147</v>
      </c>
      <c r="B199" t="s">
        <v>2148</v>
      </c>
      <c r="C199" s="22" t="s">
        <v>5554</v>
      </c>
    </row>
    <row r="200" spans="1:3" x14ac:dyDescent="0.45">
      <c r="A200" s="21" t="s">
        <v>2149</v>
      </c>
      <c r="B200" t="s">
        <v>2150</v>
      </c>
      <c r="C200" s="22" t="s">
        <v>5555</v>
      </c>
    </row>
    <row r="201" spans="1:3" x14ac:dyDescent="0.45">
      <c r="A201" s="21" t="s">
        <v>2151</v>
      </c>
      <c r="B201" t="s">
        <v>2152</v>
      </c>
      <c r="C201" s="22" t="s">
        <v>5556</v>
      </c>
    </row>
    <row r="202" spans="1:3" x14ac:dyDescent="0.45">
      <c r="A202" s="21" t="s">
        <v>2153</v>
      </c>
      <c r="B202" t="s">
        <v>2154</v>
      </c>
      <c r="C202" s="22" t="s">
        <v>5557</v>
      </c>
    </row>
    <row r="203" spans="1:3" x14ac:dyDescent="0.45">
      <c r="A203" s="21" t="s">
        <v>2155</v>
      </c>
      <c r="B203" t="s">
        <v>2156</v>
      </c>
      <c r="C203" s="22" t="s">
        <v>5558</v>
      </c>
    </row>
    <row r="204" spans="1:3" x14ac:dyDescent="0.45">
      <c r="A204" s="21" t="s">
        <v>2157</v>
      </c>
      <c r="B204" t="s">
        <v>2158</v>
      </c>
      <c r="C204" s="22" t="s">
        <v>5559</v>
      </c>
    </row>
    <row r="205" spans="1:3" x14ac:dyDescent="0.45">
      <c r="A205" s="21" t="s">
        <v>2159</v>
      </c>
      <c r="B205" t="s">
        <v>2160</v>
      </c>
      <c r="C205" s="22" t="s">
        <v>5560</v>
      </c>
    </row>
    <row r="206" spans="1:3" x14ac:dyDescent="0.45">
      <c r="A206" s="21" t="s">
        <v>2161</v>
      </c>
      <c r="B206" t="s">
        <v>2162</v>
      </c>
      <c r="C206" s="22" t="s">
        <v>5561</v>
      </c>
    </row>
    <row r="207" spans="1:3" x14ac:dyDescent="0.45">
      <c r="A207" s="21" t="s">
        <v>2163</v>
      </c>
      <c r="B207" t="s">
        <v>2164</v>
      </c>
      <c r="C207" s="22" t="s">
        <v>5562</v>
      </c>
    </row>
    <row r="208" spans="1:3" x14ac:dyDescent="0.45">
      <c r="A208" s="21" t="s">
        <v>2165</v>
      </c>
      <c r="B208" t="s">
        <v>2166</v>
      </c>
      <c r="C208" s="22" t="s">
        <v>5563</v>
      </c>
    </row>
    <row r="209" spans="1:3" x14ac:dyDescent="0.45">
      <c r="A209" s="21" t="s">
        <v>2167</v>
      </c>
      <c r="B209" t="s">
        <v>2168</v>
      </c>
      <c r="C209" s="22" t="s">
        <v>5564</v>
      </c>
    </row>
    <row r="210" spans="1:3" x14ac:dyDescent="0.45">
      <c r="A210" s="21" t="s">
        <v>2169</v>
      </c>
      <c r="B210" t="s">
        <v>2170</v>
      </c>
      <c r="C210" s="22" t="s">
        <v>5565</v>
      </c>
    </row>
    <row r="211" spans="1:3" x14ac:dyDescent="0.45">
      <c r="A211" s="21" t="s">
        <v>2171</v>
      </c>
      <c r="B211" t="s">
        <v>2172</v>
      </c>
      <c r="C211" s="22" t="s">
        <v>5566</v>
      </c>
    </row>
    <row r="212" spans="1:3" x14ac:dyDescent="0.45">
      <c r="A212" s="21" t="s">
        <v>2173</v>
      </c>
      <c r="B212" t="s">
        <v>2174</v>
      </c>
      <c r="C212" s="22" t="s">
        <v>5567</v>
      </c>
    </row>
    <row r="213" spans="1:3" x14ac:dyDescent="0.45">
      <c r="A213" s="21" t="s">
        <v>2175</v>
      </c>
      <c r="B213" t="s">
        <v>2176</v>
      </c>
      <c r="C213" s="22" t="s">
        <v>5568</v>
      </c>
    </row>
    <row r="214" spans="1:3" x14ac:dyDescent="0.45">
      <c r="A214" s="21" t="s">
        <v>2177</v>
      </c>
      <c r="B214" t="s">
        <v>2178</v>
      </c>
      <c r="C214" s="22" t="s">
        <v>5569</v>
      </c>
    </row>
    <row r="215" spans="1:3" x14ac:dyDescent="0.45">
      <c r="A215" s="21" t="s">
        <v>2179</v>
      </c>
      <c r="B215" t="s">
        <v>2180</v>
      </c>
      <c r="C215" s="22" t="s">
        <v>5570</v>
      </c>
    </row>
    <row r="216" spans="1:3" x14ac:dyDescent="0.45">
      <c r="A216" s="21" t="s">
        <v>2181</v>
      </c>
      <c r="B216" t="s">
        <v>2182</v>
      </c>
      <c r="C216" s="22" t="s">
        <v>5571</v>
      </c>
    </row>
    <row r="217" spans="1:3" x14ac:dyDescent="0.45">
      <c r="A217" s="21" t="s">
        <v>2183</v>
      </c>
      <c r="B217" t="s">
        <v>2184</v>
      </c>
      <c r="C217" s="22" t="s">
        <v>5572</v>
      </c>
    </row>
    <row r="218" spans="1:3" x14ac:dyDescent="0.45">
      <c r="A218" s="21" t="s">
        <v>2185</v>
      </c>
      <c r="B218" t="s">
        <v>2186</v>
      </c>
      <c r="C218" s="22" t="s">
        <v>5573</v>
      </c>
    </row>
    <row r="219" spans="1:3" x14ac:dyDescent="0.45">
      <c r="A219" s="21" t="s">
        <v>2187</v>
      </c>
      <c r="B219" t="s">
        <v>2188</v>
      </c>
      <c r="C219" s="22" t="s">
        <v>5574</v>
      </c>
    </row>
    <row r="220" spans="1:3" x14ac:dyDescent="0.45">
      <c r="A220" s="21" t="s">
        <v>2189</v>
      </c>
      <c r="B220" t="s">
        <v>2190</v>
      </c>
      <c r="C220" s="22" t="s">
        <v>5575</v>
      </c>
    </row>
    <row r="221" spans="1:3" x14ac:dyDescent="0.45">
      <c r="A221" s="21" t="s">
        <v>2191</v>
      </c>
      <c r="B221" t="s">
        <v>2192</v>
      </c>
      <c r="C221" s="22" t="s">
        <v>5576</v>
      </c>
    </row>
    <row r="222" spans="1:3" x14ac:dyDescent="0.45">
      <c r="A222" s="21" t="s">
        <v>2193</v>
      </c>
      <c r="B222" t="s">
        <v>2194</v>
      </c>
      <c r="C222" s="22" t="s">
        <v>5577</v>
      </c>
    </row>
    <row r="223" spans="1:3" x14ac:dyDescent="0.45">
      <c r="A223" s="21" t="s">
        <v>2195</v>
      </c>
      <c r="B223" t="s">
        <v>2196</v>
      </c>
      <c r="C223" s="22" t="s">
        <v>5578</v>
      </c>
    </row>
    <row r="224" spans="1:3" x14ac:dyDescent="0.45">
      <c r="A224" s="21" t="s">
        <v>2197</v>
      </c>
      <c r="B224" t="s">
        <v>2198</v>
      </c>
      <c r="C224" s="22" t="s">
        <v>5579</v>
      </c>
    </row>
    <row r="225" spans="1:3" x14ac:dyDescent="0.45">
      <c r="A225" s="21" t="s">
        <v>2199</v>
      </c>
      <c r="B225" t="s">
        <v>2200</v>
      </c>
      <c r="C225" s="22" t="s">
        <v>5580</v>
      </c>
    </row>
    <row r="226" spans="1:3" x14ac:dyDescent="0.45">
      <c r="A226" s="21" t="s">
        <v>2201</v>
      </c>
      <c r="B226" t="s">
        <v>2202</v>
      </c>
      <c r="C226" s="22" t="s">
        <v>5581</v>
      </c>
    </row>
    <row r="227" spans="1:3" x14ac:dyDescent="0.45">
      <c r="A227" s="21" t="s">
        <v>2203</v>
      </c>
      <c r="B227" t="s">
        <v>2204</v>
      </c>
      <c r="C227" s="22" t="s">
        <v>5582</v>
      </c>
    </row>
    <row r="228" spans="1:3" x14ac:dyDescent="0.45">
      <c r="A228" s="21" t="s">
        <v>2205</v>
      </c>
      <c r="B228" t="s">
        <v>2206</v>
      </c>
      <c r="C228" s="22" t="s">
        <v>5583</v>
      </c>
    </row>
    <row r="229" spans="1:3" x14ac:dyDescent="0.45">
      <c r="A229" s="21" t="s">
        <v>2207</v>
      </c>
      <c r="B229" t="s">
        <v>2208</v>
      </c>
      <c r="C229" s="22" t="s">
        <v>5584</v>
      </c>
    </row>
    <row r="230" spans="1:3" x14ac:dyDescent="0.45">
      <c r="A230" s="21" t="s">
        <v>2209</v>
      </c>
      <c r="B230" t="s">
        <v>2210</v>
      </c>
      <c r="C230" s="22" t="s">
        <v>5585</v>
      </c>
    </row>
    <row r="231" spans="1:3" x14ac:dyDescent="0.45">
      <c r="A231" s="21" t="s">
        <v>2211</v>
      </c>
      <c r="B231" t="s">
        <v>2212</v>
      </c>
      <c r="C231" s="22" t="s">
        <v>5586</v>
      </c>
    </row>
    <row r="232" spans="1:3" x14ac:dyDescent="0.45">
      <c r="A232" s="21" t="s">
        <v>2213</v>
      </c>
      <c r="B232" t="s">
        <v>2214</v>
      </c>
      <c r="C232" s="22" t="s">
        <v>5587</v>
      </c>
    </row>
    <row r="233" spans="1:3" x14ac:dyDescent="0.45">
      <c r="A233" s="21" t="s">
        <v>2215</v>
      </c>
      <c r="B233" t="s">
        <v>2216</v>
      </c>
      <c r="C233" s="22" t="s">
        <v>5588</v>
      </c>
    </row>
    <row r="234" spans="1:3" x14ac:dyDescent="0.45">
      <c r="A234" s="21" t="s">
        <v>2217</v>
      </c>
      <c r="B234" t="s">
        <v>2218</v>
      </c>
      <c r="C234" s="22" t="s">
        <v>5589</v>
      </c>
    </row>
    <row r="235" spans="1:3" x14ac:dyDescent="0.45">
      <c r="A235" s="21" t="s">
        <v>2219</v>
      </c>
      <c r="B235" t="s">
        <v>2220</v>
      </c>
      <c r="C235" s="22" t="s">
        <v>5590</v>
      </c>
    </row>
    <row r="236" spans="1:3" x14ac:dyDescent="0.45">
      <c r="A236" s="21" t="s">
        <v>2221</v>
      </c>
      <c r="B236" t="s">
        <v>2222</v>
      </c>
      <c r="C236" s="22" t="s">
        <v>5591</v>
      </c>
    </row>
    <row r="237" spans="1:3" x14ac:dyDescent="0.45">
      <c r="A237" s="21" t="s">
        <v>2223</v>
      </c>
      <c r="B237" t="s">
        <v>2224</v>
      </c>
      <c r="C237" s="22" t="s">
        <v>5592</v>
      </c>
    </row>
    <row r="238" spans="1:3" x14ac:dyDescent="0.45">
      <c r="A238" s="21" t="s">
        <v>2225</v>
      </c>
      <c r="B238" t="s">
        <v>2226</v>
      </c>
      <c r="C238" s="22" t="s">
        <v>5593</v>
      </c>
    </row>
    <row r="239" spans="1:3" x14ac:dyDescent="0.45">
      <c r="A239" s="21" t="s">
        <v>2227</v>
      </c>
      <c r="B239" t="s">
        <v>2228</v>
      </c>
      <c r="C239" s="22" t="s">
        <v>5594</v>
      </c>
    </row>
    <row r="240" spans="1:3" x14ac:dyDescent="0.45">
      <c r="A240" s="21" t="s">
        <v>2229</v>
      </c>
      <c r="B240" t="s">
        <v>2230</v>
      </c>
      <c r="C240" s="22" t="s">
        <v>5595</v>
      </c>
    </row>
    <row r="241" spans="1:3" x14ac:dyDescent="0.45">
      <c r="A241" s="21" t="s">
        <v>2231</v>
      </c>
      <c r="B241" t="s">
        <v>2232</v>
      </c>
      <c r="C241" s="22" t="s">
        <v>5596</v>
      </c>
    </row>
    <row r="242" spans="1:3" x14ac:dyDescent="0.45">
      <c r="A242" s="21" t="s">
        <v>2233</v>
      </c>
      <c r="B242" t="s">
        <v>2234</v>
      </c>
      <c r="C242" s="22" t="s">
        <v>5597</v>
      </c>
    </row>
    <row r="243" spans="1:3" x14ac:dyDescent="0.45">
      <c r="A243" s="21" t="s">
        <v>2235</v>
      </c>
      <c r="B243" t="s">
        <v>2236</v>
      </c>
      <c r="C243" s="22" t="s">
        <v>5598</v>
      </c>
    </row>
    <row r="244" spans="1:3" x14ac:dyDescent="0.45">
      <c r="A244" s="21" t="s">
        <v>2237</v>
      </c>
      <c r="B244" t="s">
        <v>2238</v>
      </c>
      <c r="C244" s="22" t="s">
        <v>5599</v>
      </c>
    </row>
    <row r="245" spans="1:3" x14ac:dyDescent="0.45">
      <c r="A245" s="21" t="s">
        <v>2239</v>
      </c>
      <c r="B245" t="s">
        <v>2240</v>
      </c>
      <c r="C245" s="22" t="s">
        <v>5600</v>
      </c>
    </row>
    <row r="246" spans="1:3" x14ac:dyDescent="0.45">
      <c r="A246" s="21" t="s">
        <v>2241</v>
      </c>
      <c r="B246" t="s">
        <v>2242</v>
      </c>
      <c r="C246" s="22" t="s">
        <v>5601</v>
      </c>
    </row>
    <row r="247" spans="1:3" x14ac:dyDescent="0.45">
      <c r="A247" s="21" t="s">
        <v>2243</v>
      </c>
      <c r="B247" t="s">
        <v>2244</v>
      </c>
      <c r="C247" s="22" t="s">
        <v>5602</v>
      </c>
    </row>
    <row r="248" spans="1:3" x14ac:dyDescent="0.45">
      <c r="A248" s="21" t="s">
        <v>2245</v>
      </c>
      <c r="B248" t="s">
        <v>2246</v>
      </c>
      <c r="C248" s="22" t="s">
        <v>5603</v>
      </c>
    </row>
    <row r="249" spans="1:3" x14ac:dyDescent="0.45">
      <c r="A249" s="21" t="s">
        <v>2247</v>
      </c>
      <c r="B249" t="s">
        <v>2248</v>
      </c>
      <c r="C249" s="22" t="s">
        <v>5604</v>
      </c>
    </row>
    <row r="250" spans="1:3" x14ac:dyDescent="0.45">
      <c r="A250" s="21" t="s">
        <v>2249</v>
      </c>
      <c r="B250" t="s">
        <v>2250</v>
      </c>
      <c r="C250" s="22" t="s">
        <v>5605</v>
      </c>
    </row>
    <row r="251" spans="1:3" x14ac:dyDescent="0.45">
      <c r="A251" s="21" t="s">
        <v>2251</v>
      </c>
      <c r="B251" t="s">
        <v>2252</v>
      </c>
      <c r="C251" s="22" t="s">
        <v>5606</v>
      </c>
    </row>
    <row r="252" spans="1:3" x14ac:dyDescent="0.45">
      <c r="A252" s="21" t="s">
        <v>2253</v>
      </c>
      <c r="B252" t="s">
        <v>2254</v>
      </c>
      <c r="C252" s="22" t="s">
        <v>5607</v>
      </c>
    </row>
    <row r="253" spans="1:3" x14ac:dyDescent="0.45">
      <c r="A253" s="21" t="s">
        <v>2255</v>
      </c>
      <c r="B253" t="s">
        <v>2256</v>
      </c>
      <c r="C253" s="22" t="s">
        <v>5608</v>
      </c>
    </row>
    <row r="254" spans="1:3" x14ac:dyDescent="0.45">
      <c r="A254" s="21" t="s">
        <v>2257</v>
      </c>
      <c r="B254" t="s">
        <v>2258</v>
      </c>
      <c r="C254" s="22" t="s">
        <v>5609</v>
      </c>
    </row>
    <row r="255" spans="1:3" x14ac:dyDescent="0.45">
      <c r="A255" s="21" t="s">
        <v>2259</v>
      </c>
      <c r="B255" t="s">
        <v>2260</v>
      </c>
      <c r="C255" s="22" t="s">
        <v>5610</v>
      </c>
    </row>
    <row r="256" spans="1:3" x14ac:dyDescent="0.45">
      <c r="A256" s="21" t="s">
        <v>2261</v>
      </c>
      <c r="B256" t="s">
        <v>2262</v>
      </c>
      <c r="C256" s="22" t="s">
        <v>5611</v>
      </c>
    </row>
    <row r="257" spans="1:3" x14ac:dyDescent="0.45">
      <c r="A257" s="21" t="s">
        <v>2263</v>
      </c>
      <c r="B257" t="s">
        <v>2264</v>
      </c>
      <c r="C257" s="22" t="s">
        <v>5612</v>
      </c>
    </row>
    <row r="258" spans="1:3" x14ac:dyDescent="0.45">
      <c r="A258" s="21" t="s">
        <v>2265</v>
      </c>
      <c r="B258" t="s">
        <v>2266</v>
      </c>
      <c r="C258" s="22" t="s">
        <v>5613</v>
      </c>
    </row>
    <row r="259" spans="1:3" x14ac:dyDescent="0.45">
      <c r="A259" s="21" t="s">
        <v>2267</v>
      </c>
      <c r="B259" t="s">
        <v>2268</v>
      </c>
      <c r="C259" s="22" t="s">
        <v>5614</v>
      </c>
    </row>
    <row r="260" spans="1:3" x14ac:dyDescent="0.45">
      <c r="A260" s="21" t="s">
        <v>2269</v>
      </c>
      <c r="B260" t="s">
        <v>2270</v>
      </c>
      <c r="C260" s="22" t="s">
        <v>5615</v>
      </c>
    </row>
    <row r="261" spans="1:3" x14ac:dyDescent="0.45">
      <c r="A261" s="21" t="s">
        <v>2271</v>
      </c>
      <c r="B261" t="s">
        <v>2272</v>
      </c>
      <c r="C261" s="22" t="s">
        <v>5616</v>
      </c>
    </row>
    <row r="262" spans="1:3" x14ac:dyDescent="0.45">
      <c r="A262" s="21" t="s">
        <v>2273</v>
      </c>
      <c r="B262" t="s">
        <v>2274</v>
      </c>
      <c r="C262" s="22" t="s">
        <v>5617</v>
      </c>
    </row>
    <row r="263" spans="1:3" x14ac:dyDescent="0.45">
      <c r="A263" s="21" t="s">
        <v>2275</v>
      </c>
      <c r="B263" t="s">
        <v>2276</v>
      </c>
      <c r="C263" s="22" t="s">
        <v>5618</v>
      </c>
    </row>
    <row r="264" spans="1:3" x14ac:dyDescent="0.45">
      <c r="A264" s="21" t="s">
        <v>2277</v>
      </c>
      <c r="B264" t="s">
        <v>2278</v>
      </c>
      <c r="C264" s="22" t="s">
        <v>5619</v>
      </c>
    </row>
    <row r="265" spans="1:3" x14ac:dyDescent="0.45">
      <c r="A265" s="21" t="s">
        <v>2279</v>
      </c>
      <c r="B265" t="s">
        <v>2280</v>
      </c>
      <c r="C265" s="22" t="s">
        <v>5620</v>
      </c>
    </row>
    <row r="266" spans="1:3" x14ac:dyDescent="0.45">
      <c r="A266" s="21" t="s">
        <v>2281</v>
      </c>
      <c r="B266" t="s">
        <v>2282</v>
      </c>
      <c r="C266" s="22" t="s">
        <v>5621</v>
      </c>
    </row>
    <row r="267" spans="1:3" x14ac:dyDescent="0.45">
      <c r="A267" s="21" t="s">
        <v>2283</v>
      </c>
      <c r="B267" t="s">
        <v>2284</v>
      </c>
      <c r="C267" s="22" t="s">
        <v>5622</v>
      </c>
    </row>
    <row r="268" spans="1:3" x14ac:dyDescent="0.45">
      <c r="A268" s="21" t="s">
        <v>2285</v>
      </c>
      <c r="B268" t="s">
        <v>2286</v>
      </c>
      <c r="C268" s="22" t="s">
        <v>5623</v>
      </c>
    </row>
    <row r="269" spans="1:3" x14ac:dyDescent="0.45">
      <c r="A269" s="21" t="s">
        <v>2287</v>
      </c>
      <c r="B269" t="s">
        <v>2288</v>
      </c>
      <c r="C269" s="22" t="s">
        <v>5624</v>
      </c>
    </row>
    <row r="270" spans="1:3" x14ac:dyDescent="0.45">
      <c r="A270" s="21" t="s">
        <v>2289</v>
      </c>
      <c r="B270" t="s">
        <v>2290</v>
      </c>
      <c r="C270" s="22" t="s">
        <v>5625</v>
      </c>
    </row>
    <row r="271" spans="1:3" x14ac:dyDescent="0.45">
      <c r="A271" s="21" t="s">
        <v>2291</v>
      </c>
      <c r="B271" t="s">
        <v>2292</v>
      </c>
      <c r="C271" s="22" t="s">
        <v>5626</v>
      </c>
    </row>
    <row r="272" spans="1:3" x14ac:dyDescent="0.45">
      <c r="A272" s="21" t="s">
        <v>2293</v>
      </c>
      <c r="B272" t="s">
        <v>2294</v>
      </c>
      <c r="C272" s="22" t="s">
        <v>5627</v>
      </c>
    </row>
    <row r="273" spans="1:3" x14ac:dyDescent="0.45">
      <c r="A273" s="21" t="s">
        <v>2295</v>
      </c>
      <c r="B273" t="s">
        <v>2296</v>
      </c>
      <c r="C273" s="22" t="s">
        <v>5628</v>
      </c>
    </row>
    <row r="274" spans="1:3" x14ac:dyDescent="0.45">
      <c r="A274" s="21" t="s">
        <v>2297</v>
      </c>
      <c r="B274" t="s">
        <v>2298</v>
      </c>
      <c r="C274" s="22" t="s">
        <v>5629</v>
      </c>
    </row>
    <row r="275" spans="1:3" x14ac:dyDescent="0.45">
      <c r="A275" s="21" t="s">
        <v>2299</v>
      </c>
      <c r="B275" t="s">
        <v>2300</v>
      </c>
      <c r="C275" s="22" t="s">
        <v>5630</v>
      </c>
    </row>
    <row r="276" spans="1:3" x14ac:dyDescent="0.45">
      <c r="A276" s="21" t="s">
        <v>2301</v>
      </c>
      <c r="B276" t="s">
        <v>2302</v>
      </c>
      <c r="C276" s="22" t="s">
        <v>5631</v>
      </c>
    </row>
    <row r="277" spans="1:3" x14ac:dyDescent="0.45">
      <c r="A277" s="21" t="s">
        <v>2303</v>
      </c>
      <c r="B277" t="s">
        <v>2304</v>
      </c>
      <c r="C277" s="22" t="s">
        <v>5632</v>
      </c>
    </row>
    <row r="278" spans="1:3" x14ac:dyDescent="0.45">
      <c r="A278" s="21" t="s">
        <v>2305</v>
      </c>
      <c r="B278" t="s">
        <v>2306</v>
      </c>
      <c r="C278" s="22" t="s">
        <v>5633</v>
      </c>
    </row>
    <row r="279" spans="1:3" x14ac:dyDescent="0.45">
      <c r="A279" s="21" t="s">
        <v>2307</v>
      </c>
      <c r="B279" t="s">
        <v>2308</v>
      </c>
      <c r="C279" s="22" t="s">
        <v>5634</v>
      </c>
    </row>
    <row r="280" spans="1:3" x14ac:dyDescent="0.45">
      <c r="A280" s="21" t="s">
        <v>2309</v>
      </c>
      <c r="B280" t="s">
        <v>2310</v>
      </c>
      <c r="C280" s="22" t="s">
        <v>5635</v>
      </c>
    </row>
    <row r="281" spans="1:3" x14ac:dyDescent="0.45">
      <c r="A281" s="21" t="s">
        <v>2311</v>
      </c>
      <c r="B281" t="s">
        <v>2312</v>
      </c>
      <c r="C281" s="22" t="s">
        <v>5636</v>
      </c>
    </row>
    <row r="282" spans="1:3" x14ac:dyDescent="0.45">
      <c r="A282" s="21" t="s">
        <v>2313</v>
      </c>
      <c r="B282" t="s">
        <v>2314</v>
      </c>
      <c r="C282" s="22" t="s">
        <v>5637</v>
      </c>
    </row>
    <row r="283" spans="1:3" x14ac:dyDescent="0.45">
      <c r="A283" s="21" t="s">
        <v>2315</v>
      </c>
      <c r="B283" t="s">
        <v>2316</v>
      </c>
      <c r="C283" s="22" t="s">
        <v>5638</v>
      </c>
    </row>
    <row r="284" spans="1:3" x14ac:dyDescent="0.45">
      <c r="A284" s="21" t="s">
        <v>2317</v>
      </c>
      <c r="B284" t="s">
        <v>2318</v>
      </c>
      <c r="C284" s="22" t="s">
        <v>5639</v>
      </c>
    </row>
    <row r="285" spans="1:3" x14ac:dyDescent="0.45">
      <c r="A285" s="21" t="s">
        <v>2319</v>
      </c>
      <c r="B285" t="s">
        <v>2320</v>
      </c>
      <c r="C285" s="22" t="s">
        <v>5640</v>
      </c>
    </row>
    <row r="286" spans="1:3" x14ac:dyDescent="0.45">
      <c r="A286" s="21" t="s">
        <v>2321</v>
      </c>
      <c r="B286" t="s">
        <v>2322</v>
      </c>
      <c r="C286" s="22" t="s">
        <v>5641</v>
      </c>
    </row>
    <row r="287" spans="1:3" x14ac:dyDescent="0.45">
      <c r="A287" s="21" t="s">
        <v>2323</v>
      </c>
      <c r="B287" t="s">
        <v>2324</v>
      </c>
      <c r="C287" s="22" t="s">
        <v>5642</v>
      </c>
    </row>
    <row r="288" spans="1:3" x14ac:dyDescent="0.45">
      <c r="A288" s="21" t="s">
        <v>2325</v>
      </c>
      <c r="B288" t="s">
        <v>2326</v>
      </c>
      <c r="C288" s="22" t="s">
        <v>5643</v>
      </c>
    </row>
    <row r="289" spans="1:3" x14ac:dyDescent="0.45">
      <c r="A289" s="21" t="s">
        <v>2327</v>
      </c>
      <c r="B289" t="s">
        <v>2328</v>
      </c>
      <c r="C289" s="22" t="s">
        <v>5644</v>
      </c>
    </row>
    <row r="290" spans="1:3" x14ac:dyDescent="0.45">
      <c r="A290" s="21" t="s">
        <v>2329</v>
      </c>
      <c r="B290" t="s">
        <v>2330</v>
      </c>
      <c r="C290" s="22" t="s">
        <v>5645</v>
      </c>
    </row>
    <row r="291" spans="1:3" x14ac:dyDescent="0.45">
      <c r="A291" s="21" t="s">
        <v>2331</v>
      </c>
      <c r="B291" t="s">
        <v>2332</v>
      </c>
      <c r="C291" s="22" t="s">
        <v>5646</v>
      </c>
    </row>
    <row r="292" spans="1:3" x14ac:dyDescent="0.45">
      <c r="A292" s="21" t="s">
        <v>2333</v>
      </c>
      <c r="B292" t="s">
        <v>2334</v>
      </c>
      <c r="C292" s="22" t="s">
        <v>5647</v>
      </c>
    </row>
    <row r="293" spans="1:3" x14ac:dyDescent="0.45">
      <c r="A293" s="21" t="s">
        <v>2335</v>
      </c>
      <c r="B293" t="s">
        <v>2336</v>
      </c>
      <c r="C293" s="22" t="s">
        <v>5648</v>
      </c>
    </row>
    <row r="294" spans="1:3" x14ac:dyDescent="0.45">
      <c r="A294" s="21" t="s">
        <v>2337</v>
      </c>
      <c r="B294" t="s">
        <v>2338</v>
      </c>
      <c r="C294" s="22" t="s">
        <v>5649</v>
      </c>
    </row>
    <row r="295" spans="1:3" x14ac:dyDescent="0.45">
      <c r="A295" s="21" t="s">
        <v>2339</v>
      </c>
      <c r="B295" t="s">
        <v>2340</v>
      </c>
      <c r="C295" s="22" t="s">
        <v>5650</v>
      </c>
    </row>
    <row r="296" spans="1:3" x14ac:dyDescent="0.45">
      <c r="A296" s="21" t="s">
        <v>2341</v>
      </c>
      <c r="B296" t="s">
        <v>2342</v>
      </c>
      <c r="C296" s="22" t="s">
        <v>5651</v>
      </c>
    </row>
    <row r="297" spans="1:3" x14ac:dyDescent="0.45">
      <c r="A297" s="21" t="s">
        <v>2343</v>
      </c>
      <c r="B297" t="s">
        <v>2344</v>
      </c>
      <c r="C297" s="22" t="s">
        <v>5652</v>
      </c>
    </row>
    <row r="298" spans="1:3" x14ac:dyDescent="0.45">
      <c r="A298" s="21" t="s">
        <v>2345</v>
      </c>
      <c r="B298" t="s">
        <v>2346</v>
      </c>
      <c r="C298" s="22" t="s">
        <v>5653</v>
      </c>
    </row>
    <row r="299" spans="1:3" x14ac:dyDescent="0.45">
      <c r="A299" s="21" t="s">
        <v>2347</v>
      </c>
      <c r="B299" t="s">
        <v>2348</v>
      </c>
      <c r="C299" s="22" t="s">
        <v>5654</v>
      </c>
    </row>
    <row r="300" spans="1:3" x14ac:dyDescent="0.45">
      <c r="A300" s="21" t="s">
        <v>2349</v>
      </c>
      <c r="B300" t="s">
        <v>2350</v>
      </c>
      <c r="C300" s="22" t="s">
        <v>5655</v>
      </c>
    </row>
    <row r="301" spans="1:3" x14ac:dyDescent="0.45">
      <c r="A301" s="21" t="s">
        <v>2351</v>
      </c>
      <c r="B301" t="s">
        <v>2352</v>
      </c>
      <c r="C301" s="22" t="s">
        <v>5656</v>
      </c>
    </row>
    <row r="302" spans="1:3" x14ac:dyDescent="0.45">
      <c r="A302" s="21" t="s">
        <v>2353</v>
      </c>
      <c r="B302" t="s">
        <v>2354</v>
      </c>
      <c r="C302" s="22" t="s">
        <v>5657</v>
      </c>
    </row>
    <row r="303" spans="1:3" x14ac:dyDescent="0.45">
      <c r="A303" s="21" t="s">
        <v>2355</v>
      </c>
      <c r="B303" t="s">
        <v>2356</v>
      </c>
      <c r="C303" s="22" t="s">
        <v>5658</v>
      </c>
    </row>
    <row r="304" spans="1:3" x14ac:dyDescent="0.45">
      <c r="A304" s="21" t="s">
        <v>2357</v>
      </c>
      <c r="B304" t="s">
        <v>2358</v>
      </c>
      <c r="C304" s="22" t="s">
        <v>5659</v>
      </c>
    </row>
    <row r="305" spans="1:3" x14ac:dyDescent="0.45">
      <c r="A305" s="21" t="s">
        <v>2359</v>
      </c>
      <c r="B305" t="s">
        <v>2360</v>
      </c>
      <c r="C305" s="22" t="s">
        <v>5660</v>
      </c>
    </row>
    <row r="306" spans="1:3" x14ac:dyDescent="0.45">
      <c r="A306" s="21" t="s">
        <v>2361</v>
      </c>
      <c r="B306" t="s">
        <v>2362</v>
      </c>
      <c r="C306" s="22" t="s">
        <v>5661</v>
      </c>
    </row>
    <row r="307" spans="1:3" x14ac:dyDescent="0.45">
      <c r="A307" s="21" t="s">
        <v>2363</v>
      </c>
      <c r="B307" t="s">
        <v>2364</v>
      </c>
      <c r="C307" s="22" t="s">
        <v>5662</v>
      </c>
    </row>
    <row r="308" spans="1:3" x14ac:dyDescent="0.45">
      <c r="A308" s="21" t="s">
        <v>2365</v>
      </c>
      <c r="B308" t="s">
        <v>2366</v>
      </c>
      <c r="C308" s="22" t="s">
        <v>5663</v>
      </c>
    </row>
    <row r="309" spans="1:3" x14ac:dyDescent="0.45">
      <c r="A309" s="21" t="s">
        <v>2367</v>
      </c>
      <c r="B309" t="s">
        <v>2368</v>
      </c>
      <c r="C309" s="22" t="s">
        <v>5664</v>
      </c>
    </row>
    <row r="310" spans="1:3" x14ac:dyDescent="0.45">
      <c r="A310" s="21" t="s">
        <v>2369</v>
      </c>
      <c r="B310" t="s">
        <v>2370</v>
      </c>
      <c r="C310" s="22" t="s">
        <v>5665</v>
      </c>
    </row>
    <row r="311" spans="1:3" x14ac:dyDescent="0.45">
      <c r="A311" s="21" t="s">
        <v>2371</v>
      </c>
      <c r="B311" t="s">
        <v>2372</v>
      </c>
      <c r="C311" s="22" t="s">
        <v>5666</v>
      </c>
    </row>
    <row r="312" spans="1:3" x14ac:dyDescent="0.45">
      <c r="A312" s="21" t="s">
        <v>2373</v>
      </c>
      <c r="B312" t="s">
        <v>2374</v>
      </c>
      <c r="C312" s="22" t="s">
        <v>5667</v>
      </c>
    </row>
    <row r="313" spans="1:3" x14ac:dyDescent="0.45">
      <c r="A313" s="21" t="s">
        <v>2375</v>
      </c>
      <c r="B313" t="s">
        <v>2376</v>
      </c>
      <c r="C313" s="22" t="s">
        <v>5668</v>
      </c>
    </row>
    <row r="314" spans="1:3" x14ac:dyDescent="0.45">
      <c r="A314" s="21" t="s">
        <v>2377</v>
      </c>
      <c r="B314" t="s">
        <v>2378</v>
      </c>
      <c r="C314" s="22" t="s">
        <v>5669</v>
      </c>
    </row>
    <row r="315" spans="1:3" x14ac:dyDescent="0.45">
      <c r="A315" s="21" t="s">
        <v>2379</v>
      </c>
      <c r="B315" t="s">
        <v>2380</v>
      </c>
      <c r="C315" s="22" t="s">
        <v>5670</v>
      </c>
    </row>
    <row r="316" spans="1:3" x14ac:dyDescent="0.45">
      <c r="A316" s="21" t="s">
        <v>2381</v>
      </c>
      <c r="B316" t="s">
        <v>2382</v>
      </c>
      <c r="C316" s="22" t="s">
        <v>5671</v>
      </c>
    </row>
    <row r="317" spans="1:3" x14ac:dyDescent="0.45">
      <c r="A317" s="21" t="s">
        <v>2383</v>
      </c>
      <c r="B317" t="s">
        <v>2384</v>
      </c>
      <c r="C317" s="22" t="s">
        <v>5672</v>
      </c>
    </row>
    <row r="318" spans="1:3" x14ac:dyDescent="0.45">
      <c r="A318" s="21" t="s">
        <v>2385</v>
      </c>
      <c r="B318" t="s">
        <v>2386</v>
      </c>
      <c r="C318" s="22" t="s">
        <v>5673</v>
      </c>
    </row>
    <row r="319" spans="1:3" x14ac:dyDescent="0.45">
      <c r="A319" s="21" t="s">
        <v>2387</v>
      </c>
      <c r="B319" t="s">
        <v>2388</v>
      </c>
      <c r="C319" s="22" t="s">
        <v>5674</v>
      </c>
    </row>
    <row r="320" spans="1:3" x14ac:dyDescent="0.45">
      <c r="A320" s="21" t="s">
        <v>2389</v>
      </c>
      <c r="B320" t="s">
        <v>2390</v>
      </c>
      <c r="C320" s="22" t="s">
        <v>5675</v>
      </c>
    </row>
    <row r="321" spans="1:3" x14ac:dyDescent="0.45">
      <c r="A321" s="21" t="s">
        <v>2391</v>
      </c>
      <c r="B321" t="s">
        <v>2392</v>
      </c>
      <c r="C321" s="22" t="s">
        <v>5676</v>
      </c>
    </row>
    <row r="322" spans="1:3" x14ac:dyDescent="0.45">
      <c r="A322" s="21" t="s">
        <v>2393</v>
      </c>
      <c r="B322" t="s">
        <v>2394</v>
      </c>
      <c r="C322" s="22" t="s">
        <v>5677</v>
      </c>
    </row>
    <row r="323" spans="1:3" x14ac:dyDescent="0.45">
      <c r="A323" s="21" t="s">
        <v>2395</v>
      </c>
      <c r="B323" t="s">
        <v>2396</v>
      </c>
      <c r="C323" s="22" t="s">
        <v>5678</v>
      </c>
    </row>
    <row r="324" spans="1:3" x14ac:dyDescent="0.45">
      <c r="A324" s="21" t="s">
        <v>2397</v>
      </c>
      <c r="B324" t="s">
        <v>2398</v>
      </c>
      <c r="C324" s="22" t="s">
        <v>5679</v>
      </c>
    </row>
    <row r="325" spans="1:3" x14ac:dyDescent="0.45">
      <c r="A325" s="21" t="s">
        <v>2399</v>
      </c>
      <c r="B325" t="s">
        <v>2400</v>
      </c>
      <c r="C325" s="22" t="s">
        <v>5680</v>
      </c>
    </row>
    <row r="326" spans="1:3" x14ac:dyDescent="0.45">
      <c r="A326" s="21" t="s">
        <v>2401</v>
      </c>
      <c r="B326" t="s">
        <v>2402</v>
      </c>
      <c r="C326" s="22" t="s">
        <v>5681</v>
      </c>
    </row>
    <row r="327" spans="1:3" x14ac:dyDescent="0.45">
      <c r="A327" s="21" t="s">
        <v>2403</v>
      </c>
      <c r="B327" t="s">
        <v>2404</v>
      </c>
      <c r="C327" s="22" t="s">
        <v>5682</v>
      </c>
    </row>
    <row r="328" spans="1:3" x14ac:dyDescent="0.45">
      <c r="A328" s="21" t="s">
        <v>2405</v>
      </c>
      <c r="B328" t="s">
        <v>2406</v>
      </c>
      <c r="C328" s="22" t="s">
        <v>5683</v>
      </c>
    </row>
    <row r="329" spans="1:3" x14ac:dyDescent="0.45">
      <c r="A329" s="21" t="s">
        <v>2407</v>
      </c>
      <c r="B329" t="s">
        <v>2408</v>
      </c>
      <c r="C329" s="22" t="s">
        <v>5684</v>
      </c>
    </row>
    <row r="330" spans="1:3" x14ac:dyDescent="0.45">
      <c r="A330" s="21" t="s">
        <v>2409</v>
      </c>
      <c r="B330" t="s">
        <v>2410</v>
      </c>
      <c r="C330" s="22" t="s">
        <v>5685</v>
      </c>
    </row>
    <row r="331" spans="1:3" x14ac:dyDescent="0.45">
      <c r="A331" s="21" t="s">
        <v>2411</v>
      </c>
      <c r="B331" t="s">
        <v>2412</v>
      </c>
      <c r="C331" s="22" t="s">
        <v>5686</v>
      </c>
    </row>
    <row r="332" spans="1:3" x14ac:dyDescent="0.45">
      <c r="A332" s="21" t="s">
        <v>2413</v>
      </c>
      <c r="B332" t="s">
        <v>2414</v>
      </c>
      <c r="C332" s="22" t="s">
        <v>5687</v>
      </c>
    </row>
    <row r="333" spans="1:3" x14ac:dyDescent="0.45">
      <c r="A333" s="21" t="s">
        <v>2415</v>
      </c>
      <c r="B333" t="s">
        <v>2416</v>
      </c>
      <c r="C333" s="22" t="s">
        <v>5688</v>
      </c>
    </row>
    <row r="334" spans="1:3" x14ac:dyDescent="0.45">
      <c r="A334" s="21" t="s">
        <v>2417</v>
      </c>
      <c r="B334" t="s">
        <v>2418</v>
      </c>
      <c r="C334" s="22" t="s">
        <v>5689</v>
      </c>
    </row>
    <row r="335" spans="1:3" x14ac:dyDescent="0.45">
      <c r="A335" s="21" t="s">
        <v>2419</v>
      </c>
      <c r="B335" t="s">
        <v>2420</v>
      </c>
      <c r="C335" s="22" t="s">
        <v>5690</v>
      </c>
    </row>
    <row r="336" spans="1:3" x14ac:dyDescent="0.45">
      <c r="A336" s="21" t="s">
        <v>2421</v>
      </c>
      <c r="B336" t="s">
        <v>2422</v>
      </c>
      <c r="C336" s="22" t="s">
        <v>5691</v>
      </c>
    </row>
    <row r="337" spans="1:3" x14ac:dyDescent="0.45">
      <c r="A337" s="21" t="s">
        <v>2423</v>
      </c>
      <c r="B337" t="s">
        <v>2424</v>
      </c>
      <c r="C337" s="22" t="s">
        <v>5692</v>
      </c>
    </row>
    <row r="338" spans="1:3" x14ac:dyDescent="0.45">
      <c r="A338" s="21" t="s">
        <v>2425</v>
      </c>
      <c r="B338" t="s">
        <v>2426</v>
      </c>
      <c r="C338" s="22" t="s">
        <v>5693</v>
      </c>
    </row>
    <row r="339" spans="1:3" x14ac:dyDescent="0.45">
      <c r="A339" s="21" t="s">
        <v>2427</v>
      </c>
      <c r="B339" t="s">
        <v>2428</v>
      </c>
      <c r="C339" s="22" t="s">
        <v>5694</v>
      </c>
    </row>
    <row r="340" spans="1:3" x14ac:dyDescent="0.45">
      <c r="A340" s="21" t="s">
        <v>2429</v>
      </c>
      <c r="B340" t="s">
        <v>2430</v>
      </c>
      <c r="C340" s="22" t="s">
        <v>5695</v>
      </c>
    </row>
    <row r="341" spans="1:3" x14ac:dyDescent="0.45">
      <c r="A341" s="21" t="s">
        <v>2431</v>
      </c>
      <c r="B341" t="s">
        <v>2432</v>
      </c>
      <c r="C341" s="22" t="s">
        <v>5696</v>
      </c>
    </row>
    <row r="342" spans="1:3" x14ac:dyDescent="0.45">
      <c r="A342" s="21" t="s">
        <v>2433</v>
      </c>
      <c r="B342" t="s">
        <v>2434</v>
      </c>
      <c r="C342" s="22" t="s">
        <v>5697</v>
      </c>
    </row>
    <row r="343" spans="1:3" x14ac:dyDescent="0.45">
      <c r="A343" s="21" t="s">
        <v>2435</v>
      </c>
      <c r="B343" t="s">
        <v>2436</v>
      </c>
      <c r="C343" s="22" t="s">
        <v>5698</v>
      </c>
    </row>
    <row r="344" spans="1:3" x14ac:dyDescent="0.45">
      <c r="A344" s="21" t="s">
        <v>2437</v>
      </c>
      <c r="B344" t="s">
        <v>2438</v>
      </c>
      <c r="C344" s="22" t="s">
        <v>5699</v>
      </c>
    </row>
    <row r="345" spans="1:3" x14ac:dyDescent="0.45">
      <c r="A345" s="21" t="s">
        <v>2439</v>
      </c>
      <c r="B345" t="s">
        <v>2440</v>
      </c>
      <c r="C345" s="22" t="s">
        <v>5700</v>
      </c>
    </row>
    <row r="346" spans="1:3" x14ac:dyDescent="0.45">
      <c r="A346" s="21" t="s">
        <v>2441</v>
      </c>
      <c r="B346" t="s">
        <v>2442</v>
      </c>
      <c r="C346" s="22" t="s">
        <v>5701</v>
      </c>
    </row>
    <row r="347" spans="1:3" x14ac:dyDescent="0.45">
      <c r="A347" s="21" t="s">
        <v>2443</v>
      </c>
      <c r="B347" t="s">
        <v>2444</v>
      </c>
      <c r="C347" s="22" t="s">
        <v>5702</v>
      </c>
    </row>
    <row r="348" spans="1:3" x14ac:dyDescent="0.45">
      <c r="A348" s="21" t="s">
        <v>2445</v>
      </c>
      <c r="B348" t="s">
        <v>2446</v>
      </c>
      <c r="C348" s="22" t="s">
        <v>5703</v>
      </c>
    </row>
    <row r="349" spans="1:3" x14ac:dyDescent="0.45">
      <c r="A349" s="21" t="s">
        <v>2447</v>
      </c>
      <c r="B349" t="s">
        <v>2448</v>
      </c>
      <c r="C349" s="22" t="s">
        <v>5704</v>
      </c>
    </row>
    <row r="350" spans="1:3" x14ac:dyDescent="0.45">
      <c r="A350" s="21" t="s">
        <v>2449</v>
      </c>
      <c r="B350" t="s">
        <v>2450</v>
      </c>
      <c r="C350" s="22" t="s">
        <v>5705</v>
      </c>
    </row>
    <row r="351" spans="1:3" x14ac:dyDescent="0.45">
      <c r="A351" s="21" t="s">
        <v>2451</v>
      </c>
      <c r="B351" t="s">
        <v>2452</v>
      </c>
      <c r="C351" s="22" t="s">
        <v>5706</v>
      </c>
    </row>
    <row r="352" spans="1:3" x14ac:dyDescent="0.45">
      <c r="A352" s="21" t="s">
        <v>2453</v>
      </c>
      <c r="B352" t="s">
        <v>2454</v>
      </c>
      <c r="C352" s="22" t="s">
        <v>5707</v>
      </c>
    </row>
    <row r="353" spans="1:3" x14ac:dyDescent="0.45">
      <c r="A353" s="21" t="s">
        <v>2455</v>
      </c>
      <c r="B353" t="s">
        <v>2456</v>
      </c>
      <c r="C353" s="22" t="s">
        <v>5708</v>
      </c>
    </row>
    <row r="354" spans="1:3" x14ac:dyDescent="0.45">
      <c r="A354" s="21" t="s">
        <v>2457</v>
      </c>
      <c r="B354" t="s">
        <v>2458</v>
      </c>
      <c r="C354" s="22" t="s">
        <v>5709</v>
      </c>
    </row>
    <row r="355" spans="1:3" x14ac:dyDescent="0.45">
      <c r="A355" s="21" t="s">
        <v>2459</v>
      </c>
      <c r="B355" t="s">
        <v>2460</v>
      </c>
      <c r="C355" s="22" t="s">
        <v>5710</v>
      </c>
    </row>
    <row r="356" spans="1:3" x14ac:dyDescent="0.45">
      <c r="A356" s="21" t="s">
        <v>2461</v>
      </c>
      <c r="B356" t="s">
        <v>2462</v>
      </c>
      <c r="C356" s="22" t="s">
        <v>5711</v>
      </c>
    </row>
    <row r="357" spans="1:3" x14ac:dyDescent="0.45">
      <c r="A357" s="21" t="s">
        <v>2463</v>
      </c>
      <c r="B357" t="s">
        <v>2464</v>
      </c>
      <c r="C357" s="22" t="s">
        <v>5712</v>
      </c>
    </row>
    <row r="358" spans="1:3" x14ac:dyDescent="0.45">
      <c r="A358" s="21" t="s">
        <v>2465</v>
      </c>
      <c r="B358" t="s">
        <v>2466</v>
      </c>
      <c r="C358" s="22" t="s">
        <v>5713</v>
      </c>
    </row>
    <row r="359" spans="1:3" x14ac:dyDescent="0.45">
      <c r="A359" s="21" t="s">
        <v>2467</v>
      </c>
      <c r="B359" t="s">
        <v>2468</v>
      </c>
      <c r="C359" s="22" t="s">
        <v>5714</v>
      </c>
    </row>
    <row r="360" spans="1:3" x14ac:dyDescent="0.45">
      <c r="A360" s="21" t="s">
        <v>2469</v>
      </c>
      <c r="B360" t="s">
        <v>2470</v>
      </c>
      <c r="C360" s="22" t="s">
        <v>5715</v>
      </c>
    </row>
    <row r="361" spans="1:3" x14ac:dyDescent="0.45">
      <c r="A361" s="21" t="s">
        <v>2471</v>
      </c>
      <c r="B361" t="s">
        <v>2472</v>
      </c>
      <c r="C361" s="22" t="s">
        <v>5716</v>
      </c>
    </row>
    <row r="362" spans="1:3" x14ac:dyDescent="0.45">
      <c r="A362" s="21" t="s">
        <v>2473</v>
      </c>
      <c r="B362" t="s">
        <v>2474</v>
      </c>
      <c r="C362" s="22" t="s">
        <v>5717</v>
      </c>
    </row>
    <row r="363" spans="1:3" x14ac:dyDescent="0.45">
      <c r="A363" s="21" t="s">
        <v>2475</v>
      </c>
      <c r="B363" t="s">
        <v>2476</v>
      </c>
      <c r="C363" s="22" t="s">
        <v>5718</v>
      </c>
    </row>
    <row r="364" spans="1:3" x14ac:dyDescent="0.45">
      <c r="A364" s="21" t="s">
        <v>2477</v>
      </c>
      <c r="B364" t="s">
        <v>2478</v>
      </c>
      <c r="C364" s="22" t="s">
        <v>5719</v>
      </c>
    </row>
    <row r="365" spans="1:3" x14ac:dyDescent="0.45">
      <c r="A365" s="21" t="s">
        <v>2479</v>
      </c>
      <c r="B365" t="s">
        <v>2480</v>
      </c>
      <c r="C365" s="22" t="s">
        <v>5720</v>
      </c>
    </row>
    <row r="366" spans="1:3" x14ac:dyDescent="0.45">
      <c r="A366" s="21" t="s">
        <v>2481</v>
      </c>
      <c r="B366" t="s">
        <v>2482</v>
      </c>
      <c r="C366" s="22" t="s">
        <v>5721</v>
      </c>
    </row>
    <row r="367" spans="1:3" x14ac:dyDescent="0.45">
      <c r="A367" s="21" t="s">
        <v>2483</v>
      </c>
      <c r="B367" t="s">
        <v>2484</v>
      </c>
      <c r="C367" s="22" t="s">
        <v>5722</v>
      </c>
    </row>
    <row r="368" spans="1:3" x14ac:dyDescent="0.45">
      <c r="A368" s="21" t="s">
        <v>2485</v>
      </c>
      <c r="B368" t="s">
        <v>2486</v>
      </c>
      <c r="C368" s="22" t="s">
        <v>5723</v>
      </c>
    </row>
    <row r="369" spans="1:3" x14ac:dyDescent="0.45">
      <c r="A369" s="21" t="s">
        <v>2487</v>
      </c>
      <c r="B369" t="s">
        <v>2488</v>
      </c>
      <c r="C369" s="22" t="s">
        <v>5724</v>
      </c>
    </row>
    <row r="370" spans="1:3" x14ac:dyDescent="0.45">
      <c r="A370" s="21" t="s">
        <v>2489</v>
      </c>
      <c r="B370" t="s">
        <v>2490</v>
      </c>
      <c r="C370" s="22" t="s">
        <v>5725</v>
      </c>
    </row>
    <row r="371" spans="1:3" x14ac:dyDescent="0.45">
      <c r="A371" s="21" t="s">
        <v>2491</v>
      </c>
      <c r="B371" t="s">
        <v>2492</v>
      </c>
      <c r="C371" s="22" t="s">
        <v>5726</v>
      </c>
    </row>
    <row r="372" spans="1:3" x14ac:dyDescent="0.45">
      <c r="A372" s="21" t="s">
        <v>2493</v>
      </c>
      <c r="B372" t="s">
        <v>2494</v>
      </c>
      <c r="C372" s="22" t="s">
        <v>5727</v>
      </c>
    </row>
    <row r="373" spans="1:3" x14ac:dyDescent="0.45">
      <c r="A373" s="21" t="s">
        <v>2495</v>
      </c>
      <c r="B373" t="s">
        <v>2496</v>
      </c>
      <c r="C373" s="22" t="s">
        <v>5728</v>
      </c>
    </row>
    <row r="374" spans="1:3" x14ac:dyDescent="0.45">
      <c r="A374" s="21" t="s">
        <v>2497</v>
      </c>
      <c r="B374" t="s">
        <v>2498</v>
      </c>
      <c r="C374" s="22" t="s">
        <v>5729</v>
      </c>
    </row>
    <row r="375" spans="1:3" x14ac:dyDescent="0.45">
      <c r="A375" s="21" t="s">
        <v>2499</v>
      </c>
      <c r="B375" t="s">
        <v>2500</v>
      </c>
      <c r="C375" s="22" t="s">
        <v>5730</v>
      </c>
    </row>
    <row r="376" spans="1:3" x14ac:dyDescent="0.45">
      <c r="A376" s="21" t="s">
        <v>2501</v>
      </c>
      <c r="B376" t="s">
        <v>2502</v>
      </c>
      <c r="C376" s="22" t="s">
        <v>5731</v>
      </c>
    </row>
    <row r="377" spans="1:3" x14ac:dyDescent="0.45">
      <c r="A377" s="21" t="s">
        <v>2503</v>
      </c>
      <c r="B377" t="s">
        <v>2504</v>
      </c>
      <c r="C377" s="22" t="s">
        <v>5732</v>
      </c>
    </row>
    <row r="378" spans="1:3" x14ac:dyDescent="0.45">
      <c r="A378" s="21" t="s">
        <v>2505</v>
      </c>
      <c r="B378" t="s">
        <v>2506</v>
      </c>
      <c r="C378" s="22" t="s">
        <v>5733</v>
      </c>
    </row>
    <row r="379" spans="1:3" x14ac:dyDescent="0.45">
      <c r="A379" s="21" t="s">
        <v>2507</v>
      </c>
      <c r="B379" t="s">
        <v>2508</v>
      </c>
      <c r="C379" s="22" t="s">
        <v>5734</v>
      </c>
    </row>
    <row r="380" spans="1:3" x14ac:dyDescent="0.45">
      <c r="A380" s="21" t="s">
        <v>2509</v>
      </c>
      <c r="B380" t="s">
        <v>2510</v>
      </c>
      <c r="C380" s="22" t="s">
        <v>5735</v>
      </c>
    </row>
    <row r="381" spans="1:3" x14ac:dyDescent="0.45">
      <c r="A381" s="21" t="s">
        <v>2511</v>
      </c>
      <c r="B381" t="s">
        <v>2512</v>
      </c>
      <c r="C381" s="22" t="s">
        <v>5736</v>
      </c>
    </row>
    <row r="382" spans="1:3" x14ac:dyDescent="0.45">
      <c r="A382" s="21" t="s">
        <v>2513</v>
      </c>
      <c r="B382" t="s">
        <v>2514</v>
      </c>
      <c r="C382" s="22" t="s">
        <v>5737</v>
      </c>
    </row>
    <row r="383" spans="1:3" x14ac:dyDescent="0.45">
      <c r="A383" s="21" t="s">
        <v>2515</v>
      </c>
      <c r="B383" t="s">
        <v>2516</v>
      </c>
      <c r="C383" s="22" t="s">
        <v>5738</v>
      </c>
    </row>
    <row r="384" spans="1:3" x14ac:dyDescent="0.45">
      <c r="A384" s="21" t="s">
        <v>2517</v>
      </c>
      <c r="B384" t="s">
        <v>2518</v>
      </c>
      <c r="C384" s="22" t="s">
        <v>5739</v>
      </c>
    </row>
    <row r="385" spans="1:3" x14ac:dyDescent="0.45">
      <c r="A385" s="21" t="s">
        <v>2519</v>
      </c>
      <c r="B385" t="s">
        <v>2520</v>
      </c>
      <c r="C385" s="22" t="s">
        <v>5740</v>
      </c>
    </row>
    <row r="386" spans="1:3" x14ac:dyDescent="0.45">
      <c r="A386" s="21" t="s">
        <v>2521</v>
      </c>
      <c r="B386" t="s">
        <v>2522</v>
      </c>
      <c r="C386" s="22" t="s">
        <v>5741</v>
      </c>
    </row>
    <row r="387" spans="1:3" x14ac:dyDescent="0.45">
      <c r="A387" s="21" t="s">
        <v>2523</v>
      </c>
      <c r="B387" t="s">
        <v>2524</v>
      </c>
      <c r="C387" s="22" t="s">
        <v>5742</v>
      </c>
    </row>
    <row r="388" spans="1:3" x14ac:dyDescent="0.45">
      <c r="A388" s="21" t="s">
        <v>2525</v>
      </c>
      <c r="B388" t="s">
        <v>2526</v>
      </c>
      <c r="C388" s="22" t="s">
        <v>5743</v>
      </c>
    </row>
    <row r="389" spans="1:3" x14ac:dyDescent="0.45">
      <c r="A389" s="21" t="s">
        <v>2527</v>
      </c>
      <c r="B389" t="s">
        <v>2528</v>
      </c>
      <c r="C389" s="22" t="s">
        <v>5744</v>
      </c>
    </row>
    <row r="390" spans="1:3" x14ac:dyDescent="0.45">
      <c r="A390" s="21" t="s">
        <v>2529</v>
      </c>
      <c r="B390" t="s">
        <v>2530</v>
      </c>
      <c r="C390" s="22" t="s">
        <v>5745</v>
      </c>
    </row>
    <row r="391" spans="1:3" x14ac:dyDescent="0.45">
      <c r="A391" s="21" t="s">
        <v>2531</v>
      </c>
      <c r="B391" t="s">
        <v>2532</v>
      </c>
      <c r="C391" s="22" t="s">
        <v>5746</v>
      </c>
    </row>
    <row r="392" spans="1:3" x14ac:dyDescent="0.45">
      <c r="A392" s="21" t="s">
        <v>2533</v>
      </c>
      <c r="B392" t="s">
        <v>2534</v>
      </c>
      <c r="C392" s="22" t="s">
        <v>5747</v>
      </c>
    </row>
    <row r="393" spans="1:3" x14ac:dyDescent="0.45">
      <c r="A393" s="21" t="s">
        <v>2535</v>
      </c>
      <c r="B393" t="s">
        <v>2536</v>
      </c>
      <c r="C393" s="22" t="s">
        <v>5748</v>
      </c>
    </row>
    <row r="394" spans="1:3" x14ac:dyDescent="0.45">
      <c r="A394" s="21" t="s">
        <v>2537</v>
      </c>
      <c r="B394" t="s">
        <v>2538</v>
      </c>
      <c r="C394" s="22" t="s">
        <v>5749</v>
      </c>
    </row>
    <row r="395" spans="1:3" x14ac:dyDescent="0.45">
      <c r="A395" s="21" t="s">
        <v>2539</v>
      </c>
      <c r="B395" t="s">
        <v>2540</v>
      </c>
      <c r="C395" s="22" t="s">
        <v>5750</v>
      </c>
    </row>
    <row r="396" spans="1:3" x14ac:dyDescent="0.45">
      <c r="A396" s="21" t="s">
        <v>2541</v>
      </c>
      <c r="B396" t="s">
        <v>2542</v>
      </c>
      <c r="C396" s="22" t="s">
        <v>5751</v>
      </c>
    </row>
    <row r="397" spans="1:3" x14ac:dyDescent="0.45">
      <c r="A397" s="21" t="s">
        <v>2543</v>
      </c>
      <c r="B397" t="s">
        <v>2544</v>
      </c>
      <c r="C397" s="22" t="s">
        <v>5752</v>
      </c>
    </row>
    <row r="398" spans="1:3" x14ac:dyDescent="0.45">
      <c r="A398" s="21" t="s">
        <v>2545</v>
      </c>
      <c r="B398" t="s">
        <v>2546</v>
      </c>
      <c r="C398" s="22" t="s">
        <v>5753</v>
      </c>
    </row>
    <row r="399" spans="1:3" x14ac:dyDescent="0.45">
      <c r="A399" s="21" t="s">
        <v>2547</v>
      </c>
      <c r="B399" t="s">
        <v>2548</v>
      </c>
      <c r="C399" s="22" t="s">
        <v>5754</v>
      </c>
    </row>
    <row r="400" spans="1:3" x14ac:dyDescent="0.45">
      <c r="A400" s="21" t="s">
        <v>2549</v>
      </c>
      <c r="B400" t="s">
        <v>2550</v>
      </c>
      <c r="C400" s="22" t="s">
        <v>5755</v>
      </c>
    </row>
    <row r="401" spans="1:3" x14ac:dyDescent="0.45">
      <c r="A401" s="21" t="s">
        <v>2551</v>
      </c>
      <c r="B401" t="s">
        <v>2552</v>
      </c>
      <c r="C401" s="22" t="s">
        <v>5756</v>
      </c>
    </row>
    <row r="402" spans="1:3" x14ac:dyDescent="0.45">
      <c r="A402" s="21" t="s">
        <v>2553</v>
      </c>
      <c r="B402" t="s">
        <v>2554</v>
      </c>
      <c r="C402" s="22" t="s">
        <v>5757</v>
      </c>
    </row>
    <row r="403" spans="1:3" x14ac:dyDescent="0.45">
      <c r="A403" s="21" t="s">
        <v>2555</v>
      </c>
      <c r="B403" t="s">
        <v>2556</v>
      </c>
      <c r="C403" s="22" t="s">
        <v>5758</v>
      </c>
    </row>
    <row r="404" spans="1:3" x14ac:dyDescent="0.45">
      <c r="A404" s="21" t="s">
        <v>2557</v>
      </c>
      <c r="B404" t="s">
        <v>2558</v>
      </c>
      <c r="C404" s="22" t="s">
        <v>5759</v>
      </c>
    </row>
    <row r="405" spans="1:3" x14ac:dyDescent="0.45">
      <c r="A405" s="21" t="s">
        <v>2559</v>
      </c>
      <c r="B405" t="s">
        <v>2560</v>
      </c>
      <c r="C405" s="22" t="s">
        <v>5760</v>
      </c>
    </row>
    <row r="406" spans="1:3" x14ac:dyDescent="0.45">
      <c r="A406" s="21" t="s">
        <v>2561</v>
      </c>
      <c r="B406" t="s">
        <v>2562</v>
      </c>
      <c r="C406" s="22" t="s">
        <v>5761</v>
      </c>
    </row>
    <row r="407" spans="1:3" x14ac:dyDescent="0.45">
      <c r="A407" s="21" t="s">
        <v>2563</v>
      </c>
      <c r="B407" t="s">
        <v>2564</v>
      </c>
      <c r="C407" s="22" t="s">
        <v>5762</v>
      </c>
    </row>
    <row r="408" spans="1:3" x14ac:dyDescent="0.45">
      <c r="A408" s="21" t="s">
        <v>2565</v>
      </c>
      <c r="B408" t="s">
        <v>2566</v>
      </c>
      <c r="C408" s="22" t="s">
        <v>5763</v>
      </c>
    </row>
    <row r="409" spans="1:3" x14ac:dyDescent="0.45">
      <c r="A409" s="21" t="s">
        <v>2567</v>
      </c>
      <c r="B409" t="s">
        <v>2568</v>
      </c>
      <c r="C409" s="22" t="s">
        <v>5764</v>
      </c>
    </row>
    <row r="410" spans="1:3" x14ac:dyDescent="0.45">
      <c r="A410" s="21" t="s">
        <v>2569</v>
      </c>
      <c r="B410" t="s">
        <v>2570</v>
      </c>
      <c r="C410" s="22" t="s">
        <v>5765</v>
      </c>
    </row>
    <row r="411" spans="1:3" x14ac:dyDescent="0.45">
      <c r="A411" s="21" t="s">
        <v>2571</v>
      </c>
      <c r="B411" t="s">
        <v>2572</v>
      </c>
      <c r="C411" s="22" t="s">
        <v>5766</v>
      </c>
    </row>
    <row r="412" spans="1:3" x14ac:dyDescent="0.45">
      <c r="A412" s="21" t="s">
        <v>2573</v>
      </c>
      <c r="B412" t="s">
        <v>2574</v>
      </c>
      <c r="C412" s="22" t="s">
        <v>5767</v>
      </c>
    </row>
    <row r="413" spans="1:3" x14ac:dyDescent="0.45">
      <c r="A413" s="21" t="s">
        <v>2575</v>
      </c>
      <c r="B413" t="s">
        <v>2576</v>
      </c>
      <c r="C413" s="22" t="s">
        <v>5768</v>
      </c>
    </row>
    <row r="414" spans="1:3" x14ac:dyDescent="0.45">
      <c r="A414" s="21" t="s">
        <v>2577</v>
      </c>
      <c r="B414" t="s">
        <v>2578</v>
      </c>
      <c r="C414" s="22" t="s">
        <v>5769</v>
      </c>
    </row>
    <row r="415" spans="1:3" x14ac:dyDescent="0.45">
      <c r="A415" s="21" t="s">
        <v>2579</v>
      </c>
      <c r="B415" t="s">
        <v>2580</v>
      </c>
      <c r="C415" s="22" t="s">
        <v>5770</v>
      </c>
    </row>
    <row r="416" spans="1:3" x14ac:dyDescent="0.45">
      <c r="A416" s="21" t="s">
        <v>2581</v>
      </c>
      <c r="B416" t="s">
        <v>2582</v>
      </c>
      <c r="C416" s="22" t="s">
        <v>5771</v>
      </c>
    </row>
    <row r="417" spans="1:3" x14ac:dyDescent="0.45">
      <c r="A417" s="21" t="s">
        <v>2583</v>
      </c>
      <c r="B417" t="s">
        <v>2584</v>
      </c>
      <c r="C417" s="22" t="s">
        <v>5772</v>
      </c>
    </row>
    <row r="418" spans="1:3" x14ac:dyDescent="0.45">
      <c r="A418" s="21" t="s">
        <v>2585</v>
      </c>
      <c r="B418" t="s">
        <v>2586</v>
      </c>
      <c r="C418" s="22" t="s">
        <v>5773</v>
      </c>
    </row>
    <row r="419" spans="1:3" x14ac:dyDescent="0.45">
      <c r="A419" s="21" t="s">
        <v>2587</v>
      </c>
      <c r="B419" t="s">
        <v>2588</v>
      </c>
      <c r="C419" s="22" t="s">
        <v>5774</v>
      </c>
    </row>
    <row r="420" spans="1:3" x14ac:dyDescent="0.45">
      <c r="A420" s="21" t="s">
        <v>2589</v>
      </c>
      <c r="B420" t="s">
        <v>2590</v>
      </c>
      <c r="C420" s="22" t="s">
        <v>5775</v>
      </c>
    </row>
    <row r="421" spans="1:3" x14ac:dyDescent="0.45">
      <c r="A421" s="21" t="s">
        <v>2591</v>
      </c>
      <c r="B421" t="s">
        <v>2592</v>
      </c>
      <c r="C421" s="22" t="s">
        <v>5776</v>
      </c>
    </row>
    <row r="422" spans="1:3" x14ac:dyDescent="0.45">
      <c r="A422" s="21" t="s">
        <v>2593</v>
      </c>
      <c r="B422" t="s">
        <v>2594</v>
      </c>
      <c r="C422" s="22" t="s">
        <v>5777</v>
      </c>
    </row>
    <row r="423" spans="1:3" x14ac:dyDescent="0.45">
      <c r="A423" s="21" t="s">
        <v>2595</v>
      </c>
      <c r="B423" t="s">
        <v>2596</v>
      </c>
      <c r="C423" s="22" t="s">
        <v>5778</v>
      </c>
    </row>
    <row r="424" spans="1:3" x14ac:dyDescent="0.45">
      <c r="A424" s="21" t="s">
        <v>2597</v>
      </c>
      <c r="B424" t="s">
        <v>2598</v>
      </c>
      <c r="C424" s="22" t="s">
        <v>5779</v>
      </c>
    </row>
    <row r="425" spans="1:3" x14ac:dyDescent="0.45">
      <c r="A425" s="21" t="s">
        <v>2599</v>
      </c>
      <c r="B425" t="s">
        <v>2600</v>
      </c>
      <c r="C425" s="22" t="s">
        <v>5780</v>
      </c>
    </row>
    <row r="426" spans="1:3" x14ac:dyDescent="0.45">
      <c r="A426" s="21" t="s">
        <v>2601</v>
      </c>
      <c r="B426" t="s">
        <v>2602</v>
      </c>
      <c r="C426" s="22" t="s">
        <v>5781</v>
      </c>
    </row>
    <row r="427" spans="1:3" x14ac:dyDescent="0.45">
      <c r="A427" s="21" t="s">
        <v>2603</v>
      </c>
      <c r="B427" t="s">
        <v>2604</v>
      </c>
      <c r="C427" s="22" t="s">
        <v>5782</v>
      </c>
    </row>
    <row r="428" spans="1:3" x14ac:dyDescent="0.45">
      <c r="A428" s="21" t="s">
        <v>2605</v>
      </c>
      <c r="B428" t="s">
        <v>2606</v>
      </c>
      <c r="C428" s="22" t="s">
        <v>5783</v>
      </c>
    </row>
    <row r="429" spans="1:3" x14ac:dyDescent="0.45">
      <c r="A429" s="21" t="s">
        <v>2607</v>
      </c>
      <c r="B429" t="s">
        <v>2608</v>
      </c>
      <c r="C429" s="22" t="s">
        <v>5784</v>
      </c>
    </row>
    <row r="430" spans="1:3" x14ac:dyDescent="0.45">
      <c r="A430" s="21" t="s">
        <v>2609</v>
      </c>
      <c r="B430" t="s">
        <v>2610</v>
      </c>
      <c r="C430" s="22" t="s">
        <v>5785</v>
      </c>
    </row>
    <row r="431" spans="1:3" x14ac:dyDescent="0.45">
      <c r="A431" s="21" t="s">
        <v>2611</v>
      </c>
      <c r="B431" t="s">
        <v>2612</v>
      </c>
      <c r="C431" s="22" t="s">
        <v>5786</v>
      </c>
    </row>
    <row r="432" spans="1:3" x14ac:dyDescent="0.45">
      <c r="A432" s="21" t="s">
        <v>2613</v>
      </c>
      <c r="B432" t="s">
        <v>2614</v>
      </c>
      <c r="C432" s="22" t="s">
        <v>5787</v>
      </c>
    </row>
    <row r="433" spans="1:3" x14ac:dyDescent="0.45">
      <c r="A433" s="21" t="s">
        <v>2615</v>
      </c>
      <c r="B433" t="s">
        <v>2616</v>
      </c>
      <c r="C433" s="22" t="s">
        <v>5788</v>
      </c>
    </row>
    <row r="434" spans="1:3" x14ac:dyDescent="0.45">
      <c r="A434" s="21" t="s">
        <v>2617</v>
      </c>
      <c r="B434" t="s">
        <v>2618</v>
      </c>
      <c r="C434" s="22" t="s">
        <v>5789</v>
      </c>
    </row>
    <row r="435" spans="1:3" x14ac:dyDescent="0.45">
      <c r="A435" s="21" t="s">
        <v>2619</v>
      </c>
      <c r="B435" t="s">
        <v>2620</v>
      </c>
      <c r="C435" s="22" t="s">
        <v>5790</v>
      </c>
    </row>
    <row r="436" spans="1:3" x14ac:dyDescent="0.45">
      <c r="A436" s="21" t="s">
        <v>2621</v>
      </c>
      <c r="B436" t="s">
        <v>2622</v>
      </c>
      <c r="C436" s="22" t="s">
        <v>5791</v>
      </c>
    </row>
    <row r="437" spans="1:3" x14ac:dyDescent="0.45">
      <c r="A437" s="21" t="s">
        <v>2623</v>
      </c>
      <c r="B437" t="s">
        <v>2624</v>
      </c>
      <c r="C437" s="22" t="s">
        <v>5792</v>
      </c>
    </row>
    <row r="438" spans="1:3" x14ac:dyDescent="0.45">
      <c r="A438" s="21" t="s">
        <v>2625</v>
      </c>
      <c r="B438" t="s">
        <v>2626</v>
      </c>
      <c r="C438" s="22" t="s">
        <v>5793</v>
      </c>
    </row>
    <row r="439" spans="1:3" x14ac:dyDescent="0.45">
      <c r="A439" s="21" t="s">
        <v>2627</v>
      </c>
      <c r="B439" t="s">
        <v>2628</v>
      </c>
      <c r="C439" s="22" t="s">
        <v>5794</v>
      </c>
    </row>
    <row r="440" spans="1:3" x14ac:dyDescent="0.45">
      <c r="A440" s="21" t="s">
        <v>2629</v>
      </c>
      <c r="B440" t="s">
        <v>2630</v>
      </c>
      <c r="C440" s="22" t="s">
        <v>5795</v>
      </c>
    </row>
    <row r="441" spans="1:3" x14ac:dyDescent="0.45">
      <c r="A441" s="21" t="s">
        <v>2631</v>
      </c>
      <c r="B441" t="s">
        <v>2632</v>
      </c>
      <c r="C441" s="22" t="s">
        <v>5796</v>
      </c>
    </row>
    <row r="442" spans="1:3" x14ac:dyDescent="0.45">
      <c r="A442" s="21" t="s">
        <v>2633</v>
      </c>
      <c r="B442" t="s">
        <v>2634</v>
      </c>
      <c r="C442" s="22" t="s">
        <v>5797</v>
      </c>
    </row>
    <row r="443" spans="1:3" x14ac:dyDescent="0.45">
      <c r="A443" s="21" t="s">
        <v>2635</v>
      </c>
      <c r="B443" t="s">
        <v>2636</v>
      </c>
      <c r="C443" s="22" t="s">
        <v>5798</v>
      </c>
    </row>
    <row r="444" spans="1:3" x14ac:dyDescent="0.45">
      <c r="A444" s="21" t="s">
        <v>2637</v>
      </c>
      <c r="B444" t="s">
        <v>2638</v>
      </c>
      <c r="C444" s="22" t="s">
        <v>5799</v>
      </c>
    </row>
    <row r="445" spans="1:3" x14ac:dyDescent="0.45">
      <c r="A445" s="21" t="s">
        <v>2639</v>
      </c>
      <c r="B445" t="s">
        <v>2640</v>
      </c>
      <c r="C445" s="22" t="s">
        <v>5800</v>
      </c>
    </row>
    <row r="446" spans="1:3" x14ac:dyDescent="0.45">
      <c r="A446" s="21" t="s">
        <v>2641</v>
      </c>
      <c r="B446" t="s">
        <v>2642</v>
      </c>
      <c r="C446" s="22" t="s">
        <v>5801</v>
      </c>
    </row>
    <row r="447" spans="1:3" x14ac:dyDescent="0.45">
      <c r="A447" s="21" t="s">
        <v>2643</v>
      </c>
      <c r="B447" t="s">
        <v>2644</v>
      </c>
      <c r="C447" s="22" t="s">
        <v>5802</v>
      </c>
    </row>
    <row r="448" spans="1:3" x14ac:dyDescent="0.45">
      <c r="A448" s="21" t="s">
        <v>2645</v>
      </c>
      <c r="B448" t="s">
        <v>2646</v>
      </c>
      <c r="C448" s="22" t="s">
        <v>5803</v>
      </c>
    </row>
    <row r="449" spans="1:3" x14ac:dyDescent="0.45">
      <c r="A449" s="21" t="s">
        <v>2647</v>
      </c>
      <c r="B449" t="s">
        <v>2648</v>
      </c>
      <c r="C449" s="22" t="s">
        <v>5804</v>
      </c>
    </row>
    <row r="450" spans="1:3" x14ac:dyDescent="0.45">
      <c r="A450" s="21" t="s">
        <v>2649</v>
      </c>
      <c r="B450" t="s">
        <v>2650</v>
      </c>
      <c r="C450" s="22" t="s">
        <v>5805</v>
      </c>
    </row>
    <row r="451" spans="1:3" x14ac:dyDescent="0.45">
      <c r="A451" s="21" t="s">
        <v>2651</v>
      </c>
      <c r="B451" t="s">
        <v>2652</v>
      </c>
      <c r="C451" s="22" t="s">
        <v>5806</v>
      </c>
    </row>
    <row r="452" spans="1:3" x14ac:dyDescent="0.45">
      <c r="A452" s="21" t="s">
        <v>2653</v>
      </c>
      <c r="B452" t="s">
        <v>2654</v>
      </c>
      <c r="C452" s="22" t="s">
        <v>5807</v>
      </c>
    </row>
    <row r="453" spans="1:3" x14ac:dyDescent="0.45">
      <c r="A453" s="21" t="s">
        <v>2655</v>
      </c>
      <c r="B453" t="s">
        <v>2656</v>
      </c>
      <c r="C453" s="22" t="s">
        <v>5808</v>
      </c>
    </row>
    <row r="454" spans="1:3" x14ac:dyDescent="0.45">
      <c r="A454" s="21" t="s">
        <v>2657</v>
      </c>
      <c r="B454" t="s">
        <v>2658</v>
      </c>
      <c r="C454" s="22" t="s">
        <v>5809</v>
      </c>
    </row>
    <row r="455" spans="1:3" x14ac:dyDescent="0.45">
      <c r="A455" s="21" t="s">
        <v>2659</v>
      </c>
      <c r="B455" t="s">
        <v>2660</v>
      </c>
      <c r="C455" s="22" t="s">
        <v>5810</v>
      </c>
    </row>
    <row r="456" spans="1:3" x14ac:dyDescent="0.45">
      <c r="A456" s="21" t="s">
        <v>2661</v>
      </c>
      <c r="B456" t="s">
        <v>2662</v>
      </c>
      <c r="C456" s="22" t="s">
        <v>5811</v>
      </c>
    </row>
    <row r="457" spans="1:3" x14ac:dyDescent="0.45">
      <c r="A457" s="21" t="s">
        <v>2663</v>
      </c>
      <c r="B457" t="s">
        <v>2664</v>
      </c>
      <c r="C457" s="22" t="s">
        <v>5812</v>
      </c>
    </row>
    <row r="458" spans="1:3" x14ac:dyDescent="0.45">
      <c r="A458" s="21" t="s">
        <v>2665</v>
      </c>
      <c r="B458" t="s">
        <v>2666</v>
      </c>
      <c r="C458" s="22" t="s">
        <v>5813</v>
      </c>
    </row>
    <row r="459" spans="1:3" x14ac:dyDescent="0.45">
      <c r="A459" s="21" t="s">
        <v>2667</v>
      </c>
      <c r="B459" t="s">
        <v>2668</v>
      </c>
      <c r="C459" s="22" t="s">
        <v>5814</v>
      </c>
    </row>
    <row r="460" spans="1:3" x14ac:dyDescent="0.45">
      <c r="A460" s="21" t="s">
        <v>2669</v>
      </c>
      <c r="B460" t="s">
        <v>2670</v>
      </c>
      <c r="C460" s="22" t="s">
        <v>5815</v>
      </c>
    </row>
    <row r="461" spans="1:3" x14ac:dyDescent="0.45">
      <c r="A461" s="21" t="s">
        <v>2671</v>
      </c>
      <c r="B461" t="s">
        <v>2672</v>
      </c>
      <c r="C461" s="22" t="s">
        <v>5816</v>
      </c>
    </row>
    <row r="462" spans="1:3" x14ac:dyDescent="0.45">
      <c r="A462" s="21" t="s">
        <v>2673</v>
      </c>
      <c r="B462" t="s">
        <v>2674</v>
      </c>
      <c r="C462" s="22" t="s">
        <v>5817</v>
      </c>
    </row>
    <row r="463" spans="1:3" x14ac:dyDescent="0.45">
      <c r="A463" s="21" t="s">
        <v>2675</v>
      </c>
      <c r="B463" t="s">
        <v>2676</v>
      </c>
      <c r="C463" s="22" t="s">
        <v>5818</v>
      </c>
    </row>
    <row r="464" spans="1:3" x14ac:dyDescent="0.45">
      <c r="A464" s="21" t="s">
        <v>2677</v>
      </c>
      <c r="B464" t="s">
        <v>2678</v>
      </c>
      <c r="C464" s="22" t="s">
        <v>5819</v>
      </c>
    </row>
    <row r="465" spans="1:3" x14ac:dyDescent="0.45">
      <c r="A465" s="21" t="s">
        <v>2679</v>
      </c>
      <c r="B465" t="s">
        <v>2680</v>
      </c>
      <c r="C465" s="22" t="s">
        <v>5820</v>
      </c>
    </row>
    <row r="466" spans="1:3" x14ac:dyDescent="0.45">
      <c r="A466" s="21" t="s">
        <v>2681</v>
      </c>
      <c r="B466" t="s">
        <v>2682</v>
      </c>
      <c r="C466" s="22" t="s">
        <v>5821</v>
      </c>
    </row>
    <row r="467" spans="1:3" x14ac:dyDescent="0.45">
      <c r="A467" s="21" t="s">
        <v>2683</v>
      </c>
      <c r="B467" t="s">
        <v>2684</v>
      </c>
      <c r="C467" s="22" t="s">
        <v>5822</v>
      </c>
    </row>
    <row r="468" spans="1:3" x14ac:dyDescent="0.45">
      <c r="A468" s="21" t="s">
        <v>2685</v>
      </c>
      <c r="B468" t="s">
        <v>2686</v>
      </c>
      <c r="C468" s="22" t="s">
        <v>5823</v>
      </c>
    </row>
    <row r="469" spans="1:3" x14ac:dyDescent="0.45">
      <c r="A469" s="21" t="s">
        <v>2687</v>
      </c>
      <c r="B469" t="s">
        <v>2688</v>
      </c>
      <c r="C469" s="22" t="s">
        <v>5824</v>
      </c>
    </row>
    <row r="470" spans="1:3" x14ac:dyDescent="0.45">
      <c r="A470" s="21" t="s">
        <v>2689</v>
      </c>
      <c r="B470" t="s">
        <v>2690</v>
      </c>
      <c r="C470" s="22" t="s">
        <v>5825</v>
      </c>
    </row>
    <row r="471" spans="1:3" x14ac:dyDescent="0.45">
      <c r="A471" s="21" t="s">
        <v>2691</v>
      </c>
      <c r="B471" t="s">
        <v>2692</v>
      </c>
      <c r="C471" s="22" t="s">
        <v>5826</v>
      </c>
    </row>
    <row r="472" spans="1:3" x14ac:dyDescent="0.45">
      <c r="A472" s="21" t="s">
        <v>2693</v>
      </c>
      <c r="B472" t="s">
        <v>2694</v>
      </c>
      <c r="C472" s="22" t="s">
        <v>5827</v>
      </c>
    </row>
    <row r="473" spans="1:3" x14ac:dyDescent="0.45">
      <c r="A473" s="21" t="s">
        <v>2695</v>
      </c>
      <c r="B473" t="s">
        <v>2696</v>
      </c>
      <c r="C473" s="22" t="s">
        <v>5828</v>
      </c>
    </row>
    <row r="474" spans="1:3" x14ac:dyDescent="0.45">
      <c r="A474" s="21" t="s">
        <v>2697</v>
      </c>
      <c r="B474" t="s">
        <v>2698</v>
      </c>
      <c r="C474" s="22" t="s">
        <v>5829</v>
      </c>
    </row>
    <row r="475" spans="1:3" x14ac:dyDescent="0.45">
      <c r="A475" s="21" t="s">
        <v>2699</v>
      </c>
      <c r="B475" t="s">
        <v>2700</v>
      </c>
      <c r="C475" s="22" t="s">
        <v>5830</v>
      </c>
    </row>
    <row r="476" spans="1:3" x14ac:dyDescent="0.45">
      <c r="A476" s="21" t="s">
        <v>2701</v>
      </c>
      <c r="B476" t="s">
        <v>2702</v>
      </c>
      <c r="C476" s="22" t="s">
        <v>5831</v>
      </c>
    </row>
    <row r="477" spans="1:3" x14ac:dyDescent="0.45">
      <c r="A477" s="21" t="s">
        <v>2703</v>
      </c>
      <c r="B477" t="s">
        <v>2704</v>
      </c>
      <c r="C477" s="22" t="s">
        <v>5832</v>
      </c>
    </row>
    <row r="478" spans="1:3" x14ac:dyDescent="0.45">
      <c r="A478" s="21" t="s">
        <v>2705</v>
      </c>
      <c r="B478" t="s">
        <v>2706</v>
      </c>
      <c r="C478" s="22" t="s">
        <v>5833</v>
      </c>
    </row>
    <row r="479" spans="1:3" x14ac:dyDescent="0.45">
      <c r="A479" s="21" t="s">
        <v>2707</v>
      </c>
      <c r="B479" t="s">
        <v>2708</v>
      </c>
      <c r="C479" s="22" t="s">
        <v>5834</v>
      </c>
    </row>
    <row r="480" spans="1:3" x14ac:dyDescent="0.45">
      <c r="A480" s="21" t="s">
        <v>2709</v>
      </c>
      <c r="B480" t="s">
        <v>2710</v>
      </c>
      <c r="C480" s="22" t="s">
        <v>5835</v>
      </c>
    </row>
    <row r="481" spans="1:3" x14ac:dyDescent="0.45">
      <c r="A481" s="21" t="s">
        <v>2711</v>
      </c>
      <c r="B481" t="s">
        <v>2712</v>
      </c>
      <c r="C481" s="22" t="s">
        <v>5836</v>
      </c>
    </row>
    <row r="482" spans="1:3" x14ac:dyDescent="0.45">
      <c r="A482" s="21" t="s">
        <v>2713</v>
      </c>
      <c r="B482" t="s">
        <v>2714</v>
      </c>
      <c r="C482" s="22" t="s">
        <v>5837</v>
      </c>
    </row>
    <row r="483" spans="1:3" x14ac:dyDescent="0.45">
      <c r="A483" s="21" t="s">
        <v>2715</v>
      </c>
      <c r="B483" t="s">
        <v>2716</v>
      </c>
      <c r="C483" s="22" t="s">
        <v>5838</v>
      </c>
    </row>
    <row r="484" spans="1:3" x14ac:dyDescent="0.45">
      <c r="A484" s="21" t="s">
        <v>2717</v>
      </c>
      <c r="B484" t="s">
        <v>2718</v>
      </c>
      <c r="C484" s="22" t="s">
        <v>5839</v>
      </c>
    </row>
    <row r="485" spans="1:3" x14ac:dyDescent="0.45">
      <c r="A485" s="21" t="s">
        <v>2719</v>
      </c>
      <c r="B485" t="s">
        <v>2720</v>
      </c>
      <c r="C485" s="22" t="s">
        <v>5840</v>
      </c>
    </row>
    <row r="486" spans="1:3" x14ac:dyDescent="0.45">
      <c r="A486" s="21" t="s">
        <v>2721</v>
      </c>
      <c r="B486" t="s">
        <v>2722</v>
      </c>
      <c r="C486" s="22" t="s">
        <v>5841</v>
      </c>
    </row>
    <row r="487" spans="1:3" x14ac:dyDescent="0.45">
      <c r="A487" s="21" t="s">
        <v>2723</v>
      </c>
      <c r="B487" t="s">
        <v>2724</v>
      </c>
      <c r="C487" s="22" t="s">
        <v>5842</v>
      </c>
    </row>
    <row r="488" spans="1:3" x14ac:dyDescent="0.45">
      <c r="A488" s="21" t="s">
        <v>2725</v>
      </c>
      <c r="B488" t="s">
        <v>2726</v>
      </c>
      <c r="C488" s="22" t="s">
        <v>5843</v>
      </c>
    </row>
    <row r="489" spans="1:3" x14ac:dyDescent="0.45">
      <c r="A489" s="21" t="s">
        <v>2727</v>
      </c>
      <c r="B489" t="s">
        <v>2728</v>
      </c>
      <c r="C489" s="22" t="s">
        <v>5844</v>
      </c>
    </row>
    <row r="490" spans="1:3" x14ac:dyDescent="0.45">
      <c r="A490" s="21" t="s">
        <v>2729</v>
      </c>
      <c r="B490" t="s">
        <v>2730</v>
      </c>
      <c r="C490" s="22" t="s">
        <v>5845</v>
      </c>
    </row>
    <row r="491" spans="1:3" x14ac:dyDescent="0.45">
      <c r="A491" s="21" t="s">
        <v>2731</v>
      </c>
      <c r="B491" t="s">
        <v>2732</v>
      </c>
      <c r="C491" s="22" t="s">
        <v>5846</v>
      </c>
    </row>
    <row r="492" spans="1:3" x14ac:dyDescent="0.45">
      <c r="A492" s="21" t="s">
        <v>2733</v>
      </c>
      <c r="B492" t="s">
        <v>2734</v>
      </c>
      <c r="C492" s="22" t="s">
        <v>5847</v>
      </c>
    </row>
    <row r="493" spans="1:3" x14ac:dyDescent="0.45">
      <c r="A493" s="21" t="s">
        <v>2735</v>
      </c>
      <c r="B493" t="s">
        <v>2736</v>
      </c>
      <c r="C493" s="22" t="s">
        <v>5848</v>
      </c>
    </row>
    <row r="494" spans="1:3" x14ac:dyDescent="0.45">
      <c r="A494" s="21" t="s">
        <v>2737</v>
      </c>
      <c r="B494" t="s">
        <v>2738</v>
      </c>
      <c r="C494" s="22" t="s">
        <v>5849</v>
      </c>
    </row>
    <row r="495" spans="1:3" x14ac:dyDescent="0.45">
      <c r="A495" s="21" t="s">
        <v>2739</v>
      </c>
      <c r="B495" t="s">
        <v>2740</v>
      </c>
      <c r="C495" s="22" t="s">
        <v>5850</v>
      </c>
    </row>
    <row r="496" spans="1:3" x14ac:dyDescent="0.45">
      <c r="A496" s="21" t="s">
        <v>2741</v>
      </c>
      <c r="B496" t="s">
        <v>2742</v>
      </c>
      <c r="C496" s="22" t="s">
        <v>5851</v>
      </c>
    </row>
    <row r="497" spans="1:3" x14ac:dyDescent="0.45">
      <c r="A497" s="21" t="s">
        <v>2743</v>
      </c>
      <c r="B497" t="s">
        <v>2744</v>
      </c>
      <c r="C497" s="22" t="s">
        <v>5852</v>
      </c>
    </row>
    <row r="498" spans="1:3" x14ac:dyDescent="0.45">
      <c r="A498" s="21" t="s">
        <v>2745</v>
      </c>
      <c r="B498" t="s">
        <v>2746</v>
      </c>
      <c r="C498" s="22" t="s">
        <v>5853</v>
      </c>
    </row>
    <row r="499" spans="1:3" x14ac:dyDescent="0.45">
      <c r="A499" s="21" t="s">
        <v>2747</v>
      </c>
      <c r="B499" t="s">
        <v>2748</v>
      </c>
      <c r="C499" s="22" t="s">
        <v>5854</v>
      </c>
    </row>
    <row r="500" spans="1:3" x14ac:dyDescent="0.45">
      <c r="A500" s="21" t="s">
        <v>2749</v>
      </c>
      <c r="B500" t="s">
        <v>2750</v>
      </c>
      <c r="C500" s="22" t="s">
        <v>5855</v>
      </c>
    </row>
    <row r="501" spans="1:3" x14ac:dyDescent="0.45">
      <c r="A501" s="21" t="s">
        <v>2751</v>
      </c>
      <c r="B501" t="s">
        <v>2752</v>
      </c>
      <c r="C501" s="22" t="s">
        <v>5856</v>
      </c>
    </row>
    <row r="502" spans="1:3" x14ac:dyDescent="0.45">
      <c r="A502" s="21" t="s">
        <v>2753</v>
      </c>
      <c r="B502" t="s">
        <v>2754</v>
      </c>
      <c r="C502" s="22" t="s">
        <v>5857</v>
      </c>
    </row>
    <row r="503" spans="1:3" x14ac:dyDescent="0.45">
      <c r="A503" s="21" t="s">
        <v>2755</v>
      </c>
      <c r="B503" t="s">
        <v>2756</v>
      </c>
      <c r="C503" s="22" t="s">
        <v>5858</v>
      </c>
    </row>
    <row r="504" spans="1:3" x14ac:dyDescent="0.45">
      <c r="A504" s="21" t="s">
        <v>2757</v>
      </c>
      <c r="B504" t="s">
        <v>2758</v>
      </c>
      <c r="C504" s="22" t="s">
        <v>5859</v>
      </c>
    </row>
    <row r="505" spans="1:3" x14ac:dyDescent="0.45">
      <c r="A505" s="21" t="s">
        <v>2759</v>
      </c>
      <c r="B505" t="s">
        <v>2760</v>
      </c>
      <c r="C505" s="22" t="s">
        <v>5860</v>
      </c>
    </row>
    <row r="506" spans="1:3" x14ac:dyDescent="0.45">
      <c r="A506" s="21" t="s">
        <v>2761</v>
      </c>
      <c r="B506" t="s">
        <v>2762</v>
      </c>
      <c r="C506" s="22" t="s">
        <v>5861</v>
      </c>
    </row>
    <row r="507" spans="1:3" x14ac:dyDescent="0.45">
      <c r="A507" s="21" t="s">
        <v>2763</v>
      </c>
      <c r="B507" t="s">
        <v>2764</v>
      </c>
      <c r="C507" s="22" t="s">
        <v>5862</v>
      </c>
    </row>
    <row r="508" spans="1:3" x14ac:dyDescent="0.45">
      <c r="A508" s="21" t="s">
        <v>2765</v>
      </c>
      <c r="B508" t="s">
        <v>2766</v>
      </c>
      <c r="C508" s="22" t="s">
        <v>5863</v>
      </c>
    </row>
    <row r="509" spans="1:3" x14ac:dyDescent="0.45">
      <c r="A509" s="21" t="s">
        <v>2767</v>
      </c>
      <c r="B509" t="s">
        <v>2768</v>
      </c>
      <c r="C509" s="22" t="s">
        <v>5864</v>
      </c>
    </row>
    <row r="510" spans="1:3" x14ac:dyDescent="0.45">
      <c r="A510" s="21" t="s">
        <v>2769</v>
      </c>
      <c r="B510" t="s">
        <v>2770</v>
      </c>
      <c r="C510" s="22" t="s">
        <v>5865</v>
      </c>
    </row>
    <row r="511" spans="1:3" x14ac:dyDescent="0.45">
      <c r="A511" s="21" t="s">
        <v>2771</v>
      </c>
      <c r="B511" t="s">
        <v>2772</v>
      </c>
      <c r="C511" s="22" t="s">
        <v>5866</v>
      </c>
    </row>
    <row r="512" spans="1:3" x14ac:dyDescent="0.45">
      <c r="A512" s="21" t="s">
        <v>2773</v>
      </c>
      <c r="B512" t="s">
        <v>2774</v>
      </c>
      <c r="C512" s="22" t="s">
        <v>5867</v>
      </c>
    </row>
    <row r="513" spans="1:3" x14ac:dyDescent="0.45">
      <c r="A513" s="21" t="s">
        <v>2775</v>
      </c>
      <c r="B513" t="s">
        <v>2776</v>
      </c>
      <c r="C513" s="22" t="s">
        <v>5868</v>
      </c>
    </row>
    <row r="514" spans="1:3" x14ac:dyDescent="0.45">
      <c r="A514" s="21" t="s">
        <v>2777</v>
      </c>
      <c r="B514" t="s">
        <v>2778</v>
      </c>
      <c r="C514" s="22" t="s">
        <v>5869</v>
      </c>
    </row>
    <row r="515" spans="1:3" x14ac:dyDescent="0.45">
      <c r="A515" s="21" t="s">
        <v>2779</v>
      </c>
      <c r="B515" t="s">
        <v>2780</v>
      </c>
      <c r="C515" s="22" t="s">
        <v>5870</v>
      </c>
    </row>
    <row r="516" spans="1:3" x14ac:dyDescent="0.45">
      <c r="A516" s="21" t="s">
        <v>2781</v>
      </c>
      <c r="B516" t="s">
        <v>2782</v>
      </c>
      <c r="C516" s="22" t="s">
        <v>5871</v>
      </c>
    </row>
    <row r="517" spans="1:3" x14ac:dyDescent="0.45">
      <c r="A517" s="21" t="s">
        <v>2783</v>
      </c>
      <c r="B517" t="s">
        <v>2784</v>
      </c>
      <c r="C517" s="22" t="s">
        <v>5872</v>
      </c>
    </row>
    <row r="518" spans="1:3" x14ac:dyDescent="0.45">
      <c r="A518" s="21" t="s">
        <v>2785</v>
      </c>
      <c r="B518" t="s">
        <v>2786</v>
      </c>
      <c r="C518" s="22" t="s">
        <v>5873</v>
      </c>
    </row>
    <row r="519" spans="1:3" x14ac:dyDescent="0.45">
      <c r="A519" s="21" t="s">
        <v>2787</v>
      </c>
      <c r="B519" t="s">
        <v>2788</v>
      </c>
      <c r="C519" s="22" t="s">
        <v>5874</v>
      </c>
    </row>
    <row r="520" spans="1:3" x14ac:dyDescent="0.45">
      <c r="A520" s="21" t="s">
        <v>2789</v>
      </c>
      <c r="B520" t="s">
        <v>2790</v>
      </c>
      <c r="C520" s="22" t="s">
        <v>5875</v>
      </c>
    </row>
    <row r="521" spans="1:3" x14ac:dyDescent="0.45">
      <c r="A521" s="21" t="s">
        <v>2791</v>
      </c>
      <c r="B521" t="s">
        <v>2792</v>
      </c>
      <c r="C521" s="22" t="s">
        <v>5876</v>
      </c>
    </row>
    <row r="522" spans="1:3" x14ac:dyDescent="0.45">
      <c r="A522" s="21" t="s">
        <v>2793</v>
      </c>
      <c r="B522" t="s">
        <v>2794</v>
      </c>
      <c r="C522" s="22" t="s">
        <v>5877</v>
      </c>
    </row>
    <row r="523" spans="1:3" x14ac:dyDescent="0.45">
      <c r="A523" s="21" t="s">
        <v>2795</v>
      </c>
      <c r="B523" t="s">
        <v>2796</v>
      </c>
      <c r="C523" s="22" t="s">
        <v>5878</v>
      </c>
    </row>
    <row r="524" spans="1:3" x14ac:dyDescent="0.45">
      <c r="A524" s="21" t="s">
        <v>2797</v>
      </c>
      <c r="B524" t="s">
        <v>2798</v>
      </c>
      <c r="C524" s="22" t="s">
        <v>5879</v>
      </c>
    </row>
    <row r="525" spans="1:3" x14ac:dyDescent="0.45">
      <c r="A525" s="21" t="s">
        <v>2799</v>
      </c>
      <c r="B525" t="s">
        <v>2800</v>
      </c>
      <c r="C525" s="22" t="s">
        <v>5880</v>
      </c>
    </row>
    <row r="526" spans="1:3" x14ac:dyDescent="0.45">
      <c r="A526" s="21" t="s">
        <v>2801</v>
      </c>
      <c r="B526" t="s">
        <v>2802</v>
      </c>
      <c r="C526" s="22" t="s">
        <v>5881</v>
      </c>
    </row>
    <row r="527" spans="1:3" x14ac:dyDescent="0.45">
      <c r="A527" s="21" t="s">
        <v>2803</v>
      </c>
      <c r="B527" t="s">
        <v>2804</v>
      </c>
      <c r="C527" s="22" t="s">
        <v>5882</v>
      </c>
    </row>
    <row r="528" spans="1:3" x14ac:dyDescent="0.45">
      <c r="A528" s="21" t="s">
        <v>2805</v>
      </c>
      <c r="B528" t="s">
        <v>2806</v>
      </c>
      <c r="C528" s="22" t="s">
        <v>5883</v>
      </c>
    </row>
    <row r="529" spans="1:3" x14ac:dyDescent="0.45">
      <c r="A529" s="21" t="s">
        <v>2807</v>
      </c>
      <c r="B529" t="s">
        <v>2808</v>
      </c>
      <c r="C529" s="22" t="s">
        <v>5884</v>
      </c>
    </row>
    <row r="530" spans="1:3" x14ac:dyDescent="0.45">
      <c r="A530" s="21" t="s">
        <v>2809</v>
      </c>
      <c r="B530" t="s">
        <v>2810</v>
      </c>
      <c r="C530" s="22" t="s">
        <v>5885</v>
      </c>
    </row>
    <row r="531" spans="1:3" x14ac:dyDescent="0.45">
      <c r="A531" s="21" t="s">
        <v>2811</v>
      </c>
      <c r="B531" t="s">
        <v>2812</v>
      </c>
      <c r="C531" s="22" t="s">
        <v>5886</v>
      </c>
    </row>
    <row r="532" spans="1:3" x14ac:dyDescent="0.45">
      <c r="A532" s="21" t="s">
        <v>2813</v>
      </c>
      <c r="B532" t="s">
        <v>2814</v>
      </c>
      <c r="C532" s="22" t="s">
        <v>5887</v>
      </c>
    </row>
    <row r="533" spans="1:3" x14ac:dyDescent="0.45">
      <c r="A533" s="21" t="s">
        <v>2815</v>
      </c>
      <c r="B533" t="s">
        <v>2816</v>
      </c>
      <c r="C533" s="22" t="s">
        <v>5888</v>
      </c>
    </row>
    <row r="534" spans="1:3" x14ac:dyDescent="0.45">
      <c r="A534" s="21" t="s">
        <v>2817</v>
      </c>
      <c r="B534" t="s">
        <v>2818</v>
      </c>
      <c r="C534" s="22" t="s">
        <v>5889</v>
      </c>
    </row>
    <row r="535" spans="1:3" x14ac:dyDescent="0.45">
      <c r="A535" s="21" t="s">
        <v>2819</v>
      </c>
      <c r="B535" t="s">
        <v>2820</v>
      </c>
      <c r="C535" s="22" t="s">
        <v>5890</v>
      </c>
    </row>
    <row r="536" spans="1:3" x14ac:dyDescent="0.45">
      <c r="A536" s="21" t="s">
        <v>2821</v>
      </c>
      <c r="B536" t="s">
        <v>2822</v>
      </c>
      <c r="C536" s="22" t="s">
        <v>5891</v>
      </c>
    </row>
    <row r="537" spans="1:3" x14ac:dyDescent="0.45">
      <c r="A537" s="21" t="s">
        <v>2823</v>
      </c>
      <c r="B537" t="s">
        <v>2824</v>
      </c>
      <c r="C537" s="22" t="s">
        <v>5892</v>
      </c>
    </row>
    <row r="538" spans="1:3" x14ac:dyDescent="0.45">
      <c r="A538" s="21" t="s">
        <v>2825</v>
      </c>
      <c r="B538" t="s">
        <v>2826</v>
      </c>
      <c r="C538" s="22" t="s">
        <v>5893</v>
      </c>
    </row>
    <row r="539" spans="1:3" x14ac:dyDescent="0.45">
      <c r="A539" s="21" t="s">
        <v>2827</v>
      </c>
      <c r="B539" t="s">
        <v>2828</v>
      </c>
      <c r="C539" s="22" t="s">
        <v>5894</v>
      </c>
    </row>
    <row r="540" spans="1:3" x14ac:dyDescent="0.45">
      <c r="A540" s="21" t="s">
        <v>2829</v>
      </c>
      <c r="B540" t="s">
        <v>2830</v>
      </c>
      <c r="C540" s="22" t="s">
        <v>5895</v>
      </c>
    </row>
    <row r="541" spans="1:3" x14ac:dyDescent="0.45">
      <c r="A541" s="21" t="s">
        <v>2831</v>
      </c>
      <c r="B541" t="s">
        <v>2832</v>
      </c>
      <c r="C541" s="22" t="s">
        <v>5896</v>
      </c>
    </row>
    <row r="542" spans="1:3" x14ac:dyDescent="0.45">
      <c r="A542" s="21" t="s">
        <v>2833</v>
      </c>
      <c r="B542" t="s">
        <v>2834</v>
      </c>
      <c r="C542" s="22" t="s">
        <v>5897</v>
      </c>
    </row>
    <row r="543" spans="1:3" x14ac:dyDescent="0.45">
      <c r="A543" s="21" t="s">
        <v>2835</v>
      </c>
      <c r="B543" t="s">
        <v>2836</v>
      </c>
      <c r="C543" s="22" t="s">
        <v>5898</v>
      </c>
    </row>
    <row r="544" spans="1:3" x14ac:dyDescent="0.45">
      <c r="A544" s="21" t="s">
        <v>2837</v>
      </c>
      <c r="B544" t="s">
        <v>2838</v>
      </c>
      <c r="C544" s="22" t="s">
        <v>5899</v>
      </c>
    </row>
    <row r="545" spans="1:3" x14ac:dyDescent="0.45">
      <c r="A545" s="21" t="s">
        <v>2839</v>
      </c>
      <c r="B545" t="s">
        <v>2840</v>
      </c>
      <c r="C545" s="22" t="s">
        <v>5900</v>
      </c>
    </row>
    <row r="546" spans="1:3" x14ac:dyDescent="0.45">
      <c r="A546" s="21" t="s">
        <v>2841</v>
      </c>
      <c r="B546" t="s">
        <v>2842</v>
      </c>
      <c r="C546" s="22" t="s">
        <v>5901</v>
      </c>
    </row>
    <row r="547" spans="1:3" x14ac:dyDescent="0.45">
      <c r="A547" s="21" t="s">
        <v>2843</v>
      </c>
      <c r="B547" t="s">
        <v>2844</v>
      </c>
      <c r="C547" s="22" t="s">
        <v>5902</v>
      </c>
    </row>
    <row r="548" spans="1:3" x14ac:dyDescent="0.45">
      <c r="A548" s="21" t="s">
        <v>2845</v>
      </c>
      <c r="B548" t="s">
        <v>2846</v>
      </c>
      <c r="C548" s="22" t="s">
        <v>5903</v>
      </c>
    </row>
    <row r="549" spans="1:3" x14ac:dyDescent="0.45">
      <c r="A549" s="21" t="s">
        <v>2847</v>
      </c>
      <c r="B549" t="s">
        <v>2848</v>
      </c>
      <c r="C549" s="22" t="s">
        <v>5904</v>
      </c>
    </row>
    <row r="550" spans="1:3" x14ac:dyDescent="0.45">
      <c r="A550" s="21" t="s">
        <v>2849</v>
      </c>
      <c r="B550" t="s">
        <v>2850</v>
      </c>
      <c r="C550" s="22" t="s">
        <v>5905</v>
      </c>
    </row>
    <row r="551" spans="1:3" x14ac:dyDescent="0.45">
      <c r="A551" s="21" t="s">
        <v>2851</v>
      </c>
      <c r="B551" t="s">
        <v>2852</v>
      </c>
      <c r="C551" s="22" t="s">
        <v>5906</v>
      </c>
    </row>
    <row r="552" spans="1:3" x14ac:dyDescent="0.45">
      <c r="A552" s="21" t="s">
        <v>2853</v>
      </c>
      <c r="B552" t="s">
        <v>2854</v>
      </c>
      <c r="C552" s="22" t="s">
        <v>5907</v>
      </c>
    </row>
    <row r="553" spans="1:3" x14ac:dyDescent="0.45">
      <c r="A553" s="21" t="s">
        <v>2855</v>
      </c>
      <c r="B553" t="s">
        <v>2856</v>
      </c>
      <c r="C553" s="22" t="s">
        <v>5908</v>
      </c>
    </row>
    <row r="554" spans="1:3" x14ac:dyDescent="0.45">
      <c r="A554" s="21" t="s">
        <v>2857</v>
      </c>
      <c r="B554" t="s">
        <v>2858</v>
      </c>
      <c r="C554" s="22" t="s">
        <v>5909</v>
      </c>
    </row>
    <row r="555" spans="1:3" x14ac:dyDescent="0.45">
      <c r="A555" s="21" t="s">
        <v>2859</v>
      </c>
      <c r="B555" t="s">
        <v>2860</v>
      </c>
      <c r="C555" s="22" t="s">
        <v>5910</v>
      </c>
    </row>
    <row r="556" spans="1:3" x14ac:dyDescent="0.45">
      <c r="A556" s="21" t="s">
        <v>2861</v>
      </c>
      <c r="B556" t="s">
        <v>2862</v>
      </c>
      <c r="C556" s="22" t="s">
        <v>5911</v>
      </c>
    </row>
    <row r="557" spans="1:3" x14ac:dyDescent="0.45">
      <c r="A557" s="21" t="s">
        <v>2863</v>
      </c>
      <c r="B557" t="s">
        <v>2864</v>
      </c>
      <c r="C557" s="22" t="s">
        <v>5912</v>
      </c>
    </row>
    <row r="558" spans="1:3" x14ac:dyDescent="0.45">
      <c r="A558" s="21" t="s">
        <v>2865</v>
      </c>
      <c r="B558" t="s">
        <v>2866</v>
      </c>
      <c r="C558" s="22" t="s">
        <v>5913</v>
      </c>
    </row>
    <row r="559" spans="1:3" x14ac:dyDescent="0.45">
      <c r="A559" s="21" t="s">
        <v>2867</v>
      </c>
      <c r="B559" t="s">
        <v>2868</v>
      </c>
      <c r="C559" s="22" t="s">
        <v>5914</v>
      </c>
    </row>
    <row r="560" spans="1:3" x14ac:dyDescent="0.45">
      <c r="A560" s="21" t="s">
        <v>2869</v>
      </c>
      <c r="B560" t="s">
        <v>2870</v>
      </c>
      <c r="C560" s="22" t="s">
        <v>5915</v>
      </c>
    </row>
    <row r="561" spans="1:3" x14ac:dyDescent="0.45">
      <c r="A561" s="21" t="s">
        <v>2871</v>
      </c>
      <c r="B561" t="s">
        <v>2872</v>
      </c>
      <c r="C561" s="22" t="s">
        <v>5916</v>
      </c>
    </row>
    <row r="562" spans="1:3" x14ac:dyDescent="0.45">
      <c r="A562" s="21" t="s">
        <v>2873</v>
      </c>
      <c r="B562" t="s">
        <v>2874</v>
      </c>
      <c r="C562" s="22" t="s">
        <v>5917</v>
      </c>
    </row>
    <row r="563" spans="1:3" x14ac:dyDescent="0.45">
      <c r="A563" s="21" t="s">
        <v>2875</v>
      </c>
      <c r="B563" t="s">
        <v>2876</v>
      </c>
      <c r="C563" s="22" t="s">
        <v>5918</v>
      </c>
    </row>
    <row r="564" spans="1:3" x14ac:dyDescent="0.45">
      <c r="A564" s="21" t="s">
        <v>2877</v>
      </c>
      <c r="B564" t="s">
        <v>2878</v>
      </c>
      <c r="C564" s="22" t="s">
        <v>5919</v>
      </c>
    </row>
    <row r="565" spans="1:3" x14ac:dyDescent="0.45">
      <c r="A565" s="21" t="s">
        <v>2879</v>
      </c>
      <c r="B565" t="s">
        <v>2880</v>
      </c>
      <c r="C565" s="22" t="s">
        <v>5920</v>
      </c>
    </row>
    <row r="566" spans="1:3" x14ac:dyDescent="0.45">
      <c r="A566" s="21" t="s">
        <v>2881</v>
      </c>
      <c r="B566" t="s">
        <v>2882</v>
      </c>
      <c r="C566" s="22" t="s">
        <v>5921</v>
      </c>
    </row>
    <row r="567" spans="1:3" x14ac:dyDescent="0.45">
      <c r="A567" s="21" t="s">
        <v>2883</v>
      </c>
      <c r="B567" t="s">
        <v>2884</v>
      </c>
      <c r="C567" s="22" t="s">
        <v>5922</v>
      </c>
    </row>
    <row r="568" spans="1:3" x14ac:dyDescent="0.45">
      <c r="A568" s="21" t="s">
        <v>2885</v>
      </c>
      <c r="B568" t="s">
        <v>2886</v>
      </c>
      <c r="C568" s="22" t="s">
        <v>5923</v>
      </c>
    </row>
    <row r="569" spans="1:3" x14ac:dyDescent="0.45">
      <c r="A569" s="21" t="s">
        <v>2887</v>
      </c>
      <c r="B569" t="s">
        <v>2888</v>
      </c>
      <c r="C569" s="22" t="s">
        <v>5924</v>
      </c>
    </row>
    <row r="570" spans="1:3" x14ac:dyDescent="0.45">
      <c r="A570" s="21" t="s">
        <v>2889</v>
      </c>
      <c r="B570" t="s">
        <v>2890</v>
      </c>
      <c r="C570" s="22" t="s">
        <v>5925</v>
      </c>
    </row>
    <row r="571" spans="1:3" x14ac:dyDescent="0.45">
      <c r="A571" s="21" t="s">
        <v>2891</v>
      </c>
      <c r="B571" t="s">
        <v>2892</v>
      </c>
      <c r="C571" s="22" t="s">
        <v>5926</v>
      </c>
    </row>
    <row r="572" spans="1:3" x14ac:dyDescent="0.45">
      <c r="A572" s="21" t="s">
        <v>2893</v>
      </c>
      <c r="B572" t="s">
        <v>2894</v>
      </c>
      <c r="C572" s="22" t="s">
        <v>5927</v>
      </c>
    </row>
    <row r="573" spans="1:3" x14ac:dyDescent="0.45">
      <c r="A573" s="21" t="s">
        <v>2895</v>
      </c>
      <c r="B573" t="s">
        <v>2896</v>
      </c>
      <c r="C573" s="22" t="s">
        <v>5928</v>
      </c>
    </row>
    <row r="574" spans="1:3" x14ac:dyDescent="0.45">
      <c r="A574" s="21" t="s">
        <v>2897</v>
      </c>
      <c r="B574" t="s">
        <v>2898</v>
      </c>
      <c r="C574" s="22" t="s">
        <v>5929</v>
      </c>
    </row>
    <row r="575" spans="1:3" x14ac:dyDescent="0.45">
      <c r="A575" s="21" t="s">
        <v>2899</v>
      </c>
      <c r="B575" t="s">
        <v>2900</v>
      </c>
      <c r="C575" s="22" t="s">
        <v>5930</v>
      </c>
    </row>
    <row r="576" spans="1:3" x14ac:dyDescent="0.45">
      <c r="A576" s="21" t="s">
        <v>2901</v>
      </c>
      <c r="B576" t="s">
        <v>2902</v>
      </c>
      <c r="C576" s="22" t="s">
        <v>5931</v>
      </c>
    </row>
    <row r="577" spans="1:3" x14ac:dyDescent="0.45">
      <c r="A577" s="21" t="s">
        <v>2903</v>
      </c>
      <c r="B577" t="s">
        <v>2904</v>
      </c>
      <c r="C577" s="22" t="s">
        <v>5932</v>
      </c>
    </row>
    <row r="578" spans="1:3" x14ac:dyDescent="0.45">
      <c r="A578" s="21" t="s">
        <v>2905</v>
      </c>
      <c r="B578" t="s">
        <v>2906</v>
      </c>
      <c r="C578" s="22" t="s">
        <v>5933</v>
      </c>
    </row>
    <row r="579" spans="1:3" x14ac:dyDescent="0.45">
      <c r="A579" s="21" t="s">
        <v>2907</v>
      </c>
      <c r="B579" t="s">
        <v>2908</v>
      </c>
      <c r="C579" s="22" t="s">
        <v>5934</v>
      </c>
    </row>
    <row r="580" spans="1:3" x14ac:dyDescent="0.45">
      <c r="A580" s="21" t="s">
        <v>2909</v>
      </c>
      <c r="B580" t="s">
        <v>2910</v>
      </c>
      <c r="C580" s="22" t="s">
        <v>5935</v>
      </c>
    </row>
    <row r="581" spans="1:3" x14ac:dyDescent="0.45">
      <c r="A581" s="21" t="s">
        <v>2911</v>
      </c>
      <c r="B581" t="s">
        <v>2912</v>
      </c>
      <c r="C581" s="22" t="s">
        <v>5936</v>
      </c>
    </row>
    <row r="582" spans="1:3" x14ac:dyDescent="0.45">
      <c r="A582" s="21" t="s">
        <v>2913</v>
      </c>
      <c r="B582" t="s">
        <v>2914</v>
      </c>
      <c r="C582" s="22" t="s">
        <v>5937</v>
      </c>
    </row>
    <row r="583" spans="1:3" x14ac:dyDescent="0.45">
      <c r="A583" s="21" t="s">
        <v>2915</v>
      </c>
      <c r="B583" t="s">
        <v>2916</v>
      </c>
      <c r="C583" s="22" t="s">
        <v>5938</v>
      </c>
    </row>
    <row r="584" spans="1:3" x14ac:dyDescent="0.45">
      <c r="A584" s="21" t="s">
        <v>2917</v>
      </c>
      <c r="B584" t="s">
        <v>2918</v>
      </c>
      <c r="C584" s="22" t="s">
        <v>5939</v>
      </c>
    </row>
    <row r="585" spans="1:3" x14ac:dyDescent="0.45">
      <c r="A585" s="21" t="s">
        <v>2919</v>
      </c>
      <c r="B585" t="s">
        <v>2920</v>
      </c>
      <c r="C585" s="22" t="s">
        <v>5940</v>
      </c>
    </row>
    <row r="586" spans="1:3" x14ac:dyDescent="0.45">
      <c r="A586" s="21" t="s">
        <v>2921</v>
      </c>
      <c r="B586" t="s">
        <v>2922</v>
      </c>
      <c r="C586" s="22" t="s">
        <v>5941</v>
      </c>
    </row>
    <row r="587" spans="1:3" x14ac:dyDescent="0.45">
      <c r="A587" s="21" t="s">
        <v>2923</v>
      </c>
      <c r="B587" t="s">
        <v>2924</v>
      </c>
      <c r="C587" s="22" t="s">
        <v>5942</v>
      </c>
    </row>
    <row r="588" spans="1:3" x14ac:dyDescent="0.45">
      <c r="A588" s="21" t="s">
        <v>2925</v>
      </c>
      <c r="B588" t="s">
        <v>2926</v>
      </c>
      <c r="C588" s="22" t="s">
        <v>5943</v>
      </c>
    </row>
    <row r="589" spans="1:3" x14ac:dyDescent="0.45">
      <c r="A589" s="21" t="s">
        <v>2927</v>
      </c>
      <c r="B589" t="s">
        <v>2928</v>
      </c>
      <c r="C589" s="22" t="s">
        <v>5944</v>
      </c>
    </row>
    <row r="590" spans="1:3" x14ac:dyDescent="0.45">
      <c r="A590" s="21" t="s">
        <v>2929</v>
      </c>
      <c r="B590" t="s">
        <v>2930</v>
      </c>
      <c r="C590" s="22" t="s">
        <v>5945</v>
      </c>
    </row>
    <row r="591" spans="1:3" x14ac:dyDescent="0.45">
      <c r="A591" s="21" t="s">
        <v>2931</v>
      </c>
      <c r="B591" t="s">
        <v>2932</v>
      </c>
      <c r="C591" s="22" t="s">
        <v>5946</v>
      </c>
    </row>
    <row r="592" spans="1:3" x14ac:dyDescent="0.45">
      <c r="A592" s="21" t="s">
        <v>2933</v>
      </c>
      <c r="B592" t="s">
        <v>2934</v>
      </c>
      <c r="C592" s="22" t="s">
        <v>5947</v>
      </c>
    </row>
    <row r="593" spans="1:3" x14ac:dyDescent="0.45">
      <c r="A593" s="21" t="s">
        <v>2935</v>
      </c>
      <c r="B593" t="s">
        <v>2936</v>
      </c>
      <c r="C593" s="22" t="s">
        <v>5948</v>
      </c>
    </row>
    <row r="594" spans="1:3" x14ac:dyDescent="0.45">
      <c r="A594" s="21" t="s">
        <v>2937</v>
      </c>
      <c r="B594" t="s">
        <v>2938</v>
      </c>
      <c r="C594" s="22" t="s">
        <v>5949</v>
      </c>
    </row>
    <row r="595" spans="1:3" x14ac:dyDescent="0.45">
      <c r="A595" s="21" t="s">
        <v>2939</v>
      </c>
      <c r="B595" t="s">
        <v>2940</v>
      </c>
      <c r="C595" s="22" t="s">
        <v>5950</v>
      </c>
    </row>
    <row r="596" spans="1:3" x14ac:dyDescent="0.45">
      <c r="A596" s="21" t="s">
        <v>2941</v>
      </c>
      <c r="B596" t="s">
        <v>2942</v>
      </c>
      <c r="C596" s="22" t="s">
        <v>5951</v>
      </c>
    </row>
    <row r="597" spans="1:3" x14ac:dyDescent="0.45">
      <c r="A597" s="21" t="s">
        <v>2943</v>
      </c>
      <c r="B597" t="s">
        <v>2944</v>
      </c>
      <c r="C597" s="22" t="s">
        <v>5952</v>
      </c>
    </row>
    <row r="598" spans="1:3" x14ac:dyDescent="0.45">
      <c r="A598" s="21" t="s">
        <v>2945</v>
      </c>
      <c r="B598" t="s">
        <v>2946</v>
      </c>
      <c r="C598" s="22" t="s">
        <v>5953</v>
      </c>
    </row>
    <row r="599" spans="1:3" x14ac:dyDescent="0.45">
      <c r="A599" s="21" t="s">
        <v>2947</v>
      </c>
      <c r="B599" t="s">
        <v>2948</v>
      </c>
      <c r="C599" s="22" t="s">
        <v>5954</v>
      </c>
    </row>
    <row r="600" spans="1:3" x14ac:dyDescent="0.45">
      <c r="A600" s="21" t="s">
        <v>2949</v>
      </c>
      <c r="B600" t="s">
        <v>2950</v>
      </c>
      <c r="C600" s="22" t="s">
        <v>5955</v>
      </c>
    </row>
    <row r="601" spans="1:3" x14ac:dyDescent="0.45">
      <c r="A601" s="21" t="s">
        <v>2951</v>
      </c>
      <c r="B601" t="s">
        <v>2952</v>
      </c>
      <c r="C601" s="22" t="s">
        <v>5956</v>
      </c>
    </row>
    <row r="602" spans="1:3" x14ac:dyDescent="0.45">
      <c r="A602" s="21" t="s">
        <v>2953</v>
      </c>
      <c r="B602" t="s">
        <v>2954</v>
      </c>
      <c r="C602" s="22" t="s">
        <v>5957</v>
      </c>
    </row>
    <row r="603" spans="1:3" x14ac:dyDescent="0.45">
      <c r="A603" s="21" t="s">
        <v>2955</v>
      </c>
      <c r="B603" t="s">
        <v>2956</v>
      </c>
      <c r="C603" s="22" t="s">
        <v>5958</v>
      </c>
    </row>
    <row r="604" spans="1:3" x14ac:dyDescent="0.45">
      <c r="A604" s="21" t="s">
        <v>2957</v>
      </c>
      <c r="B604" t="s">
        <v>2958</v>
      </c>
      <c r="C604" s="22" t="s">
        <v>5959</v>
      </c>
    </row>
    <row r="605" spans="1:3" x14ac:dyDescent="0.45">
      <c r="A605" s="21" t="s">
        <v>2959</v>
      </c>
      <c r="B605" t="s">
        <v>2960</v>
      </c>
      <c r="C605" s="22" t="s">
        <v>5960</v>
      </c>
    </row>
    <row r="606" spans="1:3" x14ac:dyDescent="0.45">
      <c r="A606" s="21" t="s">
        <v>2961</v>
      </c>
      <c r="B606" t="s">
        <v>2962</v>
      </c>
      <c r="C606" s="22" t="s">
        <v>5961</v>
      </c>
    </row>
    <row r="607" spans="1:3" x14ac:dyDescent="0.45">
      <c r="A607" s="21" t="s">
        <v>2963</v>
      </c>
      <c r="B607" t="s">
        <v>2964</v>
      </c>
      <c r="C607" s="22" t="s">
        <v>5962</v>
      </c>
    </row>
    <row r="608" spans="1:3" x14ac:dyDescent="0.45">
      <c r="A608" s="21" t="s">
        <v>2965</v>
      </c>
      <c r="B608" t="s">
        <v>2966</v>
      </c>
      <c r="C608" s="22" t="s">
        <v>5963</v>
      </c>
    </row>
    <row r="609" spans="1:3" x14ac:dyDescent="0.45">
      <c r="A609" s="21" t="s">
        <v>2967</v>
      </c>
      <c r="B609" t="s">
        <v>2968</v>
      </c>
      <c r="C609" s="22" t="s">
        <v>5964</v>
      </c>
    </row>
    <row r="610" spans="1:3" x14ac:dyDescent="0.45">
      <c r="A610" s="21" t="s">
        <v>2969</v>
      </c>
      <c r="B610" t="s">
        <v>2970</v>
      </c>
      <c r="C610" s="22" t="s">
        <v>5965</v>
      </c>
    </row>
    <row r="611" spans="1:3" x14ac:dyDescent="0.45">
      <c r="A611" s="21" t="s">
        <v>2971</v>
      </c>
      <c r="B611" t="s">
        <v>2972</v>
      </c>
      <c r="C611" s="22" t="s">
        <v>5966</v>
      </c>
    </row>
    <row r="612" spans="1:3" x14ac:dyDescent="0.45">
      <c r="A612" s="21" t="s">
        <v>2973</v>
      </c>
      <c r="B612" t="s">
        <v>2974</v>
      </c>
      <c r="C612" s="22" t="s">
        <v>5967</v>
      </c>
    </row>
    <row r="613" spans="1:3" x14ac:dyDescent="0.45">
      <c r="A613" s="21" t="s">
        <v>2975</v>
      </c>
      <c r="B613" t="s">
        <v>2976</v>
      </c>
      <c r="C613" s="22" t="s">
        <v>5968</v>
      </c>
    </row>
    <row r="614" spans="1:3" x14ac:dyDescent="0.45">
      <c r="A614" s="21" t="s">
        <v>2977</v>
      </c>
      <c r="B614" t="s">
        <v>2978</v>
      </c>
      <c r="C614" s="22" t="s">
        <v>5969</v>
      </c>
    </row>
    <row r="615" spans="1:3" x14ac:dyDescent="0.45">
      <c r="A615" s="21" t="s">
        <v>2979</v>
      </c>
      <c r="B615" t="s">
        <v>2980</v>
      </c>
      <c r="C615" s="22" t="s">
        <v>5970</v>
      </c>
    </row>
    <row r="616" spans="1:3" x14ac:dyDescent="0.45">
      <c r="A616" s="21" t="s">
        <v>2981</v>
      </c>
      <c r="B616" t="s">
        <v>2982</v>
      </c>
      <c r="C616" s="22" t="s">
        <v>5971</v>
      </c>
    </row>
    <row r="617" spans="1:3" x14ac:dyDescent="0.45">
      <c r="A617" s="21" t="s">
        <v>2983</v>
      </c>
      <c r="B617" t="s">
        <v>2984</v>
      </c>
      <c r="C617" s="22" t="s">
        <v>5972</v>
      </c>
    </row>
    <row r="618" spans="1:3" x14ac:dyDescent="0.45">
      <c r="A618" s="21" t="s">
        <v>2985</v>
      </c>
      <c r="B618" t="s">
        <v>2986</v>
      </c>
      <c r="C618" s="22" t="s">
        <v>5973</v>
      </c>
    </row>
    <row r="619" spans="1:3" x14ac:dyDescent="0.45">
      <c r="A619" s="21" t="s">
        <v>2987</v>
      </c>
      <c r="B619" t="s">
        <v>2988</v>
      </c>
      <c r="C619" s="22" t="s">
        <v>5974</v>
      </c>
    </row>
    <row r="620" spans="1:3" x14ac:dyDescent="0.45">
      <c r="A620" s="21" t="s">
        <v>2989</v>
      </c>
      <c r="B620" t="s">
        <v>2990</v>
      </c>
      <c r="C620" s="22" t="s">
        <v>5975</v>
      </c>
    </row>
    <row r="621" spans="1:3" x14ac:dyDescent="0.45">
      <c r="A621" s="21" t="s">
        <v>2991</v>
      </c>
      <c r="B621" t="s">
        <v>2992</v>
      </c>
      <c r="C621" s="22" t="s">
        <v>5976</v>
      </c>
    </row>
    <row r="622" spans="1:3" x14ac:dyDescent="0.45">
      <c r="A622" s="21" t="s">
        <v>2993</v>
      </c>
      <c r="B622" t="s">
        <v>2994</v>
      </c>
      <c r="C622" s="22" t="s">
        <v>5977</v>
      </c>
    </row>
    <row r="623" spans="1:3" x14ac:dyDescent="0.45">
      <c r="A623" s="21" t="s">
        <v>2995</v>
      </c>
      <c r="B623" t="s">
        <v>2996</v>
      </c>
      <c r="C623" s="22" t="s">
        <v>5978</v>
      </c>
    </row>
    <row r="624" spans="1:3" x14ac:dyDescent="0.45">
      <c r="A624" s="21" t="s">
        <v>2997</v>
      </c>
      <c r="B624" t="s">
        <v>2998</v>
      </c>
      <c r="C624" s="22" t="s">
        <v>5979</v>
      </c>
    </row>
    <row r="625" spans="1:3" x14ac:dyDescent="0.45">
      <c r="A625" s="21" t="s">
        <v>2999</v>
      </c>
      <c r="B625" t="s">
        <v>3000</v>
      </c>
      <c r="C625" s="22" t="s">
        <v>5980</v>
      </c>
    </row>
    <row r="626" spans="1:3" x14ac:dyDescent="0.45">
      <c r="A626" s="21" t="s">
        <v>3001</v>
      </c>
      <c r="B626" t="s">
        <v>3002</v>
      </c>
      <c r="C626" s="22" t="s">
        <v>5981</v>
      </c>
    </row>
    <row r="627" spans="1:3" x14ac:dyDescent="0.45">
      <c r="A627" s="21" t="s">
        <v>3003</v>
      </c>
      <c r="B627" t="s">
        <v>3004</v>
      </c>
      <c r="C627" s="22" t="s">
        <v>5982</v>
      </c>
    </row>
    <row r="628" spans="1:3" x14ac:dyDescent="0.45">
      <c r="A628" s="21" t="s">
        <v>3005</v>
      </c>
      <c r="B628" t="s">
        <v>3006</v>
      </c>
      <c r="C628" s="22" t="s">
        <v>5983</v>
      </c>
    </row>
    <row r="629" spans="1:3" x14ac:dyDescent="0.45">
      <c r="A629" s="21" t="s">
        <v>3007</v>
      </c>
      <c r="B629" t="s">
        <v>3008</v>
      </c>
      <c r="C629" s="22" t="s">
        <v>5984</v>
      </c>
    </row>
    <row r="630" spans="1:3" x14ac:dyDescent="0.45">
      <c r="A630" s="21" t="s">
        <v>3009</v>
      </c>
      <c r="B630" t="s">
        <v>3010</v>
      </c>
      <c r="C630" s="22" t="s">
        <v>5985</v>
      </c>
    </row>
    <row r="631" spans="1:3" x14ac:dyDescent="0.45">
      <c r="A631" s="21" t="s">
        <v>3011</v>
      </c>
      <c r="B631" t="s">
        <v>3012</v>
      </c>
      <c r="C631" s="22" t="s">
        <v>5986</v>
      </c>
    </row>
    <row r="632" spans="1:3" x14ac:dyDescent="0.45">
      <c r="A632" s="21" t="s">
        <v>3013</v>
      </c>
      <c r="B632" t="s">
        <v>3014</v>
      </c>
      <c r="C632" s="22" t="s">
        <v>5987</v>
      </c>
    </row>
    <row r="633" spans="1:3" x14ac:dyDescent="0.45">
      <c r="A633" s="21" t="s">
        <v>3015</v>
      </c>
      <c r="B633" t="s">
        <v>3016</v>
      </c>
      <c r="C633" s="22" t="s">
        <v>5988</v>
      </c>
    </row>
    <row r="634" spans="1:3" x14ac:dyDescent="0.45">
      <c r="A634" s="21" t="s">
        <v>3017</v>
      </c>
      <c r="B634" t="s">
        <v>3018</v>
      </c>
      <c r="C634" s="22" t="s">
        <v>5989</v>
      </c>
    </row>
    <row r="635" spans="1:3" x14ac:dyDescent="0.45">
      <c r="A635" s="21" t="s">
        <v>3019</v>
      </c>
      <c r="B635" t="s">
        <v>3020</v>
      </c>
      <c r="C635" s="22" t="s">
        <v>5990</v>
      </c>
    </row>
    <row r="636" spans="1:3" x14ac:dyDescent="0.45">
      <c r="A636" s="21" t="s">
        <v>3021</v>
      </c>
      <c r="B636" t="s">
        <v>3022</v>
      </c>
      <c r="C636" s="22" t="s">
        <v>5991</v>
      </c>
    </row>
    <row r="637" spans="1:3" x14ac:dyDescent="0.45">
      <c r="A637" s="21" t="s">
        <v>3023</v>
      </c>
      <c r="B637" t="s">
        <v>3024</v>
      </c>
      <c r="C637" s="22" t="s">
        <v>5992</v>
      </c>
    </row>
    <row r="638" spans="1:3" x14ac:dyDescent="0.45">
      <c r="A638" s="21" t="s">
        <v>3025</v>
      </c>
      <c r="B638" t="s">
        <v>3026</v>
      </c>
      <c r="C638" s="22" t="s">
        <v>5993</v>
      </c>
    </row>
    <row r="639" spans="1:3" x14ac:dyDescent="0.45">
      <c r="A639" s="21" t="s">
        <v>3027</v>
      </c>
      <c r="B639" t="s">
        <v>3028</v>
      </c>
      <c r="C639" s="22" t="s">
        <v>5994</v>
      </c>
    </row>
    <row r="640" spans="1:3" x14ac:dyDescent="0.45">
      <c r="A640" s="21" t="s">
        <v>3029</v>
      </c>
      <c r="B640" t="s">
        <v>3030</v>
      </c>
      <c r="C640" s="22" t="s">
        <v>5995</v>
      </c>
    </row>
    <row r="641" spans="1:3" x14ac:dyDescent="0.45">
      <c r="A641" s="21" t="s">
        <v>3031</v>
      </c>
      <c r="B641" t="s">
        <v>3032</v>
      </c>
      <c r="C641" s="22" t="s">
        <v>5996</v>
      </c>
    </row>
    <row r="642" spans="1:3" x14ac:dyDescent="0.45">
      <c r="A642" s="21" t="s">
        <v>3033</v>
      </c>
      <c r="B642" t="s">
        <v>3034</v>
      </c>
      <c r="C642" s="22" t="s">
        <v>5997</v>
      </c>
    </row>
    <row r="643" spans="1:3" x14ac:dyDescent="0.45">
      <c r="A643" s="21" t="s">
        <v>3035</v>
      </c>
      <c r="B643" t="s">
        <v>3036</v>
      </c>
      <c r="C643" s="22" t="s">
        <v>5998</v>
      </c>
    </row>
    <row r="644" spans="1:3" x14ac:dyDescent="0.45">
      <c r="A644" s="21" t="s">
        <v>3037</v>
      </c>
      <c r="B644" t="s">
        <v>3038</v>
      </c>
      <c r="C644" s="22" t="s">
        <v>5999</v>
      </c>
    </row>
    <row r="645" spans="1:3" x14ac:dyDescent="0.45">
      <c r="A645" s="21" t="s">
        <v>3039</v>
      </c>
      <c r="B645" t="s">
        <v>3040</v>
      </c>
      <c r="C645" s="22" t="s">
        <v>6000</v>
      </c>
    </row>
    <row r="646" spans="1:3" x14ac:dyDescent="0.45">
      <c r="A646" s="21" t="s">
        <v>3041</v>
      </c>
      <c r="B646" t="s">
        <v>3042</v>
      </c>
      <c r="C646" s="22" t="s">
        <v>6001</v>
      </c>
    </row>
    <row r="647" spans="1:3" x14ac:dyDescent="0.45">
      <c r="A647" s="21" t="s">
        <v>3043</v>
      </c>
      <c r="B647" t="s">
        <v>3044</v>
      </c>
      <c r="C647" s="22" t="s">
        <v>6002</v>
      </c>
    </row>
    <row r="648" spans="1:3" x14ac:dyDescent="0.45">
      <c r="A648" s="21" t="s">
        <v>3045</v>
      </c>
      <c r="B648" t="s">
        <v>3046</v>
      </c>
      <c r="C648" s="22" t="s">
        <v>6003</v>
      </c>
    </row>
    <row r="649" spans="1:3" x14ac:dyDescent="0.45">
      <c r="A649" s="21" t="s">
        <v>3047</v>
      </c>
      <c r="B649" t="s">
        <v>3048</v>
      </c>
      <c r="C649" s="22" t="s">
        <v>6004</v>
      </c>
    </row>
    <row r="650" spans="1:3" x14ac:dyDescent="0.45">
      <c r="A650" s="21" t="s">
        <v>3049</v>
      </c>
      <c r="B650" t="s">
        <v>3050</v>
      </c>
      <c r="C650" s="22" t="s">
        <v>6005</v>
      </c>
    </row>
    <row r="651" spans="1:3" x14ac:dyDescent="0.45">
      <c r="A651" s="21" t="s">
        <v>3051</v>
      </c>
      <c r="B651" t="s">
        <v>3052</v>
      </c>
      <c r="C651" s="22" t="s">
        <v>6006</v>
      </c>
    </row>
    <row r="652" spans="1:3" x14ac:dyDescent="0.45">
      <c r="A652" s="21" t="s">
        <v>3053</v>
      </c>
      <c r="B652" t="s">
        <v>3054</v>
      </c>
      <c r="C652" s="22" t="s">
        <v>6007</v>
      </c>
    </row>
    <row r="653" spans="1:3" x14ac:dyDescent="0.45">
      <c r="A653" s="21" t="s">
        <v>3055</v>
      </c>
      <c r="B653" t="s">
        <v>3056</v>
      </c>
      <c r="C653" s="22" t="s">
        <v>6008</v>
      </c>
    </row>
    <row r="654" spans="1:3" x14ac:dyDescent="0.45">
      <c r="A654" s="21" t="s">
        <v>3057</v>
      </c>
      <c r="B654" t="s">
        <v>3058</v>
      </c>
      <c r="C654" s="22" t="s">
        <v>6009</v>
      </c>
    </row>
    <row r="655" spans="1:3" x14ac:dyDescent="0.45">
      <c r="A655" s="21" t="s">
        <v>3059</v>
      </c>
      <c r="B655" t="s">
        <v>3060</v>
      </c>
      <c r="C655" s="22" t="s">
        <v>6010</v>
      </c>
    </row>
    <row r="656" spans="1:3" x14ac:dyDescent="0.45">
      <c r="A656" s="21" t="s">
        <v>3061</v>
      </c>
      <c r="B656" t="s">
        <v>3062</v>
      </c>
      <c r="C656" s="22" t="s">
        <v>6011</v>
      </c>
    </row>
    <row r="657" spans="1:3" x14ac:dyDescent="0.45">
      <c r="A657" s="21" t="s">
        <v>3063</v>
      </c>
      <c r="B657" t="s">
        <v>3064</v>
      </c>
      <c r="C657" s="22" t="s">
        <v>6012</v>
      </c>
    </row>
    <row r="658" spans="1:3" x14ac:dyDescent="0.45">
      <c r="A658" s="21" t="s">
        <v>3065</v>
      </c>
      <c r="B658" t="s">
        <v>3066</v>
      </c>
      <c r="C658" s="22" t="s">
        <v>6013</v>
      </c>
    </row>
    <row r="659" spans="1:3" x14ac:dyDescent="0.45">
      <c r="A659" s="21" t="s">
        <v>3067</v>
      </c>
      <c r="B659" t="s">
        <v>3068</v>
      </c>
      <c r="C659" s="22" t="s">
        <v>6014</v>
      </c>
    </row>
    <row r="660" spans="1:3" x14ac:dyDescent="0.45">
      <c r="A660" s="21" t="s">
        <v>3069</v>
      </c>
      <c r="B660" t="s">
        <v>3070</v>
      </c>
      <c r="C660" s="22" t="s">
        <v>6015</v>
      </c>
    </row>
    <row r="661" spans="1:3" x14ac:dyDescent="0.45">
      <c r="A661" s="21" t="s">
        <v>3071</v>
      </c>
      <c r="B661" t="s">
        <v>3072</v>
      </c>
      <c r="C661" s="22" t="s">
        <v>6016</v>
      </c>
    </row>
    <row r="662" spans="1:3" x14ac:dyDescent="0.45">
      <c r="A662" s="21" t="s">
        <v>3073</v>
      </c>
      <c r="B662" t="s">
        <v>3074</v>
      </c>
      <c r="C662" s="22" t="s">
        <v>6017</v>
      </c>
    </row>
    <row r="663" spans="1:3" x14ac:dyDescent="0.45">
      <c r="A663" s="21" t="s">
        <v>3075</v>
      </c>
      <c r="B663" t="s">
        <v>3076</v>
      </c>
      <c r="C663" s="22" t="s">
        <v>6018</v>
      </c>
    </row>
    <row r="664" spans="1:3" x14ac:dyDescent="0.45">
      <c r="A664" s="21" t="s">
        <v>3077</v>
      </c>
      <c r="B664" t="s">
        <v>3078</v>
      </c>
      <c r="C664" s="22" t="s">
        <v>6019</v>
      </c>
    </row>
    <row r="665" spans="1:3" x14ac:dyDescent="0.45">
      <c r="A665" s="21" t="s">
        <v>3079</v>
      </c>
      <c r="B665" t="s">
        <v>3080</v>
      </c>
      <c r="C665" s="22" t="s">
        <v>6020</v>
      </c>
    </row>
    <row r="666" spans="1:3" x14ac:dyDescent="0.45">
      <c r="A666" s="21" t="s">
        <v>3081</v>
      </c>
      <c r="B666" t="s">
        <v>3082</v>
      </c>
      <c r="C666" s="22" t="s">
        <v>6021</v>
      </c>
    </row>
    <row r="667" spans="1:3" x14ac:dyDescent="0.45">
      <c r="A667" s="21" t="s">
        <v>3083</v>
      </c>
      <c r="B667" t="s">
        <v>3084</v>
      </c>
      <c r="C667" s="22" t="s">
        <v>6022</v>
      </c>
    </row>
    <row r="668" spans="1:3" x14ac:dyDescent="0.45">
      <c r="A668" s="21" t="s">
        <v>3085</v>
      </c>
      <c r="B668" t="s">
        <v>3086</v>
      </c>
      <c r="C668" s="22" t="s">
        <v>6023</v>
      </c>
    </row>
    <row r="669" spans="1:3" x14ac:dyDescent="0.45">
      <c r="A669" s="21" t="s">
        <v>3087</v>
      </c>
      <c r="B669" t="s">
        <v>3088</v>
      </c>
      <c r="C669" s="22" t="s">
        <v>6024</v>
      </c>
    </row>
    <row r="670" spans="1:3" x14ac:dyDescent="0.45">
      <c r="A670" s="21" t="s">
        <v>3089</v>
      </c>
      <c r="B670" t="s">
        <v>3090</v>
      </c>
      <c r="C670" s="22" t="s">
        <v>6025</v>
      </c>
    </row>
    <row r="671" spans="1:3" x14ac:dyDescent="0.45">
      <c r="A671" s="21" t="s">
        <v>3091</v>
      </c>
      <c r="B671" t="s">
        <v>3092</v>
      </c>
      <c r="C671" s="22" t="s">
        <v>6026</v>
      </c>
    </row>
    <row r="672" spans="1:3" x14ac:dyDescent="0.45">
      <c r="A672" s="21" t="s">
        <v>3093</v>
      </c>
      <c r="B672" t="s">
        <v>3094</v>
      </c>
      <c r="C672" s="22" t="s">
        <v>6027</v>
      </c>
    </row>
    <row r="673" spans="1:3" x14ac:dyDescent="0.45">
      <c r="A673" s="21" t="s">
        <v>3095</v>
      </c>
      <c r="B673" t="s">
        <v>3096</v>
      </c>
      <c r="C673" s="22" t="s">
        <v>6028</v>
      </c>
    </row>
    <row r="674" spans="1:3" x14ac:dyDescent="0.45">
      <c r="A674" s="21" t="s">
        <v>3097</v>
      </c>
      <c r="B674" t="s">
        <v>3098</v>
      </c>
      <c r="C674" s="22" t="s">
        <v>6029</v>
      </c>
    </row>
    <row r="675" spans="1:3" x14ac:dyDescent="0.45">
      <c r="A675" s="21" t="s">
        <v>3099</v>
      </c>
      <c r="B675" t="s">
        <v>3100</v>
      </c>
      <c r="C675" s="22" t="s">
        <v>6030</v>
      </c>
    </row>
    <row r="676" spans="1:3" x14ac:dyDescent="0.45">
      <c r="A676" s="21" t="s">
        <v>3101</v>
      </c>
      <c r="B676" t="s">
        <v>3102</v>
      </c>
      <c r="C676" s="22" t="s">
        <v>6031</v>
      </c>
    </row>
    <row r="677" spans="1:3" x14ac:dyDescent="0.45">
      <c r="A677" s="21" t="s">
        <v>3103</v>
      </c>
      <c r="B677" t="s">
        <v>3104</v>
      </c>
      <c r="C677" s="22" t="s">
        <v>6032</v>
      </c>
    </row>
    <row r="678" spans="1:3" x14ac:dyDescent="0.45">
      <c r="A678" s="21" t="s">
        <v>3105</v>
      </c>
      <c r="B678" t="s">
        <v>3106</v>
      </c>
      <c r="C678" s="22" t="s">
        <v>6033</v>
      </c>
    </row>
    <row r="679" spans="1:3" x14ac:dyDescent="0.45">
      <c r="A679" s="21" t="s">
        <v>3107</v>
      </c>
      <c r="B679" t="s">
        <v>3108</v>
      </c>
      <c r="C679" s="22" t="s">
        <v>6034</v>
      </c>
    </row>
    <row r="680" spans="1:3" x14ac:dyDescent="0.45">
      <c r="A680" s="21" t="s">
        <v>3109</v>
      </c>
      <c r="B680" t="s">
        <v>3110</v>
      </c>
      <c r="C680" s="22" t="s">
        <v>6035</v>
      </c>
    </row>
    <row r="681" spans="1:3" x14ac:dyDescent="0.45">
      <c r="A681" s="21" t="s">
        <v>3111</v>
      </c>
      <c r="B681" t="s">
        <v>3112</v>
      </c>
      <c r="C681" s="22" t="s">
        <v>6036</v>
      </c>
    </row>
    <row r="682" spans="1:3" x14ac:dyDescent="0.45">
      <c r="A682" s="21" t="s">
        <v>3113</v>
      </c>
      <c r="B682" t="s">
        <v>3114</v>
      </c>
      <c r="C682" s="22" t="s">
        <v>6037</v>
      </c>
    </row>
    <row r="683" spans="1:3" x14ac:dyDescent="0.45">
      <c r="A683" s="21" t="s">
        <v>3115</v>
      </c>
      <c r="B683" t="s">
        <v>3116</v>
      </c>
      <c r="C683" s="22" t="s">
        <v>6038</v>
      </c>
    </row>
    <row r="684" spans="1:3" x14ac:dyDescent="0.45">
      <c r="A684" s="21" t="s">
        <v>3117</v>
      </c>
      <c r="B684" t="s">
        <v>3118</v>
      </c>
      <c r="C684" s="22" t="s">
        <v>6039</v>
      </c>
    </row>
    <row r="685" spans="1:3" x14ac:dyDescent="0.45">
      <c r="A685" s="21" t="s">
        <v>3119</v>
      </c>
      <c r="B685" t="s">
        <v>3120</v>
      </c>
      <c r="C685" s="22" t="s">
        <v>6040</v>
      </c>
    </row>
    <row r="686" spans="1:3" x14ac:dyDescent="0.45">
      <c r="A686" s="21" t="s">
        <v>3121</v>
      </c>
      <c r="B686" t="s">
        <v>3122</v>
      </c>
      <c r="C686" s="22" t="s">
        <v>6041</v>
      </c>
    </row>
    <row r="687" spans="1:3" x14ac:dyDescent="0.45">
      <c r="A687" s="21" t="s">
        <v>3123</v>
      </c>
      <c r="B687" t="s">
        <v>3124</v>
      </c>
      <c r="C687" s="22" t="s">
        <v>6042</v>
      </c>
    </row>
    <row r="688" spans="1:3" x14ac:dyDescent="0.45">
      <c r="A688" s="21" t="s">
        <v>3125</v>
      </c>
      <c r="B688" t="s">
        <v>3126</v>
      </c>
      <c r="C688" s="22" t="s">
        <v>6043</v>
      </c>
    </row>
    <row r="689" spans="1:3" x14ac:dyDescent="0.45">
      <c r="A689" s="21" t="s">
        <v>3127</v>
      </c>
      <c r="B689" t="s">
        <v>3128</v>
      </c>
      <c r="C689" s="22" t="s">
        <v>6044</v>
      </c>
    </row>
    <row r="690" spans="1:3" x14ac:dyDescent="0.45">
      <c r="A690" s="21" t="s">
        <v>3129</v>
      </c>
      <c r="B690" t="s">
        <v>3130</v>
      </c>
      <c r="C690" s="22" t="s">
        <v>6045</v>
      </c>
    </row>
    <row r="691" spans="1:3" x14ac:dyDescent="0.45">
      <c r="A691" s="21" t="s">
        <v>3131</v>
      </c>
      <c r="B691" t="s">
        <v>3132</v>
      </c>
      <c r="C691" s="22" t="s">
        <v>6046</v>
      </c>
    </row>
    <row r="692" spans="1:3" x14ac:dyDescent="0.45">
      <c r="A692" s="21" t="s">
        <v>3133</v>
      </c>
      <c r="B692" t="s">
        <v>3134</v>
      </c>
      <c r="C692" s="22" t="s">
        <v>6047</v>
      </c>
    </row>
    <row r="693" spans="1:3" x14ac:dyDescent="0.45">
      <c r="A693" s="21" t="s">
        <v>3135</v>
      </c>
      <c r="B693" t="s">
        <v>3136</v>
      </c>
      <c r="C693" s="22" t="s">
        <v>6048</v>
      </c>
    </row>
    <row r="694" spans="1:3" x14ac:dyDescent="0.45">
      <c r="A694" s="21" t="s">
        <v>3137</v>
      </c>
      <c r="B694" t="s">
        <v>3138</v>
      </c>
      <c r="C694" s="22" t="s">
        <v>6049</v>
      </c>
    </row>
    <row r="695" spans="1:3" x14ac:dyDescent="0.45">
      <c r="A695" s="21" t="s">
        <v>3139</v>
      </c>
      <c r="B695" t="s">
        <v>3140</v>
      </c>
      <c r="C695" s="22" t="s">
        <v>6050</v>
      </c>
    </row>
    <row r="696" spans="1:3" x14ac:dyDescent="0.45">
      <c r="A696" s="21" t="s">
        <v>3141</v>
      </c>
      <c r="B696" t="s">
        <v>3142</v>
      </c>
      <c r="C696" s="22" t="s">
        <v>6051</v>
      </c>
    </row>
    <row r="697" spans="1:3" x14ac:dyDescent="0.45">
      <c r="A697" s="21" t="s">
        <v>3143</v>
      </c>
      <c r="B697" t="s">
        <v>3144</v>
      </c>
      <c r="C697" s="22" t="s">
        <v>6052</v>
      </c>
    </row>
    <row r="698" spans="1:3" x14ac:dyDescent="0.45">
      <c r="A698" s="21" t="s">
        <v>3145</v>
      </c>
      <c r="B698" t="s">
        <v>3146</v>
      </c>
      <c r="C698" s="22" t="s">
        <v>6053</v>
      </c>
    </row>
    <row r="699" spans="1:3" x14ac:dyDescent="0.45">
      <c r="A699" s="21" t="s">
        <v>3147</v>
      </c>
      <c r="B699" t="s">
        <v>3148</v>
      </c>
      <c r="C699" s="22" t="s">
        <v>6054</v>
      </c>
    </row>
    <row r="700" spans="1:3" x14ac:dyDescent="0.45">
      <c r="A700" s="21" t="s">
        <v>3149</v>
      </c>
      <c r="B700" t="s">
        <v>3150</v>
      </c>
      <c r="C700" s="22" t="s">
        <v>6055</v>
      </c>
    </row>
    <row r="701" spans="1:3" x14ac:dyDescent="0.45">
      <c r="A701" s="21" t="s">
        <v>3151</v>
      </c>
      <c r="B701" t="s">
        <v>3152</v>
      </c>
      <c r="C701" s="22" t="s">
        <v>6056</v>
      </c>
    </row>
    <row r="702" spans="1:3" x14ac:dyDescent="0.45">
      <c r="A702" s="21" t="s">
        <v>3153</v>
      </c>
      <c r="B702" t="s">
        <v>3154</v>
      </c>
      <c r="C702" s="22" t="s">
        <v>6057</v>
      </c>
    </row>
    <row r="703" spans="1:3" x14ac:dyDescent="0.45">
      <c r="A703" s="21" t="s">
        <v>3155</v>
      </c>
      <c r="B703" t="s">
        <v>3156</v>
      </c>
      <c r="C703" s="22" t="s">
        <v>6058</v>
      </c>
    </row>
    <row r="704" spans="1:3" x14ac:dyDescent="0.45">
      <c r="A704" s="21" t="s">
        <v>3157</v>
      </c>
      <c r="B704" t="s">
        <v>3158</v>
      </c>
      <c r="C704" s="22" t="s">
        <v>6059</v>
      </c>
    </row>
    <row r="705" spans="1:3" x14ac:dyDescent="0.45">
      <c r="A705" s="21" t="s">
        <v>3159</v>
      </c>
      <c r="B705" t="s">
        <v>3160</v>
      </c>
      <c r="C705" s="22" t="s">
        <v>6060</v>
      </c>
    </row>
    <row r="706" spans="1:3" x14ac:dyDescent="0.45">
      <c r="A706" s="21" t="s">
        <v>3161</v>
      </c>
      <c r="B706" t="s">
        <v>3162</v>
      </c>
      <c r="C706" s="22" t="s">
        <v>6061</v>
      </c>
    </row>
    <row r="707" spans="1:3" x14ac:dyDescent="0.45">
      <c r="A707" s="21" t="s">
        <v>3163</v>
      </c>
      <c r="B707" t="s">
        <v>3164</v>
      </c>
      <c r="C707" s="22" t="s">
        <v>6062</v>
      </c>
    </row>
    <row r="708" spans="1:3" x14ac:dyDescent="0.45">
      <c r="A708" s="21" t="s">
        <v>3165</v>
      </c>
      <c r="B708" t="s">
        <v>3166</v>
      </c>
      <c r="C708" s="22" t="s">
        <v>6063</v>
      </c>
    </row>
    <row r="709" spans="1:3" x14ac:dyDescent="0.45">
      <c r="A709" s="21" t="s">
        <v>3167</v>
      </c>
      <c r="B709" t="s">
        <v>3168</v>
      </c>
      <c r="C709" s="22" t="s">
        <v>6064</v>
      </c>
    </row>
    <row r="710" spans="1:3" x14ac:dyDescent="0.45">
      <c r="A710" s="21" t="s">
        <v>3169</v>
      </c>
      <c r="B710" t="s">
        <v>3170</v>
      </c>
      <c r="C710" s="22" t="s">
        <v>6065</v>
      </c>
    </row>
    <row r="711" spans="1:3" x14ac:dyDescent="0.45">
      <c r="A711" s="21" t="s">
        <v>3171</v>
      </c>
      <c r="B711" t="s">
        <v>3172</v>
      </c>
      <c r="C711" s="22" t="s">
        <v>6066</v>
      </c>
    </row>
    <row r="712" spans="1:3" x14ac:dyDescent="0.45">
      <c r="A712" s="21" t="s">
        <v>3173</v>
      </c>
      <c r="B712" t="s">
        <v>3174</v>
      </c>
      <c r="C712" s="22" t="s">
        <v>6067</v>
      </c>
    </row>
    <row r="713" spans="1:3" x14ac:dyDescent="0.45">
      <c r="A713" s="21" t="s">
        <v>3175</v>
      </c>
      <c r="B713" t="s">
        <v>3176</v>
      </c>
      <c r="C713" s="22" t="s">
        <v>6068</v>
      </c>
    </row>
    <row r="714" spans="1:3" x14ac:dyDescent="0.45">
      <c r="A714" s="21" t="s">
        <v>3177</v>
      </c>
      <c r="B714" t="s">
        <v>3178</v>
      </c>
      <c r="C714" s="22" t="s">
        <v>6069</v>
      </c>
    </row>
    <row r="715" spans="1:3" x14ac:dyDescent="0.45">
      <c r="A715" s="21" t="s">
        <v>3179</v>
      </c>
      <c r="B715" t="s">
        <v>3180</v>
      </c>
      <c r="C715" s="22" t="s">
        <v>6070</v>
      </c>
    </row>
    <row r="716" spans="1:3" x14ac:dyDescent="0.45">
      <c r="A716" s="21" t="s">
        <v>3181</v>
      </c>
      <c r="B716" t="s">
        <v>3182</v>
      </c>
      <c r="C716" s="22" t="s">
        <v>6071</v>
      </c>
    </row>
    <row r="717" spans="1:3" x14ac:dyDescent="0.45">
      <c r="A717" s="21" t="s">
        <v>3183</v>
      </c>
      <c r="B717" t="s">
        <v>3184</v>
      </c>
      <c r="C717" s="22" t="s">
        <v>6072</v>
      </c>
    </row>
    <row r="718" spans="1:3" x14ac:dyDescent="0.45">
      <c r="A718" s="21" t="s">
        <v>3185</v>
      </c>
      <c r="B718" t="s">
        <v>3186</v>
      </c>
      <c r="C718" s="22" t="s">
        <v>6073</v>
      </c>
    </row>
    <row r="719" spans="1:3" x14ac:dyDescent="0.45">
      <c r="A719" s="21" t="s">
        <v>3187</v>
      </c>
      <c r="B719" t="s">
        <v>3188</v>
      </c>
      <c r="C719" s="22" t="s">
        <v>6074</v>
      </c>
    </row>
    <row r="720" spans="1:3" x14ac:dyDescent="0.45">
      <c r="A720" s="21" t="s">
        <v>3189</v>
      </c>
      <c r="B720" t="s">
        <v>3190</v>
      </c>
      <c r="C720" s="22" t="s">
        <v>6075</v>
      </c>
    </row>
    <row r="721" spans="1:3" x14ac:dyDescent="0.45">
      <c r="A721" s="21" t="s">
        <v>3191</v>
      </c>
      <c r="B721" t="s">
        <v>3192</v>
      </c>
      <c r="C721" s="22" t="s">
        <v>6076</v>
      </c>
    </row>
    <row r="722" spans="1:3" x14ac:dyDescent="0.45">
      <c r="A722" s="21" t="s">
        <v>3193</v>
      </c>
      <c r="B722" t="s">
        <v>3194</v>
      </c>
      <c r="C722" s="22" t="s">
        <v>6077</v>
      </c>
    </row>
    <row r="723" spans="1:3" x14ac:dyDescent="0.45">
      <c r="A723" s="21" t="s">
        <v>3195</v>
      </c>
      <c r="B723" t="s">
        <v>3196</v>
      </c>
      <c r="C723" s="22" t="s">
        <v>6078</v>
      </c>
    </row>
    <row r="724" spans="1:3" x14ac:dyDescent="0.45">
      <c r="A724" s="21" t="s">
        <v>3197</v>
      </c>
      <c r="B724" t="s">
        <v>3198</v>
      </c>
      <c r="C724" s="22" t="s">
        <v>6079</v>
      </c>
    </row>
    <row r="725" spans="1:3" x14ac:dyDescent="0.45">
      <c r="A725" s="21" t="s">
        <v>3199</v>
      </c>
      <c r="B725" t="s">
        <v>3200</v>
      </c>
      <c r="C725" s="22" t="s">
        <v>6080</v>
      </c>
    </row>
    <row r="726" spans="1:3" x14ac:dyDescent="0.45">
      <c r="A726" s="21" t="s">
        <v>3201</v>
      </c>
      <c r="B726" t="s">
        <v>3202</v>
      </c>
      <c r="C726" s="22" t="s">
        <v>6081</v>
      </c>
    </row>
    <row r="727" spans="1:3" x14ac:dyDescent="0.45">
      <c r="A727" s="21" t="s">
        <v>3203</v>
      </c>
      <c r="B727" t="s">
        <v>3204</v>
      </c>
      <c r="C727" s="22" t="s">
        <v>6082</v>
      </c>
    </row>
    <row r="728" spans="1:3" x14ac:dyDescent="0.45">
      <c r="A728" s="21" t="s">
        <v>3205</v>
      </c>
      <c r="B728" t="s">
        <v>3206</v>
      </c>
      <c r="C728" s="22" t="s">
        <v>6083</v>
      </c>
    </row>
    <row r="729" spans="1:3" x14ac:dyDescent="0.45">
      <c r="A729" s="21" t="s">
        <v>3207</v>
      </c>
      <c r="B729" t="s">
        <v>3208</v>
      </c>
      <c r="C729" s="22" t="s">
        <v>6084</v>
      </c>
    </row>
    <row r="730" spans="1:3" x14ac:dyDescent="0.45">
      <c r="A730" s="21" t="s">
        <v>3209</v>
      </c>
      <c r="B730" t="s">
        <v>3210</v>
      </c>
      <c r="C730" s="22" t="s">
        <v>6085</v>
      </c>
    </row>
    <row r="731" spans="1:3" x14ac:dyDescent="0.45">
      <c r="A731" s="21" t="s">
        <v>3211</v>
      </c>
      <c r="B731" t="s">
        <v>3212</v>
      </c>
      <c r="C731" s="22" t="s">
        <v>6086</v>
      </c>
    </row>
    <row r="732" spans="1:3" x14ac:dyDescent="0.45">
      <c r="A732" s="21" t="s">
        <v>3213</v>
      </c>
      <c r="B732" t="s">
        <v>3214</v>
      </c>
      <c r="C732" s="22" t="s">
        <v>6087</v>
      </c>
    </row>
    <row r="733" spans="1:3" x14ac:dyDescent="0.45">
      <c r="A733" s="21" t="s">
        <v>3215</v>
      </c>
      <c r="B733" t="s">
        <v>3216</v>
      </c>
      <c r="C733" s="22" t="s">
        <v>6088</v>
      </c>
    </row>
    <row r="734" spans="1:3" x14ac:dyDescent="0.45">
      <c r="A734" s="21" t="s">
        <v>3217</v>
      </c>
      <c r="B734" t="s">
        <v>3218</v>
      </c>
      <c r="C734" s="22" t="s">
        <v>6089</v>
      </c>
    </row>
    <row r="735" spans="1:3" x14ac:dyDescent="0.45">
      <c r="A735" s="21" t="s">
        <v>3219</v>
      </c>
      <c r="B735" t="s">
        <v>3220</v>
      </c>
      <c r="C735" s="22" t="s">
        <v>6090</v>
      </c>
    </row>
    <row r="736" spans="1:3" x14ac:dyDescent="0.45">
      <c r="A736" s="21" t="s">
        <v>3221</v>
      </c>
      <c r="B736" t="s">
        <v>3222</v>
      </c>
      <c r="C736" s="22" t="s">
        <v>6091</v>
      </c>
    </row>
    <row r="737" spans="1:3" x14ac:dyDescent="0.45">
      <c r="A737" s="21" t="s">
        <v>3223</v>
      </c>
      <c r="B737" t="s">
        <v>3224</v>
      </c>
      <c r="C737" s="22" t="s">
        <v>6092</v>
      </c>
    </row>
    <row r="738" spans="1:3" x14ac:dyDescent="0.45">
      <c r="A738" s="21" t="s">
        <v>3225</v>
      </c>
      <c r="B738" t="s">
        <v>3226</v>
      </c>
      <c r="C738" s="22" t="s">
        <v>6093</v>
      </c>
    </row>
    <row r="739" spans="1:3" x14ac:dyDescent="0.45">
      <c r="A739" s="21" t="s">
        <v>3227</v>
      </c>
      <c r="B739" t="s">
        <v>3228</v>
      </c>
      <c r="C739" s="22" t="s">
        <v>6094</v>
      </c>
    </row>
    <row r="740" spans="1:3" x14ac:dyDescent="0.45">
      <c r="A740" s="21" t="s">
        <v>3229</v>
      </c>
      <c r="B740" t="s">
        <v>3230</v>
      </c>
      <c r="C740" s="22" t="s">
        <v>6095</v>
      </c>
    </row>
    <row r="741" spans="1:3" x14ac:dyDescent="0.45">
      <c r="A741" s="21" t="s">
        <v>3231</v>
      </c>
      <c r="B741" t="s">
        <v>3232</v>
      </c>
      <c r="C741" s="22" t="s">
        <v>6096</v>
      </c>
    </row>
    <row r="742" spans="1:3" x14ac:dyDescent="0.45">
      <c r="A742" s="21" t="s">
        <v>3233</v>
      </c>
      <c r="B742" t="s">
        <v>3234</v>
      </c>
      <c r="C742" s="22" t="s">
        <v>6097</v>
      </c>
    </row>
    <row r="743" spans="1:3" x14ac:dyDescent="0.45">
      <c r="A743" s="21" t="s">
        <v>3235</v>
      </c>
      <c r="B743" t="s">
        <v>3236</v>
      </c>
      <c r="C743" s="22" t="s">
        <v>6098</v>
      </c>
    </row>
    <row r="744" spans="1:3" x14ac:dyDescent="0.45">
      <c r="A744" s="21" t="s">
        <v>3237</v>
      </c>
      <c r="B744" t="s">
        <v>3238</v>
      </c>
      <c r="C744" s="22" t="s">
        <v>6099</v>
      </c>
    </row>
    <row r="745" spans="1:3" x14ac:dyDescent="0.45">
      <c r="A745" s="21" t="s">
        <v>3239</v>
      </c>
      <c r="B745" t="s">
        <v>3240</v>
      </c>
      <c r="C745" s="22" t="s">
        <v>6100</v>
      </c>
    </row>
    <row r="746" spans="1:3" x14ac:dyDescent="0.45">
      <c r="A746" s="21" t="s">
        <v>3241</v>
      </c>
      <c r="B746" t="s">
        <v>3242</v>
      </c>
      <c r="C746" s="22" t="s">
        <v>6101</v>
      </c>
    </row>
    <row r="747" spans="1:3" x14ac:dyDescent="0.45">
      <c r="A747" s="21" t="s">
        <v>3243</v>
      </c>
      <c r="B747" t="s">
        <v>3244</v>
      </c>
      <c r="C747" s="22" t="s">
        <v>6102</v>
      </c>
    </row>
    <row r="748" spans="1:3" x14ac:dyDescent="0.45">
      <c r="A748" s="21" t="s">
        <v>3245</v>
      </c>
      <c r="B748" t="s">
        <v>3246</v>
      </c>
      <c r="C748" s="22" t="s">
        <v>6103</v>
      </c>
    </row>
    <row r="749" spans="1:3" x14ac:dyDescent="0.45">
      <c r="A749" s="21" t="s">
        <v>3247</v>
      </c>
      <c r="B749" t="s">
        <v>3248</v>
      </c>
      <c r="C749" s="22" t="s">
        <v>6104</v>
      </c>
    </row>
    <row r="750" spans="1:3" x14ac:dyDescent="0.45">
      <c r="A750" s="21" t="s">
        <v>3249</v>
      </c>
      <c r="B750" t="s">
        <v>3250</v>
      </c>
      <c r="C750" s="22" t="s">
        <v>6105</v>
      </c>
    </row>
    <row r="751" spans="1:3" x14ac:dyDescent="0.45">
      <c r="A751" s="21" t="s">
        <v>3251</v>
      </c>
      <c r="B751" t="s">
        <v>3252</v>
      </c>
      <c r="C751" s="22" t="s">
        <v>6106</v>
      </c>
    </row>
    <row r="752" spans="1:3" x14ac:dyDescent="0.45">
      <c r="A752" s="21" t="s">
        <v>3253</v>
      </c>
      <c r="B752" t="s">
        <v>3254</v>
      </c>
      <c r="C752" s="22" t="s">
        <v>6107</v>
      </c>
    </row>
    <row r="753" spans="1:3" x14ac:dyDescent="0.45">
      <c r="A753" s="21" t="s">
        <v>3255</v>
      </c>
      <c r="B753" t="s">
        <v>3256</v>
      </c>
      <c r="C753" s="22" t="s">
        <v>6108</v>
      </c>
    </row>
    <row r="754" spans="1:3" x14ac:dyDescent="0.45">
      <c r="A754" s="21" t="s">
        <v>3257</v>
      </c>
      <c r="B754" t="s">
        <v>3258</v>
      </c>
      <c r="C754" s="22" t="s">
        <v>6109</v>
      </c>
    </row>
    <row r="755" spans="1:3" x14ac:dyDescent="0.45">
      <c r="A755" s="21" t="s">
        <v>3259</v>
      </c>
      <c r="B755" t="s">
        <v>3260</v>
      </c>
      <c r="C755" s="22" t="s">
        <v>6110</v>
      </c>
    </row>
    <row r="756" spans="1:3" x14ac:dyDescent="0.45">
      <c r="A756" s="21" t="s">
        <v>3261</v>
      </c>
      <c r="B756" t="s">
        <v>3262</v>
      </c>
      <c r="C756" s="22" t="s">
        <v>6111</v>
      </c>
    </row>
    <row r="757" spans="1:3" x14ac:dyDescent="0.45">
      <c r="A757" s="21" t="s">
        <v>3263</v>
      </c>
      <c r="B757" t="s">
        <v>3264</v>
      </c>
      <c r="C757" s="22" t="s">
        <v>6112</v>
      </c>
    </row>
    <row r="758" spans="1:3" x14ac:dyDescent="0.45">
      <c r="A758" s="21" t="s">
        <v>3265</v>
      </c>
      <c r="B758" t="s">
        <v>3266</v>
      </c>
      <c r="C758" s="22" t="s">
        <v>6113</v>
      </c>
    </row>
    <row r="759" spans="1:3" x14ac:dyDescent="0.45">
      <c r="A759" s="21" t="s">
        <v>3267</v>
      </c>
      <c r="B759" t="s">
        <v>3268</v>
      </c>
      <c r="C759" s="22" t="s">
        <v>6114</v>
      </c>
    </row>
    <row r="760" spans="1:3" x14ac:dyDescent="0.45">
      <c r="A760" s="21" t="s">
        <v>3269</v>
      </c>
      <c r="B760" t="s">
        <v>3270</v>
      </c>
      <c r="C760" s="22" t="s">
        <v>6115</v>
      </c>
    </row>
    <row r="761" spans="1:3" x14ac:dyDescent="0.45">
      <c r="A761" s="21" t="s">
        <v>3271</v>
      </c>
      <c r="B761" t="s">
        <v>3272</v>
      </c>
      <c r="C761" s="22" t="s">
        <v>6116</v>
      </c>
    </row>
    <row r="762" spans="1:3" x14ac:dyDescent="0.45">
      <c r="A762" s="21" t="s">
        <v>3273</v>
      </c>
      <c r="B762" t="s">
        <v>3274</v>
      </c>
      <c r="C762" s="22" t="s">
        <v>6117</v>
      </c>
    </row>
    <row r="763" spans="1:3" x14ac:dyDescent="0.45">
      <c r="A763" s="21" t="s">
        <v>3275</v>
      </c>
      <c r="B763" t="s">
        <v>3276</v>
      </c>
      <c r="C763" s="22" t="s">
        <v>6118</v>
      </c>
    </row>
    <row r="764" spans="1:3" x14ac:dyDescent="0.45">
      <c r="A764" s="21" t="s">
        <v>3277</v>
      </c>
      <c r="B764" t="s">
        <v>3278</v>
      </c>
      <c r="C764" s="22" t="s">
        <v>6119</v>
      </c>
    </row>
    <row r="765" spans="1:3" x14ac:dyDescent="0.45">
      <c r="A765" s="21" t="s">
        <v>3279</v>
      </c>
      <c r="B765" t="s">
        <v>3280</v>
      </c>
      <c r="C765" s="22" t="s">
        <v>6120</v>
      </c>
    </row>
    <row r="766" spans="1:3" x14ac:dyDescent="0.45">
      <c r="A766" s="21" t="s">
        <v>3281</v>
      </c>
      <c r="B766" t="s">
        <v>3282</v>
      </c>
      <c r="C766" s="22" t="s">
        <v>6121</v>
      </c>
    </row>
    <row r="767" spans="1:3" x14ac:dyDescent="0.45">
      <c r="A767" s="21" t="s">
        <v>3283</v>
      </c>
      <c r="B767" t="s">
        <v>3284</v>
      </c>
      <c r="C767" s="22" t="s">
        <v>6122</v>
      </c>
    </row>
    <row r="768" spans="1:3" x14ac:dyDescent="0.45">
      <c r="A768" s="21" t="s">
        <v>3285</v>
      </c>
      <c r="B768" t="s">
        <v>3286</v>
      </c>
      <c r="C768" s="22" t="s">
        <v>6123</v>
      </c>
    </row>
    <row r="769" spans="1:3" x14ac:dyDescent="0.45">
      <c r="A769" s="21" t="s">
        <v>3287</v>
      </c>
      <c r="B769" t="s">
        <v>3288</v>
      </c>
      <c r="C769" s="22" t="s">
        <v>6124</v>
      </c>
    </row>
    <row r="770" spans="1:3" x14ac:dyDescent="0.45">
      <c r="A770" s="21" t="s">
        <v>3289</v>
      </c>
      <c r="B770" t="s">
        <v>3290</v>
      </c>
      <c r="C770" s="22" t="s">
        <v>6125</v>
      </c>
    </row>
    <row r="771" spans="1:3" x14ac:dyDescent="0.45">
      <c r="A771" s="21" t="s">
        <v>3291</v>
      </c>
      <c r="B771" t="s">
        <v>3292</v>
      </c>
      <c r="C771" s="22" t="s">
        <v>6126</v>
      </c>
    </row>
    <row r="772" spans="1:3" x14ac:dyDescent="0.45">
      <c r="A772" s="21" t="s">
        <v>3293</v>
      </c>
      <c r="B772" t="s">
        <v>3294</v>
      </c>
      <c r="C772" s="22" t="s">
        <v>6127</v>
      </c>
    </row>
    <row r="773" spans="1:3" x14ac:dyDescent="0.45">
      <c r="A773" s="21" t="s">
        <v>3295</v>
      </c>
      <c r="B773" t="s">
        <v>3296</v>
      </c>
      <c r="C773" s="22" t="s">
        <v>6128</v>
      </c>
    </row>
    <row r="774" spans="1:3" x14ac:dyDescent="0.45">
      <c r="A774" s="21" t="s">
        <v>3297</v>
      </c>
      <c r="B774" t="s">
        <v>3298</v>
      </c>
      <c r="C774" s="22" t="s">
        <v>6129</v>
      </c>
    </row>
    <row r="775" spans="1:3" x14ac:dyDescent="0.45">
      <c r="A775" s="21" t="s">
        <v>3299</v>
      </c>
      <c r="B775" t="s">
        <v>3300</v>
      </c>
      <c r="C775" s="22" t="s">
        <v>6130</v>
      </c>
    </row>
    <row r="776" spans="1:3" x14ac:dyDescent="0.45">
      <c r="A776" s="21" t="s">
        <v>3301</v>
      </c>
      <c r="B776" t="s">
        <v>3302</v>
      </c>
      <c r="C776" s="22" t="s">
        <v>6131</v>
      </c>
    </row>
    <row r="777" spans="1:3" x14ac:dyDescent="0.45">
      <c r="A777" s="21" t="s">
        <v>3303</v>
      </c>
      <c r="B777" t="s">
        <v>3304</v>
      </c>
      <c r="C777" s="22" t="s">
        <v>6132</v>
      </c>
    </row>
    <row r="778" spans="1:3" x14ac:dyDescent="0.45">
      <c r="A778" s="21" t="s">
        <v>3305</v>
      </c>
      <c r="B778" t="s">
        <v>3306</v>
      </c>
      <c r="C778" s="22" t="s">
        <v>6133</v>
      </c>
    </row>
    <row r="779" spans="1:3" x14ac:dyDescent="0.45">
      <c r="A779" s="21" t="s">
        <v>3307</v>
      </c>
      <c r="B779" t="s">
        <v>3308</v>
      </c>
      <c r="C779" s="22" t="s">
        <v>6134</v>
      </c>
    </row>
    <row r="780" spans="1:3" x14ac:dyDescent="0.45">
      <c r="A780" s="21" t="s">
        <v>3309</v>
      </c>
      <c r="B780" t="s">
        <v>3310</v>
      </c>
      <c r="C780" s="22" t="s">
        <v>6135</v>
      </c>
    </row>
    <row r="781" spans="1:3" x14ac:dyDescent="0.45">
      <c r="A781" s="21" t="s">
        <v>3311</v>
      </c>
      <c r="B781" t="s">
        <v>3312</v>
      </c>
      <c r="C781" s="22" t="s">
        <v>6136</v>
      </c>
    </row>
    <row r="782" spans="1:3" x14ac:dyDescent="0.45">
      <c r="A782" s="21" t="s">
        <v>3313</v>
      </c>
      <c r="B782" t="s">
        <v>3314</v>
      </c>
      <c r="C782" s="22" t="s">
        <v>6137</v>
      </c>
    </row>
    <row r="783" spans="1:3" x14ac:dyDescent="0.45">
      <c r="A783" s="21" t="s">
        <v>3315</v>
      </c>
      <c r="B783" t="s">
        <v>3316</v>
      </c>
      <c r="C783" s="22" t="s">
        <v>6138</v>
      </c>
    </row>
    <row r="784" spans="1:3" x14ac:dyDescent="0.45">
      <c r="A784" s="21" t="s">
        <v>3317</v>
      </c>
      <c r="B784" t="s">
        <v>3318</v>
      </c>
      <c r="C784" s="22" t="s">
        <v>6139</v>
      </c>
    </row>
    <row r="785" spans="1:3" x14ac:dyDescent="0.45">
      <c r="A785" s="21" t="s">
        <v>3319</v>
      </c>
      <c r="B785" t="s">
        <v>3320</v>
      </c>
      <c r="C785" s="22" t="s">
        <v>6140</v>
      </c>
    </row>
    <row r="786" spans="1:3" x14ac:dyDescent="0.45">
      <c r="A786" s="21" t="s">
        <v>3321</v>
      </c>
      <c r="B786" t="s">
        <v>3322</v>
      </c>
      <c r="C786" s="22" t="s">
        <v>6141</v>
      </c>
    </row>
    <row r="787" spans="1:3" x14ac:dyDescent="0.45">
      <c r="A787" s="21" t="s">
        <v>3323</v>
      </c>
      <c r="B787" t="s">
        <v>3324</v>
      </c>
      <c r="C787" s="22" t="s">
        <v>6142</v>
      </c>
    </row>
    <row r="788" spans="1:3" x14ac:dyDescent="0.45">
      <c r="A788" s="21" t="s">
        <v>3325</v>
      </c>
      <c r="B788" t="s">
        <v>3326</v>
      </c>
      <c r="C788" s="22" t="s">
        <v>6143</v>
      </c>
    </row>
    <row r="789" spans="1:3" x14ac:dyDescent="0.45">
      <c r="A789" s="21" t="s">
        <v>3327</v>
      </c>
      <c r="B789" t="s">
        <v>3328</v>
      </c>
      <c r="C789" s="22" t="s">
        <v>6144</v>
      </c>
    </row>
    <row r="790" spans="1:3" x14ac:dyDescent="0.45">
      <c r="A790" s="21" t="s">
        <v>3329</v>
      </c>
      <c r="B790" t="s">
        <v>3330</v>
      </c>
      <c r="C790" s="22" t="s">
        <v>6145</v>
      </c>
    </row>
    <row r="791" spans="1:3" x14ac:dyDescent="0.45">
      <c r="A791" s="21" t="s">
        <v>3331</v>
      </c>
      <c r="B791" t="s">
        <v>3332</v>
      </c>
      <c r="C791" s="22" t="s">
        <v>6146</v>
      </c>
    </row>
    <row r="792" spans="1:3" x14ac:dyDescent="0.45">
      <c r="A792" s="21" t="s">
        <v>3333</v>
      </c>
      <c r="B792" t="s">
        <v>3334</v>
      </c>
      <c r="C792" s="22" t="s">
        <v>6147</v>
      </c>
    </row>
    <row r="793" spans="1:3" x14ac:dyDescent="0.45">
      <c r="A793" s="21" t="s">
        <v>3335</v>
      </c>
      <c r="B793" t="s">
        <v>3336</v>
      </c>
      <c r="C793" s="22" t="s">
        <v>6148</v>
      </c>
    </row>
    <row r="794" spans="1:3" x14ac:dyDescent="0.45">
      <c r="A794" s="21" t="s">
        <v>3337</v>
      </c>
      <c r="B794" t="s">
        <v>3338</v>
      </c>
      <c r="C794" s="22" t="s">
        <v>6149</v>
      </c>
    </row>
    <row r="795" spans="1:3" x14ac:dyDescent="0.45">
      <c r="A795" s="21" t="s">
        <v>3339</v>
      </c>
      <c r="B795" t="s">
        <v>3340</v>
      </c>
      <c r="C795" s="22" t="s">
        <v>6150</v>
      </c>
    </row>
    <row r="796" spans="1:3" x14ac:dyDescent="0.45">
      <c r="A796" s="21" t="s">
        <v>3341</v>
      </c>
      <c r="B796" t="s">
        <v>3342</v>
      </c>
      <c r="C796" s="22" t="s">
        <v>6151</v>
      </c>
    </row>
    <row r="797" spans="1:3" x14ac:dyDescent="0.45">
      <c r="A797" s="21" t="s">
        <v>3343</v>
      </c>
      <c r="B797" t="s">
        <v>3344</v>
      </c>
      <c r="C797" s="22" t="s">
        <v>6152</v>
      </c>
    </row>
    <row r="798" spans="1:3" x14ac:dyDescent="0.45">
      <c r="A798" s="21" t="s">
        <v>3345</v>
      </c>
      <c r="B798" t="s">
        <v>3346</v>
      </c>
      <c r="C798" s="22" t="s">
        <v>6153</v>
      </c>
    </row>
    <row r="799" spans="1:3" x14ac:dyDescent="0.45">
      <c r="A799" s="21" t="s">
        <v>3347</v>
      </c>
      <c r="B799" t="s">
        <v>3348</v>
      </c>
      <c r="C799" s="22" t="s">
        <v>6154</v>
      </c>
    </row>
    <row r="800" spans="1:3" x14ac:dyDescent="0.45">
      <c r="A800" s="21" t="s">
        <v>3349</v>
      </c>
      <c r="B800" t="s">
        <v>3350</v>
      </c>
      <c r="C800" s="22" t="s">
        <v>6155</v>
      </c>
    </row>
    <row r="801" spans="1:3" x14ac:dyDescent="0.45">
      <c r="A801" s="21" t="s">
        <v>3351</v>
      </c>
      <c r="B801" t="s">
        <v>3352</v>
      </c>
      <c r="C801" s="22" t="s">
        <v>6156</v>
      </c>
    </row>
    <row r="802" spans="1:3" x14ac:dyDescent="0.45">
      <c r="A802" s="21" t="s">
        <v>3353</v>
      </c>
      <c r="B802" t="s">
        <v>3354</v>
      </c>
      <c r="C802" s="22" t="s">
        <v>6157</v>
      </c>
    </row>
    <row r="803" spans="1:3" x14ac:dyDescent="0.45">
      <c r="A803" s="21" t="s">
        <v>3355</v>
      </c>
      <c r="B803" t="s">
        <v>3356</v>
      </c>
      <c r="C803" s="22" t="s">
        <v>6158</v>
      </c>
    </row>
    <row r="804" spans="1:3" x14ac:dyDescent="0.45">
      <c r="A804" s="21" t="s">
        <v>3357</v>
      </c>
      <c r="B804" t="s">
        <v>3358</v>
      </c>
      <c r="C804" s="22" t="s">
        <v>6159</v>
      </c>
    </row>
    <row r="805" spans="1:3" x14ac:dyDescent="0.45">
      <c r="A805" s="21" t="s">
        <v>3359</v>
      </c>
      <c r="B805" t="s">
        <v>3360</v>
      </c>
      <c r="C805" s="22" t="s">
        <v>6160</v>
      </c>
    </row>
    <row r="806" spans="1:3" x14ac:dyDescent="0.45">
      <c r="A806" s="21" t="s">
        <v>3361</v>
      </c>
      <c r="B806" t="s">
        <v>3362</v>
      </c>
      <c r="C806" s="22" t="s">
        <v>6161</v>
      </c>
    </row>
    <row r="807" spans="1:3" x14ac:dyDescent="0.45">
      <c r="A807" s="21" t="s">
        <v>3363</v>
      </c>
      <c r="B807" t="s">
        <v>3364</v>
      </c>
      <c r="C807" s="22" t="s">
        <v>6162</v>
      </c>
    </row>
    <row r="808" spans="1:3" x14ac:dyDescent="0.45">
      <c r="A808" s="21" t="s">
        <v>3365</v>
      </c>
      <c r="B808" t="s">
        <v>3366</v>
      </c>
      <c r="C808" s="22" t="s">
        <v>6163</v>
      </c>
    </row>
    <row r="809" spans="1:3" x14ac:dyDescent="0.45">
      <c r="A809" s="21" t="s">
        <v>3367</v>
      </c>
      <c r="B809" t="s">
        <v>3368</v>
      </c>
      <c r="C809" s="22" t="s">
        <v>6164</v>
      </c>
    </row>
    <row r="810" spans="1:3" x14ac:dyDescent="0.45">
      <c r="A810" s="21" t="s">
        <v>3369</v>
      </c>
      <c r="B810" t="s">
        <v>3370</v>
      </c>
      <c r="C810" s="22" t="s">
        <v>6165</v>
      </c>
    </row>
    <row r="811" spans="1:3" x14ac:dyDescent="0.45">
      <c r="A811" s="21" t="s">
        <v>3371</v>
      </c>
      <c r="B811" t="s">
        <v>3372</v>
      </c>
      <c r="C811" s="22" t="s">
        <v>6166</v>
      </c>
    </row>
    <row r="812" spans="1:3" x14ac:dyDescent="0.45">
      <c r="A812" s="21" t="s">
        <v>3373</v>
      </c>
      <c r="B812" t="s">
        <v>3374</v>
      </c>
      <c r="C812" s="22" t="s">
        <v>6167</v>
      </c>
    </row>
    <row r="813" spans="1:3" x14ac:dyDescent="0.45">
      <c r="A813" s="21" t="s">
        <v>3375</v>
      </c>
      <c r="B813" t="s">
        <v>3376</v>
      </c>
      <c r="C813" s="22" t="s">
        <v>6168</v>
      </c>
    </row>
    <row r="814" spans="1:3" x14ac:dyDescent="0.45">
      <c r="A814" s="21" t="s">
        <v>3377</v>
      </c>
      <c r="B814" t="s">
        <v>3378</v>
      </c>
      <c r="C814" s="22" t="s">
        <v>6169</v>
      </c>
    </row>
    <row r="815" spans="1:3" x14ac:dyDescent="0.45">
      <c r="A815" s="21" t="s">
        <v>3379</v>
      </c>
      <c r="B815" t="s">
        <v>3380</v>
      </c>
      <c r="C815" s="22" t="s">
        <v>6170</v>
      </c>
    </row>
    <row r="816" spans="1:3" x14ac:dyDescent="0.45">
      <c r="A816" s="21" t="s">
        <v>3381</v>
      </c>
      <c r="B816" t="s">
        <v>3382</v>
      </c>
      <c r="C816" s="22" t="s">
        <v>6171</v>
      </c>
    </row>
    <row r="817" spans="1:3" x14ac:dyDescent="0.45">
      <c r="A817" s="21" t="s">
        <v>3383</v>
      </c>
      <c r="B817" t="s">
        <v>3384</v>
      </c>
      <c r="C817" s="22" t="s">
        <v>6172</v>
      </c>
    </row>
    <row r="818" spans="1:3" x14ac:dyDescent="0.45">
      <c r="A818" s="21" t="s">
        <v>3385</v>
      </c>
      <c r="B818" t="s">
        <v>3386</v>
      </c>
      <c r="C818" s="22" t="s">
        <v>6173</v>
      </c>
    </row>
    <row r="819" spans="1:3" x14ac:dyDescent="0.45">
      <c r="A819" s="21" t="s">
        <v>3387</v>
      </c>
      <c r="B819" t="s">
        <v>3388</v>
      </c>
      <c r="C819" s="22" t="s">
        <v>6174</v>
      </c>
    </row>
    <row r="820" spans="1:3" x14ac:dyDescent="0.45">
      <c r="A820" s="21" t="s">
        <v>3389</v>
      </c>
      <c r="B820" t="s">
        <v>3390</v>
      </c>
      <c r="C820" s="22" t="s">
        <v>6175</v>
      </c>
    </row>
    <row r="821" spans="1:3" x14ac:dyDescent="0.45">
      <c r="A821" s="21" t="s">
        <v>3391</v>
      </c>
      <c r="B821" t="s">
        <v>3392</v>
      </c>
      <c r="C821" s="22" t="s">
        <v>6176</v>
      </c>
    </row>
    <row r="822" spans="1:3" x14ac:dyDescent="0.45">
      <c r="A822" s="21" t="s">
        <v>3393</v>
      </c>
      <c r="B822" t="s">
        <v>3394</v>
      </c>
      <c r="C822" s="22" t="s">
        <v>6177</v>
      </c>
    </row>
    <row r="823" spans="1:3" x14ac:dyDescent="0.45">
      <c r="A823" s="21" t="s">
        <v>3395</v>
      </c>
      <c r="B823" t="s">
        <v>3396</v>
      </c>
      <c r="C823" s="22" t="s">
        <v>6178</v>
      </c>
    </row>
    <row r="824" spans="1:3" x14ac:dyDescent="0.45">
      <c r="A824" s="21" t="s">
        <v>3397</v>
      </c>
      <c r="B824" t="s">
        <v>3398</v>
      </c>
      <c r="C824" s="22" t="s">
        <v>6179</v>
      </c>
    </row>
    <row r="825" spans="1:3" x14ac:dyDescent="0.45">
      <c r="A825" s="21" t="s">
        <v>3399</v>
      </c>
      <c r="B825" t="s">
        <v>3400</v>
      </c>
      <c r="C825" s="22" t="s">
        <v>6180</v>
      </c>
    </row>
    <row r="826" spans="1:3" x14ac:dyDescent="0.45">
      <c r="A826" s="21" t="s">
        <v>3401</v>
      </c>
      <c r="B826" t="s">
        <v>3402</v>
      </c>
      <c r="C826" s="22" t="s">
        <v>6181</v>
      </c>
    </row>
    <row r="827" spans="1:3" x14ac:dyDescent="0.45">
      <c r="A827" s="21" t="s">
        <v>3403</v>
      </c>
      <c r="B827" t="s">
        <v>3404</v>
      </c>
      <c r="C827" s="22" t="s">
        <v>6182</v>
      </c>
    </row>
    <row r="828" spans="1:3" x14ac:dyDescent="0.45">
      <c r="A828" s="21" t="s">
        <v>3405</v>
      </c>
      <c r="B828" t="s">
        <v>3406</v>
      </c>
      <c r="C828" s="22" t="s">
        <v>6183</v>
      </c>
    </row>
    <row r="829" spans="1:3" x14ac:dyDescent="0.45">
      <c r="A829" s="21" t="s">
        <v>3407</v>
      </c>
      <c r="B829" t="s">
        <v>3408</v>
      </c>
      <c r="C829" s="22" t="s">
        <v>6184</v>
      </c>
    </row>
    <row r="830" spans="1:3" x14ac:dyDescent="0.45">
      <c r="A830" s="21" t="s">
        <v>3409</v>
      </c>
      <c r="B830" t="s">
        <v>3410</v>
      </c>
      <c r="C830" s="22" t="s">
        <v>6185</v>
      </c>
    </row>
    <row r="831" spans="1:3" x14ac:dyDescent="0.45">
      <c r="A831" s="21" t="s">
        <v>3411</v>
      </c>
      <c r="B831" t="s">
        <v>3412</v>
      </c>
      <c r="C831" s="22" t="s">
        <v>6186</v>
      </c>
    </row>
    <row r="832" spans="1:3" x14ac:dyDescent="0.45">
      <c r="A832" s="21" t="s">
        <v>3413</v>
      </c>
      <c r="B832" t="s">
        <v>3414</v>
      </c>
      <c r="C832" s="22" t="s">
        <v>6187</v>
      </c>
    </row>
    <row r="833" spans="1:3" x14ac:dyDescent="0.45">
      <c r="A833" s="21" t="s">
        <v>3415</v>
      </c>
      <c r="B833" t="s">
        <v>3416</v>
      </c>
      <c r="C833" s="22" t="s">
        <v>6188</v>
      </c>
    </row>
    <row r="834" spans="1:3" x14ac:dyDescent="0.45">
      <c r="A834" s="21" t="s">
        <v>3417</v>
      </c>
      <c r="B834" t="s">
        <v>3418</v>
      </c>
      <c r="C834" s="22" t="s">
        <v>6189</v>
      </c>
    </row>
    <row r="835" spans="1:3" x14ac:dyDescent="0.45">
      <c r="A835" s="21" t="s">
        <v>3419</v>
      </c>
      <c r="B835" t="s">
        <v>3420</v>
      </c>
      <c r="C835" s="22" t="s">
        <v>6190</v>
      </c>
    </row>
    <row r="836" spans="1:3" x14ac:dyDescent="0.45">
      <c r="A836" s="21" t="s">
        <v>3421</v>
      </c>
      <c r="B836" t="s">
        <v>3422</v>
      </c>
      <c r="C836" s="22" t="s">
        <v>6191</v>
      </c>
    </row>
    <row r="837" spans="1:3" x14ac:dyDescent="0.45">
      <c r="A837" s="21" t="s">
        <v>3423</v>
      </c>
      <c r="B837" t="s">
        <v>3424</v>
      </c>
      <c r="C837" s="22" t="s">
        <v>6192</v>
      </c>
    </row>
    <row r="838" spans="1:3" x14ac:dyDescent="0.45">
      <c r="A838" s="21" t="s">
        <v>3425</v>
      </c>
      <c r="B838" t="s">
        <v>3426</v>
      </c>
      <c r="C838" s="22" t="s">
        <v>6193</v>
      </c>
    </row>
    <row r="839" spans="1:3" x14ac:dyDescent="0.45">
      <c r="A839" s="21" t="s">
        <v>3427</v>
      </c>
      <c r="B839" t="s">
        <v>3428</v>
      </c>
      <c r="C839" s="22" t="s">
        <v>6194</v>
      </c>
    </row>
    <row r="840" spans="1:3" x14ac:dyDescent="0.45">
      <c r="A840" s="21" t="s">
        <v>3429</v>
      </c>
      <c r="B840" t="s">
        <v>3430</v>
      </c>
      <c r="C840" s="22" t="s">
        <v>6195</v>
      </c>
    </row>
    <row r="841" spans="1:3" x14ac:dyDescent="0.45">
      <c r="A841" s="21" t="s">
        <v>3431</v>
      </c>
      <c r="B841" t="s">
        <v>3432</v>
      </c>
      <c r="C841" s="22" t="s">
        <v>6196</v>
      </c>
    </row>
    <row r="842" spans="1:3" x14ac:dyDescent="0.45">
      <c r="A842" s="21" t="s">
        <v>3433</v>
      </c>
      <c r="B842" t="s">
        <v>3434</v>
      </c>
      <c r="C842" s="22" t="s">
        <v>6197</v>
      </c>
    </row>
    <row r="843" spans="1:3" x14ac:dyDescent="0.45">
      <c r="A843" s="21" t="s">
        <v>3435</v>
      </c>
      <c r="B843" t="s">
        <v>3436</v>
      </c>
      <c r="C843" s="22" t="s">
        <v>6198</v>
      </c>
    </row>
    <row r="844" spans="1:3" x14ac:dyDescent="0.45">
      <c r="A844" s="21" t="s">
        <v>3437</v>
      </c>
      <c r="B844" t="s">
        <v>3438</v>
      </c>
      <c r="C844" s="22" t="s">
        <v>6199</v>
      </c>
    </row>
    <row r="845" spans="1:3" x14ac:dyDescent="0.45">
      <c r="A845" s="21" t="s">
        <v>3439</v>
      </c>
      <c r="B845" t="s">
        <v>3440</v>
      </c>
      <c r="C845" s="22" t="s">
        <v>6200</v>
      </c>
    </row>
    <row r="846" spans="1:3" x14ac:dyDescent="0.45">
      <c r="A846" s="21" t="s">
        <v>3441</v>
      </c>
      <c r="B846" t="s">
        <v>3442</v>
      </c>
      <c r="C846" s="22" t="s">
        <v>6201</v>
      </c>
    </row>
    <row r="847" spans="1:3" x14ac:dyDescent="0.45">
      <c r="A847" s="21" t="s">
        <v>3443</v>
      </c>
      <c r="B847" t="s">
        <v>3444</v>
      </c>
      <c r="C847" s="22" t="s">
        <v>6202</v>
      </c>
    </row>
    <row r="848" spans="1:3" x14ac:dyDescent="0.45">
      <c r="A848" s="21" t="s">
        <v>3445</v>
      </c>
      <c r="B848" t="s">
        <v>3446</v>
      </c>
      <c r="C848" s="22" t="s">
        <v>6203</v>
      </c>
    </row>
    <row r="849" spans="1:3" x14ac:dyDescent="0.45">
      <c r="A849" s="21" t="s">
        <v>3447</v>
      </c>
      <c r="B849" t="s">
        <v>3448</v>
      </c>
      <c r="C849" s="22" t="s">
        <v>6204</v>
      </c>
    </row>
    <row r="850" spans="1:3" x14ac:dyDescent="0.45">
      <c r="A850" s="21" t="s">
        <v>3449</v>
      </c>
      <c r="B850" t="s">
        <v>3450</v>
      </c>
      <c r="C850" s="22" t="s">
        <v>6205</v>
      </c>
    </row>
    <row r="851" spans="1:3" x14ac:dyDescent="0.45">
      <c r="A851" s="21" t="s">
        <v>3451</v>
      </c>
      <c r="B851" t="s">
        <v>3452</v>
      </c>
      <c r="C851" s="22" t="s">
        <v>6206</v>
      </c>
    </row>
    <row r="852" spans="1:3" x14ac:dyDescent="0.45">
      <c r="A852" s="21" t="s">
        <v>3453</v>
      </c>
      <c r="B852" t="s">
        <v>3454</v>
      </c>
      <c r="C852" s="22" t="s">
        <v>6207</v>
      </c>
    </row>
    <row r="853" spans="1:3" x14ac:dyDescent="0.45">
      <c r="A853" s="21" t="s">
        <v>3455</v>
      </c>
      <c r="B853" t="s">
        <v>3456</v>
      </c>
      <c r="C853" s="22" t="s">
        <v>6208</v>
      </c>
    </row>
    <row r="854" spans="1:3" x14ac:dyDescent="0.45">
      <c r="A854" s="21" t="s">
        <v>3457</v>
      </c>
      <c r="B854" t="s">
        <v>3458</v>
      </c>
      <c r="C854" s="22" t="s">
        <v>6209</v>
      </c>
    </row>
    <row r="855" spans="1:3" x14ac:dyDescent="0.45">
      <c r="A855" s="21" t="s">
        <v>3459</v>
      </c>
      <c r="B855" t="s">
        <v>3460</v>
      </c>
      <c r="C855" s="22" t="s">
        <v>6210</v>
      </c>
    </row>
    <row r="856" spans="1:3" x14ac:dyDescent="0.45">
      <c r="A856" s="21" t="s">
        <v>3461</v>
      </c>
      <c r="B856" t="s">
        <v>3462</v>
      </c>
      <c r="C856" s="22" t="s">
        <v>6211</v>
      </c>
    </row>
    <row r="857" spans="1:3" x14ac:dyDescent="0.45">
      <c r="A857" s="21" t="s">
        <v>3463</v>
      </c>
      <c r="B857" t="s">
        <v>3464</v>
      </c>
      <c r="C857" s="22" t="s">
        <v>6212</v>
      </c>
    </row>
    <row r="858" spans="1:3" x14ac:dyDescent="0.45">
      <c r="A858" s="21" t="s">
        <v>3465</v>
      </c>
      <c r="B858" t="s">
        <v>3466</v>
      </c>
      <c r="C858" s="22" t="s">
        <v>6213</v>
      </c>
    </row>
    <row r="859" spans="1:3" x14ac:dyDescent="0.45">
      <c r="A859" s="21" t="s">
        <v>3467</v>
      </c>
      <c r="B859" t="s">
        <v>3468</v>
      </c>
      <c r="C859" s="22" t="s">
        <v>6214</v>
      </c>
    </row>
    <row r="860" spans="1:3" x14ac:dyDescent="0.45">
      <c r="A860" s="21" t="s">
        <v>3469</v>
      </c>
      <c r="B860" t="s">
        <v>3470</v>
      </c>
      <c r="C860" s="22" t="s">
        <v>6215</v>
      </c>
    </row>
    <row r="861" spans="1:3" x14ac:dyDescent="0.45">
      <c r="A861" s="21" t="s">
        <v>3471</v>
      </c>
      <c r="B861" t="s">
        <v>3472</v>
      </c>
      <c r="C861" s="22" t="s">
        <v>6216</v>
      </c>
    </row>
    <row r="862" spans="1:3" x14ac:dyDescent="0.45">
      <c r="A862" s="21" t="s">
        <v>3473</v>
      </c>
      <c r="B862" t="s">
        <v>3474</v>
      </c>
      <c r="C862" s="22" t="s">
        <v>6217</v>
      </c>
    </row>
    <row r="863" spans="1:3" x14ac:dyDescent="0.45">
      <c r="A863" s="21" t="s">
        <v>3475</v>
      </c>
      <c r="B863" t="s">
        <v>3476</v>
      </c>
      <c r="C863" s="22" t="s">
        <v>6218</v>
      </c>
    </row>
    <row r="864" spans="1:3" x14ac:dyDescent="0.45">
      <c r="A864" s="21" t="s">
        <v>3477</v>
      </c>
      <c r="B864" t="s">
        <v>3478</v>
      </c>
      <c r="C864" s="22" t="s">
        <v>6219</v>
      </c>
    </row>
    <row r="865" spans="1:3" x14ac:dyDescent="0.45">
      <c r="A865" s="21" t="s">
        <v>3479</v>
      </c>
      <c r="B865" t="s">
        <v>3480</v>
      </c>
      <c r="C865" s="22" t="s">
        <v>6220</v>
      </c>
    </row>
    <row r="866" spans="1:3" x14ac:dyDescent="0.45">
      <c r="A866" s="21" t="s">
        <v>3481</v>
      </c>
      <c r="B866" t="s">
        <v>3482</v>
      </c>
      <c r="C866" s="22" t="s">
        <v>6221</v>
      </c>
    </row>
    <row r="867" spans="1:3" x14ac:dyDescent="0.45">
      <c r="A867" s="21" t="s">
        <v>3483</v>
      </c>
      <c r="B867" t="s">
        <v>3484</v>
      </c>
      <c r="C867" s="22" t="s">
        <v>6222</v>
      </c>
    </row>
    <row r="868" spans="1:3" x14ac:dyDescent="0.45">
      <c r="A868" s="21" t="s">
        <v>3485</v>
      </c>
      <c r="B868" t="s">
        <v>3486</v>
      </c>
      <c r="C868" s="22" t="s">
        <v>6223</v>
      </c>
    </row>
    <row r="869" spans="1:3" x14ac:dyDescent="0.45">
      <c r="A869" s="21" t="s">
        <v>3487</v>
      </c>
      <c r="B869" t="s">
        <v>3488</v>
      </c>
      <c r="C869" s="22" t="s">
        <v>6224</v>
      </c>
    </row>
    <row r="870" spans="1:3" x14ac:dyDescent="0.45">
      <c r="A870" s="21" t="s">
        <v>3489</v>
      </c>
      <c r="B870" t="s">
        <v>3490</v>
      </c>
      <c r="C870" s="22" t="s">
        <v>6225</v>
      </c>
    </row>
    <row r="871" spans="1:3" x14ac:dyDescent="0.45">
      <c r="A871" s="21" t="s">
        <v>3491</v>
      </c>
      <c r="B871" t="s">
        <v>3492</v>
      </c>
      <c r="C871" s="22" t="s">
        <v>6226</v>
      </c>
    </row>
    <row r="872" spans="1:3" x14ac:dyDescent="0.45">
      <c r="A872" s="21" t="s">
        <v>3493</v>
      </c>
      <c r="B872" t="s">
        <v>3494</v>
      </c>
      <c r="C872" s="22" t="s">
        <v>6227</v>
      </c>
    </row>
    <row r="873" spans="1:3" x14ac:dyDescent="0.45">
      <c r="A873" s="21" t="s">
        <v>3495</v>
      </c>
      <c r="B873" t="s">
        <v>3496</v>
      </c>
      <c r="C873" s="22" t="s">
        <v>6228</v>
      </c>
    </row>
    <row r="874" spans="1:3" x14ac:dyDescent="0.45">
      <c r="A874" s="21" t="s">
        <v>3497</v>
      </c>
      <c r="B874" t="s">
        <v>3498</v>
      </c>
      <c r="C874" s="22" t="s">
        <v>6229</v>
      </c>
    </row>
    <row r="875" spans="1:3" x14ac:dyDescent="0.45">
      <c r="A875" s="21" t="s">
        <v>3499</v>
      </c>
      <c r="B875" t="s">
        <v>3500</v>
      </c>
      <c r="C875" s="22" t="s">
        <v>6230</v>
      </c>
    </row>
    <row r="876" spans="1:3" x14ac:dyDescent="0.45">
      <c r="A876" s="21" t="s">
        <v>3501</v>
      </c>
      <c r="B876" t="s">
        <v>3502</v>
      </c>
      <c r="C876" s="22" t="s">
        <v>6231</v>
      </c>
    </row>
    <row r="877" spans="1:3" x14ac:dyDescent="0.45">
      <c r="A877" s="21" t="s">
        <v>3503</v>
      </c>
      <c r="B877" t="s">
        <v>3504</v>
      </c>
      <c r="C877" s="22" t="s">
        <v>6232</v>
      </c>
    </row>
    <row r="878" spans="1:3" x14ac:dyDescent="0.45">
      <c r="A878" s="21" t="s">
        <v>3505</v>
      </c>
      <c r="B878" t="s">
        <v>3506</v>
      </c>
      <c r="C878" s="22" t="s">
        <v>6233</v>
      </c>
    </row>
    <row r="879" spans="1:3" x14ac:dyDescent="0.45">
      <c r="A879" s="21" t="s">
        <v>3507</v>
      </c>
      <c r="B879" t="s">
        <v>3508</v>
      </c>
      <c r="C879" s="22" t="s">
        <v>6234</v>
      </c>
    </row>
    <row r="880" spans="1:3" x14ac:dyDescent="0.45">
      <c r="A880" s="21" t="s">
        <v>3509</v>
      </c>
      <c r="B880" t="s">
        <v>3510</v>
      </c>
      <c r="C880" s="22" t="s">
        <v>6235</v>
      </c>
    </row>
    <row r="881" spans="1:3" x14ac:dyDescent="0.45">
      <c r="A881" s="21" t="s">
        <v>3511</v>
      </c>
      <c r="B881" t="s">
        <v>3512</v>
      </c>
      <c r="C881" s="22" t="s">
        <v>6236</v>
      </c>
    </row>
    <row r="882" spans="1:3" x14ac:dyDescent="0.45">
      <c r="A882" s="21" t="s">
        <v>3513</v>
      </c>
      <c r="B882" t="s">
        <v>3514</v>
      </c>
      <c r="C882" s="22" t="s">
        <v>6237</v>
      </c>
    </row>
    <row r="883" spans="1:3" x14ac:dyDescent="0.45">
      <c r="A883" s="21" t="s">
        <v>3515</v>
      </c>
      <c r="B883" t="s">
        <v>3516</v>
      </c>
      <c r="C883" s="22" t="s">
        <v>6238</v>
      </c>
    </row>
    <row r="884" spans="1:3" x14ac:dyDescent="0.45">
      <c r="A884" s="21" t="s">
        <v>3517</v>
      </c>
      <c r="B884" t="s">
        <v>3518</v>
      </c>
      <c r="C884" s="22" t="s">
        <v>6239</v>
      </c>
    </row>
    <row r="885" spans="1:3" x14ac:dyDescent="0.45">
      <c r="A885" s="21" t="s">
        <v>3519</v>
      </c>
      <c r="B885" t="s">
        <v>3520</v>
      </c>
      <c r="C885" s="22" t="s">
        <v>6240</v>
      </c>
    </row>
    <row r="886" spans="1:3" x14ac:dyDescent="0.45">
      <c r="A886" s="21" t="s">
        <v>3521</v>
      </c>
      <c r="B886" t="s">
        <v>3522</v>
      </c>
      <c r="C886" s="22" t="s">
        <v>6241</v>
      </c>
    </row>
    <row r="887" spans="1:3" x14ac:dyDescent="0.45">
      <c r="A887" s="21" t="s">
        <v>3523</v>
      </c>
      <c r="B887" t="s">
        <v>3524</v>
      </c>
      <c r="C887" s="22" t="s">
        <v>6242</v>
      </c>
    </row>
    <row r="888" spans="1:3" x14ac:dyDescent="0.45">
      <c r="A888" s="21" t="s">
        <v>3525</v>
      </c>
      <c r="B888" t="s">
        <v>3526</v>
      </c>
      <c r="C888" s="22" t="s">
        <v>6243</v>
      </c>
    </row>
    <row r="889" spans="1:3" x14ac:dyDescent="0.45">
      <c r="A889" s="21" t="s">
        <v>3527</v>
      </c>
      <c r="B889" t="s">
        <v>3528</v>
      </c>
      <c r="C889" s="22" t="s">
        <v>6244</v>
      </c>
    </row>
    <row r="890" spans="1:3" x14ac:dyDescent="0.45">
      <c r="A890" s="21" t="s">
        <v>3529</v>
      </c>
      <c r="B890" t="s">
        <v>3530</v>
      </c>
      <c r="C890" s="22" t="s">
        <v>6245</v>
      </c>
    </row>
    <row r="891" spans="1:3" x14ac:dyDescent="0.45">
      <c r="A891" s="21" t="s">
        <v>3531</v>
      </c>
      <c r="B891" t="s">
        <v>3532</v>
      </c>
      <c r="C891" s="22" t="s">
        <v>6246</v>
      </c>
    </row>
    <row r="892" spans="1:3" x14ac:dyDescent="0.45">
      <c r="A892" s="21" t="s">
        <v>3533</v>
      </c>
      <c r="B892" t="s">
        <v>3534</v>
      </c>
      <c r="C892" s="22" t="s">
        <v>6247</v>
      </c>
    </row>
    <row r="893" spans="1:3" x14ac:dyDescent="0.45">
      <c r="A893" s="21" t="s">
        <v>3535</v>
      </c>
      <c r="B893" t="s">
        <v>3536</v>
      </c>
      <c r="C893" s="22" t="s">
        <v>6248</v>
      </c>
    </row>
    <row r="894" spans="1:3" x14ac:dyDescent="0.45">
      <c r="A894" s="21" t="s">
        <v>3537</v>
      </c>
      <c r="B894" t="s">
        <v>3538</v>
      </c>
      <c r="C894" s="22" t="s">
        <v>6249</v>
      </c>
    </row>
    <row r="895" spans="1:3" x14ac:dyDescent="0.45">
      <c r="A895" s="21" t="s">
        <v>3539</v>
      </c>
      <c r="B895" t="s">
        <v>3540</v>
      </c>
      <c r="C895" s="22" t="s">
        <v>6250</v>
      </c>
    </row>
    <row r="896" spans="1:3" x14ac:dyDescent="0.45">
      <c r="A896" s="21" t="s">
        <v>3541</v>
      </c>
      <c r="B896" t="s">
        <v>3542</v>
      </c>
      <c r="C896" s="22" t="s">
        <v>6251</v>
      </c>
    </row>
    <row r="897" spans="1:3" x14ac:dyDescent="0.45">
      <c r="A897" s="21" t="s">
        <v>3543</v>
      </c>
      <c r="B897" t="s">
        <v>3544</v>
      </c>
      <c r="C897" s="22" t="s">
        <v>6252</v>
      </c>
    </row>
    <row r="898" spans="1:3" x14ac:dyDescent="0.45">
      <c r="A898" s="21" t="s">
        <v>3545</v>
      </c>
      <c r="B898" t="s">
        <v>3546</v>
      </c>
      <c r="C898" s="22" t="s">
        <v>6253</v>
      </c>
    </row>
    <row r="899" spans="1:3" x14ac:dyDescent="0.45">
      <c r="A899" s="21" t="s">
        <v>3547</v>
      </c>
      <c r="B899" t="s">
        <v>3548</v>
      </c>
      <c r="C899" s="22" t="s">
        <v>6254</v>
      </c>
    </row>
    <row r="900" spans="1:3" x14ac:dyDescent="0.45">
      <c r="A900" s="21" t="s">
        <v>3549</v>
      </c>
      <c r="B900" t="s">
        <v>3550</v>
      </c>
      <c r="C900" s="22" t="s">
        <v>6255</v>
      </c>
    </row>
    <row r="901" spans="1:3" x14ac:dyDescent="0.45">
      <c r="A901" s="21" t="s">
        <v>3551</v>
      </c>
      <c r="B901" t="s">
        <v>3552</v>
      </c>
      <c r="C901" s="22" t="s">
        <v>6256</v>
      </c>
    </row>
    <row r="902" spans="1:3" x14ac:dyDescent="0.45">
      <c r="A902" s="21" t="s">
        <v>3553</v>
      </c>
      <c r="B902" t="s">
        <v>3554</v>
      </c>
      <c r="C902" s="22" t="s">
        <v>6257</v>
      </c>
    </row>
    <row r="903" spans="1:3" x14ac:dyDescent="0.45">
      <c r="A903" s="21" t="s">
        <v>3555</v>
      </c>
      <c r="B903" t="s">
        <v>3556</v>
      </c>
      <c r="C903" s="22" t="s">
        <v>6258</v>
      </c>
    </row>
    <row r="904" spans="1:3" x14ac:dyDescent="0.45">
      <c r="A904" s="21" t="s">
        <v>3557</v>
      </c>
      <c r="B904" t="s">
        <v>3558</v>
      </c>
      <c r="C904" s="22" t="s">
        <v>6259</v>
      </c>
    </row>
    <row r="905" spans="1:3" x14ac:dyDescent="0.45">
      <c r="A905" s="21" t="s">
        <v>3559</v>
      </c>
      <c r="B905" t="s">
        <v>3560</v>
      </c>
      <c r="C905" s="22" t="s">
        <v>6260</v>
      </c>
    </row>
    <row r="906" spans="1:3" x14ac:dyDescent="0.45">
      <c r="A906" s="21" t="s">
        <v>3561</v>
      </c>
      <c r="B906" t="s">
        <v>3562</v>
      </c>
      <c r="C906" s="22" t="s">
        <v>6261</v>
      </c>
    </row>
    <row r="907" spans="1:3" x14ac:dyDescent="0.45">
      <c r="A907" s="21" t="s">
        <v>3563</v>
      </c>
      <c r="B907" t="s">
        <v>3564</v>
      </c>
      <c r="C907" s="22" t="s">
        <v>6262</v>
      </c>
    </row>
    <row r="908" spans="1:3" x14ac:dyDescent="0.45">
      <c r="A908" s="21" t="s">
        <v>3565</v>
      </c>
      <c r="B908" t="s">
        <v>3566</v>
      </c>
      <c r="C908" s="22" t="s">
        <v>6263</v>
      </c>
    </row>
    <row r="909" spans="1:3" x14ac:dyDescent="0.45">
      <c r="A909" s="21" t="s">
        <v>3567</v>
      </c>
      <c r="B909" t="s">
        <v>3568</v>
      </c>
      <c r="C909" s="22" t="s">
        <v>6264</v>
      </c>
    </row>
    <row r="910" spans="1:3" x14ac:dyDescent="0.45">
      <c r="A910" s="21" t="s">
        <v>3569</v>
      </c>
      <c r="B910" t="s">
        <v>3570</v>
      </c>
      <c r="C910" s="22" t="s">
        <v>6265</v>
      </c>
    </row>
    <row r="911" spans="1:3" x14ac:dyDescent="0.45">
      <c r="A911" s="21" t="s">
        <v>3571</v>
      </c>
      <c r="B911" t="s">
        <v>3572</v>
      </c>
      <c r="C911" s="22" t="s">
        <v>6266</v>
      </c>
    </row>
    <row r="912" spans="1:3" x14ac:dyDescent="0.45">
      <c r="A912" s="21" t="s">
        <v>3573</v>
      </c>
      <c r="B912" t="s">
        <v>3574</v>
      </c>
      <c r="C912" s="22" t="s">
        <v>6267</v>
      </c>
    </row>
    <row r="913" spans="1:3" x14ac:dyDescent="0.45">
      <c r="A913" s="21" t="s">
        <v>3575</v>
      </c>
      <c r="B913" t="s">
        <v>3576</v>
      </c>
      <c r="C913" s="22" t="s">
        <v>6268</v>
      </c>
    </row>
    <row r="914" spans="1:3" x14ac:dyDescent="0.45">
      <c r="A914" s="21" t="s">
        <v>3577</v>
      </c>
      <c r="B914" t="s">
        <v>3578</v>
      </c>
      <c r="C914" s="22" t="s">
        <v>6269</v>
      </c>
    </row>
    <row r="915" spans="1:3" x14ac:dyDescent="0.45">
      <c r="A915" s="21" t="s">
        <v>3579</v>
      </c>
      <c r="B915" t="s">
        <v>3580</v>
      </c>
      <c r="C915" s="22" t="s">
        <v>6270</v>
      </c>
    </row>
    <row r="916" spans="1:3" x14ac:dyDescent="0.45">
      <c r="A916" s="21" t="s">
        <v>3581</v>
      </c>
      <c r="B916" t="s">
        <v>3582</v>
      </c>
      <c r="C916" s="22" t="s">
        <v>6271</v>
      </c>
    </row>
    <row r="917" spans="1:3" x14ac:dyDescent="0.45">
      <c r="A917" s="21" t="s">
        <v>3583</v>
      </c>
      <c r="B917" t="s">
        <v>3584</v>
      </c>
      <c r="C917" s="22" t="s">
        <v>6272</v>
      </c>
    </row>
    <row r="918" spans="1:3" x14ac:dyDescent="0.45">
      <c r="A918" s="21" t="s">
        <v>3585</v>
      </c>
      <c r="B918" t="s">
        <v>3586</v>
      </c>
      <c r="C918" s="22" t="s">
        <v>6273</v>
      </c>
    </row>
    <row r="919" spans="1:3" x14ac:dyDescent="0.45">
      <c r="A919" s="21" t="s">
        <v>3587</v>
      </c>
      <c r="B919" t="s">
        <v>3588</v>
      </c>
      <c r="C919" s="22" t="s">
        <v>6274</v>
      </c>
    </row>
    <row r="920" spans="1:3" x14ac:dyDescent="0.45">
      <c r="A920" s="21" t="s">
        <v>3589</v>
      </c>
      <c r="B920" t="s">
        <v>3590</v>
      </c>
      <c r="C920" s="22" t="s">
        <v>6275</v>
      </c>
    </row>
    <row r="921" spans="1:3" x14ac:dyDescent="0.45">
      <c r="A921" s="21" t="s">
        <v>3591</v>
      </c>
      <c r="B921" t="s">
        <v>3592</v>
      </c>
      <c r="C921" s="22" t="s">
        <v>6276</v>
      </c>
    </row>
    <row r="922" spans="1:3" x14ac:dyDescent="0.45">
      <c r="A922" s="21" t="s">
        <v>3593</v>
      </c>
      <c r="B922" t="s">
        <v>3594</v>
      </c>
      <c r="C922" s="22" t="s">
        <v>6277</v>
      </c>
    </row>
    <row r="923" spans="1:3" x14ac:dyDescent="0.45">
      <c r="A923" s="21" t="s">
        <v>3595</v>
      </c>
      <c r="B923" t="s">
        <v>3596</v>
      </c>
      <c r="C923" s="22" t="s">
        <v>6278</v>
      </c>
    </row>
    <row r="924" spans="1:3" x14ac:dyDescent="0.45">
      <c r="A924" s="21" t="s">
        <v>3597</v>
      </c>
      <c r="B924" t="s">
        <v>3598</v>
      </c>
      <c r="C924" s="22" t="s">
        <v>6279</v>
      </c>
    </row>
    <row r="925" spans="1:3" x14ac:dyDescent="0.45">
      <c r="A925" s="21" t="s">
        <v>3599</v>
      </c>
      <c r="B925" t="s">
        <v>3600</v>
      </c>
      <c r="C925" s="22" t="s">
        <v>6280</v>
      </c>
    </row>
    <row r="926" spans="1:3" x14ac:dyDescent="0.45">
      <c r="A926" s="21" t="s">
        <v>3601</v>
      </c>
      <c r="B926" t="s">
        <v>3602</v>
      </c>
      <c r="C926" s="22" t="s">
        <v>6281</v>
      </c>
    </row>
    <row r="927" spans="1:3" x14ac:dyDescent="0.45">
      <c r="A927" s="21" t="s">
        <v>3603</v>
      </c>
      <c r="B927" t="s">
        <v>3604</v>
      </c>
      <c r="C927" s="22" t="s">
        <v>6282</v>
      </c>
    </row>
    <row r="928" spans="1:3" x14ac:dyDescent="0.45">
      <c r="A928" s="21" t="s">
        <v>3605</v>
      </c>
      <c r="B928" t="s">
        <v>3606</v>
      </c>
      <c r="C928" s="22" t="s">
        <v>6283</v>
      </c>
    </row>
    <row r="929" spans="1:3" x14ac:dyDescent="0.45">
      <c r="A929" s="21" t="s">
        <v>3607</v>
      </c>
      <c r="B929" t="s">
        <v>3608</v>
      </c>
      <c r="C929" s="22" t="s">
        <v>6284</v>
      </c>
    </row>
    <row r="930" spans="1:3" x14ac:dyDescent="0.45">
      <c r="A930" s="21" t="s">
        <v>3609</v>
      </c>
      <c r="B930" t="s">
        <v>3610</v>
      </c>
      <c r="C930" s="22" t="s">
        <v>6285</v>
      </c>
    </row>
    <row r="931" spans="1:3" x14ac:dyDescent="0.45">
      <c r="A931" s="21" t="s">
        <v>3611</v>
      </c>
      <c r="B931" t="s">
        <v>3612</v>
      </c>
      <c r="C931" s="22" t="s">
        <v>6286</v>
      </c>
    </row>
    <row r="932" spans="1:3" x14ac:dyDescent="0.45">
      <c r="A932" s="21" t="s">
        <v>3613</v>
      </c>
      <c r="B932" t="s">
        <v>3614</v>
      </c>
      <c r="C932" s="22" t="s">
        <v>6287</v>
      </c>
    </row>
    <row r="933" spans="1:3" x14ac:dyDescent="0.45">
      <c r="A933" s="21" t="s">
        <v>3615</v>
      </c>
      <c r="B933" t="s">
        <v>3616</v>
      </c>
      <c r="C933" s="22" t="s">
        <v>6288</v>
      </c>
    </row>
    <row r="934" spans="1:3" x14ac:dyDescent="0.45">
      <c r="A934" s="21" t="s">
        <v>3617</v>
      </c>
      <c r="B934" t="s">
        <v>3618</v>
      </c>
      <c r="C934" s="22" t="s">
        <v>6289</v>
      </c>
    </row>
    <row r="935" spans="1:3" x14ac:dyDescent="0.45">
      <c r="A935" s="21" t="s">
        <v>3619</v>
      </c>
      <c r="B935" t="s">
        <v>3620</v>
      </c>
      <c r="C935" s="22" t="s">
        <v>6290</v>
      </c>
    </row>
    <row r="936" spans="1:3" x14ac:dyDescent="0.45">
      <c r="A936" s="21" t="s">
        <v>3621</v>
      </c>
      <c r="B936" t="s">
        <v>3622</v>
      </c>
      <c r="C936" s="22" t="s">
        <v>6291</v>
      </c>
    </row>
    <row r="937" spans="1:3" x14ac:dyDescent="0.45">
      <c r="A937" s="21" t="s">
        <v>3623</v>
      </c>
      <c r="B937" t="s">
        <v>3624</v>
      </c>
      <c r="C937" s="22" t="s">
        <v>6292</v>
      </c>
    </row>
    <row r="938" spans="1:3" x14ac:dyDescent="0.45">
      <c r="A938" s="21" t="s">
        <v>3625</v>
      </c>
      <c r="B938" t="s">
        <v>3626</v>
      </c>
      <c r="C938" s="22" t="s">
        <v>6293</v>
      </c>
    </row>
    <row r="939" spans="1:3" x14ac:dyDescent="0.45">
      <c r="A939" s="21" t="s">
        <v>3627</v>
      </c>
      <c r="B939" t="s">
        <v>3628</v>
      </c>
      <c r="C939" s="22" t="s">
        <v>6294</v>
      </c>
    </row>
    <row r="940" spans="1:3" x14ac:dyDescent="0.45">
      <c r="A940" s="21" t="s">
        <v>3629</v>
      </c>
      <c r="B940" t="s">
        <v>3630</v>
      </c>
      <c r="C940" s="22" t="s">
        <v>6295</v>
      </c>
    </row>
    <row r="941" spans="1:3" x14ac:dyDescent="0.45">
      <c r="A941" s="21" t="s">
        <v>3631</v>
      </c>
      <c r="B941" t="s">
        <v>3632</v>
      </c>
      <c r="C941" s="22" t="s">
        <v>6296</v>
      </c>
    </row>
    <row r="942" spans="1:3" x14ac:dyDescent="0.45">
      <c r="A942" s="21" t="s">
        <v>3633</v>
      </c>
      <c r="B942" t="s">
        <v>3634</v>
      </c>
      <c r="C942" s="22" t="s">
        <v>6297</v>
      </c>
    </row>
    <row r="943" spans="1:3" x14ac:dyDescent="0.45">
      <c r="A943" s="21" t="s">
        <v>3635</v>
      </c>
      <c r="B943" t="s">
        <v>3636</v>
      </c>
      <c r="C943" s="22" t="s">
        <v>6298</v>
      </c>
    </row>
    <row r="944" spans="1:3" x14ac:dyDescent="0.45">
      <c r="A944" s="21" t="s">
        <v>3637</v>
      </c>
      <c r="B944" t="s">
        <v>3638</v>
      </c>
      <c r="C944" s="22" t="s">
        <v>6299</v>
      </c>
    </row>
    <row r="945" spans="1:3" x14ac:dyDescent="0.45">
      <c r="A945" s="21" t="s">
        <v>3639</v>
      </c>
      <c r="B945" t="s">
        <v>3640</v>
      </c>
      <c r="C945" s="22" t="s">
        <v>6300</v>
      </c>
    </row>
    <row r="946" spans="1:3" x14ac:dyDescent="0.45">
      <c r="A946" s="21" t="s">
        <v>3641</v>
      </c>
      <c r="B946" t="s">
        <v>3642</v>
      </c>
      <c r="C946" s="22" t="s">
        <v>6301</v>
      </c>
    </row>
    <row r="947" spans="1:3" x14ac:dyDescent="0.45">
      <c r="A947" s="21" t="s">
        <v>3643</v>
      </c>
      <c r="B947" t="s">
        <v>3644</v>
      </c>
      <c r="C947" s="22" t="s">
        <v>6302</v>
      </c>
    </row>
    <row r="948" spans="1:3" x14ac:dyDescent="0.45">
      <c r="A948" s="21" t="s">
        <v>3645</v>
      </c>
      <c r="B948" t="s">
        <v>3646</v>
      </c>
      <c r="C948" s="22" t="s">
        <v>6303</v>
      </c>
    </row>
    <row r="949" spans="1:3" x14ac:dyDescent="0.45">
      <c r="A949" s="21" t="s">
        <v>3647</v>
      </c>
      <c r="B949" t="s">
        <v>3648</v>
      </c>
      <c r="C949" s="22" t="s">
        <v>6304</v>
      </c>
    </row>
    <row r="950" spans="1:3" x14ac:dyDescent="0.45">
      <c r="A950" s="21" t="s">
        <v>3649</v>
      </c>
      <c r="B950" t="s">
        <v>3650</v>
      </c>
      <c r="C950" s="22" t="s">
        <v>6305</v>
      </c>
    </row>
    <row r="951" spans="1:3" x14ac:dyDescent="0.45">
      <c r="A951" s="21" t="s">
        <v>3651</v>
      </c>
      <c r="B951" t="s">
        <v>3652</v>
      </c>
      <c r="C951" s="22" t="s">
        <v>6306</v>
      </c>
    </row>
    <row r="952" spans="1:3" x14ac:dyDescent="0.45">
      <c r="A952" s="21" t="s">
        <v>3653</v>
      </c>
      <c r="B952" t="s">
        <v>3654</v>
      </c>
      <c r="C952" s="22" t="s">
        <v>6307</v>
      </c>
    </row>
    <row r="953" spans="1:3" x14ac:dyDescent="0.45">
      <c r="A953" s="21" t="s">
        <v>3655</v>
      </c>
      <c r="B953" t="s">
        <v>3656</v>
      </c>
      <c r="C953" s="22" t="s">
        <v>6308</v>
      </c>
    </row>
    <row r="954" spans="1:3" x14ac:dyDescent="0.45">
      <c r="A954" s="21" t="s">
        <v>3657</v>
      </c>
      <c r="B954" t="s">
        <v>3658</v>
      </c>
      <c r="C954" s="22" t="s">
        <v>6309</v>
      </c>
    </row>
    <row r="955" spans="1:3" x14ac:dyDescent="0.45">
      <c r="A955" s="21" t="s">
        <v>3659</v>
      </c>
      <c r="B955" t="s">
        <v>3660</v>
      </c>
      <c r="C955" s="22" t="s">
        <v>6310</v>
      </c>
    </row>
    <row r="956" spans="1:3" x14ac:dyDescent="0.45">
      <c r="A956" s="21" t="s">
        <v>3661</v>
      </c>
      <c r="B956" t="s">
        <v>3662</v>
      </c>
      <c r="C956" s="22" t="s">
        <v>6311</v>
      </c>
    </row>
    <row r="957" spans="1:3" x14ac:dyDescent="0.45">
      <c r="A957" s="21" t="s">
        <v>3663</v>
      </c>
      <c r="B957" t="s">
        <v>3664</v>
      </c>
      <c r="C957" s="22" t="s">
        <v>6312</v>
      </c>
    </row>
    <row r="958" spans="1:3" x14ac:dyDescent="0.45">
      <c r="A958" s="21" t="s">
        <v>3665</v>
      </c>
      <c r="B958" t="s">
        <v>3666</v>
      </c>
      <c r="C958" s="22" t="s">
        <v>6313</v>
      </c>
    </row>
    <row r="959" spans="1:3" x14ac:dyDescent="0.45">
      <c r="A959" s="21" t="s">
        <v>3667</v>
      </c>
      <c r="B959" t="s">
        <v>3668</v>
      </c>
      <c r="C959" s="22" t="s">
        <v>6314</v>
      </c>
    </row>
    <row r="960" spans="1:3" x14ac:dyDescent="0.45">
      <c r="A960" s="21" t="s">
        <v>3669</v>
      </c>
      <c r="B960" t="s">
        <v>3670</v>
      </c>
      <c r="C960" s="22" t="s">
        <v>6315</v>
      </c>
    </row>
    <row r="961" spans="1:3" x14ac:dyDescent="0.45">
      <c r="A961" s="21" t="s">
        <v>3671</v>
      </c>
      <c r="B961" t="s">
        <v>3672</v>
      </c>
      <c r="C961" s="22" t="s">
        <v>6316</v>
      </c>
    </row>
    <row r="962" spans="1:3" x14ac:dyDescent="0.45">
      <c r="A962" s="21" t="s">
        <v>3673</v>
      </c>
      <c r="B962" t="s">
        <v>3674</v>
      </c>
      <c r="C962" s="22" t="s">
        <v>6317</v>
      </c>
    </row>
    <row r="963" spans="1:3" x14ac:dyDescent="0.45">
      <c r="A963" s="21" t="s">
        <v>3675</v>
      </c>
      <c r="B963" t="s">
        <v>3676</v>
      </c>
      <c r="C963" s="22" t="s">
        <v>6318</v>
      </c>
    </row>
    <row r="964" spans="1:3" x14ac:dyDescent="0.45">
      <c r="A964" s="21" t="s">
        <v>3677</v>
      </c>
      <c r="B964" t="s">
        <v>3678</v>
      </c>
      <c r="C964" s="22" t="s">
        <v>6319</v>
      </c>
    </row>
    <row r="965" spans="1:3" x14ac:dyDescent="0.45">
      <c r="A965" s="21" t="s">
        <v>3679</v>
      </c>
      <c r="B965" t="s">
        <v>3680</v>
      </c>
      <c r="C965" s="22" t="s">
        <v>6320</v>
      </c>
    </row>
    <row r="966" spans="1:3" x14ac:dyDescent="0.45">
      <c r="A966" s="21" t="s">
        <v>3681</v>
      </c>
      <c r="B966" t="s">
        <v>3682</v>
      </c>
      <c r="C966" s="22" t="s">
        <v>6321</v>
      </c>
    </row>
    <row r="967" spans="1:3" x14ac:dyDescent="0.45">
      <c r="A967" s="21" t="s">
        <v>3683</v>
      </c>
      <c r="B967" t="s">
        <v>3684</v>
      </c>
      <c r="C967" s="22" t="s">
        <v>6322</v>
      </c>
    </row>
    <row r="968" spans="1:3" x14ac:dyDescent="0.45">
      <c r="A968" s="21" t="s">
        <v>3685</v>
      </c>
      <c r="B968" t="s">
        <v>3686</v>
      </c>
      <c r="C968" s="22" t="s">
        <v>6323</v>
      </c>
    </row>
    <row r="969" spans="1:3" x14ac:dyDescent="0.45">
      <c r="A969" s="21" t="s">
        <v>3687</v>
      </c>
      <c r="B969" t="s">
        <v>3688</v>
      </c>
      <c r="C969" s="22" t="s">
        <v>6324</v>
      </c>
    </row>
    <row r="970" spans="1:3" x14ac:dyDescent="0.45">
      <c r="A970" s="21" t="s">
        <v>3689</v>
      </c>
      <c r="B970" t="s">
        <v>3690</v>
      </c>
      <c r="C970" s="22" t="s">
        <v>6325</v>
      </c>
    </row>
    <row r="971" spans="1:3" x14ac:dyDescent="0.45">
      <c r="A971" s="21" t="s">
        <v>3691</v>
      </c>
      <c r="B971" t="s">
        <v>3692</v>
      </c>
      <c r="C971" s="22" t="s">
        <v>6326</v>
      </c>
    </row>
    <row r="972" spans="1:3" x14ac:dyDescent="0.45">
      <c r="A972" s="21" t="s">
        <v>3693</v>
      </c>
      <c r="B972" t="s">
        <v>3694</v>
      </c>
      <c r="C972" s="22" t="s">
        <v>6327</v>
      </c>
    </row>
    <row r="973" spans="1:3" x14ac:dyDescent="0.45">
      <c r="A973" s="21" t="s">
        <v>3695</v>
      </c>
      <c r="B973" t="s">
        <v>3696</v>
      </c>
      <c r="C973" s="22" t="s">
        <v>6328</v>
      </c>
    </row>
    <row r="974" spans="1:3" x14ac:dyDescent="0.45">
      <c r="A974" s="21" t="s">
        <v>3697</v>
      </c>
      <c r="B974" t="s">
        <v>3698</v>
      </c>
      <c r="C974" s="22" t="s">
        <v>6329</v>
      </c>
    </row>
    <row r="975" spans="1:3" x14ac:dyDescent="0.45">
      <c r="A975" s="21" t="s">
        <v>3699</v>
      </c>
      <c r="B975" t="s">
        <v>3700</v>
      </c>
      <c r="C975" s="22" t="s">
        <v>6330</v>
      </c>
    </row>
    <row r="976" spans="1:3" x14ac:dyDescent="0.45">
      <c r="A976" s="21" t="s">
        <v>3701</v>
      </c>
      <c r="B976" t="s">
        <v>3702</v>
      </c>
      <c r="C976" s="22" t="s">
        <v>6331</v>
      </c>
    </row>
    <row r="977" spans="1:3" x14ac:dyDescent="0.45">
      <c r="A977" s="21" t="s">
        <v>3703</v>
      </c>
      <c r="B977" t="s">
        <v>3704</v>
      </c>
      <c r="C977" s="22" t="s">
        <v>6332</v>
      </c>
    </row>
    <row r="978" spans="1:3" x14ac:dyDescent="0.45">
      <c r="A978" s="21" t="s">
        <v>3705</v>
      </c>
      <c r="B978" t="s">
        <v>3706</v>
      </c>
      <c r="C978" s="22" t="s">
        <v>6333</v>
      </c>
    </row>
    <row r="979" spans="1:3" x14ac:dyDescent="0.45">
      <c r="A979" s="21" t="s">
        <v>3707</v>
      </c>
      <c r="B979" t="s">
        <v>3708</v>
      </c>
      <c r="C979" s="22" t="s">
        <v>6334</v>
      </c>
    </row>
    <row r="980" spans="1:3" x14ac:dyDescent="0.45">
      <c r="A980" s="21" t="s">
        <v>3709</v>
      </c>
      <c r="B980" t="s">
        <v>3710</v>
      </c>
      <c r="C980" s="22" t="s">
        <v>6335</v>
      </c>
    </row>
    <row r="981" spans="1:3" x14ac:dyDescent="0.45">
      <c r="A981" s="21" t="s">
        <v>3711</v>
      </c>
      <c r="B981" t="s">
        <v>3712</v>
      </c>
      <c r="C981" s="22" t="s">
        <v>6336</v>
      </c>
    </row>
    <row r="982" spans="1:3" x14ac:dyDescent="0.45">
      <c r="A982" s="21" t="s">
        <v>3713</v>
      </c>
      <c r="B982" t="s">
        <v>3714</v>
      </c>
      <c r="C982" s="22" t="s">
        <v>6337</v>
      </c>
    </row>
    <row r="983" spans="1:3" x14ac:dyDescent="0.45">
      <c r="A983" s="21" t="s">
        <v>3715</v>
      </c>
      <c r="B983" t="s">
        <v>3716</v>
      </c>
      <c r="C983" s="22" t="s">
        <v>6338</v>
      </c>
    </row>
    <row r="984" spans="1:3" x14ac:dyDescent="0.45">
      <c r="A984" s="21" t="s">
        <v>3717</v>
      </c>
      <c r="B984" t="s">
        <v>3718</v>
      </c>
      <c r="C984" s="22" t="s">
        <v>6339</v>
      </c>
    </row>
    <row r="985" spans="1:3" x14ac:dyDescent="0.45">
      <c r="A985" s="21" t="s">
        <v>3719</v>
      </c>
      <c r="B985" t="s">
        <v>3720</v>
      </c>
      <c r="C985" s="22" t="s">
        <v>6340</v>
      </c>
    </row>
    <row r="986" spans="1:3" x14ac:dyDescent="0.45">
      <c r="A986" s="21" t="s">
        <v>3721</v>
      </c>
      <c r="B986" t="s">
        <v>3722</v>
      </c>
      <c r="C986" s="22" t="s">
        <v>6341</v>
      </c>
    </row>
    <row r="987" spans="1:3" x14ac:dyDescent="0.45">
      <c r="A987" s="21" t="s">
        <v>3723</v>
      </c>
      <c r="B987" t="s">
        <v>3724</v>
      </c>
      <c r="C987" s="22" t="s">
        <v>6342</v>
      </c>
    </row>
    <row r="988" spans="1:3" x14ac:dyDescent="0.45">
      <c r="A988" s="21" t="s">
        <v>3725</v>
      </c>
      <c r="B988" t="s">
        <v>3726</v>
      </c>
      <c r="C988" s="22" t="s">
        <v>6343</v>
      </c>
    </row>
    <row r="989" spans="1:3" x14ac:dyDescent="0.45">
      <c r="A989" s="21" t="s">
        <v>3727</v>
      </c>
      <c r="B989" t="s">
        <v>3728</v>
      </c>
      <c r="C989" s="22" t="s">
        <v>6344</v>
      </c>
    </row>
    <row r="990" spans="1:3" x14ac:dyDescent="0.45">
      <c r="A990" s="21" t="s">
        <v>3729</v>
      </c>
      <c r="B990" t="s">
        <v>3730</v>
      </c>
      <c r="C990" s="22" t="s">
        <v>6345</v>
      </c>
    </row>
    <row r="991" spans="1:3" x14ac:dyDescent="0.45">
      <c r="A991" s="21" t="s">
        <v>3731</v>
      </c>
      <c r="B991" t="s">
        <v>3732</v>
      </c>
      <c r="C991" s="22" t="s">
        <v>6346</v>
      </c>
    </row>
    <row r="992" spans="1:3" x14ac:dyDescent="0.45">
      <c r="A992" s="21" t="s">
        <v>3733</v>
      </c>
      <c r="B992" t="s">
        <v>3734</v>
      </c>
      <c r="C992" s="22" t="s">
        <v>6347</v>
      </c>
    </row>
    <row r="993" spans="1:3" x14ac:dyDescent="0.45">
      <c r="A993" s="21" t="s">
        <v>3735</v>
      </c>
      <c r="B993" t="s">
        <v>3736</v>
      </c>
      <c r="C993" s="22" t="s">
        <v>6348</v>
      </c>
    </row>
    <row r="994" spans="1:3" x14ac:dyDescent="0.45">
      <c r="A994" s="21" t="s">
        <v>3737</v>
      </c>
      <c r="B994" t="s">
        <v>3738</v>
      </c>
      <c r="C994" s="22" t="s">
        <v>6349</v>
      </c>
    </row>
    <row r="995" spans="1:3" x14ac:dyDescent="0.45">
      <c r="A995" s="21" t="s">
        <v>3739</v>
      </c>
      <c r="B995" t="s">
        <v>3740</v>
      </c>
      <c r="C995" s="22" t="s">
        <v>6350</v>
      </c>
    </row>
    <row r="996" spans="1:3" x14ac:dyDescent="0.45">
      <c r="A996" s="21" t="s">
        <v>3741</v>
      </c>
      <c r="B996" t="s">
        <v>3742</v>
      </c>
      <c r="C996" s="22" t="s">
        <v>6351</v>
      </c>
    </row>
    <row r="997" spans="1:3" x14ac:dyDescent="0.45">
      <c r="A997" s="21" t="s">
        <v>3743</v>
      </c>
      <c r="B997" t="s">
        <v>3744</v>
      </c>
      <c r="C997" s="22" t="s">
        <v>6352</v>
      </c>
    </row>
    <row r="998" spans="1:3" x14ac:dyDescent="0.45">
      <c r="A998" s="21" t="s">
        <v>3745</v>
      </c>
      <c r="B998" t="s">
        <v>3746</v>
      </c>
      <c r="C998" s="22" t="s">
        <v>6353</v>
      </c>
    </row>
    <row r="999" spans="1:3" x14ac:dyDescent="0.45">
      <c r="A999" s="21" t="s">
        <v>3747</v>
      </c>
      <c r="B999" t="s">
        <v>3748</v>
      </c>
      <c r="C999" s="22" t="s">
        <v>6354</v>
      </c>
    </row>
    <row r="1000" spans="1:3" x14ac:dyDescent="0.45">
      <c r="A1000" s="21" t="s">
        <v>3749</v>
      </c>
      <c r="B1000" t="s">
        <v>3750</v>
      </c>
      <c r="C1000" s="22" t="s">
        <v>6355</v>
      </c>
    </row>
    <row r="1001" spans="1:3" x14ac:dyDescent="0.45">
      <c r="A1001" s="21" t="s">
        <v>3751</v>
      </c>
      <c r="B1001" t="s">
        <v>3752</v>
      </c>
      <c r="C1001" s="22" t="s">
        <v>6356</v>
      </c>
    </row>
    <row r="1002" spans="1:3" x14ac:dyDescent="0.45">
      <c r="A1002" s="21" t="s">
        <v>3753</v>
      </c>
      <c r="B1002" t="s">
        <v>3754</v>
      </c>
      <c r="C1002" s="22" t="s">
        <v>6357</v>
      </c>
    </row>
    <row r="1003" spans="1:3" x14ac:dyDescent="0.45">
      <c r="A1003" s="21" t="s">
        <v>3755</v>
      </c>
      <c r="B1003" t="s">
        <v>3756</v>
      </c>
      <c r="C1003" s="22" t="s">
        <v>6358</v>
      </c>
    </row>
    <row r="1004" spans="1:3" x14ac:dyDescent="0.45">
      <c r="A1004" s="21" t="s">
        <v>3757</v>
      </c>
      <c r="B1004" t="s">
        <v>3758</v>
      </c>
      <c r="C1004" s="22" t="s">
        <v>6359</v>
      </c>
    </row>
    <row r="1005" spans="1:3" x14ac:dyDescent="0.45">
      <c r="A1005" s="21" t="s">
        <v>3759</v>
      </c>
      <c r="B1005" t="s">
        <v>3760</v>
      </c>
      <c r="C1005" s="22" t="s">
        <v>6360</v>
      </c>
    </row>
    <row r="1006" spans="1:3" x14ac:dyDescent="0.45">
      <c r="A1006" s="21" t="s">
        <v>3761</v>
      </c>
      <c r="B1006" t="s">
        <v>3762</v>
      </c>
      <c r="C1006" s="22" t="s">
        <v>6361</v>
      </c>
    </row>
    <row r="1007" spans="1:3" x14ac:dyDescent="0.45">
      <c r="A1007" s="21" t="s">
        <v>3763</v>
      </c>
      <c r="B1007" t="s">
        <v>3764</v>
      </c>
      <c r="C1007" s="22" t="s">
        <v>6362</v>
      </c>
    </row>
    <row r="1008" spans="1:3" x14ac:dyDescent="0.45">
      <c r="A1008" s="21" t="s">
        <v>3765</v>
      </c>
      <c r="B1008" t="s">
        <v>3766</v>
      </c>
      <c r="C1008" s="22" t="s">
        <v>6363</v>
      </c>
    </row>
    <row r="1009" spans="1:3" x14ac:dyDescent="0.45">
      <c r="A1009" s="21" t="s">
        <v>3767</v>
      </c>
      <c r="B1009" t="s">
        <v>3768</v>
      </c>
      <c r="C1009" s="22" t="s">
        <v>6364</v>
      </c>
    </row>
    <row r="1010" spans="1:3" x14ac:dyDescent="0.45">
      <c r="A1010" s="21" t="s">
        <v>3769</v>
      </c>
      <c r="B1010" t="s">
        <v>3770</v>
      </c>
      <c r="C1010" s="22" t="s">
        <v>6365</v>
      </c>
    </row>
    <row r="1011" spans="1:3" x14ac:dyDescent="0.45">
      <c r="A1011" s="21" t="s">
        <v>3771</v>
      </c>
      <c r="B1011" t="s">
        <v>3772</v>
      </c>
      <c r="C1011" s="22" t="s">
        <v>6366</v>
      </c>
    </row>
    <row r="1012" spans="1:3" x14ac:dyDescent="0.45">
      <c r="A1012" s="21" t="s">
        <v>3773</v>
      </c>
      <c r="B1012" t="s">
        <v>3774</v>
      </c>
      <c r="C1012" s="22" t="s">
        <v>6367</v>
      </c>
    </row>
    <row r="1013" spans="1:3" x14ac:dyDescent="0.45">
      <c r="A1013" s="21" t="s">
        <v>3775</v>
      </c>
      <c r="B1013" t="s">
        <v>3776</v>
      </c>
      <c r="C1013" s="22" t="s">
        <v>6368</v>
      </c>
    </row>
    <row r="1014" spans="1:3" x14ac:dyDescent="0.45">
      <c r="A1014" s="21" t="s">
        <v>3777</v>
      </c>
      <c r="B1014" t="s">
        <v>3778</v>
      </c>
      <c r="C1014" s="22" t="s">
        <v>6369</v>
      </c>
    </row>
    <row r="1015" spans="1:3" x14ac:dyDescent="0.45">
      <c r="A1015" s="21" t="s">
        <v>3779</v>
      </c>
      <c r="B1015" t="s">
        <v>3780</v>
      </c>
      <c r="C1015" s="22" t="s">
        <v>6370</v>
      </c>
    </row>
    <row r="1016" spans="1:3" x14ac:dyDescent="0.45">
      <c r="A1016" s="21" t="s">
        <v>3781</v>
      </c>
      <c r="B1016" t="s">
        <v>3782</v>
      </c>
      <c r="C1016" s="22" t="s">
        <v>6371</v>
      </c>
    </row>
    <row r="1017" spans="1:3" x14ac:dyDescent="0.45">
      <c r="A1017" s="21" t="s">
        <v>3783</v>
      </c>
      <c r="B1017" t="s">
        <v>3784</v>
      </c>
      <c r="C1017" s="22" t="s">
        <v>6372</v>
      </c>
    </row>
    <row r="1018" spans="1:3" x14ac:dyDescent="0.45">
      <c r="A1018" s="21" t="s">
        <v>3785</v>
      </c>
      <c r="B1018" t="s">
        <v>3786</v>
      </c>
      <c r="C1018" s="22" t="s">
        <v>6373</v>
      </c>
    </row>
    <row r="1019" spans="1:3" x14ac:dyDescent="0.45">
      <c r="A1019" s="21" t="s">
        <v>3787</v>
      </c>
      <c r="B1019" t="s">
        <v>3788</v>
      </c>
      <c r="C1019" s="22" t="s">
        <v>6374</v>
      </c>
    </row>
    <row r="1020" spans="1:3" x14ac:dyDescent="0.45">
      <c r="A1020" s="21" t="s">
        <v>3789</v>
      </c>
      <c r="B1020" t="s">
        <v>3790</v>
      </c>
      <c r="C1020" s="22" t="s">
        <v>6375</v>
      </c>
    </row>
    <row r="1021" spans="1:3" x14ac:dyDescent="0.45">
      <c r="A1021" s="21" t="s">
        <v>3791</v>
      </c>
      <c r="B1021" t="s">
        <v>3792</v>
      </c>
      <c r="C1021" s="22" t="s">
        <v>6376</v>
      </c>
    </row>
    <row r="1022" spans="1:3" x14ac:dyDescent="0.45">
      <c r="A1022" s="21" t="s">
        <v>3793</v>
      </c>
      <c r="B1022" t="s">
        <v>3794</v>
      </c>
      <c r="C1022" s="22" t="s">
        <v>6377</v>
      </c>
    </row>
    <row r="1023" spans="1:3" x14ac:dyDescent="0.45">
      <c r="A1023" s="21" t="s">
        <v>3795</v>
      </c>
      <c r="B1023" t="s">
        <v>3796</v>
      </c>
      <c r="C1023" s="22" t="s">
        <v>6378</v>
      </c>
    </row>
    <row r="1024" spans="1:3" x14ac:dyDescent="0.45">
      <c r="A1024" s="21" t="s">
        <v>3797</v>
      </c>
      <c r="B1024" t="s">
        <v>3798</v>
      </c>
      <c r="C1024" s="22" t="s">
        <v>6379</v>
      </c>
    </row>
    <row r="1025" spans="1:3" x14ac:dyDescent="0.45">
      <c r="A1025" s="21" t="s">
        <v>3799</v>
      </c>
      <c r="B1025" t="s">
        <v>3800</v>
      </c>
      <c r="C1025" s="22" t="s">
        <v>6380</v>
      </c>
    </row>
    <row r="1026" spans="1:3" x14ac:dyDescent="0.45">
      <c r="A1026" s="21" t="s">
        <v>3801</v>
      </c>
      <c r="B1026" t="s">
        <v>3802</v>
      </c>
      <c r="C1026" s="22" t="s">
        <v>6381</v>
      </c>
    </row>
    <row r="1027" spans="1:3" x14ac:dyDescent="0.45">
      <c r="A1027" s="21" t="s">
        <v>3803</v>
      </c>
      <c r="B1027" t="s">
        <v>3804</v>
      </c>
      <c r="C1027" s="22" t="s">
        <v>6382</v>
      </c>
    </row>
    <row r="1028" spans="1:3" x14ac:dyDescent="0.45">
      <c r="A1028" s="21" t="s">
        <v>3805</v>
      </c>
      <c r="B1028" t="s">
        <v>3806</v>
      </c>
      <c r="C1028" s="22" t="s">
        <v>6383</v>
      </c>
    </row>
    <row r="1029" spans="1:3" x14ac:dyDescent="0.45">
      <c r="A1029" s="21" t="s">
        <v>3807</v>
      </c>
      <c r="B1029" t="s">
        <v>3808</v>
      </c>
      <c r="C1029" s="22" t="s">
        <v>6384</v>
      </c>
    </row>
    <row r="1030" spans="1:3" x14ac:dyDescent="0.45">
      <c r="A1030" s="21" t="s">
        <v>3809</v>
      </c>
      <c r="B1030" t="s">
        <v>3810</v>
      </c>
      <c r="C1030" s="22" t="s">
        <v>6385</v>
      </c>
    </row>
    <row r="1031" spans="1:3" x14ac:dyDescent="0.45">
      <c r="A1031" s="21" t="s">
        <v>3811</v>
      </c>
      <c r="B1031" t="s">
        <v>3812</v>
      </c>
      <c r="C1031" s="22" t="s">
        <v>6386</v>
      </c>
    </row>
    <row r="1032" spans="1:3" x14ac:dyDescent="0.45">
      <c r="A1032" s="21" t="s">
        <v>3813</v>
      </c>
      <c r="B1032" t="s">
        <v>3814</v>
      </c>
      <c r="C1032" s="22" t="s">
        <v>6387</v>
      </c>
    </row>
    <row r="1033" spans="1:3" x14ac:dyDescent="0.45">
      <c r="A1033" s="21" t="s">
        <v>3815</v>
      </c>
      <c r="B1033" t="s">
        <v>3816</v>
      </c>
      <c r="C1033" s="22" t="s">
        <v>6388</v>
      </c>
    </row>
    <row r="1034" spans="1:3" x14ac:dyDescent="0.45">
      <c r="A1034" s="21" t="s">
        <v>3817</v>
      </c>
      <c r="B1034" t="s">
        <v>3818</v>
      </c>
      <c r="C1034" s="22" t="s">
        <v>6389</v>
      </c>
    </row>
    <row r="1035" spans="1:3" x14ac:dyDescent="0.45">
      <c r="A1035" s="21" t="s">
        <v>3819</v>
      </c>
      <c r="B1035" t="s">
        <v>3820</v>
      </c>
      <c r="C1035" s="22" t="s">
        <v>6390</v>
      </c>
    </row>
    <row r="1036" spans="1:3" x14ac:dyDescent="0.45">
      <c r="A1036" s="21" t="s">
        <v>3821</v>
      </c>
      <c r="B1036" t="s">
        <v>3822</v>
      </c>
      <c r="C1036" s="22" t="s">
        <v>6391</v>
      </c>
    </row>
    <row r="1037" spans="1:3" x14ac:dyDescent="0.45">
      <c r="A1037" s="21" t="s">
        <v>3823</v>
      </c>
      <c r="B1037" t="s">
        <v>3824</v>
      </c>
      <c r="C1037" s="22" t="s">
        <v>6392</v>
      </c>
    </row>
    <row r="1038" spans="1:3" x14ac:dyDescent="0.45">
      <c r="A1038" s="21" t="s">
        <v>3825</v>
      </c>
      <c r="B1038" t="s">
        <v>3826</v>
      </c>
      <c r="C1038" s="22" t="s">
        <v>6393</v>
      </c>
    </row>
    <row r="1039" spans="1:3" x14ac:dyDescent="0.45">
      <c r="A1039" s="21" t="s">
        <v>3827</v>
      </c>
      <c r="B1039" t="s">
        <v>3828</v>
      </c>
      <c r="C1039" s="22" t="s">
        <v>6394</v>
      </c>
    </row>
    <row r="1040" spans="1:3" x14ac:dyDescent="0.45">
      <c r="A1040" s="21" t="s">
        <v>3829</v>
      </c>
      <c r="B1040" t="s">
        <v>3830</v>
      </c>
      <c r="C1040" s="22" t="s">
        <v>6395</v>
      </c>
    </row>
    <row r="1041" spans="1:3" x14ac:dyDescent="0.45">
      <c r="A1041" s="21" t="s">
        <v>3831</v>
      </c>
      <c r="B1041" t="s">
        <v>3832</v>
      </c>
      <c r="C1041" s="22" t="s">
        <v>6396</v>
      </c>
    </row>
    <row r="1042" spans="1:3" x14ac:dyDescent="0.45">
      <c r="A1042" s="21" t="s">
        <v>3833</v>
      </c>
      <c r="B1042" t="s">
        <v>3834</v>
      </c>
      <c r="C1042" s="22" t="s">
        <v>6397</v>
      </c>
    </row>
    <row r="1043" spans="1:3" x14ac:dyDescent="0.45">
      <c r="A1043" s="21" t="s">
        <v>3835</v>
      </c>
      <c r="B1043" t="s">
        <v>3836</v>
      </c>
      <c r="C1043" s="22" t="s">
        <v>6398</v>
      </c>
    </row>
    <row r="1044" spans="1:3" x14ac:dyDescent="0.45">
      <c r="A1044" s="21" t="s">
        <v>3837</v>
      </c>
      <c r="B1044" t="s">
        <v>3838</v>
      </c>
      <c r="C1044" s="22" t="s">
        <v>6399</v>
      </c>
    </row>
    <row r="1045" spans="1:3" x14ac:dyDescent="0.45">
      <c r="A1045" s="21" t="s">
        <v>3839</v>
      </c>
      <c r="B1045" t="s">
        <v>3840</v>
      </c>
      <c r="C1045" s="22" t="s">
        <v>6400</v>
      </c>
    </row>
    <row r="1046" spans="1:3" x14ac:dyDescent="0.45">
      <c r="A1046" s="21" t="s">
        <v>3841</v>
      </c>
      <c r="B1046" t="s">
        <v>3842</v>
      </c>
      <c r="C1046" s="22" t="s">
        <v>6401</v>
      </c>
    </row>
    <row r="1047" spans="1:3" x14ac:dyDescent="0.45">
      <c r="A1047" s="21" t="s">
        <v>3843</v>
      </c>
      <c r="B1047" t="s">
        <v>3844</v>
      </c>
      <c r="C1047" s="22" t="s">
        <v>6402</v>
      </c>
    </row>
    <row r="1048" spans="1:3" x14ac:dyDescent="0.45">
      <c r="A1048" s="21" t="s">
        <v>3845</v>
      </c>
      <c r="B1048" t="s">
        <v>3846</v>
      </c>
      <c r="C1048" s="22" t="s">
        <v>6403</v>
      </c>
    </row>
    <row r="1049" spans="1:3" x14ac:dyDescent="0.45">
      <c r="A1049" s="21" t="s">
        <v>3847</v>
      </c>
      <c r="B1049" t="s">
        <v>3848</v>
      </c>
      <c r="C1049" s="22" t="s">
        <v>6404</v>
      </c>
    </row>
    <row r="1050" spans="1:3" x14ac:dyDescent="0.45">
      <c r="A1050" s="21" t="s">
        <v>3849</v>
      </c>
      <c r="B1050" t="s">
        <v>3850</v>
      </c>
      <c r="C1050" s="22" t="s">
        <v>6405</v>
      </c>
    </row>
    <row r="1051" spans="1:3" x14ac:dyDescent="0.45">
      <c r="A1051" s="21" t="s">
        <v>3851</v>
      </c>
      <c r="B1051" t="s">
        <v>3852</v>
      </c>
      <c r="C1051" s="22" t="s">
        <v>6406</v>
      </c>
    </row>
    <row r="1052" spans="1:3" x14ac:dyDescent="0.45">
      <c r="A1052" s="21" t="s">
        <v>3853</v>
      </c>
      <c r="B1052" t="s">
        <v>3854</v>
      </c>
      <c r="C1052" s="22" t="s">
        <v>6407</v>
      </c>
    </row>
    <row r="1053" spans="1:3" x14ac:dyDescent="0.45">
      <c r="A1053" s="21" t="s">
        <v>3855</v>
      </c>
      <c r="B1053" t="s">
        <v>3856</v>
      </c>
      <c r="C1053" s="22" t="s">
        <v>6408</v>
      </c>
    </row>
    <row r="1054" spans="1:3" x14ac:dyDescent="0.45">
      <c r="A1054" s="21" t="s">
        <v>3857</v>
      </c>
      <c r="B1054" t="s">
        <v>3858</v>
      </c>
      <c r="C1054" s="22" t="s">
        <v>6409</v>
      </c>
    </row>
    <row r="1055" spans="1:3" x14ac:dyDescent="0.45">
      <c r="A1055" s="21" t="s">
        <v>3859</v>
      </c>
      <c r="B1055" t="s">
        <v>3860</v>
      </c>
      <c r="C1055" s="22" t="s">
        <v>6410</v>
      </c>
    </row>
    <row r="1056" spans="1:3" x14ac:dyDescent="0.45">
      <c r="A1056" s="21" t="s">
        <v>3861</v>
      </c>
      <c r="B1056" t="s">
        <v>3862</v>
      </c>
      <c r="C1056" s="22" t="s">
        <v>6411</v>
      </c>
    </row>
    <row r="1057" spans="1:3" x14ac:dyDescent="0.45">
      <c r="A1057" s="21" t="s">
        <v>3863</v>
      </c>
      <c r="B1057" t="s">
        <v>3864</v>
      </c>
      <c r="C1057" s="22" t="s">
        <v>6412</v>
      </c>
    </row>
    <row r="1058" spans="1:3" x14ac:dyDescent="0.45">
      <c r="A1058" s="21" t="s">
        <v>3865</v>
      </c>
      <c r="B1058" t="s">
        <v>3866</v>
      </c>
      <c r="C1058" s="22" t="s">
        <v>6413</v>
      </c>
    </row>
    <row r="1059" spans="1:3" x14ac:dyDescent="0.45">
      <c r="A1059" s="21" t="s">
        <v>3867</v>
      </c>
      <c r="B1059" t="s">
        <v>3868</v>
      </c>
      <c r="C1059" s="22" t="s">
        <v>6414</v>
      </c>
    </row>
    <row r="1060" spans="1:3" x14ac:dyDescent="0.45">
      <c r="A1060" s="21" t="s">
        <v>3869</v>
      </c>
      <c r="B1060" t="s">
        <v>3870</v>
      </c>
      <c r="C1060" s="22" t="s">
        <v>6415</v>
      </c>
    </row>
    <row r="1061" spans="1:3" x14ac:dyDescent="0.45">
      <c r="A1061" s="21" t="s">
        <v>3871</v>
      </c>
      <c r="B1061" t="s">
        <v>3872</v>
      </c>
      <c r="C1061" s="22" t="s">
        <v>6416</v>
      </c>
    </row>
    <row r="1062" spans="1:3" x14ac:dyDescent="0.45">
      <c r="A1062" s="21" t="s">
        <v>3873</v>
      </c>
      <c r="B1062" t="s">
        <v>3874</v>
      </c>
      <c r="C1062" s="22" t="s">
        <v>6417</v>
      </c>
    </row>
    <row r="1063" spans="1:3" x14ac:dyDescent="0.45">
      <c r="A1063" s="21" t="s">
        <v>3875</v>
      </c>
      <c r="B1063" t="s">
        <v>3876</v>
      </c>
      <c r="C1063" s="22" t="s">
        <v>6418</v>
      </c>
    </row>
    <row r="1064" spans="1:3" x14ac:dyDescent="0.45">
      <c r="A1064" s="21" t="s">
        <v>3877</v>
      </c>
      <c r="B1064" t="s">
        <v>3878</v>
      </c>
      <c r="C1064" s="22" t="s">
        <v>6419</v>
      </c>
    </row>
    <row r="1065" spans="1:3" x14ac:dyDescent="0.45">
      <c r="A1065" s="21" t="s">
        <v>3879</v>
      </c>
      <c r="B1065" t="s">
        <v>3880</v>
      </c>
      <c r="C1065" s="22" t="s">
        <v>6420</v>
      </c>
    </row>
    <row r="1066" spans="1:3" x14ac:dyDescent="0.45">
      <c r="A1066" s="21" t="s">
        <v>3881</v>
      </c>
      <c r="B1066" t="s">
        <v>3882</v>
      </c>
      <c r="C1066" s="22" t="s">
        <v>6421</v>
      </c>
    </row>
    <row r="1067" spans="1:3" x14ac:dyDescent="0.45">
      <c r="A1067" s="21" t="s">
        <v>3883</v>
      </c>
      <c r="B1067" t="s">
        <v>3884</v>
      </c>
      <c r="C1067" s="22" t="s">
        <v>6422</v>
      </c>
    </row>
    <row r="1068" spans="1:3" x14ac:dyDescent="0.45">
      <c r="A1068" s="21" t="s">
        <v>3885</v>
      </c>
      <c r="B1068" t="s">
        <v>3886</v>
      </c>
      <c r="C1068" s="22" t="s">
        <v>6423</v>
      </c>
    </row>
    <row r="1069" spans="1:3" x14ac:dyDescent="0.45">
      <c r="A1069" s="21" t="s">
        <v>3887</v>
      </c>
      <c r="B1069" t="s">
        <v>3888</v>
      </c>
      <c r="C1069" s="22" t="s">
        <v>6424</v>
      </c>
    </row>
    <row r="1070" spans="1:3" x14ac:dyDescent="0.45">
      <c r="A1070" s="21" t="s">
        <v>3889</v>
      </c>
      <c r="B1070" t="s">
        <v>3890</v>
      </c>
      <c r="C1070" s="22" t="s">
        <v>6425</v>
      </c>
    </row>
    <row r="1071" spans="1:3" x14ac:dyDescent="0.45">
      <c r="A1071" s="21" t="s">
        <v>3891</v>
      </c>
      <c r="B1071" t="s">
        <v>3892</v>
      </c>
      <c r="C1071" s="22" t="s">
        <v>6426</v>
      </c>
    </row>
    <row r="1072" spans="1:3" x14ac:dyDescent="0.45">
      <c r="A1072" s="21" t="s">
        <v>3893</v>
      </c>
      <c r="B1072" t="s">
        <v>3894</v>
      </c>
      <c r="C1072" s="22" t="s">
        <v>6427</v>
      </c>
    </row>
    <row r="1073" spans="1:3" x14ac:dyDescent="0.45">
      <c r="A1073" s="21" t="s">
        <v>3895</v>
      </c>
      <c r="B1073" t="s">
        <v>3896</v>
      </c>
      <c r="C1073" s="22" t="s">
        <v>6428</v>
      </c>
    </row>
    <row r="1074" spans="1:3" x14ac:dyDescent="0.45">
      <c r="A1074" s="21" t="s">
        <v>3897</v>
      </c>
      <c r="B1074" t="s">
        <v>3898</v>
      </c>
      <c r="C1074" s="22" t="s">
        <v>6429</v>
      </c>
    </row>
    <row r="1075" spans="1:3" x14ac:dyDescent="0.45">
      <c r="A1075" s="21" t="s">
        <v>3899</v>
      </c>
      <c r="B1075" t="s">
        <v>3900</v>
      </c>
      <c r="C1075" s="22" t="s">
        <v>6430</v>
      </c>
    </row>
    <row r="1076" spans="1:3" x14ac:dyDescent="0.45">
      <c r="A1076" s="21" t="s">
        <v>3901</v>
      </c>
      <c r="B1076" t="s">
        <v>3902</v>
      </c>
      <c r="C1076" s="22" t="s">
        <v>6431</v>
      </c>
    </row>
    <row r="1077" spans="1:3" x14ac:dyDescent="0.45">
      <c r="A1077" s="21" t="s">
        <v>3903</v>
      </c>
      <c r="B1077" t="s">
        <v>3904</v>
      </c>
      <c r="C1077" s="22" t="s">
        <v>6432</v>
      </c>
    </row>
    <row r="1078" spans="1:3" x14ac:dyDescent="0.45">
      <c r="A1078" s="21" t="s">
        <v>3905</v>
      </c>
      <c r="B1078" t="s">
        <v>3906</v>
      </c>
      <c r="C1078" s="22" t="s">
        <v>6433</v>
      </c>
    </row>
    <row r="1079" spans="1:3" x14ac:dyDescent="0.45">
      <c r="A1079" s="21" t="s">
        <v>3907</v>
      </c>
      <c r="B1079" t="s">
        <v>3908</v>
      </c>
      <c r="C1079" s="22" t="s">
        <v>6434</v>
      </c>
    </row>
    <row r="1080" spans="1:3" x14ac:dyDescent="0.45">
      <c r="A1080" s="21" t="s">
        <v>3909</v>
      </c>
      <c r="B1080" t="s">
        <v>3910</v>
      </c>
      <c r="C1080" s="22" t="s">
        <v>6435</v>
      </c>
    </row>
    <row r="1081" spans="1:3" x14ac:dyDescent="0.45">
      <c r="A1081" s="21" t="s">
        <v>3911</v>
      </c>
      <c r="B1081" t="s">
        <v>3912</v>
      </c>
      <c r="C1081" s="22" t="s">
        <v>6436</v>
      </c>
    </row>
    <row r="1082" spans="1:3" x14ac:dyDescent="0.45">
      <c r="A1082" s="21" t="s">
        <v>3913</v>
      </c>
      <c r="B1082" t="s">
        <v>3914</v>
      </c>
      <c r="C1082" s="22" t="s">
        <v>6437</v>
      </c>
    </row>
    <row r="1083" spans="1:3" x14ac:dyDescent="0.45">
      <c r="A1083" s="21" t="s">
        <v>3915</v>
      </c>
      <c r="B1083" t="s">
        <v>3916</v>
      </c>
      <c r="C1083" s="22" t="s">
        <v>6438</v>
      </c>
    </row>
    <row r="1084" spans="1:3" x14ac:dyDescent="0.45">
      <c r="A1084" s="21" t="s">
        <v>3917</v>
      </c>
      <c r="B1084" t="s">
        <v>3918</v>
      </c>
      <c r="C1084" s="22" t="s">
        <v>6439</v>
      </c>
    </row>
    <row r="1085" spans="1:3" x14ac:dyDescent="0.45">
      <c r="A1085" s="21" t="s">
        <v>3919</v>
      </c>
      <c r="B1085" t="s">
        <v>3920</v>
      </c>
      <c r="C1085" s="22" t="s">
        <v>6440</v>
      </c>
    </row>
    <row r="1086" spans="1:3" x14ac:dyDescent="0.45">
      <c r="A1086" s="21" t="s">
        <v>3921</v>
      </c>
      <c r="B1086" t="s">
        <v>3922</v>
      </c>
      <c r="C1086" s="22" t="s">
        <v>6441</v>
      </c>
    </row>
    <row r="1087" spans="1:3" x14ac:dyDescent="0.45">
      <c r="A1087" s="21" t="s">
        <v>3923</v>
      </c>
      <c r="B1087" t="s">
        <v>3924</v>
      </c>
      <c r="C1087" s="22" t="s">
        <v>6442</v>
      </c>
    </row>
    <row r="1088" spans="1:3" x14ac:dyDescent="0.45">
      <c r="A1088" s="21" t="s">
        <v>3925</v>
      </c>
      <c r="B1088" t="s">
        <v>3926</v>
      </c>
      <c r="C1088" s="22" t="s">
        <v>6443</v>
      </c>
    </row>
    <row r="1089" spans="1:3" x14ac:dyDescent="0.45">
      <c r="A1089" s="21" t="s">
        <v>3927</v>
      </c>
      <c r="B1089" t="s">
        <v>3928</v>
      </c>
      <c r="C1089" s="22" t="s">
        <v>6444</v>
      </c>
    </row>
    <row r="1090" spans="1:3" x14ac:dyDescent="0.45">
      <c r="A1090" s="21" t="s">
        <v>3929</v>
      </c>
      <c r="B1090" t="s">
        <v>3930</v>
      </c>
      <c r="C1090" s="22" t="s">
        <v>6445</v>
      </c>
    </row>
    <row r="1091" spans="1:3" x14ac:dyDescent="0.45">
      <c r="A1091" s="21" t="s">
        <v>3931</v>
      </c>
      <c r="B1091" t="s">
        <v>3932</v>
      </c>
      <c r="C1091" s="22" t="s">
        <v>6446</v>
      </c>
    </row>
    <row r="1092" spans="1:3" x14ac:dyDescent="0.45">
      <c r="A1092" s="21" t="s">
        <v>3933</v>
      </c>
      <c r="B1092" t="s">
        <v>3934</v>
      </c>
      <c r="C1092" s="22" t="s">
        <v>6447</v>
      </c>
    </row>
    <row r="1093" spans="1:3" x14ac:dyDescent="0.45">
      <c r="A1093" s="21" t="s">
        <v>3935</v>
      </c>
      <c r="B1093" t="s">
        <v>3936</v>
      </c>
      <c r="C1093" s="22" t="s">
        <v>6448</v>
      </c>
    </row>
    <row r="1094" spans="1:3" x14ac:dyDescent="0.45">
      <c r="A1094" s="21" t="s">
        <v>3937</v>
      </c>
      <c r="B1094" t="s">
        <v>3938</v>
      </c>
      <c r="C1094" s="22" t="s">
        <v>6449</v>
      </c>
    </row>
    <row r="1095" spans="1:3" x14ac:dyDescent="0.45">
      <c r="A1095" s="21" t="s">
        <v>3939</v>
      </c>
      <c r="B1095" t="s">
        <v>3940</v>
      </c>
      <c r="C1095" s="22" t="s">
        <v>6450</v>
      </c>
    </row>
    <row r="1096" spans="1:3" x14ac:dyDescent="0.45">
      <c r="A1096" s="21" t="s">
        <v>3941</v>
      </c>
      <c r="B1096" t="s">
        <v>3942</v>
      </c>
      <c r="C1096" s="22" t="s">
        <v>6451</v>
      </c>
    </row>
    <row r="1097" spans="1:3" x14ac:dyDescent="0.45">
      <c r="A1097" s="21" t="s">
        <v>3943</v>
      </c>
      <c r="B1097" t="s">
        <v>3944</v>
      </c>
      <c r="C1097" s="22" t="s">
        <v>6452</v>
      </c>
    </row>
    <row r="1098" spans="1:3" x14ac:dyDescent="0.45">
      <c r="A1098" s="21" t="s">
        <v>3945</v>
      </c>
      <c r="B1098" t="s">
        <v>3946</v>
      </c>
      <c r="C1098" s="22" t="s">
        <v>6453</v>
      </c>
    </row>
    <row r="1099" spans="1:3" x14ac:dyDescent="0.45">
      <c r="A1099" s="21" t="s">
        <v>3947</v>
      </c>
      <c r="B1099" t="s">
        <v>3948</v>
      </c>
      <c r="C1099" s="22" t="s">
        <v>6454</v>
      </c>
    </row>
    <row r="1100" spans="1:3" x14ac:dyDescent="0.45">
      <c r="A1100" s="21" t="s">
        <v>3949</v>
      </c>
      <c r="B1100" t="s">
        <v>3950</v>
      </c>
      <c r="C1100" s="22" t="s">
        <v>6455</v>
      </c>
    </row>
    <row r="1101" spans="1:3" x14ac:dyDescent="0.45">
      <c r="A1101" s="21" t="s">
        <v>3951</v>
      </c>
      <c r="B1101" t="s">
        <v>3952</v>
      </c>
      <c r="C1101" s="22" t="s">
        <v>6456</v>
      </c>
    </row>
    <row r="1102" spans="1:3" x14ac:dyDescent="0.45">
      <c r="A1102" s="21" t="s">
        <v>3953</v>
      </c>
      <c r="B1102" t="s">
        <v>3954</v>
      </c>
      <c r="C1102" s="22" t="s">
        <v>6457</v>
      </c>
    </row>
    <row r="1103" spans="1:3" x14ac:dyDescent="0.45">
      <c r="A1103" s="21" t="s">
        <v>3955</v>
      </c>
      <c r="B1103" t="s">
        <v>3956</v>
      </c>
      <c r="C1103" s="22" t="s">
        <v>6458</v>
      </c>
    </row>
    <row r="1104" spans="1:3" x14ac:dyDescent="0.45">
      <c r="A1104" s="21" t="s">
        <v>3957</v>
      </c>
      <c r="B1104" t="s">
        <v>3958</v>
      </c>
      <c r="C1104" s="22" t="s">
        <v>6459</v>
      </c>
    </row>
    <row r="1105" spans="1:3" x14ac:dyDescent="0.45">
      <c r="A1105" s="21" t="s">
        <v>3959</v>
      </c>
      <c r="B1105" t="s">
        <v>3960</v>
      </c>
      <c r="C1105" s="22" t="s">
        <v>6460</v>
      </c>
    </row>
    <row r="1106" spans="1:3" x14ac:dyDescent="0.45">
      <c r="A1106" s="21" t="s">
        <v>3961</v>
      </c>
      <c r="B1106" t="s">
        <v>3962</v>
      </c>
      <c r="C1106" s="22" t="s">
        <v>6461</v>
      </c>
    </row>
    <row r="1107" spans="1:3" x14ac:dyDescent="0.45">
      <c r="A1107" s="21" t="s">
        <v>3963</v>
      </c>
      <c r="B1107" t="s">
        <v>3964</v>
      </c>
      <c r="C1107" s="22" t="s">
        <v>6462</v>
      </c>
    </row>
    <row r="1108" spans="1:3" x14ac:dyDescent="0.45">
      <c r="A1108" s="21" t="s">
        <v>3965</v>
      </c>
      <c r="B1108" t="s">
        <v>3966</v>
      </c>
      <c r="C1108" s="22" t="s">
        <v>6463</v>
      </c>
    </row>
    <row r="1109" spans="1:3" x14ac:dyDescent="0.45">
      <c r="A1109" s="21" t="s">
        <v>3967</v>
      </c>
      <c r="B1109" t="s">
        <v>3968</v>
      </c>
      <c r="C1109" s="22" t="s">
        <v>6464</v>
      </c>
    </row>
    <row r="1110" spans="1:3" x14ac:dyDescent="0.45">
      <c r="A1110" s="21" t="s">
        <v>3969</v>
      </c>
      <c r="B1110" t="s">
        <v>3970</v>
      </c>
      <c r="C1110" s="22" t="s">
        <v>6465</v>
      </c>
    </row>
    <row r="1111" spans="1:3" x14ac:dyDescent="0.45">
      <c r="A1111" s="21" t="s">
        <v>3971</v>
      </c>
      <c r="B1111" t="s">
        <v>3972</v>
      </c>
      <c r="C1111" s="22" t="s">
        <v>6466</v>
      </c>
    </row>
    <row r="1112" spans="1:3" x14ac:dyDescent="0.45">
      <c r="A1112" s="21" t="s">
        <v>3973</v>
      </c>
      <c r="B1112" t="s">
        <v>3974</v>
      </c>
      <c r="C1112" s="22" t="s">
        <v>6467</v>
      </c>
    </row>
    <row r="1113" spans="1:3" x14ac:dyDescent="0.45">
      <c r="A1113" s="21" t="s">
        <v>3975</v>
      </c>
      <c r="B1113" t="s">
        <v>3976</v>
      </c>
      <c r="C1113" s="22" t="s">
        <v>6468</v>
      </c>
    </row>
    <row r="1114" spans="1:3" x14ac:dyDescent="0.45">
      <c r="A1114" s="21" t="s">
        <v>3977</v>
      </c>
      <c r="B1114" t="s">
        <v>3978</v>
      </c>
      <c r="C1114" s="22" t="s">
        <v>6469</v>
      </c>
    </row>
    <row r="1115" spans="1:3" x14ac:dyDescent="0.45">
      <c r="A1115" s="21" t="s">
        <v>3979</v>
      </c>
      <c r="B1115" t="s">
        <v>3980</v>
      </c>
      <c r="C1115" s="22" t="s">
        <v>6470</v>
      </c>
    </row>
    <row r="1116" spans="1:3" x14ac:dyDescent="0.45">
      <c r="A1116" s="21" t="s">
        <v>3981</v>
      </c>
      <c r="B1116" t="s">
        <v>3982</v>
      </c>
      <c r="C1116" s="22" t="s">
        <v>6471</v>
      </c>
    </row>
    <row r="1117" spans="1:3" x14ac:dyDescent="0.45">
      <c r="A1117" s="21" t="s">
        <v>3983</v>
      </c>
      <c r="B1117" t="s">
        <v>3984</v>
      </c>
      <c r="C1117" s="22" t="s">
        <v>6472</v>
      </c>
    </row>
    <row r="1118" spans="1:3" x14ac:dyDescent="0.45">
      <c r="A1118" s="21" t="s">
        <v>3985</v>
      </c>
      <c r="B1118" t="s">
        <v>3986</v>
      </c>
      <c r="C1118" s="22" t="s">
        <v>6473</v>
      </c>
    </row>
    <row r="1119" spans="1:3" x14ac:dyDescent="0.45">
      <c r="A1119" s="21" t="s">
        <v>3987</v>
      </c>
      <c r="B1119" t="s">
        <v>3988</v>
      </c>
      <c r="C1119" s="22" t="s">
        <v>6474</v>
      </c>
    </row>
    <row r="1120" spans="1:3" x14ac:dyDescent="0.45">
      <c r="A1120" s="21" t="s">
        <v>3989</v>
      </c>
      <c r="B1120" t="s">
        <v>3990</v>
      </c>
      <c r="C1120" s="22" t="s">
        <v>6475</v>
      </c>
    </row>
    <row r="1121" spans="1:3" x14ac:dyDescent="0.45">
      <c r="A1121" s="21" t="s">
        <v>3991</v>
      </c>
      <c r="B1121" t="s">
        <v>3992</v>
      </c>
      <c r="C1121" s="22" t="s">
        <v>6476</v>
      </c>
    </row>
    <row r="1122" spans="1:3" x14ac:dyDescent="0.45">
      <c r="A1122" s="21" t="s">
        <v>3993</v>
      </c>
      <c r="B1122" t="s">
        <v>3994</v>
      </c>
      <c r="C1122" s="22" t="s">
        <v>6477</v>
      </c>
    </row>
    <row r="1123" spans="1:3" x14ac:dyDescent="0.45">
      <c r="A1123" s="21" t="s">
        <v>3995</v>
      </c>
      <c r="B1123" t="s">
        <v>3996</v>
      </c>
      <c r="C1123" s="22" t="s">
        <v>6478</v>
      </c>
    </row>
    <row r="1124" spans="1:3" x14ac:dyDescent="0.45">
      <c r="A1124" s="21" t="s">
        <v>3997</v>
      </c>
      <c r="B1124" t="s">
        <v>3998</v>
      </c>
      <c r="C1124" s="22" t="s">
        <v>6479</v>
      </c>
    </row>
    <row r="1125" spans="1:3" x14ac:dyDescent="0.45">
      <c r="A1125" s="21" t="s">
        <v>3999</v>
      </c>
      <c r="B1125" t="s">
        <v>4000</v>
      </c>
      <c r="C1125" s="22" t="s">
        <v>6480</v>
      </c>
    </row>
    <row r="1126" spans="1:3" x14ac:dyDescent="0.45">
      <c r="A1126" s="21" t="s">
        <v>4001</v>
      </c>
      <c r="B1126" t="s">
        <v>4002</v>
      </c>
      <c r="C1126" s="22" t="s">
        <v>6481</v>
      </c>
    </row>
    <row r="1127" spans="1:3" x14ac:dyDescent="0.45">
      <c r="A1127" s="21" t="s">
        <v>4003</v>
      </c>
      <c r="B1127" t="s">
        <v>4004</v>
      </c>
      <c r="C1127" s="22" t="s">
        <v>6482</v>
      </c>
    </row>
    <row r="1128" spans="1:3" x14ac:dyDescent="0.45">
      <c r="A1128" s="21" t="s">
        <v>4005</v>
      </c>
      <c r="B1128" t="s">
        <v>4006</v>
      </c>
      <c r="C1128" s="22" t="s">
        <v>6483</v>
      </c>
    </row>
    <row r="1129" spans="1:3" x14ac:dyDescent="0.45">
      <c r="A1129" s="21" t="s">
        <v>4007</v>
      </c>
      <c r="B1129" t="s">
        <v>4008</v>
      </c>
      <c r="C1129" s="22" t="s">
        <v>6484</v>
      </c>
    </row>
    <row r="1130" spans="1:3" x14ac:dyDescent="0.45">
      <c r="A1130" s="21" t="s">
        <v>4009</v>
      </c>
      <c r="B1130" t="s">
        <v>4010</v>
      </c>
      <c r="C1130" s="22" t="s">
        <v>6485</v>
      </c>
    </row>
    <row r="1131" spans="1:3" x14ac:dyDescent="0.45">
      <c r="A1131" s="21" t="s">
        <v>4011</v>
      </c>
      <c r="B1131" t="s">
        <v>4012</v>
      </c>
      <c r="C1131" s="22" t="s">
        <v>6486</v>
      </c>
    </row>
    <row r="1132" spans="1:3" x14ac:dyDescent="0.45">
      <c r="A1132" s="21" t="s">
        <v>4013</v>
      </c>
      <c r="B1132" t="s">
        <v>4014</v>
      </c>
      <c r="C1132" s="22" t="s">
        <v>6487</v>
      </c>
    </row>
    <row r="1133" spans="1:3" x14ac:dyDescent="0.45">
      <c r="A1133" s="21" t="s">
        <v>4015</v>
      </c>
      <c r="B1133" t="s">
        <v>4016</v>
      </c>
      <c r="C1133" s="22" t="s">
        <v>6488</v>
      </c>
    </row>
    <row r="1134" spans="1:3" x14ac:dyDescent="0.45">
      <c r="A1134" s="21" t="s">
        <v>4017</v>
      </c>
      <c r="B1134" t="s">
        <v>4018</v>
      </c>
      <c r="C1134" s="22" t="s">
        <v>6489</v>
      </c>
    </row>
    <row r="1135" spans="1:3" x14ac:dyDescent="0.45">
      <c r="A1135" s="21" t="s">
        <v>4019</v>
      </c>
      <c r="B1135" t="s">
        <v>4020</v>
      </c>
      <c r="C1135" s="22" t="s">
        <v>6490</v>
      </c>
    </row>
    <row r="1136" spans="1:3" x14ac:dyDescent="0.45">
      <c r="A1136" s="21" t="s">
        <v>4021</v>
      </c>
      <c r="B1136" t="s">
        <v>4022</v>
      </c>
      <c r="C1136" s="22" t="s">
        <v>6491</v>
      </c>
    </row>
    <row r="1137" spans="1:3" x14ac:dyDescent="0.45">
      <c r="A1137" s="21" t="s">
        <v>4023</v>
      </c>
      <c r="B1137" t="s">
        <v>4024</v>
      </c>
      <c r="C1137" s="22" t="s">
        <v>6492</v>
      </c>
    </row>
    <row r="1138" spans="1:3" x14ac:dyDescent="0.45">
      <c r="A1138" s="21" t="s">
        <v>4025</v>
      </c>
      <c r="B1138" t="s">
        <v>4026</v>
      </c>
      <c r="C1138" s="22" t="s">
        <v>6493</v>
      </c>
    </row>
    <row r="1139" spans="1:3" x14ac:dyDescent="0.45">
      <c r="A1139" s="21" t="s">
        <v>4027</v>
      </c>
      <c r="B1139" t="s">
        <v>4028</v>
      </c>
      <c r="C1139" s="22" t="s">
        <v>6494</v>
      </c>
    </row>
    <row r="1140" spans="1:3" x14ac:dyDescent="0.45">
      <c r="A1140" s="21" t="s">
        <v>4029</v>
      </c>
      <c r="B1140" t="s">
        <v>4030</v>
      </c>
      <c r="C1140" s="22" t="s">
        <v>6495</v>
      </c>
    </row>
    <row r="1141" spans="1:3" x14ac:dyDescent="0.45">
      <c r="A1141" s="21" t="s">
        <v>4031</v>
      </c>
      <c r="B1141" t="s">
        <v>4032</v>
      </c>
      <c r="C1141" s="22" t="s">
        <v>6496</v>
      </c>
    </row>
    <row r="1142" spans="1:3" x14ac:dyDescent="0.45">
      <c r="A1142" s="21" t="s">
        <v>4033</v>
      </c>
      <c r="B1142" t="s">
        <v>4034</v>
      </c>
      <c r="C1142" s="22" t="s">
        <v>6497</v>
      </c>
    </row>
    <row r="1143" spans="1:3" x14ac:dyDescent="0.45">
      <c r="A1143" s="21" t="s">
        <v>4035</v>
      </c>
      <c r="B1143" t="s">
        <v>4036</v>
      </c>
      <c r="C1143" s="22" t="s">
        <v>6498</v>
      </c>
    </row>
    <row r="1144" spans="1:3" x14ac:dyDescent="0.45">
      <c r="A1144" s="21" t="s">
        <v>4037</v>
      </c>
      <c r="B1144" t="s">
        <v>4038</v>
      </c>
      <c r="C1144" s="22" t="s">
        <v>6499</v>
      </c>
    </row>
    <row r="1145" spans="1:3" x14ac:dyDescent="0.45">
      <c r="A1145" s="21" t="s">
        <v>4039</v>
      </c>
      <c r="B1145" t="s">
        <v>4040</v>
      </c>
      <c r="C1145" s="22" t="s">
        <v>6500</v>
      </c>
    </row>
    <row r="1146" spans="1:3" x14ac:dyDescent="0.45">
      <c r="A1146" s="21" t="s">
        <v>4041</v>
      </c>
      <c r="B1146" t="s">
        <v>4042</v>
      </c>
      <c r="C1146" s="22" t="s">
        <v>6501</v>
      </c>
    </row>
    <row r="1147" spans="1:3" x14ac:dyDescent="0.45">
      <c r="A1147" s="21" t="s">
        <v>4043</v>
      </c>
      <c r="B1147" t="s">
        <v>4044</v>
      </c>
      <c r="C1147" s="22" t="s">
        <v>6502</v>
      </c>
    </row>
    <row r="1148" spans="1:3" x14ac:dyDescent="0.45">
      <c r="A1148" s="21" t="s">
        <v>4045</v>
      </c>
      <c r="B1148" t="s">
        <v>4046</v>
      </c>
      <c r="C1148" s="22" t="s">
        <v>6503</v>
      </c>
    </row>
    <row r="1149" spans="1:3" x14ac:dyDescent="0.45">
      <c r="A1149" s="21" t="s">
        <v>4047</v>
      </c>
      <c r="B1149" t="s">
        <v>4048</v>
      </c>
      <c r="C1149" s="22" t="s">
        <v>6504</v>
      </c>
    </row>
    <row r="1150" spans="1:3" x14ac:dyDescent="0.45">
      <c r="A1150" s="21" t="s">
        <v>4049</v>
      </c>
      <c r="B1150" t="s">
        <v>4050</v>
      </c>
      <c r="C1150" s="22" t="s">
        <v>6505</v>
      </c>
    </row>
    <row r="1151" spans="1:3" x14ac:dyDescent="0.45">
      <c r="A1151" s="21" t="s">
        <v>4051</v>
      </c>
      <c r="B1151" t="s">
        <v>4052</v>
      </c>
      <c r="C1151" s="22" t="s">
        <v>6506</v>
      </c>
    </row>
    <row r="1152" spans="1:3" x14ac:dyDescent="0.45">
      <c r="A1152" s="21" t="s">
        <v>4053</v>
      </c>
      <c r="B1152" t="s">
        <v>4054</v>
      </c>
      <c r="C1152" s="22" t="s">
        <v>6507</v>
      </c>
    </row>
    <row r="1153" spans="1:3" x14ac:dyDescent="0.45">
      <c r="A1153" s="21" t="s">
        <v>4055</v>
      </c>
      <c r="B1153" t="s">
        <v>4056</v>
      </c>
      <c r="C1153" s="22" t="s">
        <v>6508</v>
      </c>
    </row>
    <row r="1154" spans="1:3" x14ac:dyDescent="0.45">
      <c r="A1154" s="21" t="s">
        <v>4057</v>
      </c>
      <c r="B1154" t="s">
        <v>4058</v>
      </c>
      <c r="C1154" s="22" t="s">
        <v>6509</v>
      </c>
    </row>
    <row r="1155" spans="1:3" x14ac:dyDescent="0.45">
      <c r="A1155" s="21" t="s">
        <v>4059</v>
      </c>
      <c r="B1155" t="s">
        <v>4060</v>
      </c>
      <c r="C1155" s="22" t="s">
        <v>6510</v>
      </c>
    </row>
    <row r="1156" spans="1:3" x14ac:dyDescent="0.45">
      <c r="A1156" s="21" t="s">
        <v>4061</v>
      </c>
      <c r="B1156" t="s">
        <v>4062</v>
      </c>
      <c r="C1156" s="22" t="s">
        <v>6511</v>
      </c>
    </row>
    <row r="1157" spans="1:3" x14ac:dyDescent="0.45">
      <c r="A1157" s="21" t="s">
        <v>4063</v>
      </c>
      <c r="B1157" t="s">
        <v>4064</v>
      </c>
      <c r="C1157" s="22" t="s">
        <v>6512</v>
      </c>
    </row>
    <row r="1158" spans="1:3" x14ac:dyDescent="0.45">
      <c r="A1158" s="21" t="s">
        <v>4065</v>
      </c>
      <c r="B1158" t="s">
        <v>4066</v>
      </c>
      <c r="C1158" s="22" t="s">
        <v>6513</v>
      </c>
    </row>
    <row r="1159" spans="1:3" x14ac:dyDescent="0.45">
      <c r="A1159" s="21" t="s">
        <v>4067</v>
      </c>
      <c r="B1159" t="s">
        <v>4068</v>
      </c>
      <c r="C1159" s="22" t="s">
        <v>6514</v>
      </c>
    </row>
    <row r="1160" spans="1:3" x14ac:dyDescent="0.45">
      <c r="A1160" s="21" t="s">
        <v>4069</v>
      </c>
      <c r="B1160" t="s">
        <v>4070</v>
      </c>
      <c r="C1160" s="22" t="s">
        <v>6515</v>
      </c>
    </row>
    <row r="1161" spans="1:3" x14ac:dyDescent="0.45">
      <c r="A1161" s="21" t="s">
        <v>4071</v>
      </c>
      <c r="B1161" t="s">
        <v>4072</v>
      </c>
      <c r="C1161" s="22" t="s">
        <v>6516</v>
      </c>
    </row>
    <row r="1162" spans="1:3" x14ac:dyDescent="0.45">
      <c r="A1162" s="21" t="s">
        <v>4073</v>
      </c>
      <c r="B1162" t="s">
        <v>4074</v>
      </c>
      <c r="C1162" s="22" t="s">
        <v>6517</v>
      </c>
    </row>
    <row r="1163" spans="1:3" x14ac:dyDescent="0.45">
      <c r="A1163" s="21" t="s">
        <v>4075</v>
      </c>
      <c r="B1163" t="s">
        <v>4076</v>
      </c>
      <c r="C1163" s="22" t="s">
        <v>6518</v>
      </c>
    </row>
    <row r="1164" spans="1:3" x14ac:dyDescent="0.45">
      <c r="A1164" s="21" t="s">
        <v>4077</v>
      </c>
      <c r="B1164" t="s">
        <v>4078</v>
      </c>
      <c r="C1164" s="22" t="s">
        <v>6519</v>
      </c>
    </row>
    <row r="1165" spans="1:3" x14ac:dyDescent="0.45">
      <c r="A1165" s="21" t="s">
        <v>4079</v>
      </c>
      <c r="B1165" t="s">
        <v>4080</v>
      </c>
      <c r="C1165" s="22" t="s">
        <v>6520</v>
      </c>
    </row>
    <row r="1166" spans="1:3" x14ac:dyDescent="0.45">
      <c r="A1166" s="21" t="s">
        <v>4081</v>
      </c>
      <c r="B1166" t="s">
        <v>4082</v>
      </c>
      <c r="C1166" s="22" t="s">
        <v>6521</v>
      </c>
    </row>
    <row r="1167" spans="1:3" x14ac:dyDescent="0.45">
      <c r="A1167" s="21" t="s">
        <v>4083</v>
      </c>
      <c r="B1167" t="s">
        <v>4084</v>
      </c>
      <c r="C1167" s="22" t="s">
        <v>6522</v>
      </c>
    </row>
    <row r="1168" spans="1:3" x14ac:dyDescent="0.45">
      <c r="A1168" s="21" t="s">
        <v>4085</v>
      </c>
      <c r="B1168" t="s">
        <v>4086</v>
      </c>
      <c r="C1168" s="22" t="s">
        <v>6523</v>
      </c>
    </row>
    <row r="1169" spans="1:3" x14ac:dyDescent="0.45">
      <c r="A1169" s="21" t="s">
        <v>4087</v>
      </c>
      <c r="B1169" t="s">
        <v>4088</v>
      </c>
      <c r="C1169" s="22" t="s">
        <v>6524</v>
      </c>
    </row>
    <row r="1170" spans="1:3" x14ac:dyDescent="0.45">
      <c r="A1170" s="21" t="s">
        <v>4089</v>
      </c>
      <c r="B1170" t="s">
        <v>4090</v>
      </c>
      <c r="C1170" s="22" t="s">
        <v>6525</v>
      </c>
    </row>
    <row r="1171" spans="1:3" x14ac:dyDescent="0.45">
      <c r="A1171" s="21" t="s">
        <v>4091</v>
      </c>
      <c r="B1171" t="s">
        <v>4092</v>
      </c>
      <c r="C1171" s="22" t="s">
        <v>6526</v>
      </c>
    </row>
    <row r="1172" spans="1:3" x14ac:dyDescent="0.45">
      <c r="A1172" s="21" t="s">
        <v>4093</v>
      </c>
      <c r="B1172" t="s">
        <v>4094</v>
      </c>
      <c r="C1172" s="22" t="s">
        <v>6527</v>
      </c>
    </row>
    <row r="1173" spans="1:3" x14ac:dyDescent="0.45">
      <c r="A1173" s="21" t="s">
        <v>4095</v>
      </c>
      <c r="B1173" t="s">
        <v>4096</v>
      </c>
      <c r="C1173" s="22" t="s">
        <v>6528</v>
      </c>
    </row>
    <row r="1174" spans="1:3" x14ac:dyDescent="0.45">
      <c r="A1174" s="21" t="s">
        <v>4097</v>
      </c>
      <c r="B1174" t="s">
        <v>4098</v>
      </c>
      <c r="C1174" s="22" t="s">
        <v>6529</v>
      </c>
    </row>
    <row r="1175" spans="1:3" x14ac:dyDescent="0.45">
      <c r="A1175" s="21" t="s">
        <v>4099</v>
      </c>
      <c r="B1175" t="s">
        <v>4100</v>
      </c>
      <c r="C1175" s="22" t="s">
        <v>6530</v>
      </c>
    </row>
    <row r="1176" spans="1:3" x14ac:dyDescent="0.45">
      <c r="A1176" s="21" t="s">
        <v>4101</v>
      </c>
      <c r="B1176" t="s">
        <v>4102</v>
      </c>
      <c r="C1176" s="22" t="s">
        <v>6531</v>
      </c>
    </row>
    <row r="1177" spans="1:3" x14ac:dyDescent="0.45">
      <c r="A1177" s="21" t="s">
        <v>4103</v>
      </c>
      <c r="B1177" t="s">
        <v>4104</v>
      </c>
      <c r="C1177" s="22" t="s">
        <v>6532</v>
      </c>
    </row>
    <row r="1178" spans="1:3" x14ac:dyDescent="0.45">
      <c r="A1178" s="21" t="s">
        <v>4105</v>
      </c>
      <c r="B1178" t="s">
        <v>4106</v>
      </c>
      <c r="C1178" s="22" t="s">
        <v>6533</v>
      </c>
    </row>
    <row r="1179" spans="1:3" x14ac:dyDescent="0.45">
      <c r="A1179" s="21" t="s">
        <v>4107</v>
      </c>
      <c r="B1179" t="s">
        <v>4108</v>
      </c>
      <c r="C1179" s="22" t="s">
        <v>6534</v>
      </c>
    </row>
    <row r="1180" spans="1:3" x14ac:dyDescent="0.45">
      <c r="A1180" s="21" t="s">
        <v>4109</v>
      </c>
      <c r="B1180" t="s">
        <v>4110</v>
      </c>
      <c r="C1180" s="22" t="s">
        <v>6535</v>
      </c>
    </row>
    <row r="1181" spans="1:3" x14ac:dyDescent="0.45">
      <c r="A1181" s="21" t="s">
        <v>4111</v>
      </c>
      <c r="B1181" t="s">
        <v>4112</v>
      </c>
      <c r="C1181" s="22" t="s">
        <v>6536</v>
      </c>
    </row>
    <row r="1182" spans="1:3" x14ac:dyDescent="0.45">
      <c r="A1182" s="21" t="s">
        <v>4113</v>
      </c>
      <c r="B1182" t="s">
        <v>4114</v>
      </c>
      <c r="C1182" s="22" t="s">
        <v>6537</v>
      </c>
    </row>
    <row r="1183" spans="1:3" x14ac:dyDescent="0.45">
      <c r="A1183" s="21" t="s">
        <v>4115</v>
      </c>
      <c r="B1183" t="s">
        <v>4116</v>
      </c>
      <c r="C1183" s="22" t="s">
        <v>6538</v>
      </c>
    </row>
    <row r="1184" spans="1:3" x14ac:dyDescent="0.45">
      <c r="A1184" s="21" t="s">
        <v>4117</v>
      </c>
      <c r="B1184" t="s">
        <v>4118</v>
      </c>
      <c r="C1184" s="22" t="s">
        <v>6539</v>
      </c>
    </row>
    <row r="1185" spans="1:3" x14ac:dyDescent="0.45">
      <c r="A1185" s="21" t="s">
        <v>4119</v>
      </c>
      <c r="B1185" t="s">
        <v>4120</v>
      </c>
      <c r="C1185" s="22" t="s">
        <v>6540</v>
      </c>
    </row>
    <row r="1186" spans="1:3" x14ac:dyDescent="0.45">
      <c r="A1186" s="21" t="s">
        <v>4121</v>
      </c>
      <c r="B1186" t="s">
        <v>4122</v>
      </c>
      <c r="C1186" s="22" t="s">
        <v>6541</v>
      </c>
    </row>
    <row r="1187" spans="1:3" x14ac:dyDescent="0.45">
      <c r="A1187" s="21" t="s">
        <v>4123</v>
      </c>
      <c r="B1187" t="s">
        <v>4124</v>
      </c>
      <c r="C1187" s="22" t="s">
        <v>6542</v>
      </c>
    </row>
    <row r="1188" spans="1:3" x14ac:dyDescent="0.45">
      <c r="A1188" s="21" t="s">
        <v>4125</v>
      </c>
      <c r="B1188" t="s">
        <v>4126</v>
      </c>
      <c r="C1188" s="22" t="s">
        <v>6543</v>
      </c>
    </row>
    <row r="1189" spans="1:3" x14ac:dyDescent="0.45">
      <c r="A1189" s="21" t="s">
        <v>4127</v>
      </c>
      <c r="B1189" t="s">
        <v>4128</v>
      </c>
      <c r="C1189" s="22" t="s">
        <v>6544</v>
      </c>
    </row>
    <row r="1190" spans="1:3" x14ac:dyDescent="0.45">
      <c r="A1190" s="21" t="s">
        <v>4129</v>
      </c>
      <c r="B1190" t="s">
        <v>4130</v>
      </c>
      <c r="C1190" s="22" t="s">
        <v>6545</v>
      </c>
    </row>
    <row r="1191" spans="1:3" x14ac:dyDescent="0.45">
      <c r="A1191" s="21" t="s">
        <v>4131</v>
      </c>
      <c r="B1191" t="s">
        <v>4132</v>
      </c>
      <c r="C1191" s="22" t="s">
        <v>6546</v>
      </c>
    </row>
    <row r="1192" spans="1:3" x14ac:dyDescent="0.45">
      <c r="A1192" s="21" t="s">
        <v>4133</v>
      </c>
      <c r="B1192" t="s">
        <v>4134</v>
      </c>
      <c r="C1192" s="22" t="s">
        <v>6547</v>
      </c>
    </row>
    <row r="1193" spans="1:3" x14ac:dyDescent="0.45">
      <c r="A1193" s="21" t="s">
        <v>4135</v>
      </c>
      <c r="B1193" t="s">
        <v>4136</v>
      </c>
      <c r="C1193" s="22" t="s">
        <v>6548</v>
      </c>
    </row>
    <row r="1194" spans="1:3" x14ac:dyDescent="0.45">
      <c r="A1194" s="21" t="s">
        <v>4137</v>
      </c>
      <c r="B1194" t="s">
        <v>4138</v>
      </c>
      <c r="C1194" s="22" t="s">
        <v>6549</v>
      </c>
    </row>
    <row r="1195" spans="1:3" x14ac:dyDescent="0.45">
      <c r="A1195" s="21" t="s">
        <v>4139</v>
      </c>
      <c r="B1195" t="s">
        <v>4140</v>
      </c>
      <c r="C1195" s="22" t="s">
        <v>6550</v>
      </c>
    </row>
    <row r="1196" spans="1:3" x14ac:dyDescent="0.45">
      <c r="A1196" s="21" t="s">
        <v>4141</v>
      </c>
      <c r="B1196" t="s">
        <v>4142</v>
      </c>
      <c r="C1196" s="22" t="s">
        <v>6551</v>
      </c>
    </row>
    <row r="1197" spans="1:3" x14ac:dyDescent="0.45">
      <c r="A1197" s="21" t="s">
        <v>4143</v>
      </c>
      <c r="B1197" t="s">
        <v>4144</v>
      </c>
      <c r="C1197" s="22" t="s">
        <v>6552</v>
      </c>
    </row>
    <row r="1198" spans="1:3" x14ac:dyDescent="0.45">
      <c r="A1198" s="21" t="s">
        <v>4145</v>
      </c>
      <c r="B1198" t="s">
        <v>4146</v>
      </c>
      <c r="C1198" s="22" t="s">
        <v>6553</v>
      </c>
    </row>
    <row r="1199" spans="1:3" x14ac:dyDescent="0.45">
      <c r="A1199" s="21" t="s">
        <v>4147</v>
      </c>
      <c r="B1199" t="s">
        <v>4148</v>
      </c>
      <c r="C1199" s="22" t="s">
        <v>6554</v>
      </c>
    </row>
    <row r="1200" spans="1:3" x14ac:dyDescent="0.45">
      <c r="A1200" s="21" t="s">
        <v>4149</v>
      </c>
      <c r="B1200" t="s">
        <v>4150</v>
      </c>
      <c r="C1200" s="22" t="s">
        <v>6555</v>
      </c>
    </row>
    <row r="1201" spans="1:3" x14ac:dyDescent="0.45">
      <c r="A1201" s="21" t="s">
        <v>4151</v>
      </c>
      <c r="B1201" t="s">
        <v>4152</v>
      </c>
      <c r="C1201" s="22" t="s">
        <v>6556</v>
      </c>
    </row>
    <row r="1202" spans="1:3" x14ac:dyDescent="0.45">
      <c r="A1202" s="21" t="s">
        <v>4153</v>
      </c>
      <c r="B1202" t="s">
        <v>4154</v>
      </c>
      <c r="C1202" s="22" t="s">
        <v>6557</v>
      </c>
    </row>
    <row r="1203" spans="1:3" x14ac:dyDescent="0.45">
      <c r="A1203" s="21" t="s">
        <v>4155</v>
      </c>
      <c r="B1203" t="s">
        <v>4156</v>
      </c>
      <c r="C1203" s="22" t="s">
        <v>6558</v>
      </c>
    </row>
    <row r="1204" spans="1:3" x14ac:dyDescent="0.45">
      <c r="A1204" s="21" t="s">
        <v>4157</v>
      </c>
      <c r="B1204" t="s">
        <v>4158</v>
      </c>
      <c r="C1204" s="22" t="s">
        <v>6559</v>
      </c>
    </row>
    <row r="1205" spans="1:3" x14ac:dyDescent="0.45">
      <c r="A1205" s="21" t="s">
        <v>4159</v>
      </c>
      <c r="B1205" t="s">
        <v>4160</v>
      </c>
      <c r="C1205" s="22" t="s">
        <v>6560</v>
      </c>
    </row>
    <row r="1206" spans="1:3" x14ac:dyDescent="0.45">
      <c r="A1206" s="21" t="s">
        <v>4161</v>
      </c>
      <c r="B1206" t="s">
        <v>4162</v>
      </c>
      <c r="C1206" s="22" t="s">
        <v>6561</v>
      </c>
    </row>
    <row r="1207" spans="1:3" x14ac:dyDescent="0.45">
      <c r="A1207" s="21" t="s">
        <v>4163</v>
      </c>
      <c r="B1207" t="s">
        <v>4164</v>
      </c>
      <c r="C1207" s="22" t="s">
        <v>6562</v>
      </c>
    </row>
    <row r="1208" spans="1:3" x14ac:dyDescent="0.45">
      <c r="A1208" s="21" t="s">
        <v>4165</v>
      </c>
      <c r="B1208" t="s">
        <v>4166</v>
      </c>
      <c r="C1208" s="22" t="s">
        <v>6563</v>
      </c>
    </row>
    <row r="1209" spans="1:3" x14ac:dyDescent="0.45">
      <c r="A1209" s="21" t="s">
        <v>4167</v>
      </c>
      <c r="B1209" t="s">
        <v>4168</v>
      </c>
      <c r="C1209" s="22" t="s">
        <v>6564</v>
      </c>
    </row>
    <row r="1210" spans="1:3" x14ac:dyDescent="0.45">
      <c r="A1210" s="21" t="s">
        <v>4169</v>
      </c>
      <c r="B1210" t="s">
        <v>4170</v>
      </c>
      <c r="C1210" s="22" t="s">
        <v>6565</v>
      </c>
    </row>
    <row r="1211" spans="1:3" x14ac:dyDescent="0.45">
      <c r="A1211" s="21" t="s">
        <v>4171</v>
      </c>
      <c r="B1211" t="s">
        <v>4172</v>
      </c>
      <c r="C1211" s="22" t="s">
        <v>6566</v>
      </c>
    </row>
    <row r="1212" spans="1:3" x14ac:dyDescent="0.45">
      <c r="A1212" s="21" t="s">
        <v>4173</v>
      </c>
      <c r="B1212" t="s">
        <v>4174</v>
      </c>
      <c r="C1212" s="22" t="s">
        <v>6567</v>
      </c>
    </row>
    <row r="1213" spans="1:3" x14ac:dyDescent="0.45">
      <c r="A1213" s="21" t="s">
        <v>4175</v>
      </c>
      <c r="B1213" t="s">
        <v>4176</v>
      </c>
      <c r="C1213" s="22" t="s">
        <v>6568</v>
      </c>
    </row>
    <row r="1214" spans="1:3" x14ac:dyDescent="0.45">
      <c r="A1214" s="21" t="s">
        <v>4177</v>
      </c>
      <c r="B1214" t="s">
        <v>4178</v>
      </c>
      <c r="C1214" s="22" t="s">
        <v>6569</v>
      </c>
    </row>
    <row r="1215" spans="1:3" x14ac:dyDescent="0.45">
      <c r="A1215" s="21" t="s">
        <v>4179</v>
      </c>
      <c r="B1215" t="s">
        <v>4180</v>
      </c>
      <c r="C1215" s="22" t="s">
        <v>6570</v>
      </c>
    </row>
    <row r="1216" spans="1:3" x14ac:dyDescent="0.45">
      <c r="A1216" s="21" t="s">
        <v>4181</v>
      </c>
      <c r="B1216" t="s">
        <v>4182</v>
      </c>
      <c r="C1216" s="22" t="s">
        <v>6571</v>
      </c>
    </row>
    <row r="1217" spans="1:3" x14ac:dyDescent="0.45">
      <c r="A1217" s="21" t="s">
        <v>4183</v>
      </c>
      <c r="B1217" t="s">
        <v>4184</v>
      </c>
      <c r="C1217" s="22" t="s">
        <v>6572</v>
      </c>
    </row>
    <row r="1218" spans="1:3" x14ac:dyDescent="0.45">
      <c r="A1218" s="21" t="s">
        <v>4185</v>
      </c>
      <c r="B1218" t="s">
        <v>4186</v>
      </c>
      <c r="C1218" s="22" t="s">
        <v>6573</v>
      </c>
    </row>
    <row r="1219" spans="1:3" x14ac:dyDescent="0.45">
      <c r="A1219" s="21" t="s">
        <v>4187</v>
      </c>
      <c r="B1219" t="s">
        <v>4188</v>
      </c>
      <c r="C1219" s="22" t="s">
        <v>6574</v>
      </c>
    </row>
    <row r="1220" spans="1:3" x14ac:dyDescent="0.45">
      <c r="A1220" s="21" t="s">
        <v>4189</v>
      </c>
      <c r="B1220" t="s">
        <v>4190</v>
      </c>
      <c r="C1220" s="22" t="s">
        <v>6575</v>
      </c>
    </row>
    <row r="1221" spans="1:3" x14ac:dyDescent="0.45">
      <c r="A1221" s="21" t="s">
        <v>4191</v>
      </c>
      <c r="B1221" t="s">
        <v>4192</v>
      </c>
      <c r="C1221" s="22" t="s">
        <v>6576</v>
      </c>
    </row>
    <row r="1222" spans="1:3" x14ac:dyDescent="0.45">
      <c r="A1222" s="21" t="s">
        <v>4193</v>
      </c>
      <c r="B1222" t="s">
        <v>4194</v>
      </c>
      <c r="C1222" s="22" t="s">
        <v>6577</v>
      </c>
    </row>
    <row r="1223" spans="1:3" x14ac:dyDescent="0.45">
      <c r="A1223" s="21" t="s">
        <v>4195</v>
      </c>
      <c r="B1223" t="s">
        <v>4196</v>
      </c>
      <c r="C1223" s="22" t="s">
        <v>6578</v>
      </c>
    </row>
    <row r="1224" spans="1:3" x14ac:dyDescent="0.45">
      <c r="A1224" s="21" t="s">
        <v>4197</v>
      </c>
      <c r="B1224" t="s">
        <v>4198</v>
      </c>
      <c r="C1224" s="22" t="s">
        <v>6579</v>
      </c>
    </row>
    <row r="1225" spans="1:3" x14ac:dyDescent="0.45">
      <c r="A1225" s="21" t="s">
        <v>4199</v>
      </c>
      <c r="B1225" t="s">
        <v>4200</v>
      </c>
      <c r="C1225" s="22" t="s">
        <v>6580</v>
      </c>
    </row>
    <row r="1226" spans="1:3" x14ac:dyDescent="0.45">
      <c r="A1226" s="21" t="s">
        <v>4201</v>
      </c>
      <c r="B1226" t="s">
        <v>4202</v>
      </c>
      <c r="C1226" s="22" t="s">
        <v>6581</v>
      </c>
    </row>
    <row r="1227" spans="1:3" x14ac:dyDescent="0.45">
      <c r="A1227" s="21" t="s">
        <v>4203</v>
      </c>
      <c r="B1227" t="s">
        <v>4204</v>
      </c>
      <c r="C1227" s="22" t="s">
        <v>6582</v>
      </c>
    </row>
    <row r="1228" spans="1:3" x14ac:dyDescent="0.45">
      <c r="A1228" s="21" t="s">
        <v>4205</v>
      </c>
      <c r="B1228" t="s">
        <v>4206</v>
      </c>
      <c r="C1228" s="22" t="s">
        <v>6583</v>
      </c>
    </row>
    <row r="1229" spans="1:3" x14ac:dyDescent="0.45">
      <c r="A1229" s="21" t="s">
        <v>4207</v>
      </c>
      <c r="B1229" t="s">
        <v>4208</v>
      </c>
      <c r="C1229" s="22" t="s">
        <v>6584</v>
      </c>
    </row>
    <row r="1230" spans="1:3" x14ac:dyDescent="0.45">
      <c r="A1230" s="21" t="s">
        <v>4209</v>
      </c>
      <c r="B1230" t="s">
        <v>4210</v>
      </c>
      <c r="C1230" s="22" t="s">
        <v>6585</v>
      </c>
    </row>
    <row r="1231" spans="1:3" x14ac:dyDescent="0.45">
      <c r="A1231" s="21" t="s">
        <v>4211</v>
      </c>
      <c r="B1231" t="s">
        <v>4212</v>
      </c>
      <c r="C1231" s="22" t="s">
        <v>6586</v>
      </c>
    </row>
    <row r="1232" spans="1:3" x14ac:dyDescent="0.45">
      <c r="A1232" s="21" t="s">
        <v>4213</v>
      </c>
      <c r="B1232" t="s">
        <v>4214</v>
      </c>
      <c r="C1232" s="22" t="s">
        <v>6587</v>
      </c>
    </row>
    <row r="1233" spans="1:3" x14ac:dyDescent="0.45">
      <c r="A1233" s="21" t="s">
        <v>4215</v>
      </c>
      <c r="B1233" t="s">
        <v>4216</v>
      </c>
      <c r="C1233" s="22" t="s">
        <v>6588</v>
      </c>
    </row>
    <row r="1234" spans="1:3" x14ac:dyDescent="0.45">
      <c r="A1234" s="21" t="s">
        <v>4217</v>
      </c>
      <c r="B1234" t="s">
        <v>4218</v>
      </c>
      <c r="C1234" s="22" t="s">
        <v>6589</v>
      </c>
    </row>
    <row r="1235" spans="1:3" x14ac:dyDescent="0.45">
      <c r="A1235" s="21" t="s">
        <v>4219</v>
      </c>
      <c r="B1235" t="s">
        <v>4220</v>
      </c>
      <c r="C1235" s="22" t="s">
        <v>6590</v>
      </c>
    </row>
    <row r="1236" spans="1:3" x14ac:dyDescent="0.45">
      <c r="A1236" s="21" t="s">
        <v>4221</v>
      </c>
      <c r="B1236" t="s">
        <v>4222</v>
      </c>
      <c r="C1236" s="22" t="s">
        <v>6591</v>
      </c>
    </row>
    <row r="1237" spans="1:3" x14ac:dyDescent="0.45">
      <c r="A1237" s="21" t="s">
        <v>4223</v>
      </c>
      <c r="B1237" t="s">
        <v>4224</v>
      </c>
      <c r="C1237" s="22" t="s">
        <v>6592</v>
      </c>
    </row>
    <row r="1238" spans="1:3" x14ac:dyDescent="0.45">
      <c r="A1238" s="21" t="s">
        <v>4225</v>
      </c>
      <c r="B1238" t="s">
        <v>4226</v>
      </c>
      <c r="C1238" s="22" t="s">
        <v>6593</v>
      </c>
    </row>
    <row r="1239" spans="1:3" x14ac:dyDescent="0.45">
      <c r="A1239" s="21" t="s">
        <v>4227</v>
      </c>
      <c r="B1239" t="s">
        <v>4228</v>
      </c>
      <c r="C1239" s="22" t="s">
        <v>6594</v>
      </c>
    </row>
    <row r="1240" spans="1:3" x14ac:dyDescent="0.45">
      <c r="A1240" s="21" t="s">
        <v>4229</v>
      </c>
      <c r="B1240" t="s">
        <v>4230</v>
      </c>
      <c r="C1240" s="22" t="s">
        <v>6595</v>
      </c>
    </row>
    <row r="1241" spans="1:3" x14ac:dyDescent="0.45">
      <c r="A1241" s="21" t="s">
        <v>4231</v>
      </c>
      <c r="B1241" t="s">
        <v>4232</v>
      </c>
      <c r="C1241" s="22" t="s">
        <v>6596</v>
      </c>
    </row>
    <row r="1242" spans="1:3" x14ac:dyDescent="0.45">
      <c r="A1242" s="21" t="s">
        <v>4233</v>
      </c>
      <c r="B1242" t="s">
        <v>4234</v>
      </c>
      <c r="C1242" s="22" t="s">
        <v>6597</v>
      </c>
    </row>
    <row r="1243" spans="1:3" x14ac:dyDescent="0.45">
      <c r="A1243" s="21" t="s">
        <v>4235</v>
      </c>
      <c r="B1243" t="s">
        <v>4236</v>
      </c>
      <c r="C1243" s="22" t="s">
        <v>6598</v>
      </c>
    </row>
    <row r="1244" spans="1:3" x14ac:dyDescent="0.45">
      <c r="A1244" s="21" t="s">
        <v>4237</v>
      </c>
      <c r="B1244" t="s">
        <v>4238</v>
      </c>
      <c r="C1244" s="22" t="s">
        <v>6599</v>
      </c>
    </row>
    <row r="1245" spans="1:3" x14ac:dyDescent="0.45">
      <c r="A1245" s="21" t="s">
        <v>4239</v>
      </c>
      <c r="B1245" t="s">
        <v>4240</v>
      </c>
      <c r="C1245" s="22" t="s">
        <v>6600</v>
      </c>
    </row>
    <row r="1246" spans="1:3" x14ac:dyDescent="0.45">
      <c r="A1246" s="21" t="s">
        <v>4241</v>
      </c>
      <c r="B1246" t="s">
        <v>4242</v>
      </c>
      <c r="C1246" s="22" t="s">
        <v>6601</v>
      </c>
    </row>
    <row r="1247" spans="1:3" x14ac:dyDescent="0.45">
      <c r="A1247" s="21" t="s">
        <v>4243</v>
      </c>
      <c r="B1247" t="s">
        <v>4244</v>
      </c>
      <c r="C1247" s="22" t="s">
        <v>6602</v>
      </c>
    </row>
    <row r="1248" spans="1:3" x14ac:dyDescent="0.45">
      <c r="A1248" s="21" t="s">
        <v>4245</v>
      </c>
      <c r="B1248" t="s">
        <v>4246</v>
      </c>
      <c r="C1248" s="22" t="s">
        <v>6603</v>
      </c>
    </row>
    <row r="1249" spans="1:3" x14ac:dyDescent="0.45">
      <c r="A1249" s="21" t="s">
        <v>4247</v>
      </c>
      <c r="B1249" t="s">
        <v>4248</v>
      </c>
      <c r="C1249" s="22" t="s">
        <v>6604</v>
      </c>
    </row>
    <row r="1250" spans="1:3" x14ac:dyDescent="0.45">
      <c r="A1250" s="21" t="s">
        <v>4249</v>
      </c>
      <c r="B1250" t="s">
        <v>4250</v>
      </c>
      <c r="C1250" s="22" t="s">
        <v>6605</v>
      </c>
    </row>
    <row r="1251" spans="1:3" x14ac:dyDescent="0.45">
      <c r="A1251" s="21" t="s">
        <v>4251</v>
      </c>
      <c r="B1251" t="s">
        <v>4252</v>
      </c>
      <c r="C1251" s="22" t="s">
        <v>6606</v>
      </c>
    </row>
    <row r="1252" spans="1:3" x14ac:dyDescent="0.45">
      <c r="A1252" s="21" t="s">
        <v>4253</v>
      </c>
      <c r="B1252" t="s">
        <v>4254</v>
      </c>
      <c r="C1252" s="22" t="s">
        <v>6607</v>
      </c>
    </row>
    <row r="1253" spans="1:3" x14ac:dyDescent="0.45">
      <c r="A1253" s="21" t="s">
        <v>4255</v>
      </c>
      <c r="B1253" t="s">
        <v>4256</v>
      </c>
      <c r="C1253" s="22" t="s">
        <v>6608</v>
      </c>
    </row>
    <row r="1254" spans="1:3" x14ac:dyDescent="0.45">
      <c r="A1254" s="21" t="s">
        <v>4257</v>
      </c>
      <c r="B1254" t="s">
        <v>4258</v>
      </c>
      <c r="C1254" s="22" t="s">
        <v>6609</v>
      </c>
    </row>
    <row r="1255" spans="1:3" x14ac:dyDescent="0.45">
      <c r="A1255" s="21" t="s">
        <v>4259</v>
      </c>
      <c r="B1255" t="s">
        <v>4260</v>
      </c>
      <c r="C1255" s="22" t="s">
        <v>6610</v>
      </c>
    </row>
    <row r="1256" spans="1:3" x14ac:dyDescent="0.45">
      <c r="A1256" s="21" t="s">
        <v>4261</v>
      </c>
      <c r="B1256" t="s">
        <v>4262</v>
      </c>
      <c r="C1256" s="22" t="s">
        <v>6611</v>
      </c>
    </row>
    <row r="1257" spans="1:3" x14ac:dyDescent="0.45">
      <c r="A1257" s="21" t="s">
        <v>4263</v>
      </c>
      <c r="B1257" t="s">
        <v>4264</v>
      </c>
      <c r="C1257" s="22" t="s">
        <v>6612</v>
      </c>
    </row>
    <row r="1258" spans="1:3" x14ac:dyDescent="0.45">
      <c r="A1258" s="21" t="s">
        <v>4265</v>
      </c>
      <c r="B1258" t="s">
        <v>4266</v>
      </c>
      <c r="C1258" s="22" t="s">
        <v>6613</v>
      </c>
    </row>
    <row r="1259" spans="1:3" x14ac:dyDescent="0.45">
      <c r="A1259" s="21" t="s">
        <v>4267</v>
      </c>
      <c r="B1259" t="s">
        <v>4268</v>
      </c>
      <c r="C1259" s="22" t="s">
        <v>6614</v>
      </c>
    </row>
    <row r="1260" spans="1:3" x14ac:dyDescent="0.45">
      <c r="A1260" s="21" t="s">
        <v>4269</v>
      </c>
      <c r="B1260" t="s">
        <v>4270</v>
      </c>
      <c r="C1260" s="22" t="s">
        <v>6615</v>
      </c>
    </row>
    <row r="1261" spans="1:3" x14ac:dyDescent="0.45">
      <c r="A1261" s="21" t="s">
        <v>4271</v>
      </c>
      <c r="B1261" t="s">
        <v>4272</v>
      </c>
      <c r="C1261" s="22" t="s">
        <v>6616</v>
      </c>
    </row>
    <row r="1262" spans="1:3" x14ac:dyDescent="0.45">
      <c r="A1262" s="21" t="s">
        <v>4273</v>
      </c>
      <c r="B1262" t="s">
        <v>4274</v>
      </c>
      <c r="C1262" s="22" t="s">
        <v>6617</v>
      </c>
    </row>
    <row r="1263" spans="1:3" x14ac:dyDescent="0.45">
      <c r="A1263" s="21" t="s">
        <v>4275</v>
      </c>
      <c r="B1263" t="s">
        <v>4276</v>
      </c>
      <c r="C1263" s="22" t="s">
        <v>6618</v>
      </c>
    </row>
    <row r="1264" spans="1:3" x14ac:dyDescent="0.45">
      <c r="A1264" s="21" t="s">
        <v>4277</v>
      </c>
      <c r="B1264" t="s">
        <v>4278</v>
      </c>
      <c r="C1264" s="22" t="s">
        <v>6619</v>
      </c>
    </row>
    <row r="1265" spans="1:3" x14ac:dyDescent="0.45">
      <c r="A1265" s="21" t="s">
        <v>4279</v>
      </c>
      <c r="B1265" t="s">
        <v>4280</v>
      </c>
      <c r="C1265" s="22" t="s">
        <v>6620</v>
      </c>
    </row>
    <row r="1266" spans="1:3" x14ac:dyDescent="0.45">
      <c r="A1266" s="21" t="s">
        <v>4281</v>
      </c>
      <c r="B1266" t="s">
        <v>4282</v>
      </c>
      <c r="C1266" s="22" t="s">
        <v>6621</v>
      </c>
    </row>
    <row r="1267" spans="1:3" x14ac:dyDescent="0.45">
      <c r="A1267" s="21" t="s">
        <v>4283</v>
      </c>
      <c r="B1267" t="s">
        <v>4284</v>
      </c>
      <c r="C1267" s="22" t="s">
        <v>6622</v>
      </c>
    </row>
    <row r="1268" spans="1:3" x14ac:dyDescent="0.45">
      <c r="A1268" s="21" t="s">
        <v>4285</v>
      </c>
      <c r="B1268" t="s">
        <v>4286</v>
      </c>
      <c r="C1268" s="22" t="s">
        <v>6623</v>
      </c>
    </row>
    <row r="1269" spans="1:3" x14ac:dyDescent="0.45">
      <c r="A1269" s="21" t="s">
        <v>4287</v>
      </c>
      <c r="B1269" t="s">
        <v>4288</v>
      </c>
      <c r="C1269" s="22" t="s">
        <v>6624</v>
      </c>
    </row>
    <row r="1270" spans="1:3" x14ac:dyDescent="0.45">
      <c r="A1270" s="21" t="s">
        <v>4289</v>
      </c>
      <c r="B1270" t="s">
        <v>4290</v>
      </c>
      <c r="C1270" s="22" t="s">
        <v>6625</v>
      </c>
    </row>
    <row r="1271" spans="1:3" x14ac:dyDescent="0.45">
      <c r="A1271" s="21" t="s">
        <v>4291</v>
      </c>
      <c r="B1271" t="s">
        <v>4292</v>
      </c>
      <c r="C1271" s="22" t="s">
        <v>6626</v>
      </c>
    </row>
    <row r="1272" spans="1:3" x14ac:dyDescent="0.45">
      <c r="A1272" s="21" t="s">
        <v>4293</v>
      </c>
      <c r="B1272" t="s">
        <v>4294</v>
      </c>
      <c r="C1272" s="22" t="s">
        <v>6627</v>
      </c>
    </row>
    <row r="1273" spans="1:3" x14ac:dyDescent="0.45">
      <c r="A1273" s="21" t="s">
        <v>4295</v>
      </c>
      <c r="B1273" t="s">
        <v>4296</v>
      </c>
      <c r="C1273" s="22" t="s">
        <v>6628</v>
      </c>
    </row>
    <row r="1274" spans="1:3" x14ac:dyDescent="0.45">
      <c r="A1274" s="21" t="s">
        <v>4297</v>
      </c>
      <c r="B1274" t="s">
        <v>4298</v>
      </c>
      <c r="C1274" s="22" t="s">
        <v>6629</v>
      </c>
    </row>
    <row r="1275" spans="1:3" x14ac:dyDescent="0.45">
      <c r="A1275" s="21" t="s">
        <v>4299</v>
      </c>
      <c r="B1275" t="s">
        <v>4300</v>
      </c>
      <c r="C1275" s="22" t="s">
        <v>6630</v>
      </c>
    </row>
    <row r="1276" spans="1:3" x14ac:dyDescent="0.45">
      <c r="A1276" s="21" t="s">
        <v>4301</v>
      </c>
      <c r="B1276" t="s">
        <v>4302</v>
      </c>
      <c r="C1276" s="22" t="s">
        <v>6631</v>
      </c>
    </row>
    <row r="1277" spans="1:3" x14ac:dyDescent="0.45">
      <c r="A1277" s="21" t="s">
        <v>4303</v>
      </c>
      <c r="B1277" t="s">
        <v>4304</v>
      </c>
      <c r="C1277" s="22" t="s">
        <v>6632</v>
      </c>
    </row>
    <row r="1278" spans="1:3" x14ac:dyDescent="0.45">
      <c r="A1278" s="21" t="s">
        <v>4305</v>
      </c>
      <c r="B1278" t="s">
        <v>4306</v>
      </c>
      <c r="C1278" s="22" t="s">
        <v>6633</v>
      </c>
    </row>
    <row r="1279" spans="1:3" x14ac:dyDescent="0.45">
      <c r="A1279" s="21" t="s">
        <v>4307</v>
      </c>
      <c r="B1279" t="s">
        <v>4308</v>
      </c>
      <c r="C1279" s="22" t="s">
        <v>6634</v>
      </c>
    </row>
    <row r="1280" spans="1:3" x14ac:dyDescent="0.45">
      <c r="A1280" s="21" t="s">
        <v>4309</v>
      </c>
      <c r="B1280" t="s">
        <v>4310</v>
      </c>
      <c r="C1280" s="22" t="s">
        <v>6635</v>
      </c>
    </row>
    <row r="1281" spans="1:3" x14ac:dyDescent="0.45">
      <c r="A1281" s="21" t="s">
        <v>4311</v>
      </c>
      <c r="B1281" t="s">
        <v>4312</v>
      </c>
      <c r="C1281" s="22" t="s">
        <v>6636</v>
      </c>
    </row>
    <row r="1282" spans="1:3" x14ac:dyDescent="0.45">
      <c r="A1282" s="21" t="s">
        <v>4313</v>
      </c>
      <c r="B1282" t="s">
        <v>4314</v>
      </c>
      <c r="C1282" s="22" t="s">
        <v>6637</v>
      </c>
    </row>
    <row r="1283" spans="1:3" x14ac:dyDescent="0.45">
      <c r="A1283" s="21" t="s">
        <v>4315</v>
      </c>
      <c r="B1283" t="s">
        <v>4316</v>
      </c>
      <c r="C1283" s="22" t="s">
        <v>6638</v>
      </c>
    </row>
    <row r="1284" spans="1:3" x14ac:dyDescent="0.45">
      <c r="A1284" s="21" t="s">
        <v>4317</v>
      </c>
      <c r="B1284" t="s">
        <v>4318</v>
      </c>
      <c r="C1284" s="22" t="s">
        <v>6639</v>
      </c>
    </row>
    <row r="1285" spans="1:3" x14ac:dyDescent="0.45">
      <c r="A1285" s="21" t="s">
        <v>4319</v>
      </c>
      <c r="B1285" t="s">
        <v>4320</v>
      </c>
      <c r="C1285" s="22" t="s">
        <v>6640</v>
      </c>
    </row>
    <row r="1286" spans="1:3" x14ac:dyDescent="0.45">
      <c r="A1286" s="21" t="s">
        <v>4321</v>
      </c>
      <c r="B1286" t="s">
        <v>4322</v>
      </c>
      <c r="C1286" s="22" t="s">
        <v>6641</v>
      </c>
    </row>
    <row r="1287" spans="1:3" x14ac:dyDescent="0.45">
      <c r="A1287" s="21" t="s">
        <v>4323</v>
      </c>
      <c r="B1287" t="s">
        <v>4324</v>
      </c>
      <c r="C1287" s="22" t="s">
        <v>6642</v>
      </c>
    </row>
    <row r="1288" spans="1:3" x14ac:dyDescent="0.45">
      <c r="A1288" s="21" t="s">
        <v>4325</v>
      </c>
      <c r="B1288" t="s">
        <v>4326</v>
      </c>
      <c r="C1288" s="22" t="s">
        <v>6643</v>
      </c>
    </row>
    <row r="1289" spans="1:3" x14ac:dyDescent="0.45">
      <c r="A1289" s="21" t="s">
        <v>4327</v>
      </c>
      <c r="B1289" t="s">
        <v>4328</v>
      </c>
      <c r="C1289" s="22" t="s">
        <v>6644</v>
      </c>
    </row>
    <row r="1290" spans="1:3" x14ac:dyDescent="0.45">
      <c r="A1290" s="21" t="s">
        <v>4329</v>
      </c>
      <c r="B1290" t="s">
        <v>4330</v>
      </c>
      <c r="C1290" s="22" t="s">
        <v>6645</v>
      </c>
    </row>
    <row r="1291" spans="1:3" x14ac:dyDescent="0.45">
      <c r="A1291" s="21" t="s">
        <v>4331</v>
      </c>
      <c r="B1291" t="s">
        <v>4332</v>
      </c>
      <c r="C1291" s="22" t="s">
        <v>6646</v>
      </c>
    </row>
    <row r="1292" spans="1:3" x14ac:dyDescent="0.45">
      <c r="A1292" s="21" t="s">
        <v>4333</v>
      </c>
      <c r="B1292" t="s">
        <v>4334</v>
      </c>
      <c r="C1292" s="22" t="s">
        <v>6647</v>
      </c>
    </row>
    <row r="1293" spans="1:3" x14ac:dyDescent="0.45">
      <c r="A1293" s="21" t="s">
        <v>4335</v>
      </c>
      <c r="B1293" t="s">
        <v>4336</v>
      </c>
      <c r="C1293" s="22" t="s">
        <v>6648</v>
      </c>
    </row>
    <row r="1294" spans="1:3" x14ac:dyDescent="0.45">
      <c r="A1294" s="21" t="s">
        <v>4337</v>
      </c>
      <c r="B1294" t="s">
        <v>4338</v>
      </c>
      <c r="C1294" s="22" t="s">
        <v>6649</v>
      </c>
    </row>
    <row r="1295" spans="1:3" x14ac:dyDescent="0.45">
      <c r="A1295" s="21" t="s">
        <v>4339</v>
      </c>
      <c r="B1295" t="s">
        <v>4340</v>
      </c>
      <c r="C1295" s="22" t="s">
        <v>6650</v>
      </c>
    </row>
    <row r="1296" spans="1:3" x14ac:dyDescent="0.45">
      <c r="A1296" s="21" t="s">
        <v>4341</v>
      </c>
      <c r="B1296" t="s">
        <v>4342</v>
      </c>
      <c r="C1296" s="22" t="s">
        <v>6651</v>
      </c>
    </row>
    <row r="1297" spans="1:3" x14ac:dyDescent="0.45">
      <c r="A1297" s="21" t="s">
        <v>4343</v>
      </c>
      <c r="B1297" t="s">
        <v>4344</v>
      </c>
      <c r="C1297" s="22" t="s">
        <v>6652</v>
      </c>
    </row>
    <row r="1298" spans="1:3" x14ac:dyDescent="0.45">
      <c r="A1298" s="21" t="s">
        <v>4345</v>
      </c>
      <c r="B1298" t="s">
        <v>4346</v>
      </c>
      <c r="C1298" s="22" t="s">
        <v>6653</v>
      </c>
    </row>
    <row r="1299" spans="1:3" x14ac:dyDescent="0.45">
      <c r="A1299" s="21" t="s">
        <v>4347</v>
      </c>
      <c r="B1299" t="s">
        <v>4348</v>
      </c>
      <c r="C1299" s="22" t="s">
        <v>6654</v>
      </c>
    </row>
    <row r="1300" spans="1:3" x14ac:dyDescent="0.45">
      <c r="A1300" s="21" t="s">
        <v>4349</v>
      </c>
      <c r="B1300" t="s">
        <v>4350</v>
      </c>
      <c r="C1300" s="22" t="s">
        <v>6655</v>
      </c>
    </row>
    <row r="1301" spans="1:3" x14ac:dyDescent="0.45">
      <c r="A1301" s="21" t="s">
        <v>4351</v>
      </c>
      <c r="B1301" t="s">
        <v>4352</v>
      </c>
      <c r="C1301" s="22" t="s">
        <v>6656</v>
      </c>
    </row>
    <row r="1302" spans="1:3" x14ac:dyDescent="0.45">
      <c r="A1302" s="21" t="s">
        <v>4353</v>
      </c>
      <c r="B1302" t="s">
        <v>4354</v>
      </c>
      <c r="C1302" s="22" t="s">
        <v>6657</v>
      </c>
    </row>
    <row r="1303" spans="1:3" x14ac:dyDescent="0.45">
      <c r="A1303" s="21" t="s">
        <v>4355</v>
      </c>
      <c r="B1303" t="s">
        <v>4356</v>
      </c>
      <c r="C1303" s="22" t="s">
        <v>6658</v>
      </c>
    </row>
    <row r="1304" spans="1:3" x14ac:dyDescent="0.45">
      <c r="A1304" s="21" t="s">
        <v>4357</v>
      </c>
      <c r="B1304" t="s">
        <v>4358</v>
      </c>
      <c r="C1304" s="22" t="s">
        <v>6659</v>
      </c>
    </row>
    <row r="1305" spans="1:3" x14ac:dyDescent="0.45">
      <c r="A1305" s="21" t="s">
        <v>4359</v>
      </c>
      <c r="B1305" t="s">
        <v>4360</v>
      </c>
      <c r="C1305" s="22" t="s">
        <v>6660</v>
      </c>
    </row>
    <row r="1306" spans="1:3" x14ac:dyDescent="0.45">
      <c r="A1306" s="21" t="s">
        <v>4361</v>
      </c>
      <c r="B1306" t="s">
        <v>4362</v>
      </c>
      <c r="C1306" s="22" t="s">
        <v>6661</v>
      </c>
    </row>
    <row r="1307" spans="1:3" x14ac:dyDescent="0.45">
      <c r="A1307" s="21" t="s">
        <v>4363</v>
      </c>
      <c r="B1307" t="s">
        <v>4364</v>
      </c>
      <c r="C1307" s="22" t="s">
        <v>6662</v>
      </c>
    </row>
    <row r="1308" spans="1:3" x14ac:dyDescent="0.45">
      <c r="A1308" s="21" t="s">
        <v>4365</v>
      </c>
      <c r="B1308" t="s">
        <v>4366</v>
      </c>
      <c r="C1308" s="22" t="s">
        <v>6663</v>
      </c>
    </row>
    <row r="1309" spans="1:3" x14ac:dyDescent="0.45">
      <c r="A1309" s="21" t="s">
        <v>4367</v>
      </c>
      <c r="B1309" t="s">
        <v>4368</v>
      </c>
      <c r="C1309" s="22" t="s">
        <v>6664</v>
      </c>
    </row>
    <row r="1310" spans="1:3" x14ac:dyDescent="0.45">
      <c r="A1310" s="21" t="s">
        <v>4369</v>
      </c>
      <c r="B1310" t="s">
        <v>4370</v>
      </c>
      <c r="C1310" s="22" t="s">
        <v>6665</v>
      </c>
    </row>
    <row r="1311" spans="1:3" x14ac:dyDescent="0.45">
      <c r="A1311" s="21" t="s">
        <v>4371</v>
      </c>
      <c r="B1311" t="s">
        <v>4372</v>
      </c>
      <c r="C1311" s="22" t="s">
        <v>6666</v>
      </c>
    </row>
    <row r="1312" spans="1:3" x14ac:dyDescent="0.45">
      <c r="A1312" s="21" t="s">
        <v>4373</v>
      </c>
      <c r="B1312" t="s">
        <v>4374</v>
      </c>
      <c r="C1312" s="22" t="s">
        <v>6667</v>
      </c>
    </row>
    <row r="1313" spans="1:3" x14ac:dyDescent="0.45">
      <c r="A1313" s="21" t="s">
        <v>4375</v>
      </c>
      <c r="B1313" t="s">
        <v>4376</v>
      </c>
      <c r="C1313" s="22" t="s">
        <v>6668</v>
      </c>
    </row>
    <row r="1314" spans="1:3" x14ac:dyDescent="0.45">
      <c r="A1314" s="21" t="s">
        <v>4377</v>
      </c>
      <c r="B1314" t="s">
        <v>4378</v>
      </c>
      <c r="C1314" s="22" t="s">
        <v>6669</v>
      </c>
    </row>
    <row r="1315" spans="1:3" x14ac:dyDescent="0.45">
      <c r="A1315" s="21" t="s">
        <v>4379</v>
      </c>
      <c r="B1315" t="s">
        <v>4380</v>
      </c>
      <c r="C1315" s="22" t="s">
        <v>6670</v>
      </c>
    </row>
    <row r="1316" spans="1:3" x14ac:dyDescent="0.45">
      <c r="A1316" s="21" t="s">
        <v>4381</v>
      </c>
      <c r="B1316" t="s">
        <v>4382</v>
      </c>
      <c r="C1316" s="22" t="s">
        <v>6671</v>
      </c>
    </row>
    <row r="1317" spans="1:3" x14ac:dyDescent="0.45">
      <c r="A1317" s="21" t="s">
        <v>4383</v>
      </c>
      <c r="B1317" t="s">
        <v>4384</v>
      </c>
      <c r="C1317" s="22" t="s">
        <v>6672</v>
      </c>
    </row>
    <row r="1318" spans="1:3" x14ac:dyDescent="0.45">
      <c r="A1318" s="21" t="s">
        <v>4385</v>
      </c>
      <c r="B1318" t="s">
        <v>4386</v>
      </c>
      <c r="C1318" s="22" t="s">
        <v>6673</v>
      </c>
    </row>
    <row r="1319" spans="1:3" x14ac:dyDescent="0.45">
      <c r="A1319" s="21" t="s">
        <v>4387</v>
      </c>
      <c r="B1319" t="s">
        <v>4388</v>
      </c>
      <c r="C1319" s="22" t="s">
        <v>6674</v>
      </c>
    </row>
    <row r="1320" spans="1:3" x14ac:dyDescent="0.45">
      <c r="A1320" s="21" t="s">
        <v>4389</v>
      </c>
      <c r="B1320" t="s">
        <v>4390</v>
      </c>
      <c r="C1320" s="22" t="s">
        <v>6675</v>
      </c>
    </row>
    <row r="1321" spans="1:3" x14ac:dyDescent="0.45">
      <c r="A1321" s="21" t="s">
        <v>4391</v>
      </c>
      <c r="B1321" t="s">
        <v>4392</v>
      </c>
      <c r="C1321" s="22" t="s">
        <v>6676</v>
      </c>
    </row>
    <row r="1322" spans="1:3" x14ac:dyDescent="0.45">
      <c r="A1322" s="21" t="s">
        <v>4393</v>
      </c>
      <c r="B1322" t="s">
        <v>4394</v>
      </c>
      <c r="C1322" s="22" t="s">
        <v>6677</v>
      </c>
    </row>
    <row r="1323" spans="1:3" x14ac:dyDescent="0.45">
      <c r="A1323" s="21" t="s">
        <v>4395</v>
      </c>
      <c r="B1323" t="s">
        <v>4396</v>
      </c>
      <c r="C1323" s="22" t="s">
        <v>6678</v>
      </c>
    </row>
    <row r="1324" spans="1:3" x14ac:dyDescent="0.45">
      <c r="A1324" s="21" t="s">
        <v>4397</v>
      </c>
      <c r="B1324" t="s">
        <v>4398</v>
      </c>
      <c r="C1324" s="22" t="s">
        <v>6679</v>
      </c>
    </row>
    <row r="1325" spans="1:3" x14ac:dyDescent="0.45">
      <c r="A1325" s="21" t="s">
        <v>4399</v>
      </c>
      <c r="B1325" t="s">
        <v>4400</v>
      </c>
      <c r="C1325" s="22" t="s">
        <v>6680</v>
      </c>
    </row>
    <row r="1326" spans="1:3" x14ac:dyDescent="0.45">
      <c r="A1326" s="21" t="s">
        <v>4401</v>
      </c>
      <c r="B1326" t="s">
        <v>4402</v>
      </c>
      <c r="C1326" s="22" t="s">
        <v>6681</v>
      </c>
    </row>
    <row r="1327" spans="1:3" x14ac:dyDescent="0.45">
      <c r="A1327" s="21" t="s">
        <v>4403</v>
      </c>
      <c r="B1327" t="s">
        <v>4404</v>
      </c>
      <c r="C1327" s="22" t="s">
        <v>6682</v>
      </c>
    </row>
    <row r="1328" spans="1:3" x14ac:dyDescent="0.45">
      <c r="A1328" s="21" t="s">
        <v>4405</v>
      </c>
      <c r="B1328" t="s">
        <v>4406</v>
      </c>
      <c r="C1328" s="22" t="s">
        <v>6683</v>
      </c>
    </row>
    <row r="1329" spans="1:3" x14ac:dyDescent="0.45">
      <c r="A1329" s="21" t="s">
        <v>4407</v>
      </c>
      <c r="B1329" t="s">
        <v>4408</v>
      </c>
      <c r="C1329" s="22" t="s">
        <v>6684</v>
      </c>
    </row>
    <row r="1330" spans="1:3" x14ac:dyDescent="0.45">
      <c r="A1330" s="21" t="s">
        <v>4409</v>
      </c>
      <c r="B1330" t="s">
        <v>4410</v>
      </c>
      <c r="C1330" s="22" t="s">
        <v>6685</v>
      </c>
    </row>
    <row r="1331" spans="1:3" x14ac:dyDescent="0.45">
      <c r="A1331" s="21" t="s">
        <v>4411</v>
      </c>
      <c r="B1331" t="s">
        <v>4412</v>
      </c>
      <c r="C1331" s="22" t="s">
        <v>6686</v>
      </c>
    </row>
    <row r="1332" spans="1:3" x14ac:dyDescent="0.45">
      <c r="A1332" s="21" t="s">
        <v>4413</v>
      </c>
      <c r="B1332" t="s">
        <v>4414</v>
      </c>
      <c r="C1332" s="22" t="s">
        <v>6687</v>
      </c>
    </row>
    <row r="1333" spans="1:3" x14ac:dyDescent="0.45">
      <c r="A1333" s="21" t="s">
        <v>4415</v>
      </c>
      <c r="B1333" t="s">
        <v>4416</v>
      </c>
      <c r="C1333" s="22" t="s">
        <v>6688</v>
      </c>
    </row>
    <row r="1334" spans="1:3" x14ac:dyDescent="0.45">
      <c r="A1334" s="21" t="s">
        <v>4417</v>
      </c>
      <c r="B1334" t="s">
        <v>4418</v>
      </c>
      <c r="C1334" s="22" t="s">
        <v>6689</v>
      </c>
    </row>
    <row r="1335" spans="1:3" x14ac:dyDescent="0.45">
      <c r="A1335" s="21" t="s">
        <v>4419</v>
      </c>
      <c r="B1335" t="s">
        <v>4420</v>
      </c>
      <c r="C1335" s="22" t="s">
        <v>6690</v>
      </c>
    </row>
    <row r="1336" spans="1:3" x14ac:dyDescent="0.45">
      <c r="A1336" s="21" t="s">
        <v>4421</v>
      </c>
      <c r="B1336" t="s">
        <v>4422</v>
      </c>
      <c r="C1336" s="22" t="s">
        <v>6691</v>
      </c>
    </row>
    <row r="1337" spans="1:3" x14ac:dyDescent="0.45">
      <c r="A1337" s="21" t="s">
        <v>4423</v>
      </c>
      <c r="B1337" t="s">
        <v>4424</v>
      </c>
      <c r="C1337" s="22" t="s">
        <v>6692</v>
      </c>
    </row>
    <row r="1338" spans="1:3" x14ac:dyDescent="0.45">
      <c r="A1338" s="21" t="s">
        <v>4425</v>
      </c>
      <c r="B1338" t="s">
        <v>4426</v>
      </c>
      <c r="C1338" s="22" t="s">
        <v>6693</v>
      </c>
    </row>
    <row r="1339" spans="1:3" x14ac:dyDescent="0.45">
      <c r="A1339" s="21" t="s">
        <v>4427</v>
      </c>
      <c r="B1339" t="s">
        <v>4428</v>
      </c>
      <c r="C1339" s="22" t="s">
        <v>6694</v>
      </c>
    </row>
    <row r="1340" spans="1:3" x14ac:dyDescent="0.45">
      <c r="A1340" s="21" t="s">
        <v>4429</v>
      </c>
      <c r="B1340" t="s">
        <v>4430</v>
      </c>
      <c r="C1340" s="22" t="s">
        <v>6695</v>
      </c>
    </row>
    <row r="1341" spans="1:3" x14ac:dyDescent="0.45">
      <c r="A1341" s="21" t="s">
        <v>4431</v>
      </c>
      <c r="B1341" t="s">
        <v>4432</v>
      </c>
      <c r="C1341" s="22" t="s">
        <v>6696</v>
      </c>
    </row>
    <row r="1342" spans="1:3" x14ac:dyDescent="0.45">
      <c r="A1342" s="21" t="s">
        <v>4433</v>
      </c>
      <c r="B1342" t="s">
        <v>4434</v>
      </c>
      <c r="C1342" s="22" t="s">
        <v>6697</v>
      </c>
    </row>
    <row r="1343" spans="1:3" x14ac:dyDescent="0.45">
      <c r="A1343" s="21" t="s">
        <v>4435</v>
      </c>
      <c r="B1343" t="s">
        <v>4436</v>
      </c>
      <c r="C1343" s="22" t="s">
        <v>6698</v>
      </c>
    </row>
    <row r="1344" spans="1:3" x14ac:dyDescent="0.45">
      <c r="A1344" s="21" t="s">
        <v>4437</v>
      </c>
      <c r="B1344" t="s">
        <v>4438</v>
      </c>
      <c r="C1344" s="22" t="s">
        <v>6699</v>
      </c>
    </row>
    <row r="1345" spans="1:3" x14ac:dyDescent="0.45">
      <c r="A1345" s="21" t="s">
        <v>4439</v>
      </c>
      <c r="B1345" t="s">
        <v>4440</v>
      </c>
      <c r="C1345" s="22" t="s">
        <v>6700</v>
      </c>
    </row>
    <row r="1346" spans="1:3" x14ac:dyDescent="0.45">
      <c r="A1346" s="21" t="s">
        <v>4441</v>
      </c>
      <c r="B1346" t="s">
        <v>4442</v>
      </c>
      <c r="C1346" s="22" t="s">
        <v>6701</v>
      </c>
    </row>
    <row r="1347" spans="1:3" x14ac:dyDescent="0.45">
      <c r="A1347" s="21" t="s">
        <v>4443</v>
      </c>
      <c r="B1347" t="s">
        <v>4444</v>
      </c>
      <c r="C1347" s="22" t="s">
        <v>6702</v>
      </c>
    </row>
    <row r="1348" spans="1:3" x14ac:dyDescent="0.45">
      <c r="A1348" s="21" t="s">
        <v>4445</v>
      </c>
      <c r="B1348" t="s">
        <v>4446</v>
      </c>
      <c r="C1348" s="22" t="s">
        <v>6703</v>
      </c>
    </row>
    <row r="1349" spans="1:3" x14ac:dyDescent="0.45">
      <c r="A1349" s="21" t="s">
        <v>4447</v>
      </c>
      <c r="B1349" t="s">
        <v>4448</v>
      </c>
      <c r="C1349" s="22" t="s">
        <v>6704</v>
      </c>
    </row>
    <row r="1350" spans="1:3" x14ac:dyDescent="0.45">
      <c r="A1350" s="21" t="s">
        <v>4449</v>
      </c>
      <c r="B1350" t="s">
        <v>4450</v>
      </c>
      <c r="C1350" s="22" t="s">
        <v>6705</v>
      </c>
    </row>
    <row r="1351" spans="1:3" x14ac:dyDescent="0.45">
      <c r="A1351" s="21" t="s">
        <v>4451</v>
      </c>
      <c r="B1351" t="s">
        <v>4452</v>
      </c>
      <c r="C1351" s="22" t="s">
        <v>6706</v>
      </c>
    </row>
    <row r="1352" spans="1:3" x14ac:dyDescent="0.45">
      <c r="A1352" s="21" t="s">
        <v>4453</v>
      </c>
      <c r="B1352" t="s">
        <v>4454</v>
      </c>
      <c r="C1352" s="22" t="s">
        <v>6707</v>
      </c>
    </row>
    <row r="1353" spans="1:3" x14ac:dyDescent="0.45">
      <c r="A1353" s="21" t="s">
        <v>4455</v>
      </c>
      <c r="B1353" t="s">
        <v>4456</v>
      </c>
      <c r="C1353" s="22" t="s">
        <v>6708</v>
      </c>
    </row>
    <row r="1354" spans="1:3" x14ac:dyDescent="0.45">
      <c r="A1354" s="21" t="s">
        <v>4457</v>
      </c>
      <c r="B1354" t="s">
        <v>4458</v>
      </c>
      <c r="C1354" s="22" t="s">
        <v>6709</v>
      </c>
    </row>
    <row r="1355" spans="1:3" x14ac:dyDescent="0.45">
      <c r="A1355" s="21" t="s">
        <v>4459</v>
      </c>
      <c r="B1355" t="s">
        <v>4460</v>
      </c>
      <c r="C1355" s="22" t="s">
        <v>6710</v>
      </c>
    </row>
    <row r="1356" spans="1:3" x14ac:dyDescent="0.45">
      <c r="A1356" s="21" t="s">
        <v>4461</v>
      </c>
      <c r="B1356" t="s">
        <v>4462</v>
      </c>
      <c r="C1356" s="22" t="s">
        <v>6711</v>
      </c>
    </row>
    <row r="1357" spans="1:3" x14ac:dyDescent="0.45">
      <c r="A1357" s="21" t="s">
        <v>4463</v>
      </c>
      <c r="B1357" t="s">
        <v>4464</v>
      </c>
      <c r="C1357" s="22" t="s">
        <v>6712</v>
      </c>
    </row>
    <row r="1358" spans="1:3" x14ac:dyDescent="0.45">
      <c r="A1358" s="21" t="s">
        <v>4465</v>
      </c>
      <c r="B1358" t="s">
        <v>4466</v>
      </c>
      <c r="C1358" s="22" t="s">
        <v>6713</v>
      </c>
    </row>
    <row r="1359" spans="1:3" x14ac:dyDescent="0.45">
      <c r="A1359" s="21" t="s">
        <v>4467</v>
      </c>
      <c r="B1359" t="s">
        <v>4468</v>
      </c>
      <c r="C1359" s="22" t="s">
        <v>6714</v>
      </c>
    </row>
    <row r="1360" spans="1:3" x14ac:dyDescent="0.45">
      <c r="A1360" s="21" t="s">
        <v>4469</v>
      </c>
      <c r="B1360" t="s">
        <v>4470</v>
      </c>
      <c r="C1360" s="22" t="s">
        <v>6715</v>
      </c>
    </row>
    <row r="1361" spans="1:3" x14ac:dyDescent="0.45">
      <c r="A1361" s="21" t="s">
        <v>4471</v>
      </c>
      <c r="B1361" t="s">
        <v>4472</v>
      </c>
      <c r="C1361" s="22" t="s">
        <v>6716</v>
      </c>
    </row>
    <row r="1362" spans="1:3" x14ac:dyDescent="0.45">
      <c r="A1362" s="21" t="s">
        <v>4473</v>
      </c>
      <c r="B1362" t="s">
        <v>4474</v>
      </c>
      <c r="C1362" s="22" t="s">
        <v>6717</v>
      </c>
    </row>
    <row r="1363" spans="1:3" x14ac:dyDescent="0.45">
      <c r="A1363" s="21" t="s">
        <v>4475</v>
      </c>
      <c r="B1363" t="s">
        <v>4476</v>
      </c>
      <c r="C1363" s="22" t="s">
        <v>6718</v>
      </c>
    </row>
    <row r="1364" spans="1:3" x14ac:dyDescent="0.45">
      <c r="A1364" s="21" t="s">
        <v>4477</v>
      </c>
      <c r="B1364" t="s">
        <v>4478</v>
      </c>
      <c r="C1364" s="22" t="s">
        <v>6719</v>
      </c>
    </row>
    <row r="1365" spans="1:3" x14ac:dyDescent="0.45">
      <c r="A1365" s="21" t="s">
        <v>4479</v>
      </c>
      <c r="B1365" t="s">
        <v>4480</v>
      </c>
      <c r="C1365" s="22" t="s">
        <v>6720</v>
      </c>
    </row>
    <row r="1366" spans="1:3" x14ac:dyDescent="0.45">
      <c r="A1366" s="21" t="s">
        <v>4481</v>
      </c>
      <c r="B1366" t="s">
        <v>4482</v>
      </c>
      <c r="C1366" s="22" t="s">
        <v>6721</v>
      </c>
    </row>
    <row r="1367" spans="1:3" x14ac:dyDescent="0.45">
      <c r="A1367" s="21" t="s">
        <v>4483</v>
      </c>
      <c r="B1367" t="s">
        <v>4484</v>
      </c>
      <c r="C1367" s="22" t="s">
        <v>6722</v>
      </c>
    </row>
    <row r="1368" spans="1:3" x14ac:dyDescent="0.45">
      <c r="A1368" s="21" t="s">
        <v>4485</v>
      </c>
      <c r="B1368" t="s">
        <v>4486</v>
      </c>
      <c r="C1368" s="22" t="s">
        <v>6723</v>
      </c>
    </row>
    <row r="1369" spans="1:3" x14ac:dyDescent="0.45">
      <c r="A1369" s="21" t="s">
        <v>4487</v>
      </c>
      <c r="B1369" t="s">
        <v>4488</v>
      </c>
      <c r="C1369" s="22" t="s">
        <v>6724</v>
      </c>
    </row>
    <row r="1370" spans="1:3" x14ac:dyDescent="0.45">
      <c r="A1370" s="21" t="s">
        <v>4489</v>
      </c>
      <c r="B1370" t="s">
        <v>4490</v>
      </c>
      <c r="C1370" s="22" t="s">
        <v>6725</v>
      </c>
    </row>
    <row r="1371" spans="1:3" x14ac:dyDescent="0.45">
      <c r="A1371" s="21" t="s">
        <v>4491</v>
      </c>
      <c r="B1371" t="s">
        <v>4492</v>
      </c>
      <c r="C1371" s="22" t="s">
        <v>6726</v>
      </c>
    </row>
    <row r="1372" spans="1:3" x14ac:dyDescent="0.45">
      <c r="A1372" s="21" t="s">
        <v>4493</v>
      </c>
      <c r="B1372" t="s">
        <v>4494</v>
      </c>
      <c r="C1372" s="22" t="s">
        <v>6727</v>
      </c>
    </row>
    <row r="1373" spans="1:3" x14ac:dyDescent="0.45">
      <c r="A1373" s="21" t="s">
        <v>4495</v>
      </c>
      <c r="B1373" t="s">
        <v>4496</v>
      </c>
      <c r="C1373" s="22" t="s">
        <v>6728</v>
      </c>
    </row>
    <row r="1374" spans="1:3" x14ac:dyDescent="0.45">
      <c r="A1374" s="21" t="s">
        <v>4497</v>
      </c>
      <c r="B1374" t="s">
        <v>4498</v>
      </c>
      <c r="C1374" s="22" t="s">
        <v>6729</v>
      </c>
    </row>
    <row r="1375" spans="1:3" x14ac:dyDescent="0.45">
      <c r="A1375" s="21" t="s">
        <v>4499</v>
      </c>
      <c r="B1375" t="s">
        <v>4500</v>
      </c>
      <c r="C1375" s="22" t="s">
        <v>6730</v>
      </c>
    </row>
    <row r="1376" spans="1:3" x14ac:dyDescent="0.45">
      <c r="A1376" s="21" t="s">
        <v>4501</v>
      </c>
      <c r="B1376" t="s">
        <v>4502</v>
      </c>
      <c r="C1376" s="22" t="s">
        <v>6731</v>
      </c>
    </row>
    <row r="1377" spans="1:3" x14ac:dyDescent="0.45">
      <c r="A1377" s="21" t="s">
        <v>4503</v>
      </c>
      <c r="B1377" t="s">
        <v>4504</v>
      </c>
      <c r="C1377" s="22" t="s">
        <v>6732</v>
      </c>
    </row>
    <row r="1378" spans="1:3" x14ac:dyDescent="0.45">
      <c r="A1378" s="21" t="s">
        <v>4505</v>
      </c>
      <c r="B1378" t="s">
        <v>4506</v>
      </c>
      <c r="C1378" s="22" t="s">
        <v>6733</v>
      </c>
    </row>
    <row r="1379" spans="1:3" x14ac:dyDescent="0.45">
      <c r="A1379" s="21" t="s">
        <v>4507</v>
      </c>
      <c r="B1379" t="s">
        <v>4508</v>
      </c>
      <c r="C1379" s="22" t="s">
        <v>6734</v>
      </c>
    </row>
    <row r="1380" spans="1:3" x14ac:dyDescent="0.45">
      <c r="A1380" s="21" t="s">
        <v>4509</v>
      </c>
      <c r="B1380" t="s">
        <v>4510</v>
      </c>
      <c r="C1380" s="22" t="s">
        <v>6735</v>
      </c>
    </row>
    <row r="1381" spans="1:3" x14ac:dyDescent="0.45">
      <c r="A1381" s="21" t="s">
        <v>4511</v>
      </c>
      <c r="B1381" t="s">
        <v>4512</v>
      </c>
      <c r="C1381" s="22" t="s">
        <v>6736</v>
      </c>
    </row>
    <row r="1382" spans="1:3" x14ac:dyDescent="0.45">
      <c r="A1382" s="21" t="s">
        <v>4513</v>
      </c>
      <c r="B1382" t="s">
        <v>4514</v>
      </c>
      <c r="C1382" s="22" t="s">
        <v>6737</v>
      </c>
    </row>
    <row r="1383" spans="1:3" x14ac:dyDescent="0.45">
      <c r="A1383" s="21" t="s">
        <v>4515</v>
      </c>
      <c r="B1383" t="s">
        <v>4516</v>
      </c>
      <c r="C1383" s="22" t="s">
        <v>6738</v>
      </c>
    </row>
    <row r="1384" spans="1:3" x14ac:dyDescent="0.45">
      <c r="A1384" s="21" t="s">
        <v>4517</v>
      </c>
      <c r="B1384" t="s">
        <v>4518</v>
      </c>
      <c r="C1384" s="22" t="s">
        <v>6739</v>
      </c>
    </row>
    <row r="1385" spans="1:3" x14ac:dyDescent="0.45">
      <c r="A1385" s="21" t="s">
        <v>4519</v>
      </c>
      <c r="B1385" t="s">
        <v>4520</v>
      </c>
      <c r="C1385" s="22" t="s">
        <v>6740</v>
      </c>
    </row>
    <row r="1386" spans="1:3" x14ac:dyDescent="0.45">
      <c r="A1386" s="21" t="s">
        <v>4521</v>
      </c>
      <c r="B1386" t="s">
        <v>4522</v>
      </c>
      <c r="C1386" s="22" t="s">
        <v>6741</v>
      </c>
    </row>
    <row r="1387" spans="1:3" x14ac:dyDescent="0.45">
      <c r="A1387" s="21" t="s">
        <v>4523</v>
      </c>
      <c r="B1387" t="s">
        <v>4524</v>
      </c>
      <c r="C1387" s="22" t="s">
        <v>6742</v>
      </c>
    </row>
    <row r="1388" spans="1:3" x14ac:dyDescent="0.45">
      <c r="A1388" s="21" t="s">
        <v>4525</v>
      </c>
      <c r="B1388" t="s">
        <v>4526</v>
      </c>
      <c r="C1388" s="22" t="s">
        <v>6743</v>
      </c>
    </row>
    <row r="1389" spans="1:3" x14ac:dyDescent="0.45">
      <c r="A1389" s="21" t="s">
        <v>4527</v>
      </c>
      <c r="B1389" t="s">
        <v>4528</v>
      </c>
      <c r="C1389" s="22" t="s">
        <v>6744</v>
      </c>
    </row>
    <row r="1390" spans="1:3" x14ac:dyDescent="0.45">
      <c r="A1390" s="21" t="s">
        <v>4529</v>
      </c>
      <c r="B1390" t="s">
        <v>4530</v>
      </c>
      <c r="C1390" s="22" t="s">
        <v>6745</v>
      </c>
    </row>
    <row r="1391" spans="1:3" x14ac:dyDescent="0.45">
      <c r="A1391" s="21" t="s">
        <v>4531</v>
      </c>
      <c r="B1391" t="s">
        <v>4532</v>
      </c>
      <c r="C1391" s="22" t="s">
        <v>6746</v>
      </c>
    </row>
    <row r="1392" spans="1:3" x14ac:dyDescent="0.45">
      <c r="A1392" s="21" t="s">
        <v>4533</v>
      </c>
      <c r="B1392" t="s">
        <v>4534</v>
      </c>
      <c r="C1392" s="22" t="s">
        <v>6747</v>
      </c>
    </row>
    <row r="1393" spans="1:3" x14ac:dyDescent="0.45">
      <c r="A1393" s="21" t="s">
        <v>4535</v>
      </c>
      <c r="B1393" t="s">
        <v>4536</v>
      </c>
      <c r="C1393" s="22" t="s">
        <v>6748</v>
      </c>
    </row>
    <row r="1394" spans="1:3" x14ac:dyDescent="0.45">
      <c r="A1394" s="21" t="s">
        <v>4537</v>
      </c>
      <c r="B1394" t="s">
        <v>4538</v>
      </c>
      <c r="C1394" s="22" t="s">
        <v>6749</v>
      </c>
    </row>
    <row r="1395" spans="1:3" x14ac:dyDescent="0.45">
      <c r="A1395" s="21" t="s">
        <v>4539</v>
      </c>
      <c r="B1395" t="s">
        <v>4540</v>
      </c>
      <c r="C1395" s="22" t="s">
        <v>6750</v>
      </c>
    </row>
    <row r="1396" spans="1:3" x14ac:dyDescent="0.45">
      <c r="A1396" s="21" t="s">
        <v>4541</v>
      </c>
      <c r="B1396" t="s">
        <v>4542</v>
      </c>
      <c r="C1396" s="22" t="s">
        <v>6751</v>
      </c>
    </row>
    <row r="1397" spans="1:3" x14ac:dyDescent="0.45">
      <c r="A1397" s="21" t="s">
        <v>4543</v>
      </c>
      <c r="B1397" t="s">
        <v>4544</v>
      </c>
      <c r="C1397" s="22" t="s">
        <v>6752</v>
      </c>
    </row>
    <row r="1398" spans="1:3" x14ac:dyDescent="0.45">
      <c r="A1398" s="21" t="s">
        <v>4545</v>
      </c>
      <c r="B1398" t="s">
        <v>4546</v>
      </c>
      <c r="C1398" s="22" t="s">
        <v>6753</v>
      </c>
    </row>
    <row r="1399" spans="1:3" x14ac:dyDescent="0.45">
      <c r="A1399" s="21" t="s">
        <v>4547</v>
      </c>
      <c r="B1399" t="s">
        <v>4548</v>
      </c>
      <c r="C1399" s="22" t="s">
        <v>6754</v>
      </c>
    </row>
    <row r="1400" spans="1:3" x14ac:dyDescent="0.45">
      <c r="A1400" s="21" t="s">
        <v>4549</v>
      </c>
      <c r="B1400" t="s">
        <v>4550</v>
      </c>
      <c r="C1400" s="22" t="s">
        <v>6755</v>
      </c>
    </row>
    <row r="1401" spans="1:3" x14ac:dyDescent="0.45">
      <c r="A1401" s="21" t="s">
        <v>4551</v>
      </c>
      <c r="B1401" t="s">
        <v>4552</v>
      </c>
      <c r="C1401" s="22" t="s">
        <v>6756</v>
      </c>
    </row>
    <row r="1402" spans="1:3" x14ac:dyDescent="0.45">
      <c r="A1402" s="21" t="s">
        <v>4553</v>
      </c>
      <c r="B1402" t="s">
        <v>4554</v>
      </c>
      <c r="C1402" s="22" t="s">
        <v>6757</v>
      </c>
    </row>
    <row r="1403" spans="1:3" x14ac:dyDescent="0.45">
      <c r="A1403" s="21" t="s">
        <v>4555</v>
      </c>
      <c r="B1403" t="s">
        <v>4556</v>
      </c>
      <c r="C1403" s="22" t="s">
        <v>6758</v>
      </c>
    </row>
    <row r="1404" spans="1:3" x14ac:dyDescent="0.45">
      <c r="A1404" s="21" t="s">
        <v>4557</v>
      </c>
      <c r="B1404" t="s">
        <v>4558</v>
      </c>
      <c r="C1404" s="22" t="s">
        <v>6759</v>
      </c>
    </row>
    <row r="1405" spans="1:3" x14ac:dyDescent="0.45">
      <c r="A1405" s="21" t="s">
        <v>4559</v>
      </c>
      <c r="B1405" t="s">
        <v>4560</v>
      </c>
      <c r="C1405" s="22" t="s">
        <v>6760</v>
      </c>
    </row>
    <row r="1406" spans="1:3" x14ac:dyDescent="0.45">
      <c r="A1406" s="21" t="s">
        <v>4561</v>
      </c>
      <c r="B1406" t="s">
        <v>4562</v>
      </c>
      <c r="C1406" s="22" t="s">
        <v>6761</v>
      </c>
    </row>
    <row r="1407" spans="1:3" x14ac:dyDescent="0.45">
      <c r="A1407" s="21" t="s">
        <v>4563</v>
      </c>
      <c r="B1407" t="s">
        <v>4564</v>
      </c>
      <c r="C1407" s="22" t="s">
        <v>6762</v>
      </c>
    </row>
    <row r="1408" spans="1:3" x14ac:dyDescent="0.45">
      <c r="A1408" s="21" t="s">
        <v>4565</v>
      </c>
      <c r="B1408" t="s">
        <v>4566</v>
      </c>
      <c r="C1408" s="22" t="s">
        <v>6763</v>
      </c>
    </row>
    <row r="1409" spans="1:3" x14ac:dyDescent="0.45">
      <c r="A1409" s="21" t="s">
        <v>4567</v>
      </c>
      <c r="B1409" t="s">
        <v>4568</v>
      </c>
      <c r="C1409" s="22" t="s">
        <v>6764</v>
      </c>
    </row>
    <row r="1410" spans="1:3" x14ac:dyDescent="0.45">
      <c r="A1410" s="21" t="s">
        <v>4569</v>
      </c>
      <c r="B1410" t="s">
        <v>4570</v>
      </c>
      <c r="C1410" s="22" t="s">
        <v>6765</v>
      </c>
    </row>
    <row r="1411" spans="1:3" x14ac:dyDescent="0.45">
      <c r="A1411" s="21" t="s">
        <v>4571</v>
      </c>
      <c r="B1411" t="s">
        <v>4572</v>
      </c>
      <c r="C1411" s="22" t="s">
        <v>6766</v>
      </c>
    </row>
    <row r="1412" spans="1:3" x14ac:dyDescent="0.45">
      <c r="A1412" s="21" t="s">
        <v>4573</v>
      </c>
      <c r="B1412" t="s">
        <v>4574</v>
      </c>
      <c r="C1412" s="22" t="s">
        <v>6767</v>
      </c>
    </row>
    <row r="1413" spans="1:3" x14ac:dyDescent="0.45">
      <c r="A1413" s="21" t="s">
        <v>4575</v>
      </c>
      <c r="B1413" t="s">
        <v>4576</v>
      </c>
      <c r="C1413" s="22" t="s">
        <v>6768</v>
      </c>
    </row>
    <row r="1414" spans="1:3" x14ac:dyDescent="0.45">
      <c r="A1414" s="21" t="s">
        <v>4577</v>
      </c>
      <c r="B1414" t="s">
        <v>4578</v>
      </c>
      <c r="C1414" s="22" t="s">
        <v>6769</v>
      </c>
    </row>
    <row r="1415" spans="1:3" x14ac:dyDescent="0.45">
      <c r="A1415" s="21" t="s">
        <v>4579</v>
      </c>
      <c r="B1415" t="s">
        <v>4580</v>
      </c>
      <c r="C1415" s="22" t="s">
        <v>6770</v>
      </c>
    </row>
    <row r="1416" spans="1:3" x14ac:dyDescent="0.45">
      <c r="A1416" s="21" t="s">
        <v>4581</v>
      </c>
      <c r="B1416" t="s">
        <v>4582</v>
      </c>
      <c r="C1416" s="22" t="s">
        <v>6771</v>
      </c>
    </row>
    <row r="1417" spans="1:3" x14ac:dyDescent="0.45">
      <c r="A1417" s="21" t="s">
        <v>4583</v>
      </c>
      <c r="B1417" t="s">
        <v>4584</v>
      </c>
      <c r="C1417" s="22" t="s">
        <v>6772</v>
      </c>
    </row>
    <row r="1418" spans="1:3" x14ac:dyDescent="0.45">
      <c r="A1418" s="21" t="s">
        <v>4585</v>
      </c>
      <c r="B1418" t="s">
        <v>4586</v>
      </c>
      <c r="C1418" s="22" t="s">
        <v>6773</v>
      </c>
    </row>
    <row r="1419" spans="1:3" x14ac:dyDescent="0.45">
      <c r="A1419" s="21" t="s">
        <v>4587</v>
      </c>
      <c r="B1419" t="s">
        <v>4588</v>
      </c>
      <c r="C1419" s="22" t="s">
        <v>6774</v>
      </c>
    </row>
    <row r="1420" spans="1:3" x14ac:dyDescent="0.45">
      <c r="A1420" s="21" t="s">
        <v>4589</v>
      </c>
      <c r="B1420" t="s">
        <v>4590</v>
      </c>
      <c r="C1420" s="22" t="s">
        <v>6775</v>
      </c>
    </row>
    <row r="1421" spans="1:3" x14ac:dyDescent="0.45">
      <c r="A1421" s="21" t="s">
        <v>4591</v>
      </c>
      <c r="B1421" t="s">
        <v>4592</v>
      </c>
      <c r="C1421" s="22" t="s">
        <v>6776</v>
      </c>
    </row>
    <row r="1422" spans="1:3" x14ac:dyDescent="0.45">
      <c r="A1422" s="21" t="s">
        <v>4593</v>
      </c>
      <c r="B1422" t="s">
        <v>4594</v>
      </c>
      <c r="C1422" s="22" t="s">
        <v>6777</v>
      </c>
    </row>
    <row r="1423" spans="1:3" x14ac:dyDescent="0.45">
      <c r="A1423" s="21" t="s">
        <v>4595</v>
      </c>
      <c r="B1423" t="s">
        <v>4596</v>
      </c>
      <c r="C1423" s="22" t="s">
        <v>6778</v>
      </c>
    </row>
    <row r="1424" spans="1:3" x14ac:dyDescent="0.45">
      <c r="A1424" s="21" t="s">
        <v>4597</v>
      </c>
      <c r="B1424" t="s">
        <v>4598</v>
      </c>
      <c r="C1424" s="22" t="s">
        <v>6779</v>
      </c>
    </row>
    <row r="1425" spans="1:3" x14ac:dyDescent="0.45">
      <c r="A1425" s="21" t="s">
        <v>4599</v>
      </c>
      <c r="B1425" t="s">
        <v>4600</v>
      </c>
      <c r="C1425" s="22" t="s">
        <v>6780</v>
      </c>
    </row>
    <row r="1426" spans="1:3" x14ac:dyDescent="0.45">
      <c r="A1426" s="21" t="s">
        <v>4601</v>
      </c>
      <c r="B1426" t="s">
        <v>4602</v>
      </c>
      <c r="C1426" s="22" t="s">
        <v>6781</v>
      </c>
    </row>
    <row r="1427" spans="1:3" x14ac:dyDescent="0.45">
      <c r="A1427" s="21" t="s">
        <v>4603</v>
      </c>
      <c r="B1427" t="s">
        <v>4604</v>
      </c>
      <c r="C1427" s="22" t="s">
        <v>6782</v>
      </c>
    </row>
    <row r="1428" spans="1:3" x14ac:dyDescent="0.45">
      <c r="A1428" s="21" t="s">
        <v>4605</v>
      </c>
      <c r="B1428" t="s">
        <v>4606</v>
      </c>
      <c r="C1428" s="22" t="s">
        <v>6783</v>
      </c>
    </row>
    <row r="1429" spans="1:3" x14ac:dyDescent="0.45">
      <c r="A1429" s="21" t="s">
        <v>4607</v>
      </c>
      <c r="B1429" t="s">
        <v>4608</v>
      </c>
      <c r="C1429" s="22" t="s">
        <v>6784</v>
      </c>
    </row>
    <row r="1430" spans="1:3" x14ac:dyDescent="0.45">
      <c r="A1430" s="21" t="s">
        <v>4609</v>
      </c>
      <c r="B1430" t="s">
        <v>4610</v>
      </c>
      <c r="C1430" s="22" t="s">
        <v>6785</v>
      </c>
    </row>
    <row r="1431" spans="1:3" x14ac:dyDescent="0.45">
      <c r="A1431" s="21" t="s">
        <v>4611</v>
      </c>
      <c r="B1431" t="s">
        <v>4612</v>
      </c>
      <c r="C1431" s="22" t="s">
        <v>6786</v>
      </c>
    </row>
    <row r="1432" spans="1:3" x14ac:dyDescent="0.45">
      <c r="A1432" s="21" t="s">
        <v>4613</v>
      </c>
      <c r="B1432" t="s">
        <v>4614</v>
      </c>
      <c r="C1432" s="22" t="s">
        <v>6787</v>
      </c>
    </row>
    <row r="1433" spans="1:3" x14ac:dyDescent="0.45">
      <c r="A1433" s="21" t="s">
        <v>4615</v>
      </c>
      <c r="B1433" t="s">
        <v>4616</v>
      </c>
      <c r="C1433" s="22" t="s">
        <v>6788</v>
      </c>
    </row>
    <row r="1434" spans="1:3" x14ac:dyDescent="0.45">
      <c r="A1434" s="21" t="s">
        <v>4617</v>
      </c>
      <c r="B1434" t="s">
        <v>4618</v>
      </c>
      <c r="C1434" s="22" t="s">
        <v>6789</v>
      </c>
    </row>
    <row r="1435" spans="1:3" x14ac:dyDescent="0.45">
      <c r="A1435" s="21" t="s">
        <v>4619</v>
      </c>
      <c r="B1435" t="s">
        <v>4620</v>
      </c>
      <c r="C1435" s="22" t="s">
        <v>6790</v>
      </c>
    </row>
    <row r="1436" spans="1:3" x14ac:dyDescent="0.45">
      <c r="A1436" s="21" t="s">
        <v>4621</v>
      </c>
      <c r="B1436" t="s">
        <v>4622</v>
      </c>
      <c r="C1436" s="22" t="s">
        <v>6791</v>
      </c>
    </row>
    <row r="1437" spans="1:3" x14ac:dyDescent="0.45">
      <c r="A1437" s="21" t="s">
        <v>4623</v>
      </c>
      <c r="B1437" t="s">
        <v>4624</v>
      </c>
      <c r="C1437" s="22" t="s">
        <v>6792</v>
      </c>
    </row>
    <row r="1438" spans="1:3" x14ac:dyDescent="0.45">
      <c r="A1438" s="21" t="s">
        <v>4625</v>
      </c>
      <c r="B1438" t="s">
        <v>4626</v>
      </c>
      <c r="C1438" s="22" t="s">
        <v>6793</v>
      </c>
    </row>
    <row r="1439" spans="1:3" x14ac:dyDescent="0.45">
      <c r="A1439" s="21" t="s">
        <v>4627</v>
      </c>
      <c r="B1439" t="s">
        <v>4628</v>
      </c>
      <c r="C1439" s="22" t="s">
        <v>6794</v>
      </c>
    </row>
    <row r="1440" spans="1:3" x14ac:dyDescent="0.45">
      <c r="A1440" s="21" t="s">
        <v>4629</v>
      </c>
      <c r="B1440" t="s">
        <v>4630</v>
      </c>
      <c r="C1440" s="22" t="s">
        <v>6795</v>
      </c>
    </row>
    <row r="1441" spans="1:3" x14ac:dyDescent="0.45">
      <c r="A1441" s="21" t="s">
        <v>4631</v>
      </c>
      <c r="B1441" t="s">
        <v>4632</v>
      </c>
      <c r="C1441" s="22" t="s">
        <v>6796</v>
      </c>
    </row>
    <row r="1442" spans="1:3" x14ac:dyDescent="0.45">
      <c r="A1442" s="21" t="s">
        <v>4633</v>
      </c>
      <c r="B1442" t="s">
        <v>4634</v>
      </c>
      <c r="C1442" s="22" t="s">
        <v>6797</v>
      </c>
    </row>
    <row r="1443" spans="1:3" x14ac:dyDescent="0.45">
      <c r="A1443" s="21" t="s">
        <v>4635</v>
      </c>
      <c r="B1443" t="s">
        <v>4636</v>
      </c>
      <c r="C1443" s="22" t="s">
        <v>6798</v>
      </c>
    </row>
    <row r="1444" spans="1:3" x14ac:dyDescent="0.45">
      <c r="A1444" s="21" t="s">
        <v>4637</v>
      </c>
      <c r="B1444" t="s">
        <v>4638</v>
      </c>
      <c r="C1444" s="22" t="s">
        <v>6799</v>
      </c>
    </row>
    <row r="1445" spans="1:3" x14ac:dyDescent="0.45">
      <c r="A1445" s="21" t="s">
        <v>4639</v>
      </c>
      <c r="B1445" t="s">
        <v>4640</v>
      </c>
      <c r="C1445" s="22" t="s">
        <v>6800</v>
      </c>
    </row>
    <row r="1446" spans="1:3" x14ac:dyDescent="0.45">
      <c r="A1446" s="21" t="s">
        <v>4641</v>
      </c>
      <c r="B1446" t="s">
        <v>4642</v>
      </c>
      <c r="C1446" s="22" t="s">
        <v>6801</v>
      </c>
    </row>
    <row r="1447" spans="1:3" x14ac:dyDescent="0.45">
      <c r="A1447" s="21" t="s">
        <v>4643</v>
      </c>
      <c r="B1447" t="s">
        <v>4644</v>
      </c>
      <c r="C1447" s="22" t="s">
        <v>6802</v>
      </c>
    </row>
    <row r="1448" spans="1:3" x14ac:dyDescent="0.45">
      <c r="A1448" s="21" t="s">
        <v>4645</v>
      </c>
      <c r="B1448" t="s">
        <v>4646</v>
      </c>
      <c r="C1448" s="22" t="s">
        <v>6803</v>
      </c>
    </row>
    <row r="1449" spans="1:3" x14ac:dyDescent="0.45">
      <c r="A1449" s="21" t="s">
        <v>4647</v>
      </c>
      <c r="B1449" t="s">
        <v>4648</v>
      </c>
      <c r="C1449" s="22" t="s">
        <v>6804</v>
      </c>
    </row>
    <row r="1450" spans="1:3" x14ac:dyDescent="0.45">
      <c r="A1450" s="21" t="s">
        <v>4649</v>
      </c>
      <c r="B1450" t="s">
        <v>4650</v>
      </c>
      <c r="C1450" s="22" t="s">
        <v>6805</v>
      </c>
    </row>
    <row r="1451" spans="1:3" x14ac:dyDescent="0.45">
      <c r="A1451" s="21" t="s">
        <v>4651</v>
      </c>
      <c r="B1451" t="s">
        <v>4652</v>
      </c>
      <c r="C1451" s="22" t="s">
        <v>6806</v>
      </c>
    </row>
    <row r="1452" spans="1:3" x14ac:dyDescent="0.45">
      <c r="A1452" s="21" t="s">
        <v>4653</v>
      </c>
      <c r="B1452" t="s">
        <v>4654</v>
      </c>
      <c r="C1452" s="22" t="s">
        <v>6807</v>
      </c>
    </row>
    <row r="1453" spans="1:3" x14ac:dyDescent="0.45">
      <c r="A1453" s="21" t="s">
        <v>4655</v>
      </c>
      <c r="B1453" t="s">
        <v>4656</v>
      </c>
      <c r="C1453" s="22" t="s">
        <v>6808</v>
      </c>
    </row>
    <row r="1454" spans="1:3" x14ac:dyDescent="0.45">
      <c r="A1454" s="21" t="s">
        <v>4657</v>
      </c>
      <c r="B1454" t="s">
        <v>4658</v>
      </c>
      <c r="C1454" s="22" t="s">
        <v>6809</v>
      </c>
    </row>
    <row r="1455" spans="1:3" x14ac:dyDescent="0.45">
      <c r="A1455" s="21" t="s">
        <v>4659</v>
      </c>
      <c r="B1455" t="s">
        <v>4660</v>
      </c>
      <c r="C1455" s="22" t="s">
        <v>6810</v>
      </c>
    </row>
    <row r="1456" spans="1:3" x14ac:dyDescent="0.45">
      <c r="A1456" s="21" t="s">
        <v>4661</v>
      </c>
      <c r="B1456" t="s">
        <v>4662</v>
      </c>
      <c r="C1456" s="22" t="s">
        <v>6811</v>
      </c>
    </row>
    <row r="1457" spans="1:3" x14ac:dyDescent="0.45">
      <c r="A1457" s="21" t="s">
        <v>4663</v>
      </c>
      <c r="B1457" t="s">
        <v>4664</v>
      </c>
      <c r="C1457" s="22" t="s">
        <v>6812</v>
      </c>
    </row>
    <row r="1458" spans="1:3" x14ac:dyDescent="0.45">
      <c r="A1458" s="21" t="s">
        <v>4665</v>
      </c>
      <c r="B1458" t="s">
        <v>4666</v>
      </c>
      <c r="C1458" s="22" t="s">
        <v>6813</v>
      </c>
    </row>
    <row r="1459" spans="1:3" x14ac:dyDescent="0.45">
      <c r="A1459" s="21" t="s">
        <v>4667</v>
      </c>
      <c r="B1459" t="s">
        <v>4668</v>
      </c>
      <c r="C1459" s="22" t="s">
        <v>6814</v>
      </c>
    </row>
    <row r="1460" spans="1:3" x14ac:dyDescent="0.45">
      <c r="A1460" s="21" t="s">
        <v>4669</v>
      </c>
      <c r="B1460" t="s">
        <v>4670</v>
      </c>
      <c r="C1460" s="22" t="s">
        <v>6815</v>
      </c>
    </row>
    <row r="1461" spans="1:3" x14ac:dyDescent="0.45">
      <c r="A1461" s="21" t="s">
        <v>4671</v>
      </c>
      <c r="B1461" t="s">
        <v>4672</v>
      </c>
      <c r="C1461" s="22" t="s">
        <v>6816</v>
      </c>
    </row>
    <row r="1462" spans="1:3" x14ac:dyDescent="0.45">
      <c r="A1462" s="21" t="s">
        <v>4673</v>
      </c>
      <c r="B1462" t="s">
        <v>4674</v>
      </c>
      <c r="C1462" s="22" t="s">
        <v>6817</v>
      </c>
    </row>
    <row r="1463" spans="1:3" x14ac:dyDescent="0.45">
      <c r="A1463" s="21" t="s">
        <v>4675</v>
      </c>
      <c r="B1463" t="s">
        <v>4676</v>
      </c>
      <c r="C1463" s="22" t="s">
        <v>6818</v>
      </c>
    </row>
    <row r="1464" spans="1:3" x14ac:dyDescent="0.45">
      <c r="A1464" s="21" t="s">
        <v>4677</v>
      </c>
      <c r="B1464" t="s">
        <v>4678</v>
      </c>
      <c r="C1464" s="22" t="s">
        <v>6819</v>
      </c>
    </row>
    <row r="1465" spans="1:3" x14ac:dyDescent="0.45">
      <c r="A1465" s="21" t="s">
        <v>4679</v>
      </c>
      <c r="B1465" t="s">
        <v>4680</v>
      </c>
      <c r="C1465" s="22" t="s">
        <v>6820</v>
      </c>
    </row>
    <row r="1466" spans="1:3" x14ac:dyDescent="0.45">
      <c r="A1466" s="21" t="s">
        <v>4681</v>
      </c>
      <c r="B1466" t="s">
        <v>4682</v>
      </c>
      <c r="C1466" s="22" t="s">
        <v>6821</v>
      </c>
    </row>
    <row r="1467" spans="1:3" x14ac:dyDescent="0.45">
      <c r="A1467" s="21" t="s">
        <v>4683</v>
      </c>
      <c r="B1467" t="s">
        <v>4684</v>
      </c>
      <c r="C1467" s="22" t="s">
        <v>6822</v>
      </c>
    </row>
    <row r="1468" spans="1:3" x14ac:dyDescent="0.45">
      <c r="A1468" s="21" t="s">
        <v>4685</v>
      </c>
      <c r="B1468" t="s">
        <v>4686</v>
      </c>
      <c r="C1468" s="22" t="s">
        <v>6823</v>
      </c>
    </row>
    <row r="1469" spans="1:3" x14ac:dyDescent="0.45">
      <c r="A1469" s="21" t="s">
        <v>5235</v>
      </c>
      <c r="B1469" s="2" t="s">
        <v>5236</v>
      </c>
      <c r="C1469" s="22" t="s">
        <v>6824</v>
      </c>
    </row>
    <row r="1470" spans="1:3" x14ac:dyDescent="0.45">
      <c r="A1470" s="21" t="s">
        <v>4687</v>
      </c>
      <c r="B1470" t="s">
        <v>4688</v>
      </c>
      <c r="C1470" s="22" t="s">
        <v>6825</v>
      </c>
    </row>
    <row r="1471" spans="1:3" x14ac:dyDescent="0.45">
      <c r="A1471" s="21" t="s">
        <v>4689</v>
      </c>
      <c r="B1471" t="s">
        <v>4690</v>
      </c>
      <c r="C1471" s="22" t="s">
        <v>6826</v>
      </c>
    </row>
    <row r="1472" spans="1:3" x14ac:dyDescent="0.45">
      <c r="A1472" s="21" t="s">
        <v>4691</v>
      </c>
      <c r="B1472" t="s">
        <v>4692</v>
      </c>
      <c r="C1472" s="22" t="s">
        <v>6827</v>
      </c>
    </row>
    <row r="1473" spans="1:3" x14ac:dyDescent="0.45">
      <c r="A1473" s="21" t="s">
        <v>4693</v>
      </c>
      <c r="B1473" t="s">
        <v>4694</v>
      </c>
      <c r="C1473" s="22" t="s">
        <v>6828</v>
      </c>
    </row>
    <row r="1474" spans="1:3" x14ac:dyDescent="0.45">
      <c r="A1474" s="21" t="s">
        <v>4695</v>
      </c>
      <c r="B1474" t="s">
        <v>4696</v>
      </c>
      <c r="C1474" s="22" t="s">
        <v>6829</v>
      </c>
    </row>
    <row r="1475" spans="1:3" x14ac:dyDescent="0.45">
      <c r="A1475" s="21" t="s">
        <v>4697</v>
      </c>
      <c r="B1475" t="s">
        <v>4698</v>
      </c>
      <c r="C1475" s="22" t="s">
        <v>6830</v>
      </c>
    </row>
    <row r="1476" spans="1:3" x14ac:dyDescent="0.45">
      <c r="A1476" s="21" t="s">
        <v>4699</v>
      </c>
      <c r="B1476" t="s">
        <v>4700</v>
      </c>
      <c r="C1476" s="22" t="s">
        <v>6831</v>
      </c>
    </row>
    <row r="1477" spans="1:3" x14ac:dyDescent="0.45">
      <c r="A1477" s="21" t="s">
        <v>4701</v>
      </c>
      <c r="B1477" t="s">
        <v>4702</v>
      </c>
      <c r="C1477" s="22" t="s">
        <v>6832</v>
      </c>
    </row>
    <row r="1478" spans="1:3" x14ac:dyDescent="0.45">
      <c r="A1478" s="21" t="s">
        <v>4703</v>
      </c>
      <c r="B1478" t="s">
        <v>4704</v>
      </c>
      <c r="C1478" s="22" t="s">
        <v>6833</v>
      </c>
    </row>
    <row r="1479" spans="1:3" x14ac:dyDescent="0.45">
      <c r="A1479" s="21" t="s">
        <v>4705</v>
      </c>
      <c r="B1479" t="s">
        <v>4706</v>
      </c>
      <c r="C1479" s="22" t="s">
        <v>6834</v>
      </c>
    </row>
    <row r="1480" spans="1:3" x14ac:dyDescent="0.45">
      <c r="A1480" s="21" t="s">
        <v>4707</v>
      </c>
      <c r="B1480" t="s">
        <v>4708</v>
      </c>
      <c r="C1480" s="22" t="s">
        <v>6835</v>
      </c>
    </row>
    <row r="1481" spans="1:3" x14ac:dyDescent="0.45">
      <c r="A1481" s="21" t="s">
        <v>4709</v>
      </c>
      <c r="B1481" t="s">
        <v>4710</v>
      </c>
      <c r="C1481" s="22" t="s">
        <v>6836</v>
      </c>
    </row>
    <row r="1482" spans="1:3" x14ac:dyDescent="0.45">
      <c r="A1482" s="21" t="s">
        <v>4711</v>
      </c>
      <c r="B1482" t="s">
        <v>4712</v>
      </c>
      <c r="C1482" s="22" t="s">
        <v>6837</v>
      </c>
    </row>
    <row r="1483" spans="1:3" x14ac:dyDescent="0.45">
      <c r="A1483" s="21" t="s">
        <v>4713</v>
      </c>
      <c r="B1483" t="s">
        <v>4714</v>
      </c>
      <c r="C1483" s="22" t="s">
        <v>6838</v>
      </c>
    </row>
    <row r="1484" spans="1:3" x14ac:dyDescent="0.45">
      <c r="A1484" s="21" t="s">
        <v>4715</v>
      </c>
      <c r="B1484" t="s">
        <v>4716</v>
      </c>
      <c r="C1484" s="22" t="s">
        <v>6839</v>
      </c>
    </row>
    <row r="1485" spans="1:3" x14ac:dyDescent="0.45">
      <c r="A1485" s="21" t="s">
        <v>4717</v>
      </c>
      <c r="B1485" t="s">
        <v>4718</v>
      </c>
      <c r="C1485" s="22" t="s">
        <v>6840</v>
      </c>
    </row>
    <row r="1486" spans="1:3" x14ac:dyDescent="0.45">
      <c r="A1486" s="21" t="s">
        <v>4719</v>
      </c>
      <c r="B1486" t="s">
        <v>4720</v>
      </c>
      <c r="C1486" s="22" t="s">
        <v>6841</v>
      </c>
    </row>
    <row r="1487" spans="1:3" x14ac:dyDescent="0.45">
      <c r="A1487" s="21" t="s">
        <v>4721</v>
      </c>
      <c r="B1487" t="s">
        <v>4722</v>
      </c>
      <c r="C1487" s="22" t="s">
        <v>6842</v>
      </c>
    </row>
    <row r="1488" spans="1:3" x14ac:dyDescent="0.45">
      <c r="A1488" s="21" t="s">
        <v>4723</v>
      </c>
      <c r="B1488" t="s">
        <v>4724</v>
      </c>
      <c r="C1488" s="22" t="s">
        <v>6843</v>
      </c>
    </row>
    <row r="1489" spans="1:3" x14ac:dyDescent="0.45">
      <c r="A1489" s="21" t="s">
        <v>4725</v>
      </c>
      <c r="B1489" t="s">
        <v>4726</v>
      </c>
      <c r="C1489" s="22" t="s">
        <v>6844</v>
      </c>
    </row>
    <row r="1490" spans="1:3" x14ac:dyDescent="0.45">
      <c r="A1490" s="21" t="s">
        <v>4727</v>
      </c>
      <c r="B1490" t="s">
        <v>4728</v>
      </c>
      <c r="C1490" s="22" t="s">
        <v>6845</v>
      </c>
    </row>
    <row r="1491" spans="1:3" x14ac:dyDescent="0.45">
      <c r="A1491" s="21" t="s">
        <v>4729</v>
      </c>
      <c r="B1491" t="s">
        <v>4730</v>
      </c>
      <c r="C1491" s="22" t="s">
        <v>6846</v>
      </c>
    </row>
    <row r="1492" spans="1:3" x14ac:dyDescent="0.45">
      <c r="A1492" s="21" t="s">
        <v>4731</v>
      </c>
      <c r="B1492" t="s">
        <v>4732</v>
      </c>
      <c r="C1492" s="22" t="s">
        <v>6847</v>
      </c>
    </row>
    <row r="1493" spans="1:3" x14ac:dyDescent="0.45">
      <c r="A1493" s="21" t="s">
        <v>4733</v>
      </c>
      <c r="B1493" t="s">
        <v>4734</v>
      </c>
      <c r="C1493" s="22" t="s">
        <v>6848</v>
      </c>
    </row>
    <row r="1494" spans="1:3" x14ac:dyDescent="0.45">
      <c r="A1494" s="21" t="s">
        <v>4735</v>
      </c>
      <c r="B1494" t="s">
        <v>4736</v>
      </c>
      <c r="C1494" s="22" t="s">
        <v>6849</v>
      </c>
    </row>
    <row r="1495" spans="1:3" x14ac:dyDescent="0.45">
      <c r="A1495" s="21" t="s">
        <v>4737</v>
      </c>
      <c r="B1495" t="s">
        <v>4738</v>
      </c>
      <c r="C1495" s="22" t="s">
        <v>6850</v>
      </c>
    </row>
    <row r="1496" spans="1:3" x14ac:dyDescent="0.45">
      <c r="A1496" s="21" t="s">
        <v>4739</v>
      </c>
      <c r="B1496" t="s">
        <v>4740</v>
      </c>
      <c r="C1496" s="22" t="s">
        <v>6851</v>
      </c>
    </row>
    <row r="1497" spans="1:3" x14ac:dyDescent="0.45">
      <c r="A1497" s="21" t="s">
        <v>4741</v>
      </c>
      <c r="B1497" t="s">
        <v>4742</v>
      </c>
      <c r="C1497" s="22" t="s">
        <v>6852</v>
      </c>
    </row>
    <row r="1498" spans="1:3" x14ac:dyDescent="0.45">
      <c r="A1498" s="21" t="s">
        <v>4743</v>
      </c>
      <c r="B1498" t="s">
        <v>4744</v>
      </c>
      <c r="C1498" s="22" t="s">
        <v>6853</v>
      </c>
    </row>
    <row r="1499" spans="1:3" x14ac:dyDescent="0.45">
      <c r="A1499" s="21" t="s">
        <v>4745</v>
      </c>
      <c r="B1499" t="s">
        <v>4746</v>
      </c>
      <c r="C1499" s="22" t="s">
        <v>6854</v>
      </c>
    </row>
    <row r="1500" spans="1:3" x14ac:dyDescent="0.45">
      <c r="A1500" s="21" t="s">
        <v>4747</v>
      </c>
      <c r="B1500" t="s">
        <v>4748</v>
      </c>
      <c r="C1500" s="22" t="s">
        <v>6855</v>
      </c>
    </row>
    <row r="1501" spans="1:3" x14ac:dyDescent="0.45">
      <c r="A1501" s="21" t="s">
        <v>4749</v>
      </c>
      <c r="B1501" t="s">
        <v>4750</v>
      </c>
      <c r="C1501" s="22" t="s">
        <v>6856</v>
      </c>
    </row>
    <row r="1502" spans="1:3" x14ac:dyDescent="0.45">
      <c r="A1502" s="21" t="s">
        <v>4751</v>
      </c>
      <c r="B1502" t="s">
        <v>4752</v>
      </c>
      <c r="C1502" s="22" t="s">
        <v>6857</v>
      </c>
    </row>
    <row r="1503" spans="1:3" x14ac:dyDescent="0.45">
      <c r="A1503" s="21" t="s">
        <v>4753</v>
      </c>
      <c r="B1503" t="s">
        <v>4754</v>
      </c>
      <c r="C1503" s="22" t="s">
        <v>6858</v>
      </c>
    </row>
    <row r="1504" spans="1:3" x14ac:dyDescent="0.45">
      <c r="A1504" s="21" t="s">
        <v>4755</v>
      </c>
      <c r="B1504" t="s">
        <v>4756</v>
      </c>
      <c r="C1504" s="22" t="s">
        <v>6859</v>
      </c>
    </row>
    <row r="1505" spans="1:3" x14ac:dyDescent="0.45">
      <c r="A1505" s="21" t="s">
        <v>4757</v>
      </c>
      <c r="B1505" t="s">
        <v>4758</v>
      </c>
      <c r="C1505" s="22" t="s">
        <v>6860</v>
      </c>
    </row>
    <row r="1506" spans="1:3" x14ac:dyDescent="0.45">
      <c r="A1506" s="21" t="s">
        <v>4759</v>
      </c>
      <c r="B1506" t="s">
        <v>4760</v>
      </c>
      <c r="C1506" s="22" t="s">
        <v>6861</v>
      </c>
    </row>
    <row r="1507" spans="1:3" x14ac:dyDescent="0.45">
      <c r="A1507" s="21" t="s">
        <v>4761</v>
      </c>
      <c r="B1507" t="s">
        <v>4762</v>
      </c>
      <c r="C1507" s="22" t="s">
        <v>6862</v>
      </c>
    </row>
    <row r="1508" spans="1:3" x14ac:dyDescent="0.45">
      <c r="A1508" s="21" t="s">
        <v>4763</v>
      </c>
      <c r="B1508" t="s">
        <v>4764</v>
      </c>
      <c r="C1508" s="22" t="s">
        <v>6863</v>
      </c>
    </row>
    <row r="1509" spans="1:3" x14ac:dyDescent="0.45">
      <c r="A1509" s="21" t="s">
        <v>4765</v>
      </c>
      <c r="B1509" t="s">
        <v>4766</v>
      </c>
      <c r="C1509" s="22" t="s">
        <v>6864</v>
      </c>
    </row>
    <row r="1510" spans="1:3" x14ac:dyDescent="0.45">
      <c r="A1510" s="21" t="s">
        <v>4767</v>
      </c>
      <c r="B1510" t="s">
        <v>4768</v>
      </c>
      <c r="C1510" s="22" t="s">
        <v>6865</v>
      </c>
    </row>
    <row r="1511" spans="1:3" x14ac:dyDescent="0.45">
      <c r="A1511" s="21" t="s">
        <v>4769</v>
      </c>
      <c r="B1511" t="s">
        <v>4770</v>
      </c>
      <c r="C1511" s="22" t="s">
        <v>6866</v>
      </c>
    </row>
    <row r="1512" spans="1:3" x14ac:dyDescent="0.45">
      <c r="A1512" s="21" t="s">
        <v>4771</v>
      </c>
      <c r="B1512" t="s">
        <v>4772</v>
      </c>
      <c r="C1512" s="22" t="s">
        <v>6867</v>
      </c>
    </row>
    <row r="1513" spans="1:3" x14ac:dyDescent="0.45">
      <c r="A1513" s="21" t="s">
        <v>4773</v>
      </c>
      <c r="B1513" t="s">
        <v>4774</v>
      </c>
      <c r="C1513" s="22" t="s">
        <v>6868</v>
      </c>
    </row>
    <row r="1514" spans="1:3" x14ac:dyDescent="0.45">
      <c r="A1514" s="21" t="s">
        <v>4775</v>
      </c>
      <c r="B1514" t="s">
        <v>4776</v>
      </c>
      <c r="C1514" s="22" t="s">
        <v>6869</v>
      </c>
    </row>
    <row r="1515" spans="1:3" x14ac:dyDescent="0.45">
      <c r="A1515" s="21" t="s">
        <v>4777</v>
      </c>
      <c r="B1515" t="s">
        <v>4778</v>
      </c>
      <c r="C1515" s="22" t="s">
        <v>6870</v>
      </c>
    </row>
    <row r="1516" spans="1:3" x14ac:dyDescent="0.45">
      <c r="A1516" s="21" t="s">
        <v>4779</v>
      </c>
      <c r="B1516" t="s">
        <v>4780</v>
      </c>
      <c r="C1516" s="22" t="s">
        <v>6871</v>
      </c>
    </row>
    <row r="1517" spans="1:3" x14ac:dyDescent="0.45">
      <c r="A1517" s="21" t="s">
        <v>4781</v>
      </c>
      <c r="B1517" t="s">
        <v>4782</v>
      </c>
      <c r="C1517" s="22" t="s">
        <v>6872</v>
      </c>
    </row>
    <row r="1518" spans="1:3" x14ac:dyDescent="0.45">
      <c r="A1518" s="21" t="s">
        <v>4783</v>
      </c>
      <c r="B1518" t="s">
        <v>4784</v>
      </c>
      <c r="C1518" s="22" t="s">
        <v>6873</v>
      </c>
    </row>
    <row r="1519" spans="1:3" x14ac:dyDescent="0.45">
      <c r="A1519" s="21" t="s">
        <v>4785</v>
      </c>
      <c r="B1519" t="s">
        <v>4786</v>
      </c>
      <c r="C1519" s="22" t="s">
        <v>6874</v>
      </c>
    </row>
    <row r="1520" spans="1:3" x14ac:dyDescent="0.45">
      <c r="A1520" s="21" t="s">
        <v>4787</v>
      </c>
      <c r="B1520" t="s">
        <v>4788</v>
      </c>
      <c r="C1520" s="22" t="s">
        <v>6875</v>
      </c>
    </row>
    <row r="1521" spans="1:3" x14ac:dyDescent="0.45">
      <c r="A1521" s="21" t="s">
        <v>4789</v>
      </c>
      <c r="B1521" t="s">
        <v>4790</v>
      </c>
      <c r="C1521" s="22" t="s">
        <v>6876</v>
      </c>
    </row>
    <row r="1522" spans="1:3" x14ac:dyDescent="0.45">
      <c r="A1522" s="21" t="s">
        <v>4791</v>
      </c>
      <c r="B1522" t="s">
        <v>4792</v>
      </c>
      <c r="C1522" s="22" t="s">
        <v>6877</v>
      </c>
    </row>
    <row r="1523" spans="1:3" x14ac:dyDescent="0.45">
      <c r="A1523" s="21" t="s">
        <v>4793</v>
      </c>
      <c r="B1523" t="s">
        <v>4794</v>
      </c>
      <c r="C1523" s="22" t="s">
        <v>6878</v>
      </c>
    </row>
    <row r="1524" spans="1:3" x14ac:dyDescent="0.45">
      <c r="A1524" s="21" t="s">
        <v>4795</v>
      </c>
      <c r="B1524" t="s">
        <v>4796</v>
      </c>
      <c r="C1524" s="22" t="s">
        <v>6879</v>
      </c>
    </row>
    <row r="1525" spans="1:3" x14ac:dyDescent="0.45">
      <c r="A1525" s="21" t="s">
        <v>4797</v>
      </c>
      <c r="B1525" t="s">
        <v>4798</v>
      </c>
      <c r="C1525" s="22" t="s">
        <v>6880</v>
      </c>
    </row>
    <row r="1526" spans="1:3" x14ac:dyDescent="0.45">
      <c r="A1526" s="21" t="s">
        <v>4799</v>
      </c>
      <c r="B1526" t="s">
        <v>4800</v>
      </c>
      <c r="C1526" s="22" t="s">
        <v>6881</v>
      </c>
    </row>
    <row r="1527" spans="1:3" x14ac:dyDescent="0.45">
      <c r="A1527" s="21" t="s">
        <v>4801</v>
      </c>
      <c r="B1527" t="s">
        <v>4802</v>
      </c>
      <c r="C1527" s="22" t="s">
        <v>6882</v>
      </c>
    </row>
    <row r="1528" spans="1:3" x14ac:dyDescent="0.45">
      <c r="A1528" s="21" t="s">
        <v>4803</v>
      </c>
      <c r="B1528" t="s">
        <v>4804</v>
      </c>
      <c r="C1528" s="22" t="s">
        <v>6883</v>
      </c>
    </row>
    <row r="1529" spans="1:3" x14ac:dyDescent="0.45">
      <c r="A1529" s="21" t="s">
        <v>4805</v>
      </c>
      <c r="B1529" t="s">
        <v>4806</v>
      </c>
      <c r="C1529" s="22" t="s">
        <v>6884</v>
      </c>
    </row>
    <row r="1530" spans="1:3" x14ac:dyDescent="0.45">
      <c r="A1530" s="21" t="s">
        <v>4807</v>
      </c>
      <c r="B1530" t="s">
        <v>4808</v>
      </c>
      <c r="C1530" s="22" t="s">
        <v>6885</v>
      </c>
    </row>
    <row r="1531" spans="1:3" x14ac:dyDescent="0.45">
      <c r="A1531" s="21" t="s">
        <v>4809</v>
      </c>
      <c r="B1531" t="s">
        <v>4810</v>
      </c>
      <c r="C1531" s="22" t="s">
        <v>6886</v>
      </c>
    </row>
    <row r="1532" spans="1:3" x14ac:dyDescent="0.45">
      <c r="A1532" s="21" t="s">
        <v>4811</v>
      </c>
      <c r="B1532" t="s">
        <v>4812</v>
      </c>
      <c r="C1532" s="22" t="s">
        <v>6887</v>
      </c>
    </row>
    <row r="1533" spans="1:3" x14ac:dyDescent="0.45">
      <c r="A1533" s="21" t="s">
        <v>4813</v>
      </c>
      <c r="B1533" t="s">
        <v>4814</v>
      </c>
      <c r="C1533" s="22" t="s">
        <v>6888</v>
      </c>
    </row>
    <row r="1534" spans="1:3" x14ac:dyDescent="0.45">
      <c r="A1534" s="21" t="s">
        <v>4815</v>
      </c>
      <c r="B1534" t="s">
        <v>4816</v>
      </c>
      <c r="C1534" s="22" t="s">
        <v>6889</v>
      </c>
    </row>
    <row r="1535" spans="1:3" x14ac:dyDescent="0.45">
      <c r="A1535" s="21" t="s">
        <v>4817</v>
      </c>
      <c r="B1535" t="s">
        <v>4818</v>
      </c>
      <c r="C1535" s="22" t="s">
        <v>6890</v>
      </c>
    </row>
    <row r="1536" spans="1:3" x14ac:dyDescent="0.45">
      <c r="A1536" s="21" t="s">
        <v>4819</v>
      </c>
      <c r="B1536" t="s">
        <v>4820</v>
      </c>
      <c r="C1536" s="22" t="s">
        <v>6891</v>
      </c>
    </row>
    <row r="1537" spans="1:3" x14ac:dyDescent="0.45">
      <c r="A1537" s="21" t="s">
        <v>4821</v>
      </c>
      <c r="B1537" t="s">
        <v>4822</v>
      </c>
      <c r="C1537" s="22" t="s">
        <v>6892</v>
      </c>
    </row>
    <row r="1538" spans="1:3" x14ac:dyDescent="0.45">
      <c r="A1538" s="21" t="s">
        <v>4823</v>
      </c>
      <c r="B1538" t="s">
        <v>4824</v>
      </c>
      <c r="C1538" s="22" t="s">
        <v>6893</v>
      </c>
    </row>
    <row r="1539" spans="1:3" x14ac:dyDescent="0.45">
      <c r="A1539" s="21" t="s">
        <v>4825</v>
      </c>
      <c r="B1539" t="s">
        <v>4826</v>
      </c>
      <c r="C1539" s="22" t="s">
        <v>6894</v>
      </c>
    </row>
    <row r="1540" spans="1:3" x14ac:dyDescent="0.45">
      <c r="A1540" s="21" t="s">
        <v>4827</v>
      </c>
      <c r="B1540" t="s">
        <v>4828</v>
      </c>
      <c r="C1540" s="22" t="s">
        <v>6895</v>
      </c>
    </row>
    <row r="1541" spans="1:3" x14ac:dyDescent="0.45">
      <c r="A1541" s="21" t="s">
        <v>4829</v>
      </c>
      <c r="B1541" t="s">
        <v>4830</v>
      </c>
      <c r="C1541" s="22" t="s">
        <v>6896</v>
      </c>
    </row>
    <row r="1542" spans="1:3" x14ac:dyDescent="0.45">
      <c r="A1542" s="21" t="s">
        <v>4831</v>
      </c>
      <c r="B1542" t="s">
        <v>4832</v>
      </c>
      <c r="C1542" s="22" t="s">
        <v>6897</v>
      </c>
    </row>
    <row r="1543" spans="1:3" x14ac:dyDescent="0.45">
      <c r="A1543" s="21" t="s">
        <v>4833</v>
      </c>
      <c r="B1543" t="s">
        <v>4834</v>
      </c>
      <c r="C1543" s="22" t="s">
        <v>6898</v>
      </c>
    </row>
    <row r="1544" spans="1:3" x14ac:dyDescent="0.45">
      <c r="A1544" s="21" t="s">
        <v>4835</v>
      </c>
      <c r="B1544" t="s">
        <v>4836</v>
      </c>
      <c r="C1544" s="22" t="s">
        <v>6899</v>
      </c>
    </row>
    <row r="1545" spans="1:3" x14ac:dyDescent="0.45">
      <c r="A1545" s="21" t="s">
        <v>4837</v>
      </c>
      <c r="B1545" t="s">
        <v>4838</v>
      </c>
      <c r="C1545" s="22" t="s">
        <v>6900</v>
      </c>
    </row>
    <row r="1546" spans="1:3" x14ac:dyDescent="0.45">
      <c r="A1546" s="21" t="s">
        <v>4839</v>
      </c>
      <c r="B1546" t="s">
        <v>4840</v>
      </c>
      <c r="C1546" s="22" t="s">
        <v>6901</v>
      </c>
    </row>
    <row r="1547" spans="1:3" x14ac:dyDescent="0.45">
      <c r="A1547" s="21" t="s">
        <v>4841</v>
      </c>
      <c r="B1547" t="s">
        <v>4842</v>
      </c>
      <c r="C1547" s="22" t="s">
        <v>6902</v>
      </c>
    </row>
    <row r="1548" spans="1:3" x14ac:dyDescent="0.45">
      <c r="A1548" s="21" t="s">
        <v>4843</v>
      </c>
      <c r="B1548" t="s">
        <v>4844</v>
      </c>
      <c r="C1548" s="22" t="s">
        <v>6903</v>
      </c>
    </row>
    <row r="1549" spans="1:3" x14ac:dyDescent="0.45">
      <c r="A1549" s="21" t="s">
        <v>4845</v>
      </c>
      <c r="B1549" t="s">
        <v>4846</v>
      </c>
      <c r="C1549" s="22" t="s">
        <v>6904</v>
      </c>
    </row>
    <row r="1550" spans="1:3" x14ac:dyDescent="0.45">
      <c r="A1550" s="21" t="s">
        <v>4847</v>
      </c>
      <c r="B1550" t="s">
        <v>4848</v>
      </c>
      <c r="C1550" s="22" t="s">
        <v>6905</v>
      </c>
    </row>
    <row r="1551" spans="1:3" x14ac:dyDescent="0.45">
      <c r="A1551" s="21" t="s">
        <v>4849</v>
      </c>
      <c r="B1551" t="s">
        <v>4850</v>
      </c>
      <c r="C1551" s="22" t="s">
        <v>6906</v>
      </c>
    </row>
    <row r="1552" spans="1:3" x14ac:dyDescent="0.45">
      <c r="A1552" s="21" t="s">
        <v>4851</v>
      </c>
      <c r="B1552" t="s">
        <v>4852</v>
      </c>
      <c r="C1552" s="22" t="s">
        <v>6907</v>
      </c>
    </row>
    <row r="1553" spans="1:3" x14ac:dyDescent="0.45">
      <c r="A1553" s="21" t="s">
        <v>4853</v>
      </c>
      <c r="B1553" t="s">
        <v>4854</v>
      </c>
      <c r="C1553" s="22" t="s">
        <v>6908</v>
      </c>
    </row>
    <row r="1554" spans="1:3" x14ac:dyDescent="0.45">
      <c r="A1554" s="21" t="s">
        <v>4855</v>
      </c>
      <c r="B1554" t="s">
        <v>4856</v>
      </c>
      <c r="C1554" s="22" t="s">
        <v>6909</v>
      </c>
    </row>
    <row r="1555" spans="1:3" x14ac:dyDescent="0.45">
      <c r="A1555" s="21" t="s">
        <v>4857</v>
      </c>
      <c r="B1555" t="s">
        <v>4858</v>
      </c>
      <c r="C1555" s="22" t="s">
        <v>6910</v>
      </c>
    </row>
    <row r="1556" spans="1:3" x14ac:dyDescent="0.45">
      <c r="A1556" s="21" t="s">
        <v>4859</v>
      </c>
      <c r="B1556" t="s">
        <v>4860</v>
      </c>
      <c r="C1556" s="22" t="s">
        <v>6911</v>
      </c>
    </row>
    <row r="1557" spans="1:3" x14ac:dyDescent="0.45">
      <c r="A1557" s="21" t="s">
        <v>4861</v>
      </c>
      <c r="B1557" t="s">
        <v>4862</v>
      </c>
      <c r="C1557" s="22" t="s">
        <v>6912</v>
      </c>
    </row>
    <row r="1558" spans="1:3" x14ac:dyDescent="0.45">
      <c r="A1558" s="21" t="s">
        <v>4863</v>
      </c>
      <c r="B1558" t="s">
        <v>4864</v>
      </c>
      <c r="C1558" s="22" t="s">
        <v>6913</v>
      </c>
    </row>
    <row r="1559" spans="1:3" x14ac:dyDescent="0.45">
      <c r="A1559" s="21" t="s">
        <v>4865</v>
      </c>
      <c r="B1559" t="s">
        <v>4866</v>
      </c>
      <c r="C1559" s="22" t="s">
        <v>6914</v>
      </c>
    </row>
    <row r="1560" spans="1:3" x14ac:dyDescent="0.45">
      <c r="A1560" s="21" t="s">
        <v>4867</v>
      </c>
      <c r="B1560" t="s">
        <v>4868</v>
      </c>
      <c r="C1560" s="22" t="s">
        <v>6915</v>
      </c>
    </row>
    <row r="1561" spans="1:3" x14ac:dyDescent="0.45">
      <c r="A1561" s="21" t="s">
        <v>4869</v>
      </c>
      <c r="B1561" t="s">
        <v>4870</v>
      </c>
      <c r="C1561" s="22" t="s">
        <v>6916</v>
      </c>
    </row>
    <row r="1562" spans="1:3" x14ac:dyDescent="0.45">
      <c r="A1562" s="21" t="s">
        <v>4871</v>
      </c>
      <c r="B1562" t="s">
        <v>4872</v>
      </c>
      <c r="C1562" s="22" t="s">
        <v>6917</v>
      </c>
    </row>
    <row r="1563" spans="1:3" x14ac:dyDescent="0.45">
      <c r="A1563" s="21" t="s">
        <v>4873</v>
      </c>
      <c r="B1563" t="s">
        <v>4874</v>
      </c>
      <c r="C1563" s="22" t="s">
        <v>6918</v>
      </c>
    </row>
    <row r="1564" spans="1:3" x14ac:dyDescent="0.45">
      <c r="A1564" s="21" t="s">
        <v>4875</v>
      </c>
      <c r="B1564" t="s">
        <v>4876</v>
      </c>
      <c r="C1564" s="22" t="s">
        <v>6919</v>
      </c>
    </row>
    <row r="1565" spans="1:3" x14ac:dyDescent="0.45">
      <c r="A1565" s="21" t="s">
        <v>4877</v>
      </c>
      <c r="B1565" t="s">
        <v>4878</v>
      </c>
      <c r="C1565" s="22" t="s">
        <v>6920</v>
      </c>
    </row>
    <row r="1566" spans="1:3" x14ac:dyDescent="0.45">
      <c r="A1566" s="21" t="s">
        <v>4879</v>
      </c>
      <c r="B1566" t="s">
        <v>4880</v>
      </c>
      <c r="C1566" s="22" t="s">
        <v>6921</v>
      </c>
    </row>
    <row r="1567" spans="1:3" x14ac:dyDescent="0.45">
      <c r="A1567" s="21" t="s">
        <v>4881</v>
      </c>
      <c r="B1567" t="s">
        <v>4882</v>
      </c>
      <c r="C1567" s="22" t="s">
        <v>6922</v>
      </c>
    </row>
    <row r="1568" spans="1:3" x14ac:dyDescent="0.45">
      <c r="A1568" s="21" t="s">
        <v>4883</v>
      </c>
      <c r="B1568" t="s">
        <v>4884</v>
      </c>
      <c r="C1568" s="22" t="s">
        <v>6923</v>
      </c>
    </row>
    <row r="1569" spans="1:3" x14ac:dyDescent="0.45">
      <c r="A1569" s="21" t="s">
        <v>4885</v>
      </c>
      <c r="B1569" t="s">
        <v>4886</v>
      </c>
      <c r="C1569" s="22" t="s">
        <v>6924</v>
      </c>
    </row>
    <row r="1570" spans="1:3" x14ac:dyDescent="0.45">
      <c r="A1570" s="21" t="s">
        <v>4887</v>
      </c>
      <c r="B1570" t="s">
        <v>4888</v>
      </c>
      <c r="C1570" s="22" t="s">
        <v>6925</v>
      </c>
    </row>
    <row r="1571" spans="1:3" x14ac:dyDescent="0.45">
      <c r="A1571" s="21" t="s">
        <v>4889</v>
      </c>
      <c r="B1571" t="s">
        <v>4890</v>
      </c>
      <c r="C1571" s="22" t="s">
        <v>6926</v>
      </c>
    </row>
    <row r="1572" spans="1:3" x14ac:dyDescent="0.45">
      <c r="A1572" s="21" t="s">
        <v>4891</v>
      </c>
      <c r="B1572" t="s">
        <v>4892</v>
      </c>
      <c r="C1572" s="22" t="s">
        <v>6927</v>
      </c>
    </row>
    <row r="1573" spans="1:3" x14ac:dyDescent="0.45">
      <c r="A1573" s="21" t="s">
        <v>4893</v>
      </c>
      <c r="B1573" t="s">
        <v>4894</v>
      </c>
      <c r="C1573" s="22" t="s">
        <v>6928</v>
      </c>
    </row>
    <row r="1574" spans="1:3" x14ac:dyDescent="0.45">
      <c r="A1574" s="21" t="s">
        <v>4895</v>
      </c>
      <c r="B1574" t="s">
        <v>4896</v>
      </c>
      <c r="C1574" s="22" t="s">
        <v>6929</v>
      </c>
    </row>
    <row r="1575" spans="1:3" x14ac:dyDescent="0.45">
      <c r="A1575" s="21" t="s">
        <v>4897</v>
      </c>
      <c r="B1575" t="s">
        <v>4898</v>
      </c>
      <c r="C1575" s="22" t="s">
        <v>6930</v>
      </c>
    </row>
    <row r="1576" spans="1:3" x14ac:dyDescent="0.45">
      <c r="A1576" s="21" t="s">
        <v>4899</v>
      </c>
      <c r="B1576" t="s">
        <v>4900</v>
      </c>
      <c r="C1576" s="22" t="s">
        <v>6931</v>
      </c>
    </row>
    <row r="1577" spans="1:3" x14ac:dyDescent="0.45">
      <c r="A1577" s="21" t="s">
        <v>4901</v>
      </c>
      <c r="B1577" t="s">
        <v>4902</v>
      </c>
      <c r="C1577" s="22" t="s">
        <v>6932</v>
      </c>
    </row>
    <row r="1578" spans="1:3" x14ac:dyDescent="0.45">
      <c r="A1578" s="21" t="s">
        <v>4903</v>
      </c>
      <c r="B1578" t="s">
        <v>4904</v>
      </c>
      <c r="C1578" s="22" t="s">
        <v>6933</v>
      </c>
    </row>
    <row r="1579" spans="1:3" x14ac:dyDescent="0.45">
      <c r="A1579" s="21" t="s">
        <v>4905</v>
      </c>
      <c r="B1579" t="s">
        <v>4906</v>
      </c>
      <c r="C1579" s="22" t="s">
        <v>6934</v>
      </c>
    </row>
    <row r="1580" spans="1:3" x14ac:dyDescent="0.45">
      <c r="A1580" s="21" t="s">
        <v>4907</v>
      </c>
      <c r="B1580" t="s">
        <v>4908</v>
      </c>
      <c r="C1580" s="22" t="s">
        <v>6935</v>
      </c>
    </row>
    <row r="1581" spans="1:3" x14ac:dyDescent="0.45">
      <c r="A1581" s="21" t="s">
        <v>4909</v>
      </c>
      <c r="B1581" t="s">
        <v>4910</v>
      </c>
      <c r="C1581" s="22" t="s">
        <v>6936</v>
      </c>
    </row>
    <row r="1582" spans="1:3" x14ac:dyDescent="0.45">
      <c r="A1582" s="21" t="s">
        <v>4911</v>
      </c>
      <c r="B1582" t="s">
        <v>4912</v>
      </c>
      <c r="C1582" s="22" t="s">
        <v>6937</v>
      </c>
    </row>
    <row r="1583" spans="1:3" x14ac:dyDescent="0.45">
      <c r="A1583" s="21" t="s">
        <v>4913</v>
      </c>
      <c r="B1583" t="s">
        <v>4914</v>
      </c>
      <c r="C1583" s="22" t="s">
        <v>6938</v>
      </c>
    </row>
    <row r="1584" spans="1:3" x14ac:dyDescent="0.45">
      <c r="A1584" s="21" t="s">
        <v>4915</v>
      </c>
      <c r="B1584" t="s">
        <v>4916</v>
      </c>
      <c r="C1584" s="22" t="s">
        <v>6939</v>
      </c>
    </row>
    <row r="1585" spans="1:3" x14ac:dyDescent="0.45">
      <c r="A1585" s="21" t="s">
        <v>4917</v>
      </c>
      <c r="B1585" t="s">
        <v>4918</v>
      </c>
      <c r="C1585" s="22" t="s">
        <v>6940</v>
      </c>
    </row>
    <row r="1586" spans="1:3" x14ac:dyDescent="0.45">
      <c r="A1586" s="21" t="s">
        <v>4919</v>
      </c>
      <c r="B1586" t="s">
        <v>4920</v>
      </c>
      <c r="C1586" s="22" t="s">
        <v>6941</v>
      </c>
    </row>
    <row r="1587" spans="1:3" x14ac:dyDescent="0.45">
      <c r="A1587" s="21" t="s">
        <v>4921</v>
      </c>
      <c r="B1587" t="s">
        <v>4922</v>
      </c>
      <c r="C1587" s="22" t="s">
        <v>6942</v>
      </c>
    </row>
    <row r="1588" spans="1:3" x14ac:dyDescent="0.45">
      <c r="A1588" s="21" t="s">
        <v>4923</v>
      </c>
      <c r="B1588" t="s">
        <v>4924</v>
      </c>
      <c r="C1588" s="22" t="s">
        <v>6943</v>
      </c>
    </row>
    <row r="1589" spans="1:3" x14ac:dyDescent="0.45">
      <c r="A1589" s="21" t="s">
        <v>4925</v>
      </c>
      <c r="B1589" t="s">
        <v>4926</v>
      </c>
      <c r="C1589" s="22" t="s">
        <v>6944</v>
      </c>
    </row>
    <row r="1590" spans="1:3" x14ac:dyDescent="0.45">
      <c r="A1590" s="21" t="s">
        <v>4927</v>
      </c>
      <c r="B1590" t="s">
        <v>4928</v>
      </c>
      <c r="C1590" s="22" t="s">
        <v>6945</v>
      </c>
    </row>
    <row r="1591" spans="1:3" x14ac:dyDescent="0.45">
      <c r="A1591" s="21" t="s">
        <v>4929</v>
      </c>
      <c r="B1591" t="s">
        <v>4930</v>
      </c>
      <c r="C1591" s="22" t="s">
        <v>6946</v>
      </c>
    </row>
    <row r="1592" spans="1:3" x14ac:dyDescent="0.45">
      <c r="A1592" s="21" t="s">
        <v>4931</v>
      </c>
      <c r="B1592" t="s">
        <v>4932</v>
      </c>
      <c r="C1592" s="22" t="s">
        <v>6947</v>
      </c>
    </row>
    <row r="1593" spans="1:3" x14ac:dyDescent="0.45">
      <c r="A1593" s="21" t="s">
        <v>4933</v>
      </c>
      <c r="B1593" t="s">
        <v>4934</v>
      </c>
      <c r="C1593" s="22" t="s">
        <v>6948</v>
      </c>
    </row>
    <row r="1594" spans="1:3" x14ac:dyDescent="0.45">
      <c r="A1594" s="21" t="s">
        <v>4935</v>
      </c>
      <c r="B1594" t="s">
        <v>4936</v>
      </c>
      <c r="C1594" s="22" t="s">
        <v>6949</v>
      </c>
    </row>
    <row r="1595" spans="1:3" x14ac:dyDescent="0.45">
      <c r="A1595" s="21" t="s">
        <v>4937</v>
      </c>
      <c r="B1595" t="s">
        <v>4938</v>
      </c>
      <c r="C1595" s="22" t="s">
        <v>6950</v>
      </c>
    </row>
    <row r="1596" spans="1:3" x14ac:dyDescent="0.45">
      <c r="A1596" s="21" t="s">
        <v>4939</v>
      </c>
      <c r="B1596" t="s">
        <v>4940</v>
      </c>
      <c r="C1596" s="22" t="s">
        <v>6951</v>
      </c>
    </row>
    <row r="1597" spans="1:3" x14ac:dyDescent="0.45">
      <c r="A1597" s="21" t="s">
        <v>4941</v>
      </c>
      <c r="B1597" t="s">
        <v>4942</v>
      </c>
      <c r="C1597" s="22" t="s">
        <v>6952</v>
      </c>
    </row>
    <row r="1598" spans="1:3" x14ac:dyDescent="0.45">
      <c r="A1598" s="21" t="s">
        <v>4943</v>
      </c>
      <c r="B1598" t="s">
        <v>4944</v>
      </c>
      <c r="C1598" s="22" t="s">
        <v>6953</v>
      </c>
    </row>
    <row r="1599" spans="1:3" x14ac:dyDescent="0.45">
      <c r="A1599" s="21" t="s">
        <v>4945</v>
      </c>
      <c r="B1599" t="s">
        <v>4946</v>
      </c>
      <c r="C1599" s="22" t="s">
        <v>6954</v>
      </c>
    </row>
    <row r="1600" spans="1:3" x14ac:dyDescent="0.45">
      <c r="A1600" s="21" t="s">
        <v>4947</v>
      </c>
      <c r="B1600" t="s">
        <v>4948</v>
      </c>
      <c r="C1600" s="22" t="s">
        <v>6955</v>
      </c>
    </row>
    <row r="1601" spans="1:3" x14ac:dyDescent="0.45">
      <c r="A1601" s="21" t="s">
        <v>4949</v>
      </c>
      <c r="B1601" t="s">
        <v>4950</v>
      </c>
      <c r="C1601" s="22" t="s">
        <v>6956</v>
      </c>
    </row>
    <row r="1602" spans="1:3" x14ac:dyDescent="0.45">
      <c r="A1602" s="21" t="s">
        <v>4951</v>
      </c>
      <c r="B1602" t="s">
        <v>4952</v>
      </c>
      <c r="C1602" s="22" t="s">
        <v>6957</v>
      </c>
    </row>
    <row r="1603" spans="1:3" x14ac:dyDescent="0.45">
      <c r="A1603" s="21" t="s">
        <v>4953</v>
      </c>
      <c r="B1603" t="s">
        <v>4954</v>
      </c>
      <c r="C1603" s="22" t="s">
        <v>6958</v>
      </c>
    </row>
    <row r="1604" spans="1:3" x14ac:dyDescent="0.45">
      <c r="A1604" s="21" t="s">
        <v>4955</v>
      </c>
      <c r="B1604" t="s">
        <v>4956</v>
      </c>
      <c r="C1604" s="22" t="s">
        <v>6959</v>
      </c>
    </row>
    <row r="1605" spans="1:3" x14ac:dyDescent="0.45">
      <c r="A1605" s="21" t="s">
        <v>4957</v>
      </c>
      <c r="B1605" t="s">
        <v>4958</v>
      </c>
      <c r="C1605" s="22" t="s">
        <v>6960</v>
      </c>
    </row>
    <row r="1606" spans="1:3" x14ac:dyDescent="0.45">
      <c r="A1606" s="21" t="s">
        <v>4959</v>
      </c>
      <c r="B1606" t="s">
        <v>4960</v>
      </c>
      <c r="C1606" s="22" t="s">
        <v>6961</v>
      </c>
    </row>
    <row r="1607" spans="1:3" x14ac:dyDescent="0.45">
      <c r="A1607" s="21" t="s">
        <v>4961</v>
      </c>
      <c r="B1607" t="s">
        <v>4962</v>
      </c>
      <c r="C1607" s="22" t="s">
        <v>6962</v>
      </c>
    </row>
    <row r="1608" spans="1:3" x14ac:dyDescent="0.45">
      <c r="A1608" s="21" t="s">
        <v>4963</v>
      </c>
      <c r="B1608" t="s">
        <v>4964</v>
      </c>
      <c r="C1608" s="22" t="s">
        <v>6963</v>
      </c>
    </row>
    <row r="1609" spans="1:3" x14ac:dyDescent="0.45">
      <c r="A1609" s="21" t="s">
        <v>4965</v>
      </c>
      <c r="B1609" t="s">
        <v>4966</v>
      </c>
      <c r="C1609" s="22" t="s">
        <v>6964</v>
      </c>
    </row>
    <row r="1610" spans="1:3" x14ac:dyDescent="0.45">
      <c r="A1610" s="21" t="s">
        <v>4967</v>
      </c>
      <c r="B1610" t="s">
        <v>4968</v>
      </c>
      <c r="C1610" s="22" t="s">
        <v>6965</v>
      </c>
    </row>
    <row r="1611" spans="1:3" x14ac:dyDescent="0.45">
      <c r="A1611" s="21" t="s">
        <v>4969</v>
      </c>
      <c r="B1611" t="s">
        <v>4970</v>
      </c>
      <c r="C1611" s="22" t="s">
        <v>6966</v>
      </c>
    </row>
    <row r="1612" spans="1:3" x14ac:dyDescent="0.45">
      <c r="A1612" s="21" t="s">
        <v>4971</v>
      </c>
      <c r="B1612" t="s">
        <v>4972</v>
      </c>
      <c r="C1612" s="22" t="s">
        <v>6967</v>
      </c>
    </row>
    <row r="1613" spans="1:3" x14ac:dyDescent="0.45">
      <c r="A1613" s="21" t="s">
        <v>4973</v>
      </c>
      <c r="B1613" t="s">
        <v>4974</v>
      </c>
      <c r="C1613" s="22" t="s">
        <v>6968</v>
      </c>
    </row>
    <row r="1614" spans="1:3" x14ac:dyDescent="0.45">
      <c r="A1614" s="21" t="s">
        <v>4975</v>
      </c>
      <c r="B1614" t="s">
        <v>4976</v>
      </c>
      <c r="C1614" s="22" t="s">
        <v>6969</v>
      </c>
    </row>
    <row r="1615" spans="1:3" x14ac:dyDescent="0.45">
      <c r="A1615" s="21" t="s">
        <v>4977</v>
      </c>
      <c r="B1615" t="s">
        <v>4978</v>
      </c>
      <c r="C1615" s="22" t="s">
        <v>6970</v>
      </c>
    </row>
    <row r="1616" spans="1:3" x14ac:dyDescent="0.45">
      <c r="A1616" s="21" t="s">
        <v>4979</v>
      </c>
      <c r="B1616" t="s">
        <v>4980</v>
      </c>
      <c r="C1616" s="22" t="s">
        <v>6971</v>
      </c>
    </row>
    <row r="1617" spans="1:3" x14ac:dyDescent="0.45">
      <c r="A1617" s="21" t="s">
        <v>4981</v>
      </c>
      <c r="B1617" t="s">
        <v>4982</v>
      </c>
      <c r="C1617" s="22" t="s">
        <v>6972</v>
      </c>
    </row>
    <row r="1618" spans="1:3" x14ac:dyDescent="0.45">
      <c r="A1618" s="21" t="s">
        <v>4983</v>
      </c>
      <c r="B1618" t="s">
        <v>4984</v>
      </c>
      <c r="C1618" s="22" t="s">
        <v>6973</v>
      </c>
    </row>
    <row r="1619" spans="1:3" x14ac:dyDescent="0.45">
      <c r="A1619" s="21" t="s">
        <v>4985</v>
      </c>
      <c r="B1619" t="s">
        <v>4986</v>
      </c>
      <c r="C1619" s="22" t="s">
        <v>6974</v>
      </c>
    </row>
    <row r="1620" spans="1:3" x14ac:dyDescent="0.45">
      <c r="A1620" s="21" t="s">
        <v>4987</v>
      </c>
      <c r="B1620" t="s">
        <v>4988</v>
      </c>
      <c r="C1620" s="22" t="s">
        <v>6975</v>
      </c>
    </row>
    <row r="1621" spans="1:3" x14ac:dyDescent="0.45">
      <c r="A1621" s="21" t="s">
        <v>4989</v>
      </c>
      <c r="B1621" t="s">
        <v>4990</v>
      </c>
      <c r="C1621" s="22" t="s">
        <v>6976</v>
      </c>
    </row>
    <row r="1622" spans="1:3" x14ac:dyDescent="0.45">
      <c r="A1622" s="21" t="s">
        <v>4991</v>
      </c>
      <c r="B1622" t="s">
        <v>4992</v>
      </c>
      <c r="C1622" s="22" t="s">
        <v>6977</v>
      </c>
    </row>
    <row r="1623" spans="1:3" x14ac:dyDescent="0.45">
      <c r="A1623" s="21" t="s">
        <v>4993</v>
      </c>
      <c r="B1623" t="s">
        <v>4994</v>
      </c>
      <c r="C1623" s="22" t="s">
        <v>6978</v>
      </c>
    </row>
    <row r="1624" spans="1:3" x14ac:dyDescent="0.45">
      <c r="A1624" s="21" t="s">
        <v>4995</v>
      </c>
      <c r="B1624" t="s">
        <v>4996</v>
      </c>
      <c r="C1624" s="22" t="s">
        <v>6979</v>
      </c>
    </row>
    <row r="1625" spans="1:3" x14ac:dyDescent="0.45">
      <c r="A1625" s="21" t="s">
        <v>4997</v>
      </c>
      <c r="B1625" t="s">
        <v>4998</v>
      </c>
      <c r="C1625" s="22" t="s">
        <v>6980</v>
      </c>
    </row>
    <row r="1626" spans="1:3" x14ac:dyDescent="0.45">
      <c r="A1626" s="21" t="s">
        <v>4999</v>
      </c>
      <c r="B1626" t="s">
        <v>5000</v>
      </c>
      <c r="C1626" s="22" t="s">
        <v>6981</v>
      </c>
    </row>
    <row r="1627" spans="1:3" x14ac:dyDescent="0.45">
      <c r="A1627" s="21" t="s">
        <v>5001</v>
      </c>
      <c r="B1627" t="s">
        <v>5002</v>
      </c>
      <c r="C1627" s="22" t="s">
        <v>6982</v>
      </c>
    </row>
    <row r="1628" spans="1:3" x14ac:dyDescent="0.45">
      <c r="A1628" s="21" t="s">
        <v>5003</v>
      </c>
      <c r="B1628" t="s">
        <v>5004</v>
      </c>
      <c r="C1628" s="22" t="s">
        <v>6983</v>
      </c>
    </row>
    <row r="1629" spans="1:3" x14ac:dyDescent="0.45">
      <c r="A1629" s="21" t="s">
        <v>5005</v>
      </c>
      <c r="B1629" t="s">
        <v>5006</v>
      </c>
      <c r="C1629" s="22" t="s">
        <v>6984</v>
      </c>
    </row>
    <row r="1630" spans="1:3" x14ac:dyDescent="0.45">
      <c r="A1630" s="21" t="s">
        <v>5007</v>
      </c>
      <c r="B1630" t="s">
        <v>5008</v>
      </c>
      <c r="C1630" s="22" t="s">
        <v>6985</v>
      </c>
    </row>
    <row r="1631" spans="1:3" x14ac:dyDescent="0.45">
      <c r="A1631" s="21" t="s">
        <v>5009</v>
      </c>
      <c r="B1631" t="s">
        <v>5010</v>
      </c>
      <c r="C1631" s="22" t="s">
        <v>6986</v>
      </c>
    </row>
    <row r="1632" spans="1:3" x14ac:dyDescent="0.45">
      <c r="A1632" s="21" t="s">
        <v>5011</v>
      </c>
      <c r="B1632" t="s">
        <v>5012</v>
      </c>
      <c r="C1632" s="22" t="s">
        <v>6987</v>
      </c>
    </row>
    <row r="1633" spans="1:3" x14ac:dyDescent="0.45">
      <c r="A1633" s="21" t="s">
        <v>5013</v>
      </c>
      <c r="B1633" t="s">
        <v>5014</v>
      </c>
      <c r="C1633" s="22" t="s">
        <v>6988</v>
      </c>
    </row>
    <row r="1634" spans="1:3" x14ac:dyDescent="0.45">
      <c r="A1634" s="21" t="s">
        <v>5015</v>
      </c>
      <c r="B1634" t="s">
        <v>5016</v>
      </c>
      <c r="C1634" s="22" t="s">
        <v>6989</v>
      </c>
    </row>
    <row r="1635" spans="1:3" x14ac:dyDescent="0.45">
      <c r="A1635" s="21" t="s">
        <v>5017</v>
      </c>
      <c r="B1635" t="s">
        <v>5018</v>
      </c>
      <c r="C1635" s="22" t="s">
        <v>6990</v>
      </c>
    </row>
    <row r="1636" spans="1:3" x14ac:dyDescent="0.45">
      <c r="A1636" s="21" t="s">
        <v>5019</v>
      </c>
      <c r="B1636" t="s">
        <v>5020</v>
      </c>
      <c r="C1636" s="22" t="s">
        <v>6991</v>
      </c>
    </row>
    <row r="1637" spans="1:3" x14ac:dyDescent="0.45">
      <c r="A1637" s="21" t="s">
        <v>5021</v>
      </c>
      <c r="B1637" t="s">
        <v>5022</v>
      </c>
      <c r="C1637" s="22" t="s">
        <v>6992</v>
      </c>
    </row>
    <row r="1638" spans="1:3" x14ac:dyDescent="0.45">
      <c r="A1638" s="21" t="s">
        <v>5023</v>
      </c>
      <c r="B1638" t="s">
        <v>5024</v>
      </c>
      <c r="C1638" s="22" t="s">
        <v>6993</v>
      </c>
    </row>
    <row r="1639" spans="1:3" x14ac:dyDescent="0.45">
      <c r="A1639" s="21" t="s">
        <v>5025</v>
      </c>
      <c r="B1639" t="s">
        <v>5026</v>
      </c>
      <c r="C1639" s="22" t="s">
        <v>6994</v>
      </c>
    </row>
    <row r="1640" spans="1:3" x14ac:dyDescent="0.45">
      <c r="A1640" s="21" t="s">
        <v>5027</v>
      </c>
      <c r="B1640" t="s">
        <v>5028</v>
      </c>
      <c r="C1640" s="22" t="s">
        <v>6995</v>
      </c>
    </row>
    <row r="1641" spans="1:3" x14ac:dyDescent="0.45">
      <c r="A1641" s="21" t="s">
        <v>5029</v>
      </c>
      <c r="B1641" t="s">
        <v>5030</v>
      </c>
      <c r="C1641" s="22" t="s">
        <v>6996</v>
      </c>
    </row>
    <row r="1642" spans="1:3" x14ac:dyDescent="0.45">
      <c r="A1642" s="21" t="s">
        <v>5031</v>
      </c>
      <c r="B1642" t="s">
        <v>5032</v>
      </c>
      <c r="C1642" s="22" t="s">
        <v>6997</v>
      </c>
    </row>
    <row r="1643" spans="1:3" x14ac:dyDescent="0.45">
      <c r="A1643" s="21" t="s">
        <v>5033</v>
      </c>
      <c r="B1643" t="s">
        <v>5034</v>
      </c>
      <c r="C1643" s="22" t="s">
        <v>6998</v>
      </c>
    </row>
    <row r="1644" spans="1:3" x14ac:dyDescent="0.45">
      <c r="A1644" s="21" t="s">
        <v>5035</v>
      </c>
      <c r="B1644" t="s">
        <v>5036</v>
      </c>
      <c r="C1644" s="22" t="s">
        <v>6999</v>
      </c>
    </row>
    <row r="1645" spans="1:3" x14ac:dyDescent="0.45">
      <c r="A1645" s="21" t="s">
        <v>5037</v>
      </c>
      <c r="B1645" t="s">
        <v>5038</v>
      </c>
      <c r="C1645" s="22" t="s">
        <v>7000</v>
      </c>
    </row>
    <row r="1646" spans="1:3" x14ac:dyDescent="0.45">
      <c r="A1646" s="21" t="s">
        <v>5039</v>
      </c>
      <c r="B1646" t="s">
        <v>5040</v>
      </c>
      <c r="C1646" s="22" t="s">
        <v>7001</v>
      </c>
    </row>
    <row r="1647" spans="1:3" x14ac:dyDescent="0.45">
      <c r="A1647" s="21" t="s">
        <v>5041</v>
      </c>
      <c r="B1647" t="s">
        <v>5042</v>
      </c>
      <c r="C1647" s="22" t="s">
        <v>7002</v>
      </c>
    </row>
    <row r="1648" spans="1:3" x14ac:dyDescent="0.45">
      <c r="A1648" s="21" t="s">
        <v>5043</v>
      </c>
      <c r="B1648" t="s">
        <v>5044</v>
      </c>
      <c r="C1648" s="22" t="s">
        <v>7003</v>
      </c>
    </row>
    <row r="1649" spans="1:3" x14ac:dyDescent="0.45">
      <c r="A1649" s="21" t="s">
        <v>5045</v>
      </c>
      <c r="B1649" t="s">
        <v>5046</v>
      </c>
      <c r="C1649" s="22" t="s">
        <v>7004</v>
      </c>
    </row>
    <row r="1650" spans="1:3" x14ac:dyDescent="0.45">
      <c r="A1650" s="21" t="s">
        <v>5047</v>
      </c>
      <c r="B1650" t="s">
        <v>5048</v>
      </c>
      <c r="C1650" s="22" t="s">
        <v>7005</v>
      </c>
    </row>
    <row r="1651" spans="1:3" x14ac:dyDescent="0.45">
      <c r="A1651" s="21" t="s">
        <v>5049</v>
      </c>
      <c r="B1651" t="s">
        <v>5050</v>
      </c>
      <c r="C1651" s="22" t="s">
        <v>7006</v>
      </c>
    </row>
    <row r="1652" spans="1:3" x14ac:dyDescent="0.45">
      <c r="A1652" s="21" t="s">
        <v>5051</v>
      </c>
      <c r="B1652" t="s">
        <v>5052</v>
      </c>
      <c r="C1652" s="22" t="s">
        <v>7007</v>
      </c>
    </row>
    <row r="1653" spans="1:3" x14ac:dyDescent="0.45">
      <c r="A1653" s="21" t="s">
        <v>5053</v>
      </c>
      <c r="B1653" t="s">
        <v>5054</v>
      </c>
      <c r="C1653" s="22" t="s">
        <v>7008</v>
      </c>
    </row>
    <row r="1654" spans="1:3" x14ac:dyDescent="0.45">
      <c r="A1654" s="21" t="s">
        <v>5055</v>
      </c>
      <c r="B1654" t="s">
        <v>5056</v>
      </c>
      <c r="C1654" s="22" t="s">
        <v>7009</v>
      </c>
    </row>
    <row r="1655" spans="1:3" x14ac:dyDescent="0.45">
      <c r="A1655" s="21" t="s">
        <v>5057</v>
      </c>
      <c r="B1655" t="s">
        <v>5058</v>
      </c>
      <c r="C1655" s="22" t="s">
        <v>7010</v>
      </c>
    </row>
    <row r="1656" spans="1:3" x14ac:dyDescent="0.45">
      <c r="A1656" s="21" t="s">
        <v>5059</v>
      </c>
      <c r="B1656" t="s">
        <v>5060</v>
      </c>
      <c r="C1656" s="22" t="s">
        <v>7011</v>
      </c>
    </row>
    <row r="1657" spans="1:3" x14ac:dyDescent="0.45">
      <c r="A1657" s="21" t="s">
        <v>5061</v>
      </c>
      <c r="B1657" t="s">
        <v>5062</v>
      </c>
      <c r="C1657" s="22" t="s">
        <v>7012</v>
      </c>
    </row>
    <row r="1658" spans="1:3" x14ac:dyDescent="0.45">
      <c r="A1658" s="21" t="s">
        <v>5063</v>
      </c>
      <c r="B1658" t="s">
        <v>5064</v>
      </c>
      <c r="C1658" s="22" t="s">
        <v>7013</v>
      </c>
    </row>
    <row r="1659" spans="1:3" x14ac:dyDescent="0.45">
      <c r="A1659" s="21" t="s">
        <v>5065</v>
      </c>
      <c r="B1659" t="s">
        <v>5066</v>
      </c>
      <c r="C1659" s="22" t="s">
        <v>7014</v>
      </c>
    </row>
    <row r="1660" spans="1:3" x14ac:dyDescent="0.45">
      <c r="A1660" s="21" t="s">
        <v>5067</v>
      </c>
      <c r="B1660" t="s">
        <v>5068</v>
      </c>
      <c r="C1660" s="22" t="s">
        <v>7015</v>
      </c>
    </row>
    <row r="1661" spans="1:3" x14ac:dyDescent="0.45">
      <c r="A1661" s="21" t="s">
        <v>5069</v>
      </c>
      <c r="B1661" t="s">
        <v>5070</v>
      </c>
      <c r="C1661" s="22" t="s">
        <v>7016</v>
      </c>
    </row>
    <row r="1662" spans="1:3" x14ac:dyDescent="0.45">
      <c r="A1662" s="21" t="s">
        <v>5071</v>
      </c>
      <c r="B1662" t="s">
        <v>5072</v>
      </c>
      <c r="C1662" s="22" t="s">
        <v>7017</v>
      </c>
    </row>
    <row r="1663" spans="1:3" x14ac:dyDescent="0.45">
      <c r="A1663" s="21" t="s">
        <v>5073</v>
      </c>
      <c r="B1663" t="s">
        <v>5074</v>
      </c>
      <c r="C1663" s="22" t="s">
        <v>7018</v>
      </c>
    </row>
    <row r="1664" spans="1:3" x14ac:dyDescent="0.45">
      <c r="A1664" s="21" t="s">
        <v>5075</v>
      </c>
      <c r="B1664" t="s">
        <v>5076</v>
      </c>
      <c r="C1664" s="22" t="s">
        <v>7019</v>
      </c>
    </row>
    <row r="1665" spans="1:3" x14ac:dyDescent="0.45">
      <c r="A1665" s="21" t="s">
        <v>5077</v>
      </c>
      <c r="B1665" t="s">
        <v>5078</v>
      </c>
      <c r="C1665" s="22" t="s">
        <v>7020</v>
      </c>
    </row>
    <row r="1666" spans="1:3" x14ac:dyDescent="0.45">
      <c r="A1666" s="21" t="s">
        <v>5079</v>
      </c>
      <c r="B1666" t="s">
        <v>5080</v>
      </c>
      <c r="C1666" s="22" t="s">
        <v>7021</v>
      </c>
    </row>
    <row r="1667" spans="1:3" x14ac:dyDescent="0.45">
      <c r="A1667" s="21" t="s">
        <v>5081</v>
      </c>
      <c r="B1667" t="s">
        <v>5082</v>
      </c>
      <c r="C1667" s="22" t="s">
        <v>7022</v>
      </c>
    </row>
    <row r="1668" spans="1:3" x14ac:dyDescent="0.45">
      <c r="A1668" s="21" t="s">
        <v>5083</v>
      </c>
      <c r="B1668" t="s">
        <v>5084</v>
      </c>
      <c r="C1668" s="22" t="s">
        <v>7023</v>
      </c>
    </row>
    <row r="1669" spans="1:3" x14ac:dyDescent="0.45">
      <c r="A1669" s="21" t="s">
        <v>5085</v>
      </c>
      <c r="B1669" t="s">
        <v>5086</v>
      </c>
      <c r="C1669" s="22" t="s">
        <v>7024</v>
      </c>
    </row>
    <row r="1670" spans="1:3" x14ac:dyDescent="0.45">
      <c r="A1670" s="21" t="s">
        <v>5087</v>
      </c>
      <c r="B1670" t="s">
        <v>5088</v>
      </c>
      <c r="C1670" s="22" t="s">
        <v>7025</v>
      </c>
    </row>
    <row r="1671" spans="1:3" x14ac:dyDescent="0.45">
      <c r="A1671" s="21" t="s">
        <v>5089</v>
      </c>
      <c r="B1671" t="s">
        <v>5090</v>
      </c>
      <c r="C1671" s="22" t="s">
        <v>7026</v>
      </c>
    </row>
    <row r="1672" spans="1:3" x14ac:dyDescent="0.45">
      <c r="A1672" s="21" t="s">
        <v>5091</v>
      </c>
      <c r="B1672" t="s">
        <v>5092</v>
      </c>
      <c r="C1672" s="22" t="s">
        <v>7027</v>
      </c>
    </row>
    <row r="1673" spans="1:3" x14ac:dyDescent="0.45">
      <c r="A1673" s="21" t="s">
        <v>5093</v>
      </c>
      <c r="B1673" t="s">
        <v>5094</v>
      </c>
      <c r="C1673" s="22" t="s">
        <v>7028</v>
      </c>
    </row>
    <row r="1674" spans="1:3" x14ac:dyDescent="0.45">
      <c r="A1674" s="21" t="s">
        <v>5095</v>
      </c>
      <c r="B1674" t="s">
        <v>5096</v>
      </c>
      <c r="C1674" s="22" t="s">
        <v>7029</v>
      </c>
    </row>
    <row r="1675" spans="1:3" x14ac:dyDescent="0.45">
      <c r="A1675" s="21" t="s">
        <v>5097</v>
      </c>
      <c r="B1675" t="s">
        <v>5098</v>
      </c>
      <c r="C1675" s="22" t="s">
        <v>7030</v>
      </c>
    </row>
    <row r="1676" spans="1:3" x14ac:dyDescent="0.45">
      <c r="A1676" s="21" t="s">
        <v>5099</v>
      </c>
      <c r="B1676" t="s">
        <v>5100</v>
      </c>
      <c r="C1676" s="22" t="s">
        <v>7031</v>
      </c>
    </row>
    <row r="1677" spans="1:3" x14ac:dyDescent="0.45">
      <c r="A1677" s="21" t="s">
        <v>5101</v>
      </c>
      <c r="B1677" t="s">
        <v>5102</v>
      </c>
      <c r="C1677" s="22" t="s">
        <v>7032</v>
      </c>
    </row>
    <row r="1678" spans="1:3" x14ac:dyDescent="0.45">
      <c r="A1678" s="21" t="s">
        <v>5103</v>
      </c>
      <c r="B1678" t="s">
        <v>5104</v>
      </c>
      <c r="C1678" s="22" t="s">
        <v>7033</v>
      </c>
    </row>
    <row r="1679" spans="1:3" x14ac:dyDescent="0.45">
      <c r="A1679" s="21" t="s">
        <v>5105</v>
      </c>
      <c r="B1679" t="s">
        <v>5106</v>
      </c>
      <c r="C1679" s="22" t="s">
        <v>7034</v>
      </c>
    </row>
    <row r="1680" spans="1:3" x14ac:dyDescent="0.45">
      <c r="A1680" s="21" t="s">
        <v>5107</v>
      </c>
      <c r="B1680" t="s">
        <v>5108</v>
      </c>
      <c r="C1680" s="22" t="s">
        <v>7035</v>
      </c>
    </row>
    <row r="1681" spans="1:3" x14ac:dyDescent="0.45">
      <c r="A1681" s="21" t="s">
        <v>5109</v>
      </c>
      <c r="B1681" t="s">
        <v>5110</v>
      </c>
      <c r="C1681" s="22" t="s">
        <v>7036</v>
      </c>
    </row>
    <row r="1682" spans="1:3" x14ac:dyDescent="0.45">
      <c r="A1682" s="21" t="s">
        <v>5111</v>
      </c>
      <c r="B1682" t="s">
        <v>5112</v>
      </c>
      <c r="C1682" s="22" t="s">
        <v>7037</v>
      </c>
    </row>
    <row r="1683" spans="1:3" x14ac:dyDescent="0.45">
      <c r="A1683" s="21" t="s">
        <v>5113</v>
      </c>
      <c r="B1683" t="s">
        <v>5114</v>
      </c>
      <c r="C1683" s="22" t="s">
        <v>7038</v>
      </c>
    </row>
    <row r="1684" spans="1:3" x14ac:dyDescent="0.45">
      <c r="A1684" s="21" t="s">
        <v>5115</v>
      </c>
      <c r="B1684" t="s">
        <v>5116</v>
      </c>
      <c r="C1684" s="22" t="s">
        <v>7039</v>
      </c>
    </row>
    <row r="1685" spans="1:3" x14ac:dyDescent="0.45">
      <c r="A1685" s="21" t="s">
        <v>5117</v>
      </c>
      <c r="B1685" t="s">
        <v>5118</v>
      </c>
      <c r="C1685" s="22" t="s">
        <v>7040</v>
      </c>
    </row>
    <row r="1686" spans="1:3" x14ac:dyDescent="0.45">
      <c r="A1686" s="21" t="s">
        <v>5119</v>
      </c>
      <c r="B1686" t="s">
        <v>5120</v>
      </c>
      <c r="C1686" s="22" t="s">
        <v>7041</v>
      </c>
    </row>
    <row r="1687" spans="1:3" x14ac:dyDescent="0.45">
      <c r="A1687" s="21" t="s">
        <v>5121</v>
      </c>
      <c r="B1687" t="s">
        <v>5122</v>
      </c>
      <c r="C1687" s="22" t="s">
        <v>7042</v>
      </c>
    </row>
    <row r="1688" spans="1:3" x14ac:dyDescent="0.45">
      <c r="A1688" s="21" t="s">
        <v>5123</v>
      </c>
      <c r="B1688" t="s">
        <v>5124</v>
      </c>
      <c r="C1688" s="22" t="s">
        <v>7043</v>
      </c>
    </row>
    <row r="1689" spans="1:3" x14ac:dyDescent="0.45">
      <c r="A1689" s="21" t="s">
        <v>5125</v>
      </c>
      <c r="B1689" t="s">
        <v>5126</v>
      </c>
      <c r="C1689" s="22" t="s">
        <v>7044</v>
      </c>
    </row>
    <row r="1690" spans="1:3" x14ac:dyDescent="0.45">
      <c r="A1690" s="21" t="s">
        <v>5127</v>
      </c>
      <c r="B1690" t="s">
        <v>5128</v>
      </c>
      <c r="C1690" s="22" t="s">
        <v>7045</v>
      </c>
    </row>
    <row r="1691" spans="1:3" x14ac:dyDescent="0.45">
      <c r="A1691" s="21" t="s">
        <v>5129</v>
      </c>
      <c r="B1691" t="s">
        <v>5130</v>
      </c>
      <c r="C1691" s="22" t="s">
        <v>7046</v>
      </c>
    </row>
    <row r="1692" spans="1:3" x14ac:dyDescent="0.45">
      <c r="A1692" s="21" t="s">
        <v>5131</v>
      </c>
      <c r="B1692" t="s">
        <v>5132</v>
      </c>
      <c r="C1692" s="22" t="s">
        <v>7047</v>
      </c>
    </row>
    <row r="1693" spans="1:3" x14ac:dyDescent="0.45">
      <c r="A1693" s="21" t="s">
        <v>5133</v>
      </c>
      <c r="B1693" t="s">
        <v>5134</v>
      </c>
      <c r="C1693" s="22" t="s">
        <v>7048</v>
      </c>
    </row>
    <row r="1694" spans="1:3" x14ac:dyDescent="0.45">
      <c r="A1694" s="21" t="s">
        <v>5135</v>
      </c>
      <c r="B1694" t="s">
        <v>5136</v>
      </c>
      <c r="C1694" s="22" t="s">
        <v>7049</v>
      </c>
    </row>
    <row r="1695" spans="1:3" x14ac:dyDescent="0.45">
      <c r="A1695" s="21" t="s">
        <v>5137</v>
      </c>
      <c r="B1695" t="s">
        <v>5138</v>
      </c>
      <c r="C1695" s="22" t="s">
        <v>7050</v>
      </c>
    </row>
    <row r="1696" spans="1:3" x14ac:dyDescent="0.45">
      <c r="A1696" s="21" t="s">
        <v>5139</v>
      </c>
      <c r="B1696" t="s">
        <v>5140</v>
      </c>
      <c r="C1696" s="22" t="s">
        <v>7051</v>
      </c>
    </row>
    <row r="1697" spans="1:3" x14ac:dyDescent="0.45">
      <c r="A1697" s="21" t="s">
        <v>5141</v>
      </c>
      <c r="B1697" t="s">
        <v>5142</v>
      </c>
      <c r="C1697" s="22" t="s">
        <v>7052</v>
      </c>
    </row>
    <row r="1698" spans="1:3" x14ac:dyDescent="0.45">
      <c r="A1698" s="21" t="s">
        <v>5143</v>
      </c>
      <c r="B1698" t="s">
        <v>5144</v>
      </c>
      <c r="C1698" s="22" t="s">
        <v>7053</v>
      </c>
    </row>
    <row r="1699" spans="1:3" x14ac:dyDescent="0.45">
      <c r="A1699" s="21" t="s">
        <v>5145</v>
      </c>
      <c r="B1699" t="s">
        <v>5146</v>
      </c>
      <c r="C1699" s="22" t="s">
        <v>7054</v>
      </c>
    </row>
    <row r="1700" spans="1:3" x14ac:dyDescent="0.45">
      <c r="A1700" s="21" t="s">
        <v>5147</v>
      </c>
      <c r="B1700" t="s">
        <v>5148</v>
      </c>
      <c r="C1700" s="22" t="s">
        <v>7055</v>
      </c>
    </row>
    <row r="1701" spans="1:3" x14ac:dyDescent="0.45">
      <c r="A1701" s="21" t="s">
        <v>5149</v>
      </c>
      <c r="B1701" t="s">
        <v>5150</v>
      </c>
      <c r="C1701" s="22" t="s">
        <v>7056</v>
      </c>
    </row>
    <row r="1702" spans="1:3" x14ac:dyDescent="0.45">
      <c r="A1702" s="21" t="s">
        <v>5151</v>
      </c>
      <c r="B1702" t="s">
        <v>5152</v>
      </c>
      <c r="C1702" s="22" t="s">
        <v>7057</v>
      </c>
    </row>
    <row r="1703" spans="1:3" x14ac:dyDescent="0.45">
      <c r="A1703" s="21" t="s">
        <v>5153</v>
      </c>
      <c r="B1703" t="s">
        <v>5154</v>
      </c>
      <c r="C1703" s="22" t="s">
        <v>7058</v>
      </c>
    </row>
    <row r="1704" spans="1:3" x14ac:dyDescent="0.45">
      <c r="A1704" s="21" t="s">
        <v>5155</v>
      </c>
      <c r="B1704" t="s">
        <v>5156</v>
      </c>
      <c r="C1704" s="22" t="s">
        <v>7059</v>
      </c>
    </row>
    <row r="1705" spans="1:3" x14ac:dyDescent="0.45">
      <c r="A1705" s="21" t="s">
        <v>5157</v>
      </c>
      <c r="B1705" t="s">
        <v>5158</v>
      </c>
      <c r="C1705" s="22" t="s">
        <v>7060</v>
      </c>
    </row>
    <row r="1706" spans="1:3" x14ac:dyDescent="0.45">
      <c r="A1706" s="21" t="s">
        <v>5159</v>
      </c>
      <c r="B1706" t="s">
        <v>5160</v>
      </c>
      <c r="C1706" s="22" t="s">
        <v>7061</v>
      </c>
    </row>
    <row r="1707" spans="1:3" x14ac:dyDescent="0.45">
      <c r="A1707" s="21" t="s">
        <v>5161</v>
      </c>
      <c r="B1707" t="s">
        <v>5162</v>
      </c>
      <c r="C1707" s="22" t="s">
        <v>7062</v>
      </c>
    </row>
    <row r="1708" spans="1:3" x14ac:dyDescent="0.45">
      <c r="A1708" s="21" t="s">
        <v>5163</v>
      </c>
      <c r="B1708" t="s">
        <v>5164</v>
      </c>
      <c r="C1708" s="22" t="s">
        <v>7063</v>
      </c>
    </row>
    <row r="1709" spans="1:3" x14ac:dyDescent="0.45">
      <c r="A1709" s="21" t="s">
        <v>5165</v>
      </c>
      <c r="B1709" t="s">
        <v>5166</v>
      </c>
      <c r="C1709" s="22" t="s">
        <v>7064</v>
      </c>
    </row>
    <row r="1710" spans="1:3" x14ac:dyDescent="0.45">
      <c r="A1710" s="21" t="s">
        <v>5167</v>
      </c>
      <c r="B1710" t="s">
        <v>5168</v>
      </c>
      <c r="C1710" s="22" t="s">
        <v>7065</v>
      </c>
    </row>
    <row r="1711" spans="1:3" x14ac:dyDescent="0.45">
      <c r="A1711" s="21" t="s">
        <v>5169</v>
      </c>
      <c r="B1711" t="s">
        <v>5170</v>
      </c>
      <c r="C1711" s="22" t="s">
        <v>7066</v>
      </c>
    </row>
    <row r="1712" spans="1:3" x14ac:dyDescent="0.45">
      <c r="A1712" s="21" t="s">
        <v>5171</v>
      </c>
      <c r="B1712" t="s">
        <v>5172</v>
      </c>
      <c r="C1712" s="22" t="s">
        <v>7067</v>
      </c>
    </row>
    <row r="1713" spans="1:3" x14ac:dyDescent="0.45">
      <c r="A1713" s="21" t="s">
        <v>5173</v>
      </c>
      <c r="B1713" t="s">
        <v>5174</v>
      </c>
      <c r="C1713" s="22" t="s">
        <v>7068</v>
      </c>
    </row>
    <row r="1714" spans="1:3" x14ac:dyDescent="0.45">
      <c r="A1714" s="21" t="s">
        <v>5175</v>
      </c>
      <c r="B1714" t="s">
        <v>5176</v>
      </c>
      <c r="C1714" s="22" t="s">
        <v>7069</v>
      </c>
    </row>
    <row r="1715" spans="1:3" x14ac:dyDescent="0.45">
      <c r="A1715" s="21" t="s">
        <v>5177</v>
      </c>
      <c r="B1715" t="s">
        <v>5178</v>
      </c>
      <c r="C1715" s="22" t="s">
        <v>7070</v>
      </c>
    </row>
    <row r="1716" spans="1:3" x14ac:dyDescent="0.45">
      <c r="A1716" s="21" t="s">
        <v>5179</v>
      </c>
      <c r="B1716" t="s">
        <v>5180</v>
      </c>
      <c r="C1716" s="22" t="s">
        <v>7071</v>
      </c>
    </row>
    <row r="1717" spans="1:3" x14ac:dyDescent="0.45">
      <c r="A1717" s="21" t="s">
        <v>5181</v>
      </c>
      <c r="B1717" t="s">
        <v>5182</v>
      </c>
      <c r="C1717" s="22" t="s">
        <v>7072</v>
      </c>
    </row>
    <row r="1718" spans="1:3" x14ac:dyDescent="0.45">
      <c r="A1718" s="21" t="s">
        <v>5183</v>
      </c>
      <c r="B1718" t="s">
        <v>5184</v>
      </c>
      <c r="C1718" s="22" t="s">
        <v>7073</v>
      </c>
    </row>
    <row r="1719" spans="1:3" x14ac:dyDescent="0.45">
      <c r="A1719" s="21" t="s">
        <v>5185</v>
      </c>
      <c r="B1719" t="s">
        <v>5186</v>
      </c>
      <c r="C1719" s="22" t="s">
        <v>7074</v>
      </c>
    </row>
    <row r="1720" spans="1:3" x14ac:dyDescent="0.45">
      <c r="A1720" s="21" t="s">
        <v>5187</v>
      </c>
      <c r="B1720" t="s">
        <v>5188</v>
      </c>
      <c r="C1720" s="22" t="s">
        <v>7075</v>
      </c>
    </row>
    <row r="1721" spans="1:3" x14ac:dyDescent="0.45">
      <c r="A1721" s="21" t="s">
        <v>5189</v>
      </c>
      <c r="B1721" t="s">
        <v>5190</v>
      </c>
      <c r="C1721" s="22" t="s">
        <v>7076</v>
      </c>
    </row>
    <row r="1722" spans="1:3" x14ac:dyDescent="0.45">
      <c r="A1722" s="21" t="s">
        <v>5191</v>
      </c>
      <c r="B1722" t="s">
        <v>5192</v>
      </c>
      <c r="C1722" s="22" t="s">
        <v>7077</v>
      </c>
    </row>
    <row r="1723" spans="1:3" x14ac:dyDescent="0.45">
      <c r="A1723" s="21" t="s">
        <v>5193</v>
      </c>
      <c r="B1723" t="s">
        <v>5194</v>
      </c>
      <c r="C1723" s="22" t="s">
        <v>7078</v>
      </c>
    </row>
    <row r="1724" spans="1:3" x14ac:dyDescent="0.45">
      <c r="A1724" s="21" t="s">
        <v>5195</v>
      </c>
      <c r="B1724" t="s">
        <v>5196</v>
      </c>
      <c r="C1724" s="22" t="s">
        <v>7079</v>
      </c>
    </row>
    <row r="1725" spans="1:3" x14ac:dyDescent="0.45">
      <c r="A1725" s="21" t="s">
        <v>5197</v>
      </c>
      <c r="B1725" t="s">
        <v>5198</v>
      </c>
      <c r="C1725" s="22" t="s">
        <v>7080</v>
      </c>
    </row>
    <row r="1726" spans="1:3" x14ac:dyDescent="0.45">
      <c r="A1726" s="21" t="s">
        <v>5199</v>
      </c>
      <c r="B1726" t="s">
        <v>5200</v>
      </c>
      <c r="C1726" s="22" t="s">
        <v>7081</v>
      </c>
    </row>
    <row r="1727" spans="1:3" x14ac:dyDescent="0.45">
      <c r="A1727" s="21" t="s">
        <v>5201</v>
      </c>
      <c r="B1727" t="s">
        <v>5202</v>
      </c>
      <c r="C1727" s="22" t="s">
        <v>7082</v>
      </c>
    </row>
    <row r="1728" spans="1:3" x14ac:dyDescent="0.45">
      <c r="A1728" s="21" t="s">
        <v>5203</v>
      </c>
      <c r="B1728" t="s">
        <v>5204</v>
      </c>
      <c r="C1728" s="22" t="s">
        <v>7083</v>
      </c>
    </row>
    <row r="1729" spans="1:3" x14ac:dyDescent="0.45">
      <c r="A1729" s="21" t="s">
        <v>5205</v>
      </c>
      <c r="B1729" t="s">
        <v>5206</v>
      </c>
      <c r="C1729" s="22" t="s">
        <v>7084</v>
      </c>
    </row>
    <row r="1730" spans="1:3" x14ac:dyDescent="0.45">
      <c r="A1730" s="21" t="s">
        <v>5207</v>
      </c>
      <c r="B1730" t="s">
        <v>5208</v>
      </c>
      <c r="C1730" s="22" t="s">
        <v>7085</v>
      </c>
    </row>
    <row r="1731" spans="1:3" x14ac:dyDescent="0.45">
      <c r="A1731" s="21" t="s">
        <v>5209</v>
      </c>
      <c r="B1731" t="s">
        <v>5210</v>
      </c>
      <c r="C1731" s="22" t="s">
        <v>7086</v>
      </c>
    </row>
    <row r="1732" spans="1:3" x14ac:dyDescent="0.45">
      <c r="A1732" s="21" t="s">
        <v>5211</v>
      </c>
      <c r="B1732" t="s">
        <v>5212</v>
      </c>
      <c r="C1732" s="22" t="s">
        <v>7087</v>
      </c>
    </row>
    <row r="1733" spans="1:3" x14ac:dyDescent="0.45">
      <c r="A1733" s="21" t="s">
        <v>5213</v>
      </c>
      <c r="B1733" t="s">
        <v>5214</v>
      </c>
      <c r="C1733" s="22" t="s">
        <v>7088</v>
      </c>
    </row>
    <row r="1734" spans="1:3" x14ac:dyDescent="0.45">
      <c r="A1734" s="21" t="s">
        <v>5215</v>
      </c>
      <c r="B1734" t="s">
        <v>5216</v>
      </c>
      <c r="C1734" s="22" t="s">
        <v>7089</v>
      </c>
    </row>
    <row r="1735" spans="1:3" x14ac:dyDescent="0.45">
      <c r="A1735" s="21" t="s">
        <v>5217</v>
      </c>
      <c r="B1735" t="s">
        <v>5218</v>
      </c>
      <c r="C1735" s="22" t="s">
        <v>7090</v>
      </c>
    </row>
    <row r="1736" spans="1:3" x14ac:dyDescent="0.45">
      <c r="A1736" s="21" t="s">
        <v>5219</v>
      </c>
      <c r="B1736" t="s">
        <v>5220</v>
      </c>
      <c r="C1736" s="22" t="s">
        <v>7091</v>
      </c>
    </row>
    <row r="1737" spans="1:3" x14ac:dyDescent="0.45">
      <c r="A1737" s="21" t="s">
        <v>5221</v>
      </c>
      <c r="B1737" t="s">
        <v>5222</v>
      </c>
      <c r="C1737" s="22" t="s">
        <v>7092</v>
      </c>
    </row>
    <row r="1738" spans="1:3" x14ac:dyDescent="0.45">
      <c r="A1738" s="21" t="s">
        <v>5223</v>
      </c>
      <c r="B1738" t="s">
        <v>5224</v>
      </c>
      <c r="C1738" s="22" t="s">
        <v>7093</v>
      </c>
    </row>
    <row r="1739" spans="1:3" x14ac:dyDescent="0.45">
      <c r="A1739" s="21" t="s">
        <v>5225</v>
      </c>
      <c r="B1739" t="s">
        <v>5226</v>
      </c>
      <c r="C1739" s="22" t="s">
        <v>7094</v>
      </c>
    </row>
    <row r="1740" spans="1:3" x14ac:dyDescent="0.45">
      <c r="A1740" s="21" t="s">
        <v>5227</v>
      </c>
      <c r="B1740" t="s">
        <v>5228</v>
      </c>
      <c r="C1740" s="22" t="s">
        <v>7095</v>
      </c>
    </row>
    <row r="1741" spans="1:3" x14ac:dyDescent="0.45">
      <c r="A1741" s="21" t="s">
        <v>5229</v>
      </c>
      <c r="B1741" t="s">
        <v>5230</v>
      </c>
      <c r="C1741" s="22" t="s">
        <v>7096</v>
      </c>
    </row>
    <row r="1742" spans="1:3" x14ac:dyDescent="0.45">
      <c r="A1742" s="21" t="s">
        <v>5231</v>
      </c>
      <c r="B1742" t="s">
        <v>5232</v>
      </c>
      <c r="C1742" s="22" t="s">
        <v>7097</v>
      </c>
    </row>
    <row r="1743" spans="1:3" x14ac:dyDescent="0.45">
      <c r="A1743" s="21" t="s">
        <v>5233</v>
      </c>
      <c r="B1743" t="s">
        <v>5234</v>
      </c>
      <c r="C1743" s="22" t="s">
        <v>7098</v>
      </c>
    </row>
  </sheetData>
  <autoFilter ref="A1:C1743"/>
  <phoneticPr fontId="2"/>
  <pageMargins left="0.7" right="0.7" top="0.75" bottom="0.75" header="0.3" footer="0.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U180"/>
  <sheetViews>
    <sheetView zoomScale="130" zoomScaleNormal="130" workbookViewId="0"/>
  </sheetViews>
  <sheetFormatPr defaultRowHeight="18" x14ac:dyDescent="0.45"/>
  <cols>
    <col min="39" max="39" width="10.59765625" customWidth="1"/>
  </cols>
  <sheetData>
    <row r="1" spans="1:47" x14ac:dyDescent="0.45">
      <c r="A1" t="s">
        <v>0</v>
      </c>
      <c r="B1" t="s">
        <v>180</v>
      </c>
      <c r="C1" t="s">
        <v>221</v>
      </c>
      <c r="D1" t="s">
        <v>255</v>
      </c>
      <c r="E1" t="s">
        <v>291</v>
      </c>
      <c r="F1" t="s">
        <v>317</v>
      </c>
      <c r="G1" t="s">
        <v>353</v>
      </c>
      <c r="H1" t="s">
        <v>411</v>
      </c>
      <c r="I1" t="s">
        <v>456</v>
      </c>
      <c r="J1" t="s">
        <v>482</v>
      </c>
      <c r="K1" t="s">
        <v>517</v>
      </c>
      <c r="L1" t="s">
        <v>580</v>
      </c>
      <c r="M1" t="s">
        <v>635</v>
      </c>
      <c r="N1" t="s">
        <v>698</v>
      </c>
      <c r="O1" t="s">
        <v>732</v>
      </c>
      <c r="P1" t="s">
        <v>763</v>
      </c>
      <c r="Q1" t="s">
        <v>778</v>
      </c>
      <c r="R1" t="s">
        <v>798</v>
      </c>
      <c r="S1" t="s">
        <v>815</v>
      </c>
      <c r="T1" t="s">
        <v>842</v>
      </c>
      <c r="U1" t="s">
        <v>917</v>
      </c>
      <c r="V1" t="s">
        <v>959</v>
      </c>
      <c r="W1" t="s">
        <v>993</v>
      </c>
      <c r="X1" t="s">
        <v>1047</v>
      </c>
      <c r="Y1" t="s">
        <v>1075</v>
      </c>
      <c r="Z1" t="s">
        <v>1095</v>
      </c>
      <c r="AA1" t="s">
        <v>1122</v>
      </c>
      <c r="AB1" t="s">
        <v>1166</v>
      </c>
      <c r="AC1" t="s">
        <v>1207</v>
      </c>
      <c r="AD1" t="s">
        <v>1245</v>
      </c>
      <c r="AE1" t="s">
        <v>1274</v>
      </c>
      <c r="AF1" t="s">
        <v>1292</v>
      </c>
      <c r="AG1" t="s">
        <v>1311</v>
      </c>
      <c r="AH1" t="s">
        <v>1339</v>
      </c>
      <c r="AI1" t="s">
        <v>1362</v>
      </c>
      <c r="AJ1" t="s">
        <v>1382</v>
      </c>
      <c r="AK1" t="s">
        <v>1407</v>
      </c>
      <c r="AL1" t="s">
        <v>1425</v>
      </c>
      <c r="AM1" t="s">
        <v>1445</v>
      </c>
      <c r="AN1" t="s">
        <v>1475</v>
      </c>
      <c r="AO1" t="s">
        <v>1534</v>
      </c>
      <c r="AP1" t="s">
        <v>1555</v>
      </c>
      <c r="AQ1" t="s">
        <v>1577</v>
      </c>
      <c r="AR1" t="s">
        <v>1620</v>
      </c>
      <c r="AS1" t="s">
        <v>1639</v>
      </c>
      <c r="AT1" t="s">
        <v>1665</v>
      </c>
      <c r="AU1" t="s">
        <v>1709</v>
      </c>
    </row>
    <row r="2" spans="1:47" x14ac:dyDescent="0.45">
      <c r="A2" t="s">
        <v>1</v>
      </c>
      <c r="B2" t="s">
        <v>181</v>
      </c>
      <c r="C2" t="s">
        <v>222</v>
      </c>
      <c r="D2" t="s">
        <v>256</v>
      </c>
      <c r="E2" t="s">
        <v>292</v>
      </c>
      <c r="F2" t="s">
        <v>318</v>
      </c>
      <c r="G2" t="s">
        <v>354</v>
      </c>
      <c r="H2" t="s">
        <v>412</v>
      </c>
      <c r="I2" t="s">
        <v>457</v>
      </c>
      <c r="J2" t="s">
        <v>483</v>
      </c>
      <c r="K2" t="s">
        <v>518</v>
      </c>
      <c r="L2" t="s">
        <v>581</v>
      </c>
      <c r="M2" t="s">
        <v>636</v>
      </c>
      <c r="N2" t="s">
        <v>699</v>
      </c>
      <c r="O2" t="s">
        <v>733</v>
      </c>
      <c r="P2" t="s">
        <v>764</v>
      </c>
      <c r="Q2" t="s">
        <v>779</v>
      </c>
      <c r="R2" t="s">
        <v>799</v>
      </c>
      <c r="S2" t="s">
        <v>816</v>
      </c>
      <c r="T2" t="s">
        <v>843</v>
      </c>
      <c r="U2" t="s">
        <v>918</v>
      </c>
      <c r="V2" t="s">
        <v>960</v>
      </c>
      <c r="W2" t="s">
        <v>994</v>
      </c>
      <c r="X2" t="s">
        <v>1048</v>
      </c>
      <c r="Y2" t="s">
        <v>1076</v>
      </c>
      <c r="Z2" t="s">
        <v>1096</v>
      </c>
      <c r="AA2" t="s">
        <v>1123</v>
      </c>
      <c r="AB2" t="s">
        <v>1167</v>
      </c>
      <c r="AC2" t="s">
        <v>1208</v>
      </c>
      <c r="AD2" t="s">
        <v>1246</v>
      </c>
      <c r="AE2" t="s">
        <v>1275</v>
      </c>
      <c r="AF2" t="s">
        <v>1293</v>
      </c>
      <c r="AG2" t="s">
        <v>1312</v>
      </c>
      <c r="AH2" t="s">
        <v>1340</v>
      </c>
      <c r="AI2" t="s">
        <v>1363</v>
      </c>
      <c r="AJ2" t="s">
        <v>1383</v>
      </c>
      <c r="AK2" t="s">
        <v>1408</v>
      </c>
      <c r="AL2" t="s">
        <v>1426</v>
      </c>
      <c r="AM2" t="s">
        <v>1446</v>
      </c>
      <c r="AN2" t="s">
        <v>1476</v>
      </c>
      <c r="AO2" t="s">
        <v>1535</v>
      </c>
      <c r="AP2" t="s">
        <v>1556</v>
      </c>
      <c r="AQ2" t="s">
        <v>1578</v>
      </c>
      <c r="AR2" t="s">
        <v>1621</v>
      </c>
      <c r="AS2" t="s">
        <v>1640</v>
      </c>
      <c r="AT2" t="s">
        <v>1666</v>
      </c>
      <c r="AU2" t="s">
        <v>1710</v>
      </c>
    </row>
    <row r="3" spans="1:47" x14ac:dyDescent="0.45">
      <c r="A3" t="s">
        <v>2</v>
      </c>
      <c r="B3" t="s">
        <v>182</v>
      </c>
      <c r="C3" t="s">
        <v>223</v>
      </c>
      <c r="D3" t="s">
        <v>257</v>
      </c>
      <c r="E3" t="s">
        <v>293</v>
      </c>
      <c r="F3" t="s">
        <v>319</v>
      </c>
      <c r="G3" t="s">
        <v>355</v>
      </c>
      <c r="H3" t="s">
        <v>413</v>
      </c>
      <c r="I3" t="s">
        <v>458</v>
      </c>
      <c r="J3" t="s">
        <v>484</v>
      </c>
      <c r="K3" t="s">
        <v>519</v>
      </c>
      <c r="L3" t="s">
        <v>582</v>
      </c>
      <c r="M3" t="s">
        <v>637</v>
      </c>
      <c r="N3" t="s">
        <v>700</v>
      </c>
      <c r="O3" t="s">
        <v>734</v>
      </c>
      <c r="P3" t="s">
        <v>765</v>
      </c>
      <c r="Q3" t="s">
        <v>780</v>
      </c>
      <c r="R3" t="s">
        <v>800</v>
      </c>
      <c r="S3" t="s">
        <v>817</v>
      </c>
      <c r="T3" t="s">
        <v>844</v>
      </c>
      <c r="U3" t="s">
        <v>919</v>
      </c>
      <c r="V3" t="s">
        <v>961</v>
      </c>
      <c r="W3" t="s">
        <v>995</v>
      </c>
      <c r="X3" t="s">
        <v>1049</v>
      </c>
      <c r="Y3" t="s">
        <v>1077</v>
      </c>
      <c r="Z3" t="s">
        <v>1097</v>
      </c>
      <c r="AA3" t="s">
        <v>1124</v>
      </c>
      <c r="AB3" t="s">
        <v>1168</v>
      </c>
      <c r="AC3" t="s">
        <v>1209</v>
      </c>
      <c r="AD3" t="s">
        <v>1247</v>
      </c>
      <c r="AE3" t="s">
        <v>1276</v>
      </c>
      <c r="AF3" t="s">
        <v>1294</v>
      </c>
      <c r="AG3" t="s">
        <v>1313</v>
      </c>
      <c r="AH3" t="s">
        <v>1341</v>
      </c>
      <c r="AI3" t="s">
        <v>1364</v>
      </c>
      <c r="AJ3" t="s">
        <v>1384</v>
      </c>
      <c r="AK3" t="s">
        <v>1409</v>
      </c>
      <c r="AL3" t="s">
        <v>1427</v>
      </c>
      <c r="AM3" t="s">
        <v>1447</v>
      </c>
      <c r="AN3" t="s">
        <v>1477</v>
      </c>
      <c r="AO3" t="s">
        <v>1536</v>
      </c>
      <c r="AP3" t="s">
        <v>1557</v>
      </c>
      <c r="AQ3" t="s">
        <v>1579</v>
      </c>
      <c r="AR3" t="s">
        <v>1622</v>
      </c>
      <c r="AS3" t="s">
        <v>1641</v>
      </c>
      <c r="AT3" t="s">
        <v>1667</v>
      </c>
      <c r="AU3" t="s">
        <v>1711</v>
      </c>
    </row>
    <row r="4" spans="1:47" x14ac:dyDescent="0.45">
      <c r="A4" t="s">
        <v>3</v>
      </c>
      <c r="B4" t="s">
        <v>183</v>
      </c>
      <c r="C4" t="s">
        <v>224</v>
      </c>
      <c r="D4" t="s">
        <v>258</v>
      </c>
      <c r="E4" t="s">
        <v>294</v>
      </c>
      <c r="F4" t="s">
        <v>320</v>
      </c>
      <c r="G4" t="s">
        <v>356</v>
      </c>
      <c r="H4" t="s">
        <v>414</v>
      </c>
      <c r="I4" t="s">
        <v>459</v>
      </c>
      <c r="J4" t="s">
        <v>485</v>
      </c>
      <c r="K4" t="s">
        <v>520</v>
      </c>
      <c r="L4" t="s">
        <v>583</v>
      </c>
      <c r="M4" t="s">
        <v>638</v>
      </c>
      <c r="N4" t="s">
        <v>701</v>
      </c>
      <c r="O4" t="s">
        <v>735</v>
      </c>
      <c r="P4" t="s">
        <v>766</v>
      </c>
      <c r="Q4" t="s">
        <v>781</v>
      </c>
      <c r="R4" t="s">
        <v>801</v>
      </c>
      <c r="S4" t="s">
        <v>818</v>
      </c>
      <c r="T4" t="s">
        <v>845</v>
      </c>
      <c r="U4" t="s">
        <v>920</v>
      </c>
      <c r="V4" t="s">
        <v>962</v>
      </c>
      <c r="W4" t="s">
        <v>996</v>
      </c>
      <c r="X4" t="s">
        <v>1050</v>
      </c>
      <c r="Y4" t="s">
        <v>1078</v>
      </c>
      <c r="Z4" t="s">
        <v>1098</v>
      </c>
      <c r="AA4" t="s">
        <v>1125</v>
      </c>
      <c r="AB4" t="s">
        <v>1169</v>
      </c>
      <c r="AC4" t="s">
        <v>1210</v>
      </c>
      <c r="AD4" t="s">
        <v>1248</v>
      </c>
      <c r="AE4" t="s">
        <v>1277</v>
      </c>
      <c r="AF4" t="s">
        <v>1295</v>
      </c>
      <c r="AG4" t="s">
        <v>1314</v>
      </c>
      <c r="AH4" t="s">
        <v>1342</v>
      </c>
      <c r="AI4" t="s">
        <v>1365</v>
      </c>
      <c r="AJ4" t="s">
        <v>1385</v>
      </c>
      <c r="AK4" t="s">
        <v>1410</v>
      </c>
      <c r="AL4" t="s">
        <v>1428</v>
      </c>
      <c r="AM4" t="s">
        <v>1448</v>
      </c>
      <c r="AN4" t="s">
        <v>1478</v>
      </c>
      <c r="AO4" t="s">
        <v>1537</v>
      </c>
      <c r="AP4" t="s">
        <v>1558</v>
      </c>
      <c r="AQ4" t="s">
        <v>1580</v>
      </c>
      <c r="AR4" t="s">
        <v>1623</v>
      </c>
      <c r="AS4" t="s">
        <v>1642</v>
      </c>
      <c r="AT4" t="s">
        <v>1668</v>
      </c>
      <c r="AU4" t="s">
        <v>1712</v>
      </c>
    </row>
    <row r="5" spans="1:47" x14ac:dyDescent="0.45">
      <c r="A5" t="s">
        <v>4</v>
      </c>
      <c r="B5" t="s">
        <v>184</v>
      </c>
      <c r="C5" t="s">
        <v>225</v>
      </c>
      <c r="D5" t="s">
        <v>259</v>
      </c>
      <c r="E5" t="s">
        <v>295</v>
      </c>
      <c r="F5" t="s">
        <v>321</v>
      </c>
      <c r="G5" t="s">
        <v>357</v>
      </c>
      <c r="H5" t="s">
        <v>415</v>
      </c>
      <c r="I5" t="s">
        <v>460</v>
      </c>
      <c r="J5" t="s">
        <v>486</v>
      </c>
      <c r="K5" t="s">
        <v>521</v>
      </c>
      <c r="L5" t="s">
        <v>584</v>
      </c>
      <c r="M5" t="s">
        <v>639</v>
      </c>
      <c r="N5" t="s">
        <v>702</v>
      </c>
      <c r="O5" t="s">
        <v>736</v>
      </c>
      <c r="P5" t="s">
        <v>767</v>
      </c>
      <c r="Q5" t="s">
        <v>782</v>
      </c>
      <c r="R5" t="s">
        <v>802</v>
      </c>
      <c r="S5" t="s">
        <v>819</v>
      </c>
      <c r="T5" t="s">
        <v>846</v>
      </c>
      <c r="U5" t="s">
        <v>921</v>
      </c>
      <c r="V5" t="s">
        <v>963</v>
      </c>
      <c r="W5" t="s">
        <v>997</v>
      </c>
      <c r="X5" t="s">
        <v>1051</v>
      </c>
      <c r="Y5" t="s">
        <v>1079</v>
      </c>
      <c r="Z5" t="s">
        <v>1099</v>
      </c>
      <c r="AA5" t="s">
        <v>1126</v>
      </c>
      <c r="AB5" t="s">
        <v>1170</v>
      </c>
      <c r="AC5" t="s">
        <v>1211</v>
      </c>
      <c r="AD5" t="s">
        <v>1249</v>
      </c>
      <c r="AE5" t="s">
        <v>1278</v>
      </c>
      <c r="AF5" t="s">
        <v>1296</v>
      </c>
      <c r="AG5" t="s">
        <v>1315</v>
      </c>
      <c r="AH5" t="s">
        <v>1343</v>
      </c>
      <c r="AI5" t="s">
        <v>1366</v>
      </c>
      <c r="AJ5" t="s">
        <v>1386</v>
      </c>
      <c r="AK5" t="s">
        <v>1411</v>
      </c>
      <c r="AL5" t="s">
        <v>1429</v>
      </c>
      <c r="AM5" t="s">
        <v>1449</v>
      </c>
      <c r="AN5" t="s">
        <v>1479</v>
      </c>
      <c r="AO5" t="s">
        <v>1538</v>
      </c>
      <c r="AP5" t="s">
        <v>1559</v>
      </c>
      <c r="AQ5" t="s">
        <v>1581</v>
      </c>
      <c r="AR5" t="s">
        <v>1624</v>
      </c>
      <c r="AS5" t="s">
        <v>1643</v>
      </c>
      <c r="AT5" t="s">
        <v>1669</v>
      </c>
      <c r="AU5" t="s">
        <v>1713</v>
      </c>
    </row>
    <row r="6" spans="1:47" x14ac:dyDescent="0.45">
      <c r="A6" t="s">
        <v>5</v>
      </c>
      <c r="B6" t="s">
        <v>185</v>
      </c>
      <c r="C6" t="s">
        <v>226</v>
      </c>
      <c r="D6" t="s">
        <v>260</v>
      </c>
      <c r="E6" t="s">
        <v>296</v>
      </c>
      <c r="F6" t="s">
        <v>322</v>
      </c>
      <c r="G6" t="s">
        <v>358</v>
      </c>
      <c r="H6" t="s">
        <v>416</v>
      </c>
      <c r="I6" t="s">
        <v>461</v>
      </c>
      <c r="J6" t="s">
        <v>487</v>
      </c>
      <c r="K6" t="s">
        <v>522</v>
      </c>
      <c r="L6" t="s">
        <v>585</v>
      </c>
      <c r="M6" t="s">
        <v>640</v>
      </c>
      <c r="N6" t="s">
        <v>703</v>
      </c>
      <c r="O6" t="s">
        <v>737</v>
      </c>
      <c r="P6" t="s">
        <v>768</v>
      </c>
      <c r="Q6" t="s">
        <v>783</v>
      </c>
      <c r="R6" t="s">
        <v>803</v>
      </c>
      <c r="S6" t="s">
        <v>820</v>
      </c>
      <c r="T6" t="s">
        <v>847</v>
      </c>
      <c r="U6" t="s">
        <v>922</v>
      </c>
      <c r="V6" t="s">
        <v>964</v>
      </c>
      <c r="W6" t="s">
        <v>998</v>
      </c>
      <c r="X6" t="s">
        <v>1052</v>
      </c>
      <c r="Y6" t="s">
        <v>1080</v>
      </c>
      <c r="Z6" t="s">
        <v>1100</v>
      </c>
      <c r="AA6" t="s">
        <v>1127</v>
      </c>
      <c r="AB6" t="s">
        <v>1171</v>
      </c>
      <c r="AC6" t="s">
        <v>1212</v>
      </c>
      <c r="AD6" t="s">
        <v>1250</v>
      </c>
      <c r="AE6" t="s">
        <v>1279</v>
      </c>
      <c r="AF6" t="s">
        <v>1297</v>
      </c>
      <c r="AG6" t="s">
        <v>1316</v>
      </c>
      <c r="AH6" t="s">
        <v>1344</v>
      </c>
      <c r="AI6" t="s">
        <v>1367</v>
      </c>
      <c r="AJ6" t="s">
        <v>1387</v>
      </c>
      <c r="AK6" t="s">
        <v>1412</v>
      </c>
      <c r="AL6" t="s">
        <v>1430</v>
      </c>
      <c r="AM6" t="s">
        <v>1450</v>
      </c>
      <c r="AN6" t="s">
        <v>1480</v>
      </c>
      <c r="AO6" t="s">
        <v>1539</v>
      </c>
      <c r="AP6" t="s">
        <v>1560</v>
      </c>
      <c r="AQ6" t="s">
        <v>1582</v>
      </c>
      <c r="AR6" t="s">
        <v>1625</v>
      </c>
      <c r="AS6" t="s">
        <v>1644</v>
      </c>
      <c r="AT6" t="s">
        <v>1670</v>
      </c>
      <c r="AU6" t="s">
        <v>1714</v>
      </c>
    </row>
    <row r="7" spans="1:47" x14ac:dyDescent="0.45">
      <c r="A7" t="s">
        <v>6</v>
      </c>
      <c r="B7" t="s">
        <v>186</v>
      </c>
      <c r="C7" t="s">
        <v>227</v>
      </c>
      <c r="D7" t="s">
        <v>261</v>
      </c>
      <c r="E7" t="s">
        <v>297</v>
      </c>
      <c r="F7" t="s">
        <v>323</v>
      </c>
      <c r="G7" t="s">
        <v>359</v>
      </c>
      <c r="H7" t="s">
        <v>417</v>
      </c>
      <c r="I7" t="s">
        <v>462</v>
      </c>
      <c r="J7" t="s">
        <v>488</v>
      </c>
      <c r="K7" t="s">
        <v>523</v>
      </c>
      <c r="L7" t="s">
        <v>586</v>
      </c>
      <c r="M7" t="s">
        <v>641</v>
      </c>
      <c r="N7" t="s">
        <v>704</v>
      </c>
      <c r="O7" t="s">
        <v>738</v>
      </c>
      <c r="P7" t="s">
        <v>769</v>
      </c>
      <c r="Q7" t="s">
        <v>784</v>
      </c>
      <c r="R7" t="s">
        <v>804</v>
      </c>
      <c r="S7" t="s">
        <v>821</v>
      </c>
      <c r="T7" t="s">
        <v>848</v>
      </c>
      <c r="U7" t="s">
        <v>923</v>
      </c>
      <c r="V7" t="s">
        <v>965</v>
      </c>
      <c r="W7" t="s">
        <v>999</v>
      </c>
      <c r="X7" t="s">
        <v>1053</v>
      </c>
      <c r="Y7" t="s">
        <v>1081</v>
      </c>
      <c r="Z7" t="s">
        <v>1101</v>
      </c>
      <c r="AA7" t="s">
        <v>1128</v>
      </c>
      <c r="AB7" t="s">
        <v>1172</v>
      </c>
      <c r="AC7" t="s">
        <v>1213</v>
      </c>
      <c r="AD7" t="s">
        <v>1251</v>
      </c>
      <c r="AE7" t="s">
        <v>1280</v>
      </c>
      <c r="AF7" t="s">
        <v>1298</v>
      </c>
      <c r="AG7" t="s">
        <v>1317</v>
      </c>
      <c r="AH7" t="s">
        <v>1345</v>
      </c>
      <c r="AI7" t="s">
        <v>1368</v>
      </c>
      <c r="AJ7" t="s">
        <v>1388</v>
      </c>
      <c r="AK7" t="s">
        <v>1413</v>
      </c>
      <c r="AL7" t="s">
        <v>1431</v>
      </c>
      <c r="AM7" t="s">
        <v>1451</v>
      </c>
      <c r="AN7" t="s">
        <v>1481</v>
      </c>
      <c r="AO7" t="s">
        <v>1540</v>
      </c>
      <c r="AP7" t="s">
        <v>1561</v>
      </c>
      <c r="AQ7" t="s">
        <v>1583</v>
      </c>
      <c r="AR7" t="s">
        <v>1626</v>
      </c>
      <c r="AS7" t="s">
        <v>1645</v>
      </c>
      <c r="AT7" t="s">
        <v>1671</v>
      </c>
      <c r="AU7" t="s">
        <v>1715</v>
      </c>
    </row>
    <row r="8" spans="1:47" x14ac:dyDescent="0.45">
      <c r="A8" t="s">
        <v>7</v>
      </c>
      <c r="B8" t="s">
        <v>187</v>
      </c>
      <c r="C8" t="s">
        <v>228</v>
      </c>
      <c r="D8" t="s">
        <v>262</v>
      </c>
      <c r="E8" t="s">
        <v>298</v>
      </c>
      <c r="F8" t="s">
        <v>324</v>
      </c>
      <c r="G8" t="s">
        <v>360</v>
      </c>
      <c r="H8" t="s">
        <v>418</v>
      </c>
      <c r="I8" t="s">
        <v>463</v>
      </c>
      <c r="J8" t="s">
        <v>489</v>
      </c>
      <c r="K8" t="s">
        <v>524</v>
      </c>
      <c r="L8" t="s">
        <v>587</v>
      </c>
      <c r="M8" t="s">
        <v>642</v>
      </c>
      <c r="N8" t="s">
        <v>705</v>
      </c>
      <c r="O8" t="s">
        <v>739</v>
      </c>
      <c r="P8" t="s">
        <v>770</v>
      </c>
      <c r="Q8" t="s">
        <v>785</v>
      </c>
      <c r="R8" t="s">
        <v>805</v>
      </c>
      <c r="S8" t="s">
        <v>822</v>
      </c>
      <c r="T8" t="s">
        <v>849</v>
      </c>
      <c r="U8" t="s">
        <v>924</v>
      </c>
      <c r="V8" t="s">
        <v>966</v>
      </c>
      <c r="W8" t="s">
        <v>1000</v>
      </c>
      <c r="X8" t="s">
        <v>1054</v>
      </c>
      <c r="Y8" t="s">
        <v>1082</v>
      </c>
      <c r="Z8" t="s">
        <v>1102</v>
      </c>
      <c r="AA8" t="s">
        <v>1129</v>
      </c>
      <c r="AB8" t="s">
        <v>1173</v>
      </c>
      <c r="AC8" t="s">
        <v>1214</v>
      </c>
      <c r="AD8" t="s">
        <v>1252</v>
      </c>
      <c r="AE8" t="s">
        <v>1281</v>
      </c>
      <c r="AF8" t="s">
        <v>1299</v>
      </c>
      <c r="AG8" t="s">
        <v>1318</v>
      </c>
      <c r="AH8" t="s">
        <v>664</v>
      </c>
      <c r="AI8" t="s">
        <v>1369</v>
      </c>
      <c r="AJ8" t="s">
        <v>1389</v>
      </c>
      <c r="AK8" t="s">
        <v>1414</v>
      </c>
      <c r="AL8" t="s">
        <v>1432</v>
      </c>
      <c r="AM8" t="s">
        <v>1452</v>
      </c>
      <c r="AN8" t="s">
        <v>1482</v>
      </c>
      <c r="AO8" t="s">
        <v>1541</v>
      </c>
      <c r="AP8" t="s">
        <v>1562</v>
      </c>
      <c r="AQ8" t="s">
        <v>1584</v>
      </c>
      <c r="AR8" t="s">
        <v>1627</v>
      </c>
      <c r="AS8" t="s">
        <v>1646</v>
      </c>
      <c r="AT8" t="s">
        <v>1672</v>
      </c>
      <c r="AU8" t="s">
        <v>1716</v>
      </c>
    </row>
    <row r="9" spans="1:47" x14ac:dyDescent="0.45">
      <c r="A9" t="s">
        <v>8</v>
      </c>
      <c r="B9" t="s">
        <v>188</v>
      </c>
      <c r="C9" t="s">
        <v>229</v>
      </c>
      <c r="D9" t="s">
        <v>263</v>
      </c>
      <c r="E9" t="s">
        <v>299</v>
      </c>
      <c r="F9" t="s">
        <v>325</v>
      </c>
      <c r="G9" t="s">
        <v>361</v>
      </c>
      <c r="H9" t="s">
        <v>419</v>
      </c>
      <c r="I9" t="s">
        <v>464</v>
      </c>
      <c r="J9" t="s">
        <v>490</v>
      </c>
      <c r="K9" t="s">
        <v>525</v>
      </c>
      <c r="L9" t="s">
        <v>588</v>
      </c>
      <c r="M9" t="s">
        <v>643</v>
      </c>
      <c r="N9" t="s">
        <v>706</v>
      </c>
      <c r="O9" t="s">
        <v>740</v>
      </c>
      <c r="P9" t="s">
        <v>771</v>
      </c>
      <c r="Q9" t="s">
        <v>786</v>
      </c>
      <c r="R9" t="s">
        <v>806</v>
      </c>
      <c r="S9" t="s">
        <v>823</v>
      </c>
      <c r="T9" t="s">
        <v>850</v>
      </c>
      <c r="U9" t="s">
        <v>925</v>
      </c>
      <c r="V9" t="s">
        <v>967</v>
      </c>
      <c r="W9" t="s">
        <v>1001</v>
      </c>
      <c r="X9" t="s">
        <v>1055</v>
      </c>
      <c r="Y9" t="s">
        <v>1083</v>
      </c>
      <c r="Z9" t="s">
        <v>1103</v>
      </c>
      <c r="AA9" t="s">
        <v>1130</v>
      </c>
      <c r="AB9" t="s">
        <v>1174</v>
      </c>
      <c r="AC9" t="s">
        <v>1215</v>
      </c>
      <c r="AD9" t="s">
        <v>1253</v>
      </c>
      <c r="AE9" t="s">
        <v>1282</v>
      </c>
      <c r="AF9" t="s">
        <v>1300</v>
      </c>
      <c r="AG9" t="s">
        <v>1319</v>
      </c>
      <c r="AH9" t="s">
        <v>1346</v>
      </c>
      <c r="AI9" t="s">
        <v>1370</v>
      </c>
      <c r="AJ9" t="s">
        <v>1390</v>
      </c>
      <c r="AK9" t="s">
        <v>1415</v>
      </c>
      <c r="AL9" t="s">
        <v>1433</v>
      </c>
      <c r="AM9" t="s">
        <v>1453</v>
      </c>
      <c r="AN9" t="s">
        <v>1483</v>
      </c>
      <c r="AO9" t="s">
        <v>1542</v>
      </c>
      <c r="AP9" t="s">
        <v>1563</v>
      </c>
      <c r="AQ9" t="s">
        <v>1585</v>
      </c>
      <c r="AR9" t="s">
        <v>1628</v>
      </c>
      <c r="AS9" t="s">
        <v>1647</v>
      </c>
      <c r="AT9" t="s">
        <v>1673</v>
      </c>
      <c r="AU9" t="s">
        <v>1717</v>
      </c>
    </row>
    <row r="10" spans="1:47" x14ac:dyDescent="0.45">
      <c r="A10" t="s">
        <v>9</v>
      </c>
      <c r="B10" t="s">
        <v>189</v>
      </c>
      <c r="C10" t="s">
        <v>230</v>
      </c>
      <c r="D10" t="s">
        <v>264</v>
      </c>
      <c r="E10" t="s">
        <v>300</v>
      </c>
      <c r="F10" t="s">
        <v>326</v>
      </c>
      <c r="G10" t="s">
        <v>362</v>
      </c>
      <c r="H10" t="s">
        <v>420</v>
      </c>
      <c r="I10" t="s">
        <v>465</v>
      </c>
      <c r="J10" t="s">
        <v>491</v>
      </c>
      <c r="K10" t="s">
        <v>526</v>
      </c>
      <c r="L10" t="s">
        <v>589</v>
      </c>
      <c r="M10" t="s">
        <v>644</v>
      </c>
      <c r="N10" t="s">
        <v>707</v>
      </c>
      <c r="O10" t="s">
        <v>741</v>
      </c>
      <c r="P10" t="s">
        <v>772</v>
      </c>
      <c r="Q10" t="s">
        <v>787</v>
      </c>
      <c r="R10" t="s">
        <v>807</v>
      </c>
      <c r="S10" t="s">
        <v>824</v>
      </c>
      <c r="T10" t="s">
        <v>851</v>
      </c>
      <c r="U10" t="s">
        <v>926</v>
      </c>
      <c r="V10" t="s">
        <v>968</v>
      </c>
      <c r="W10" t="s">
        <v>1002</v>
      </c>
      <c r="X10" t="s">
        <v>1056</v>
      </c>
      <c r="Y10" t="s">
        <v>1084</v>
      </c>
      <c r="Z10" t="s">
        <v>1104</v>
      </c>
      <c r="AA10" t="s">
        <v>1131</v>
      </c>
      <c r="AB10" t="s">
        <v>1175</v>
      </c>
      <c r="AC10" t="s">
        <v>1216</v>
      </c>
      <c r="AD10" t="s">
        <v>1254</v>
      </c>
      <c r="AE10" t="s">
        <v>1283</v>
      </c>
      <c r="AF10" t="s">
        <v>1301</v>
      </c>
      <c r="AG10" t="s">
        <v>1320</v>
      </c>
      <c r="AH10" t="s">
        <v>1347</v>
      </c>
      <c r="AI10" t="s">
        <v>1371</v>
      </c>
      <c r="AJ10" t="s">
        <v>1391</v>
      </c>
      <c r="AK10" t="s">
        <v>1416</v>
      </c>
      <c r="AL10" t="s">
        <v>1434</v>
      </c>
      <c r="AM10" t="s">
        <v>1454</v>
      </c>
      <c r="AN10" t="s">
        <v>1484</v>
      </c>
      <c r="AO10" t="s">
        <v>1543</v>
      </c>
      <c r="AP10" t="s">
        <v>1564</v>
      </c>
      <c r="AQ10" t="s">
        <v>1586</v>
      </c>
      <c r="AR10" t="s">
        <v>1629</v>
      </c>
      <c r="AS10" t="s">
        <v>1648</v>
      </c>
      <c r="AT10" t="s">
        <v>1674</v>
      </c>
      <c r="AU10" t="s">
        <v>1718</v>
      </c>
    </row>
    <row r="11" spans="1:47" x14ac:dyDescent="0.45">
      <c r="A11" t="s">
        <v>10</v>
      </c>
      <c r="B11" t="s">
        <v>190</v>
      </c>
      <c r="C11" t="s">
        <v>231</v>
      </c>
      <c r="D11" t="s">
        <v>265</v>
      </c>
      <c r="E11" t="s">
        <v>301</v>
      </c>
      <c r="F11" t="s">
        <v>327</v>
      </c>
      <c r="G11" t="s">
        <v>363</v>
      </c>
      <c r="H11" t="s">
        <v>421</v>
      </c>
      <c r="I11" t="s">
        <v>466</v>
      </c>
      <c r="J11" t="s">
        <v>492</v>
      </c>
      <c r="K11" t="s">
        <v>527</v>
      </c>
      <c r="L11" t="s">
        <v>590</v>
      </c>
      <c r="M11" t="s">
        <v>645</v>
      </c>
      <c r="N11" t="s">
        <v>708</v>
      </c>
      <c r="O11" t="s">
        <v>742</v>
      </c>
      <c r="P11" t="s">
        <v>773</v>
      </c>
      <c r="Q11" t="s">
        <v>788</v>
      </c>
      <c r="R11" t="s">
        <v>808</v>
      </c>
      <c r="S11" t="s">
        <v>825</v>
      </c>
      <c r="T11" t="s">
        <v>852</v>
      </c>
      <c r="U11" t="s">
        <v>927</v>
      </c>
      <c r="V11" t="s">
        <v>969</v>
      </c>
      <c r="W11" t="s">
        <v>1003</v>
      </c>
      <c r="X11" t="s">
        <v>1057</v>
      </c>
      <c r="Y11" t="s">
        <v>1085</v>
      </c>
      <c r="Z11" t="s">
        <v>1105</v>
      </c>
      <c r="AA11" t="s">
        <v>1132</v>
      </c>
      <c r="AB11" t="s">
        <v>1176</v>
      </c>
      <c r="AC11" t="s">
        <v>1217</v>
      </c>
      <c r="AD11" t="s">
        <v>1255</v>
      </c>
      <c r="AE11" t="s">
        <v>1284</v>
      </c>
      <c r="AF11" t="s">
        <v>1302</v>
      </c>
      <c r="AG11" t="s">
        <v>1321</v>
      </c>
      <c r="AH11" t="s">
        <v>1348</v>
      </c>
      <c r="AI11" t="s">
        <v>1372</v>
      </c>
      <c r="AJ11" t="s">
        <v>1392</v>
      </c>
      <c r="AK11" t="s">
        <v>1417</v>
      </c>
      <c r="AL11" t="s">
        <v>1435</v>
      </c>
      <c r="AM11" t="s">
        <v>1455</v>
      </c>
      <c r="AN11" t="s">
        <v>1485</v>
      </c>
      <c r="AO11" t="s">
        <v>1544</v>
      </c>
      <c r="AP11" t="s">
        <v>1565</v>
      </c>
      <c r="AQ11" t="s">
        <v>1587</v>
      </c>
      <c r="AR11" t="s">
        <v>1630</v>
      </c>
      <c r="AS11" t="s">
        <v>1649</v>
      </c>
      <c r="AT11" t="s">
        <v>1675</v>
      </c>
      <c r="AU11" t="s">
        <v>1719</v>
      </c>
    </row>
    <row r="12" spans="1:47" x14ac:dyDescent="0.45">
      <c r="A12" t="s">
        <v>11</v>
      </c>
      <c r="B12" t="s">
        <v>191</v>
      </c>
      <c r="C12" t="s">
        <v>232</v>
      </c>
      <c r="D12" t="s">
        <v>266</v>
      </c>
      <c r="E12" t="s">
        <v>302</v>
      </c>
      <c r="F12" t="s">
        <v>328</v>
      </c>
      <c r="G12" t="s">
        <v>364</v>
      </c>
      <c r="H12" t="s">
        <v>422</v>
      </c>
      <c r="I12" t="s">
        <v>467</v>
      </c>
      <c r="J12" t="s">
        <v>493</v>
      </c>
      <c r="K12" t="s">
        <v>528</v>
      </c>
      <c r="L12" t="s">
        <v>591</v>
      </c>
      <c r="M12" t="s">
        <v>646</v>
      </c>
      <c r="N12" t="s">
        <v>709</v>
      </c>
      <c r="O12" t="s">
        <v>743</v>
      </c>
      <c r="P12" t="s">
        <v>774</v>
      </c>
      <c r="Q12" t="s">
        <v>789</v>
      </c>
      <c r="R12" t="s">
        <v>163</v>
      </c>
      <c r="S12" t="s">
        <v>826</v>
      </c>
      <c r="T12" t="s">
        <v>853</v>
      </c>
      <c r="U12" t="s">
        <v>928</v>
      </c>
      <c r="V12" t="s">
        <v>970</v>
      </c>
      <c r="W12" t="s">
        <v>1004</v>
      </c>
      <c r="X12" t="s">
        <v>1058</v>
      </c>
      <c r="Y12" t="s">
        <v>1086</v>
      </c>
      <c r="Z12" t="s">
        <v>1106</v>
      </c>
      <c r="AA12" t="s">
        <v>1133</v>
      </c>
      <c r="AB12" t="s">
        <v>1177</v>
      </c>
      <c r="AC12" t="s">
        <v>1218</v>
      </c>
      <c r="AD12" t="s">
        <v>1256</v>
      </c>
      <c r="AE12" t="s">
        <v>1285</v>
      </c>
      <c r="AF12" t="s">
        <v>1303</v>
      </c>
      <c r="AG12" t="s">
        <v>1322</v>
      </c>
      <c r="AH12" t="s">
        <v>1349</v>
      </c>
      <c r="AI12" t="s">
        <v>1373</v>
      </c>
      <c r="AJ12" t="s">
        <v>1393</v>
      </c>
      <c r="AK12" t="s">
        <v>1418</v>
      </c>
      <c r="AL12" t="s">
        <v>1436</v>
      </c>
      <c r="AM12" t="s">
        <v>1456</v>
      </c>
      <c r="AN12" t="s">
        <v>1486</v>
      </c>
      <c r="AO12" t="s">
        <v>1545</v>
      </c>
      <c r="AP12" t="s">
        <v>1566</v>
      </c>
      <c r="AQ12" t="s">
        <v>1588</v>
      </c>
      <c r="AR12" t="s">
        <v>1631</v>
      </c>
      <c r="AS12" t="s">
        <v>1650</v>
      </c>
      <c r="AT12" t="s">
        <v>1676</v>
      </c>
      <c r="AU12" t="s">
        <v>1720</v>
      </c>
    </row>
    <row r="13" spans="1:47" x14ac:dyDescent="0.45">
      <c r="A13" t="s">
        <v>12</v>
      </c>
      <c r="B13" t="s">
        <v>192</v>
      </c>
      <c r="C13" t="s">
        <v>233</v>
      </c>
      <c r="D13" t="s">
        <v>267</v>
      </c>
      <c r="E13" t="s">
        <v>303</v>
      </c>
      <c r="F13" t="s">
        <v>329</v>
      </c>
      <c r="G13" t="s">
        <v>32</v>
      </c>
      <c r="H13" t="s">
        <v>423</v>
      </c>
      <c r="I13" t="s">
        <v>468</v>
      </c>
      <c r="J13" t="s">
        <v>494</v>
      </c>
      <c r="K13" t="s">
        <v>529</v>
      </c>
      <c r="L13" t="s">
        <v>592</v>
      </c>
      <c r="M13" t="s">
        <v>647</v>
      </c>
      <c r="N13" t="s">
        <v>710</v>
      </c>
      <c r="O13" t="s">
        <v>744</v>
      </c>
      <c r="P13" t="s">
        <v>775</v>
      </c>
      <c r="Q13" t="s">
        <v>790</v>
      </c>
      <c r="R13" t="s">
        <v>809</v>
      </c>
      <c r="S13" t="s">
        <v>827</v>
      </c>
      <c r="T13" t="s">
        <v>854</v>
      </c>
      <c r="U13" t="s">
        <v>929</v>
      </c>
      <c r="V13" t="s">
        <v>971</v>
      </c>
      <c r="W13" t="s">
        <v>1005</v>
      </c>
      <c r="X13" t="s">
        <v>1059</v>
      </c>
      <c r="Y13" t="s">
        <v>1087</v>
      </c>
      <c r="Z13" t="s">
        <v>1107</v>
      </c>
      <c r="AA13" t="s">
        <v>1134</v>
      </c>
      <c r="AB13" t="s">
        <v>1178</v>
      </c>
      <c r="AC13" t="s">
        <v>1219</v>
      </c>
      <c r="AD13" t="s">
        <v>1257</v>
      </c>
      <c r="AE13" t="s">
        <v>1286</v>
      </c>
      <c r="AF13" t="s">
        <v>314</v>
      </c>
      <c r="AG13" t="s">
        <v>1323</v>
      </c>
      <c r="AH13" t="s">
        <v>1350</v>
      </c>
      <c r="AI13" t="s">
        <v>1374</v>
      </c>
      <c r="AJ13" t="s">
        <v>1394</v>
      </c>
      <c r="AK13" t="s">
        <v>1419</v>
      </c>
      <c r="AL13" t="s">
        <v>1437</v>
      </c>
      <c r="AM13" t="s">
        <v>1457</v>
      </c>
      <c r="AN13" t="s">
        <v>1487</v>
      </c>
      <c r="AO13" t="s">
        <v>1546</v>
      </c>
      <c r="AP13" t="s">
        <v>1567</v>
      </c>
      <c r="AQ13" t="s">
        <v>1589</v>
      </c>
      <c r="AR13" t="s">
        <v>1632</v>
      </c>
      <c r="AS13" t="s">
        <v>1651</v>
      </c>
      <c r="AT13" t="s">
        <v>1677</v>
      </c>
      <c r="AU13" t="s">
        <v>1721</v>
      </c>
    </row>
    <row r="14" spans="1:47" x14ac:dyDescent="0.45">
      <c r="A14" t="s">
        <v>13</v>
      </c>
      <c r="B14" t="s">
        <v>193</v>
      </c>
      <c r="C14" t="s">
        <v>234</v>
      </c>
      <c r="D14" t="s">
        <v>268</v>
      </c>
      <c r="E14" t="s">
        <v>304</v>
      </c>
      <c r="F14" t="s">
        <v>330</v>
      </c>
      <c r="G14" t="s">
        <v>365</v>
      </c>
      <c r="H14" t="s">
        <v>424</v>
      </c>
      <c r="I14" t="s">
        <v>469</v>
      </c>
      <c r="J14" t="s">
        <v>495</v>
      </c>
      <c r="K14" t="s">
        <v>530</v>
      </c>
      <c r="L14" t="s">
        <v>593</v>
      </c>
      <c r="M14" t="s">
        <v>648</v>
      </c>
      <c r="N14" t="s">
        <v>711</v>
      </c>
      <c r="O14" t="s">
        <v>745</v>
      </c>
      <c r="P14" t="s">
        <v>776</v>
      </c>
      <c r="Q14" t="s">
        <v>791</v>
      </c>
      <c r="R14" t="s">
        <v>810</v>
      </c>
      <c r="S14" t="s">
        <v>828</v>
      </c>
      <c r="T14" t="s">
        <v>855</v>
      </c>
      <c r="U14" t="s">
        <v>930</v>
      </c>
      <c r="V14" t="s">
        <v>972</v>
      </c>
      <c r="W14" t="s">
        <v>1006</v>
      </c>
      <c r="X14" t="s">
        <v>1060</v>
      </c>
      <c r="Y14" t="s">
        <v>1088</v>
      </c>
      <c r="Z14" t="s">
        <v>1108</v>
      </c>
      <c r="AA14" t="s">
        <v>1135</v>
      </c>
      <c r="AB14" t="s">
        <v>1179</v>
      </c>
      <c r="AC14" t="s">
        <v>1220</v>
      </c>
      <c r="AD14" t="s">
        <v>1258</v>
      </c>
      <c r="AE14" t="s">
        <v>1287</v>
      </c>
      <c r="AF14" t="s">
        <v>1304</v>
      </c>
      <c r="AG14" t="s">
        <v>1324</v>
      </c>
      <c r="AH14" t="s">
        <v>1351</v>
      </c>
      <c r="AI14" t="s">
        <v>1375</v>
      </c>
      <c r="AJ14" t="s">
        <v>1395</v>
      </c>
      <c r="AK14" t="s">
        <v>1420</v>
      </c>
      <c r="AL14" t="s">
        <v>1438</v>
      </c>
      <c r="AM14" t="s">
        <v>1458</v>
      </c>
      <c r="AN14" t="s">
        <v>1488</v>
      </c>
      <c r="AO14" t="s">
        <v>1547</v>
      </c>
      <c r="AP14" t="s">
        <v>1568</v>
      </c>
      <c r="AQ14" t="s">
        <v>1590</v>
      </c>
      <c r="AR14" t="s">
        <v>1633</v>
      </c>
      <c r="AS14" t="s">
        <v>1652</v>
      </c>
      <c r="AT14" t="s">
        <v>1678</v>
      </c>
      <c r="AU14" t="s">
        <v>1722</v>
      </c>
    </row>
    <row r="15" spans="1:47" x14ac:dyDescent="0.45">
      <c r="A15" t="s">
        <v>14</v>
      </c>
      <c r="B15" t="s">
        <v>194</v>
      </c>
      <c r="C15" t="s">
        <v>235</v>
      </c>
      <c r="D15" t="s">
        <v>269</v>
      </c>
      <c r="E15" t="s">
        <v>305</v>
      </c>
      <c r="F15" t="s">
        <v>331</v>
      </c>
      <c r="G15" t="s">
        <v>366</v>
      </c>
      <c r="H15" t="s">
        <v>425</v>
      </c>
      <c r="I15" t="s">
        <v>470</v>
      </c>
      <c r="J15" t="s">
        <v>496</v>
      </c>
      <c r="K15" t="s">
        <v>531</v>
      </c>
      <c r="L15" t="s">
        <v>594</v>
      </c>
      <c r="M15" t="s">
        <v>649</v>
      </c>
      <c r="N15" t="s">
        <v>712</v>
      </c>
      <c r="O15" t="s">
        <v>746</v>
      </c>
      <c r="P15" t="s">
        <v>777</v>
      </c>
      <c r="Q15" t="s">
        <v>792</v>
      </c>
      <c r="R15" t="s">
        <v>811</v>
      </c>
      <c r="S15" t="s">
        <v>829</v>
      </c>
      <c r="T15" t="s">
        <v>856</v>
      </c>
      <c r="U15" t="s">
        <v>931</v>
      </c>
      <c r="V15" t="s">
        <v>973</v>
      </c>
      <c r="W15" t="s">
        <v>1007</v>
      </c>
      <c r="X15" t="s">
        <v>1061</v>
      </c>
      <c r="Y15" t="s">
        <v>1089</v>
      </c>
      <c r="Z15" t="s">
        <v>1109</v>
      </c>
      <c r="AA15" t="s">
        <v>1136</v>
      </c>
      <c r="AB15" t="s">
        <v>1180</v>
      </c>
      <c r="AC15" t="s">
        <v>1221</v>
      </c>
      <c r="AD15" t="s">
        <v>1259</v>
      </c>
      <c r="AE15" t="s">
        <v>1288</v>
      </c>
      <c r="AF15" t="s">
        <v>1305</v>
      </c>
      <c r="AG15" t="s">
        <v>1325</v>
      </c>
      <c r="AH15" t="s">
        <v>1352</v>
      </c>
      <c r="AI15" t="s">
        <v>1376</v>
      </c>
      <c r="AJ15" t="s">
        <v>1396</v>
      </c>
      <c r="AK15" t="s">
        <v>1421</v>
      </c>
      <c r="AL15" t="s">
        <v>38</v>
      </c>
      <c r="AM15" t="s">
        <v>1459</v>
      </c>
      <c r="AN15" t="s">
        <v>1489</v>
      </c>
      <c r="AO15" t="s">
        <v>1548</v>
      </c>
      <c r="AP15" t="s">
        <v>1569</v>
      </c>
      <c r="AQ15" t="s">
        <v>1591</v>
      </c>
      <c r="AR15" t="s">
        <v>1634</v>
      </c>
      <c r="AS15" t="s">
        <v>1653</v>
      </c>
      <c r="AT15" t="s">
        <v>1679</v>
      </c>
      <c r="AU15" t="s">
        <v>1723</v>
      </c>
    </row>
    <row r="16" spans="1:47" x14ac:dyDescent="0.45">
      <c r="A16" t="s">
        <v>15</v>
      </c>
      <c r="B16" t="s">
        <v>195</v>
      </c>
      <c r="C16" t="s">
        <v>236</v>
      </c>
      <c r="D16" t="s">
        <v>270</v>
      </c>
      <c r="E16" t="s">
        <v>306</v>
      </c>
      <c r="F16" t="s">
        <v>332</v>
      </c>
      <c r="G16" t="s">
        <v>367</v>
      </c>
      <c r="H16" t="s">
        <v>426</v>
      </c>
      <c r="I16" t="s">
        <v>471</v>
      </c>
      <c r="J16" t="s">
        <v>497</v>
      </c>
      <c r="K16" t="s">
        <v>532</v>
      </c>
      <c r="L16" t="s">
        <v>595</v>
      </c>
      <c r="M16" t="s">
        <v>650</v>
      </c>
      <c r="N16" t="s">
        <v>713</v>
      </c>
      <c r="O16" t="s">
        <v>747</v>
      </c>
      <c r="P16" t="s">
        <v>335</v>
      </c>
      <c r="Q16" t="s">
        <v>793</v>
      </c>
      <c r="R16" t="s">
        <v>812</v>
      </c>
      <c r="S16" t="s">
        <v>830</v>
      </c>
      <c r="T16" t="s">
        <v>857</v>
      </c>
      <c r="U16" t="s">
        <v>932</v>
      </c>
      <c r="V16" t="s">
        <v>974</v>
      </c>
      <c r="W16" t="s">
        <v>1008</v>
      </c>
      <c r="X16" t="s">
        <v>1062</v>
      </c>
      <c r="Y16" t="s">
        <v>1090</v>
      </c>
      <c r="Z16" t="s">
        <v>1110</v>
      </c>
      <c r="AA16" t="s">
        <v>1137</v>
      </c>
      <c r="AB16" t="s">
        <v>1181</v>
      </c>
      <c r="AC16" t="s">
        <v>1222</v>
      </c>
      <c r="AD16" t="s">
        <v>1260</v>
      </c>
      <c r="AE16" t="s">
        <v>218</v>
      </c>
      <c r="AF16" t="s">
        <v>1306</v>
      </c>
      <c r="AG16" t="s">
        <v>1326</v>
      </c>
      <c r="AH16" t="s">
        <v>1353</v>
      </c>
      <c r="AI16" t="s">
        <v>1377</v>
      </c>
      <c r="AJ16" t="s">
        <v>1397</v>
      </c>
      <c r="AK16" t="s">
        <v>1422</v>
      </c>
      <c r="AL16" t="s">
        <v>1439</v>
      </c>
      <c r="AM16" t="s">
        <v>1460</v>
      </c>
      <c r="AN16" t="s">
        <v>1490</v>
      </c>
      <c r="AO16" t="s">
        <v>1549</v>
      </c>
      <c r="AP16" t="s">
        <v>1570</v>
      </c>
      <c r="AQ16" t="s">
        <v>288</v>
      </c>
      <c r="AR16" t="s">
        <v>1635</v>
      </c>
      <c r="AS16" t="s">
        <v>1654</v>
      </c>
      <c r="AT16" t="s">
        <v>1680</v>
      </c>
      <c r="AU16" t="s">
        <v>1724</v>
      </c>
    </row>
    <row r="17" spans="1:47" x14ac:dyDescent="0.45">
      <c r="A17" t="s">
        <v>16</v>
      </c>
      <c r="B17" t="s">
        <v>196</v>
      </c>
      <c r="C17" t="s">
        <v>237</v>
      </c>
      <c r="D17" t="s">
        <v>271</v>
      </c>
      <c r="E17" t="s">
        <v>307</v>
      </c>
      <c r="F17" t="s">
        <v>333</v>
      </c>
      <c r="G17" t="s">
        <v>368</v>
      </c>
      <c r="H17" t="s">
        <v>427</v>
      </c>
      <c r="I17" t="s">
        <v>472</v>
      </c>
      <c r="J17" t="s">
        <v>498</v>
      </c>
      <c r="K17" t="s">
        <v>533</v>
      </c>
      <c r="L17" t="s">
        <v>596</v>
      </c>
      <c r="M17" t="s">
        <v>651</v>
      </c>
      <c r="N17" t="s">
        <v>714</v>
      </c>
      <c r="O17" t="s">
        <v>748</v>
      </c>
      <c r="Q17" t="s">
        <v>794</v>
      </c>
      <c r="R17" t="s">
        <v>813</v>
      </c>
      <c r="S17" t="s">
        <v>831</v>
      </c>
      <c r="T17" t="s">
        <v>858</v>
      </c>
      <c r="U17" t="s">
        <v>933</v>
      </c>
      <c r="V17" t="s">
        <v>975</v>
      </c>
      <c r="W17" t="s">
        <v>1009</v>
      </c>
      <c r="X17" t="s">
        <v>1063</v>
      </c>
      <c r="Y17" t="s">
        <v>1091</v>
      </c>
      <c r="Z17" t="s">
        <v>1111</v>
      </c>
      <c r="AA17" t="s">
        <v>1138</v>
      </c>
      <c r="AB17" t="s">
        <v>1182</v>
      </c>
      <c r="AC17" t="s">
        <v>1223</v>
      </c>
      <c r="AD17" t="s">
        <v>1261</v>
      </c>
      <c r="AE17" t="s">
        <v>1289</v>
      </c>
      <c r="AF17" t="s">
        <v>1307</v>
      </c>
      <c r="AG17" t="s">
        <v>1327</v>
      </c>
      <c r="AH17" t="s">
        <v>1354</v>
      </c>
      <c r="AI17" t="s">
        <v>1378</v>
      </c>
      <c r="AJ17" t="s">
        <v>1398</v>
      </c>
      <c r="AK17" t="s">
        <v>1423</v>
      </c>
      <c r="AL17" t="s">
        <v>1440</v>
      </c>
      <c r="AM17" t="s">
        <v>1461</v>
      </c>
      <c r="AN17" t="s">
        <v>1491</v>
      </c>
      <c r="AO17" t="s">
        <v>1550</v>
      </c>
      <c r="AP17" t="s">
        <v>1571</v>
      </c>
      <c r="AQ17" t="s">
        <v>1592</v>
      </c>
      <c r="AR17" t="s">
        <v>1636</v>
      </c>
      <c r="AS17" t="s">
        <v>1655</v>
      </c>
      <c r="AT17" t="s">
        <v>1681</v>
      </c>
      <c r="AU17" t="s">
        <v>1725</v>
      </c>
    </row>
    <row r="18" spans="1:47" x14ac:dyDescent="0.45">
      <c r="A18" t="s">
        <v>17</v>
      </c>
      <c r="B18" t="s">
        <v>197</v>
      </c>
      <c r="C18" t="s">
        <v>238</v>
      </c>
      <c r="D18" t="s">
        <v>272</v>
      </c>
      <c r="E18" t="s">
        <v>308</v>
      </c>
      <c r="F18" t="s">
        <v>334</v>
      </c>
      <c r="G18" t="s">
        <v>369</v>
      </c>
      <c r="H18" t="s">
        <v>428</v>
      </c>
      <c r="I18" t="s">
        <v>473</v>
      </c>
      <c r="J18" t="s">
        <v>499</v>
      </c>
      <c r="K18" t="s">
        <v>534</v>
      </c>
      <c r="L18" t="s">
        <v>597</v>
      </c>
      <c r="M18" t="s">
        <v>652</v>
      </c>
      <c r="N18" t="s">
        <v>715</v>
      </c>
      <c r="O18" t="s">
        <v>749</v>
      </c>
      <c r="Q18" t="s">
        <v>795</v>
      </c>
      <c r="R18" t="s">
        <v>814</v>
      </c>
      <c r="S18" t="s">
        <v>218</v>
      </c>
      <c r="T18" t="s">
        <v>859</v>
      </c>
      <c r="U18" t="s">
        <v>934</v>
      </c>
      <c r="V18" t="s">
        <v>976</v>
      </c>
      <c r="W18" t="s">
        <v>1010</v>
      </c>
      <c r="X18" t="s">
        <v>1064</v>
      </c>
      <c r="Y18" t="s">
        <v>1092</v>
      </c>
      <c r="Z18" t="s">
        <v>1112</v>
      </c>
      <c r="AA18" t="s">
        <v>1139</v>
      </c>
      <c r="AB18" t="s">
        <v>1183</v>
      </c>
      <c r="AC18" t="s">
        <v>1224</v>
      </c>
      <c r="AD18" t="s">
        <v>811</v>
      </c>
      <c r="AE18" t="s">
        <v>1290</v>
      </c>
      <c r="AF18" t="s">
        <v>1308</v>
      </c>
      <c r="AG18" t="s">
        <v>1328</v>
      </c>
      <c r="AH18" t="s">
        <v>1355</v>
      </c>
      <c r="AI18" t="s">
        <v>1379</v>
      </c>
      <c r="AJ18" t="s">
        <v>1399</v>
      </c>
      <c r="AK18" t="s">
        <v>1424</v>
      </c>
      <c r="AL18" t="s">
        <v>1441</v>
      </c>
      <c r="AM18" t="s">
        <v>1462</v>
      </c>
      <c r="AN18" t="s">
        <v>1492</v>
      </c>
      <c r="AO18" t="s">
        <v>1551</v>
      </c>
      <c r="AP18" t="s">
        <v>1572</v>
      </c>
      <c r="AQ18" t="s">
        <v>1593</v>
      </c>
      <c r="AR18" t="s">
        <v>1637</v>
      </c>
      <c r="AS18" t="s">
        <v>1656</v>
      </c>
      <c r="AT18" t="s">
        <v>1682</v>
      </c>
      <c r="AU18" t="s">
        <v>1726</v>
      </c>
    </row>
    <row r="19" spans="1:47" x14ac:dyDescent="0.45">
      <c r="A19" t="s">
        <v>18</v>
      </c>
      <c r="B19" t="s">
        <v>198</v>
      </c>
      <c r="C19" t="s">
        <v>239</v>
      </c>
      <c r="D19" t="s">
        <v>273</v>
      </c>
      <c r="E19" t="s">
        <v>309</v>
      </c>
      <c r="F19" t="s">
        <v>335</v>
      </c>
      <c r="G19" t="s">
        <v>370</v>
      </c>
      <c r="H19" t="s">
        <v>429</v>
      </c>
      <c r="I19" t="s">
        <v>474</v>
      </c>
      <c r="J19" t="s">
        <v>500</v>
      </c>
      <c r="K19" t="s">
        <v>535</v>
      </c>
      <c r="L19" t="s">
        <v>598</v>
      </c>
      <c r="M19" t="s">
        <v>653</v>
      </c>
      <c r="N19" t="s">
        <v>716</v>
      </c>
      <c r="O19" t="s">
        <v>750</v>
      </c>
      <c r="Q19" t="s">
        <v>796</v>
      </c>
      <c r="S19" t="s">
        <v>832</v>
      </c>
      <c r="T19" t="s">
        <v>860</v>
      </c>
      <c r="U19" t="s">
        <v>935</v>
      </c>
      <c r="V19" t="s">
        <v>977</v>
      </c>
      <c r="W19" t="s">
        <v>1011</v>
      </c>
      <c r="X19" t="s">
        <v>335</v>
      </c>
      <c r="Y19" t="s">
        <v>1093</v>
      </c>
      <c r="Z19" t="s">
        <v>1113</v>
      </c>
      <c r="AA19" t="s">
        <v>1140</v>
      </c>
      <c r="AB19" t="s">
        <v>1184</v>
      </c>
      <c r="AC19" t="s">
        <v>346</v>
      </c>
      <c r="AD19" t="s">
        <v>144</v>
      </c>
      <c r="AE19" t="s">
        <v>1089</v>
      </c>
      <c r="AF19" t="s">
        <v>1309</v>
      </c>
      <c r="AG19" t="s">
        <v>1329</v>
      </c>
      <c r="AH19" t="s">
        <v>1356</v>
      </c>
      <c r="AI19" t="s">
        <v>1380</v>
      </c>
      <c r="AJ19" t="s">
        <v>1400</v>
      </c>
      <c r="AL19" t="s">
        <v>1442</v>
      </c>
      <c r="AM19" t="s">
        <v>1463</v>
      </c>
      <c r="AN19" t="s">
        <v>1493</v>
      </c>
      <c r="AO19" t="s">
        <v>1552</v>
      </c>
      <c r="AP19" t="s">
        <v>1573</v>
      </c>
      <c r="AQ19" t="s">
        <v>1594</v>
      </c>
      <c r="AR19" t="s">
        <v>1638</v>
      </c>
      <c r="AS19" t="s">
        <v>1657</v>
      </c>
      <c r="AT19" t="s">
        <v>1683</v>
      </c>
      <c r="AU19" t="s">
        <v>1727</v>
      </c>
    </row>
    <row r="20" spans="1:47" x14ac:dyDescent="0.45">
      <c r="A20" t="s">
        <v>19</v>
      </c>
      <c r="B20" t="s">
        <v>199</v>
      </c>
      <c r="C20" t="s">
        <v>240</v>
      </c>
      <c r="D20" t="s">
        <v>274</v>
      </c>
      <c r="E20" t="s">
        <v>310</v>
      </c>
      <c r="F20" t="s">
        <v>336</v>
      </c>
      <c r="G20" t="s">
        <v>371</v>
      </c>
      <c r="H20" t="s">
        <v>430</v>
      </c>
      <c r="I20" t="s">
        <v>475</v>
      </c>
      <c r="J20" t="s">
        <v>501</v>
      </c>
      <c r="K20" t="s">
        <v>536</v>
      </c>
      <c r="L20" t="s">
        <v>599</v>
      </c>
      <c r="M20" t="s">
        <v>654</v>
      </c>
      <c r="N20" t="s">
        <v>717</v>
      </c>
      <c r="O20" t="s">
        <v>751</v>
      </c>
      <c r="Q20" t="s">
        <v>797</v>
      </c>
      <c r="S20" t="s">
        <v>833</v>
      </c>
      <c r="T20" t="s">
        <v>861</v>
      </c>
      <c r="U20" t="s">
        <v>936</v>
      </c>
      <c r="V20" t="s">
        <v>978</v>
      </c>
      <c r="W20" t="s">
        <v>1012</v>
      </c>
      <c r="X20" t="s">
        <v>1065</v>
      </c>
      <c r="Y20" t="s">
        <v>1094</v>
      </c>
      <c r="Z20" t="s">
        <v>1114</v>
      </c>
      <c r="AA20" t="s">
        <v>1141</v>
      </c>
      <c r="AB20" t="s">
        <v>1185</v>
      </c>
      <c r="AC20" t="s">
        <v>1225</v>
      </c>
      <c r="AD20" t="s">
        <v>1262</v>
      </c>
      <c r="AE20" t="s">
        <v>1291</v>
      </c>
      <c r="AF20" t="s">
        <v>1310</v>
      </c>
      <c r="AG20" t="s">
        <v>1330</v>
      </c>
      <c r="AH20" t="s">
        <v>1357</v>
      </c>
      <c r="AI20" t="s">
        <v>1381</v>
      </c>
      <c r="AJ20" t="s">
        <v>1401</v>
      </c>
      <c r="AL20" t="s">
        <v>1443</v>
      </c>
      <c r="AM20" t="s">
        <v>1464</v>
      </c>
      <c r="AN20" t="s">
        <v>1494</v>
      </c>
      <c r="AO20" t="s">
        <v>1553</v>
      </c>
      <c r="AP20" t="s">
        <v>1574</v>
      </c>
      <c r="AQ20" t="s">
        <v>1595</v>
      </c>
      <c r="AS20" t="s">
        <v>1658</v>
      </c>
      <c r="AT20" t="s">
        <v>1684</v>
      </c>
      <c r="AU20" t="s">
        <v>1728</v>
      </c>
    </row>
    <row r="21" spans="1:47" x14ac:dyDescent="0.45">
      <c r="A21" t="s">
        <v>20</v>
      </c>
      <c r="B21" t="s">
        <v>200</v>
      </c>
      <c r="C21" t="s">
        <v>241</v>
      </c>
      <c r="D21" t="s">
        <v>275</v>
      </c>
      <c r="E21" t="s">
        <v>311</v>
      </c>
      <c r="F21" t="s">
        <v>337</v>
      </c>
      <c r="G21" t="s">
        <v>372</v>
      </c>
      <c r="H21" t="s">
        <v>431</v>
      </c>
      <c r="I21" t="s">
        <v>476</v>
      </c>
      <c r="J21" t="s">
        <v>502</v>
      </c>
      <c r="K21" t="s">
        <v>537</v>
      </c>
      <c r="L21" t="s">
        <v>600</v>
      </c>
      <c r="M21" t="s">
        <v>655</v>
      </c>
      <c r="N21" t="s">
        <v>718</v>
      </c>
      <c r="O21" t="s">
        <v>752</v>
      </c>
      <c r="S21" t="s">
        <v>834</v>
      </c>
      <c r="T21" t="s">
        <v>862</v>
      </c>
      <c r="U21" t="s">
        <v>937</v>
      </c>
      <c r="V21" t="s">
        <v>979</v>
      </c>
      <c r="W21" t="s">
        <v>1013</v>
      </c>
      <c r="X21" t="s">
        <v>1066</v>
      </c>
      <c r="Z21" t="s">
        <v>1115</v>
      </c>
      <c r="AA21" t="s">
        <v>1142</v>
      </c>
      <c r="AB21" t="s">
        <v>1186</v>
      </c>
      <c r="AC21" t="s">
        <v>1226</v>
      </c>
      <c r="AD21" t="s">
        <v>1263</v>
      </c>
      <c r="AG21" t="s">
        <v>1331</v>
      </c>
      <c r="AH21" t="s">
        <v>1358</v>
      </c>
      <c r="AJ21" t="s">
        <v>1402</v>
      </c>
      <c r="AL21" t="s">
        <v>1444</v>
      </c>
      <c r="AM21" t="s">
        <v>1465</v>
      </c>
      <c r="AN21" t="s">
        <v>1495</v>
      </c>
      <c r="AO21" t="s">
        <v>1554</v>
      </c>
      <c r="AP21" t="s">
        <v>1575</v>
      </c>
      <c r="AQ21" t="s">
        <v>1596</v>
      </c>
      <c r="AS21" t="s">
        <v>1659</v>
      </c>
      <c r="AT21" t="s">
        <v>1685</v>
      </c>
      <c r="AU21" t="s">
        <v>1729</v>
      </c>
    </row>
    <row r="22" spans="1:47" x14ac:dyDescent="0.45">
      <c r="A22" t="s">
        <v>21</v>
      </c>
      <c r="B22" t="s">
        <v>201</v>
      </c>
      <c r="C22" t="s">
        <v>242</v>
      </c>
      <c r="D22" t="s">
        <v>276</v>
      </c>
      <c r="E22" t="s">
        <v>312</v>
      </c>
      <c r="F22" t="s">
        <v>338</v>
      </c>
      <c r="G22" t="s">
        <v>373</v>
      </c>
      <c r="H22" t="s">
        <v>432</v>
      </c>
      <c r="I22" t="s">
        <v>477</v>
      </c>
      <c r="J22" t="s">
        <v>503</v>
      </c>
      <c r="K22" t="s">
        <v>538</v>
      </c>
      <c r="L22" t="s">
        <v>601</v>
      </c>
      <c r="M22" t="s">
        <v>656</v>
      </c>
      <c r="N22" t="s">
        <v>719</v>
      </c>
      <c r="O22" t="s">
        <v>753</v>
      </c>
      <c r="S22" t="s">
        <v>835</v>
      </c>
      <c r="T22" t="s">
        <v>863</v>
      </c>
      <c r="U22" t="s">
        <v>938</v>
      </c>
      <c r="V22" t="s">
        <v>980</v>
      </c>
      <c r="W22" t="s">
        <v>1014</v>
      </c>
      <c r="X22" t="s">
        <v>513</v>
      </c>
      <c r="Z22" t="s">
        <v>1116</v>
      </c>
      <c r="AA22" t="s">
        <v>1143</v>
      </c>
      <c r="AB22" t="s">
        <v>1187</v>
      </c>
      <c r="AC22" t="s">
        <v>1227</v>
      </c>
      <c r="AD22" t="s">
        <v>1264</v>
      </c>
      <c r="AG22" t="s">
        <v>1332</v>
      </c>
      <c r="AH22" t="s">
        <v>1359</v>
      </c>
      <c r="AJ22" t="s">
        <v>1403</v>
      </c>
      <c r="AM22" t="s">
        <v>1466</v>
      </c>
      <c r="AN22" t="s">
        <v>1496</v>
      </c>
      <c r="AP22" t="s">
        <v>1576</v>
      </c>
      <c r="AQ22" t="s">
        <v>1597</v>
      </c>
      <c r="AS22" t="s">
        <v>1660</v>
      </c>
      <c r="AT22" t="s">
        <v>1686</v>
      </c>
      <c r="AU22" t="s">
        <v>1730</v>
      </c>
    </row>
    <row r="23" spans="1:47" x14ac:dyDescent="0.45">
      <c r="A23" t="s">
        <v>22</v>
      </c>
      <c r="B23" t="s">
        <v>202</v>
      </c>
      <c r="C23" t="s">
        <v>243</v>
      </c>
      <c r="D23" t="s">
        <v>277</v>
      </c>
      <c r="E23" t="s">
        <v>313</v>
      </c>
      <c r="F23" t="s">
        <v>339</v>
      </c>
      <c r="G23" t="s">
        <v>374</v>
      </c>
      <c r="H23" t="s">
        <v>433</v>
      </c>
      <c r="I23" t="s">
        <v>478</v>
      </c>
      <c r="J23" t="s">
        <v>504</v>
      </c>
      <c r="K23" t="s">
        <v>539</v>
      </c>
      <c r="L23" t="s">
        <v>602</v>
      </c>
      <c r="M23" t="s">
        <v>657</v>
      </c>
      <c r="N23" t="s">
        <v>720</v>
      </c>
      <c r="O23" t="s">
        <v>754</v>
      </c>
      <c r="S23" t="s">
        <v>836</v>
      </c>
      <c r="T23" t="s">
        <v>500</v>
      </c>
      <c r="U23" t="s">
        <v>939</v>
      </c>
      <c r="V23" t="s">
        <v>981</v>
      </c>
      <c r="W23" t="s">
        <v>1015</v>
      </c>
      <c r="X23" t="s">
        <v>1067</v>
      </c>
      <c r="Z23" t="s">
        <v>1117</v>
      </c>
      <c r="AA23" t="s">
        <v>1144</v>
      </c>
      <c r="AB23" t="s">
        <v>1188</v>
      </c>
      <c r="AC23" t="s">
        <v>1228</v>
      </c>
      <c r="AD23" t="s">
        <v>1265</v>
      </c>
      <c r="AG23" t="s">
        <v>1333</v>
      </c>
      <c r="AH23" t="s">
        <v>1360</v>
      </c>
      <c r="AJ23" t="s">
        <v>1404</v>
      </c>
      <c r="AM23" t="s">
        <v>1467</v>
      </c>
      <c r="AN23" t="s">
        <v>1497</v>
      </c>
      <c r="AQ23" t="s">
        <v>1598</v>
      </c>
      <c r="AS23" t="s">
        <v>1661</v>
      </c>
      <c r="AT23" t="s">
        <v>1687</v>
      </c>
      <c r="AU23" t="s">
        <v>1731</v>
      </c>
    </row>
    <row r="24" spans="1:47" x14ac:dyDescent="0.45">
      <c r="A24" t="s">
        <v>23</v>
      </c>
      <c r="B24" t="s">
        <v>203</v>
      </c>
      <c r="C24" t="s">
        <v>244</v>
      </c>
      <c r="D24" t="s">
        <v>278</v>
      </c>
      <c r="E24" t="s">
        <v>314</v>
      </c>
      <c r="F24" t="s">
        <v>340</v>
      </c>
      <c r="G24" t="s">
        <v>375</v>
      </c>
      <c r="H24" t="s">
        <v>434</v>
      </c>
      <c r="I24" t="s">
        <v>479</v>
      </c>
      <c r="J24" t="s">
        <v>505</v>
      </c>
      <c r="K24" t="s">
        <v>540</v>
      </c>
      <c r="L24" t="s">
        <v>603</v>
      </c>
      <c r="M24" t="s">
        <v>658</v>
      </c>
      <c r="N24" t="s">
        <v>721</v>
      </c>
      <c r="O24" t="s">
        <v>755</v>
      </c>
      <c r="S24" t="s">
        <v>837</v>
      </c>
      <c r="T24" t="s">
        <v>864</v>
      </c>
      <c r="U24" t="s">
        <v>940</v>
      </c>
      <c r="V24" t="s">
        <v>982</v>
      </c>
      <c r="W24" t="s">
        <v>1016</v>
      </c>
      <c r="X24" t="s">
        <v>1068</v>
      </c>
      <c r="Z24" t="s">
        <v>1118</v>
      </c>
      <c r="AA24" t="s">
        <v>1145</v>
      </c>
      <c r="AB24" t="s">
        <v>1189</v>
      </c>
      <c r="AC24" t="s">
        <v>1229</v>
      </c>
      <c r="AD24" t="s">
        <v>1266</v>
      </c>
      <c r="AG24" t="s">
        <v>1334</v>
      </c>
      <c r="AH24" t="s">
        <v>1361</v>
      </c>
      <c r="AJ24" t="s">
        <v>1405</v>
      </c>
      <c r="AM24" t="s">
        <v>1468</v>
      </c>
      <c r="AN24" t="s">
        <v>1498</v>
      </c>
      <c r="AQ24" t="s">
        <v>347</v>
      </c>
      <c r="AS24" t="s">
        <v>314</v>
      </c>
      <c r="AT24" t="s">
        <v>1688</v>
      </c>
      <c r="AU24" t="s">
        <v>1732</v>
      </c>
    </row>
    <row r="25" spans="1:47" x14ac:dyDescent="0.45">
      <c r="A25" t="s">
        <v>24</v>
      </c>
      <c r="B25" t="s">
        <v>204</v>
      </c>
      <c r="C25" t="s">
        <v>245</v>
      </c>
      <c r="D25" t="s">
        <v>279</v>
      </c>
      <c r="E25" t="s">
        <v>315</v>
      </c>
      <c r="F25" t="s">
        <v>341</v>
      </c>
      <c r="G25" t="s">
        <v>376</v>
      </c>
      <c r="H25" t="s">
        <v>435</v>
      </c>
      <c r="I25" t="s">
        <v>480</v>
      </c>
      <c r="J25" t="s">
        <v>506</v>
      </c>
      <c r="K25" t="s">
        <v>541</v>
      </c>
      <c r="L25" t="s">
        <v>604</v>
      </c>
      <c r="M25" t="s">
        <v>659</v>
      </c>
      <c r="N25" t="s">
        <v>722</v>
      </c>
      <c r="O25" t="s">
        <v>756</v>
      </c>
      <c r="S25" t="s">
        <v>838</v>
      </c>
      <c r="T25" t="s">
        <v>865</v>
      </c>
      <c r="U25" t="s">
        <v>941</v>
      </c>
      <c r="V25" t="s">
        <v>983</v>
      </c>
      <c r="W25" t="s">
        <v>1017</v>
      </c>
      <c r="X25" t="s">
        <v>1069</v>
      </c>
      <c r="Z25" t="s">
        <v>1119</v>
      </c>
      <c r="AA25" t="s">
        <v>1146</v>
      </c>
      <c r="AB25" t="s">
        <v>1190</v>
      </c>
      <c r="AC25" t="s">
        <v>1230</v>
      </c>
      <c r="AD25" t="s">
        <v>1267</v>
      </c>
      <c r="AG25" t="s">
        <v>1335</v>
      </c>
      <c r="AJ25" t="s">
        <v>1406</v>
      </c>
      <c r="AM25" t="s">
        <v>1469</v>
      </c>
      <c r="AN25" t="s">
        <v>1499</v>
      </c>
      <c r="AQ25" t="s">
        <v>1599</v>
      </c>
      <c r="AS25" t="s">
        <v>1662</v>
      </c>
      <c r="AT25" t="s">
        <v>1689</v>
      </c>
      <c r="AU25" t="s">
        <v>1733</v>
      </c>
    </row>
    <row r="26" spans="1:47" x14ac:dyDescent="0.45">
      <c r="A26" t="s">
        <v>25</v>
      </c>
      <c r="B26" t="s">
        <v>205</v>
      </c>
      <c r="C26" t="s">
        <v>246</v>
      </c>
      <c r="D26" t="s">
        <v>280</v>
      </c>
      <c r="E26" t="s">
        <v>316</v>
      </c>
      <c r="F26" t="s">
        <v>342</v>
      </c>
      <c r="G26" t="s">
        <v>377</v>
      </c>
      <c r="H26" t="s">
        <v>436</v>
      </c>
      <c r="I26" t="s">
        <v>481</v>
      </c>
      <c r="J26" t="s">
        <v>507</v>
      </c>
      <c r="K26" t="s">
        <v>542</v>
      </c>
      <c r="L26" t="s">
        <v>605</v>
      </c>
      <c r="M26" t="s">
        <v>660</v>
      </c>
      <c r="N26" t="s">
        <v>723</v>
      </c>
      <c r="O26" t="s">
        <v>757</v>
      </c>
      <c r="S26" t="s">
        <v>839</v>
      </c>
      <c r="T26" t="s">
        <v>866</v>
      </c>
      <c r="U26" t="s">
        <v>942</v>
      </c>
      <c r="V26" t="s">
        <v>984</v>
      </c>
      <c r="W26" t="s">
        <v>1018</v>
      </c>
      <c r="X26" t="s">
        <v>1070</v>
      </c>
      <c r="Z26" t="s">
        <v>1120</v>
      </c>
      <c r="AA26" t="s">
        <v>1147</v>
      </c>
      <c r="AB26" t="s">
        <v>1191</v>
      </c>
      <c r="AC26" t="s">
        <v>1231</v>
      </c>
      <c r="AD26" t="s">
        <v>1268</v>
      </c>
      <c r="AG26" t="s">
        <v>1336</v>
      </c>
      <c r="AM26" t="s">
        <v>1470</v>
      </c>
      <c r="AN26" t="s">
        <v>1500</v>
      </c>
      <c r="AQ26" t="s">
        <v>882</v>
      </c>
      <c r="AS26" t="s">
        <v>1663</v>
      </c>
      <c r="AT26" t="s">
        <v>1690</v>
      </c>
      <c r="AU26" t="s">
        <v>1734</v>
      </c>
    </row>
    <row r="27" spans="1:47" x14ac:dyDescent="0.45">
      <c r="A27" t="s">
        <v>26</v>
      </c>
      <c r="B27" t="s">
        <v>206</v>
      </c>
      <c r="C27" t="s">
        <v>247</v>
      </c>
      <c r="D27" t="s">
        <v>281</v>
      </c>
      <c r="F27" t="s">
        <v>343</v>
      </c>
      <c r="G27" t="s">
        <v>378</v>
      </c>
      <c r="H27" t="s">
        <v>437</v>
      </c>
      <c r="J27" t="s">
        <v>508</v>
      </c>
      <c r="K27" t="s">
        <v>543</v>
      </c>
      <c r="L27" t="s">
        <v>606</v>
      </c>
      <c r="M27" t="s">
        <v>661</v>
      </c>
      <c r="N27" t="s">
        <v>724</v>
      </c>
      <c r="O27" t="s">
        <v>758</v>
      </c>
      <c r="S27" t="s">
        <v>840</v>
      </c>
      <c r="T27" t="s">
        <v>867</v>
      </c>
      <c r="U27" t="s">
        <v>943</v>
      </c>
      <c r="V27" t="s">
        <v>985</v>
      </c>
      <c r="W27" t="s">
        <v>1019</v>
      </c>
      <c r="X27" t="s">
        <v>1071</v>
      </c>
      <c r="Z27" t="s">
        <v>1121</v>
      </c>
      <c r="AA27" t="s">
        <v>1148</v>
      </c>
      <c r="AB27" t="s">
        <v>1192</v>
      </c>
      <c r="AC27" t="s">
        <v>1232</v>
      </c>
      <c r="AD27" t="s">
        <v>1269</v>
      </c>
      <c r="AG27" t="s">
        <v>1337</v>
      </c>
      <c r="AM27" t="s">
        <v>1471</v>
      </c>
      <c r="AN27" t="s">
        <v>1501</v>
      </c>
      <c r="AQ27" t="s">
        <v>1600</v>
      </c>
      <c r="AS27" t="s">
        <v>1664</v>
      </c>
      <c r="AT27" t="s">
        <v>1691</v>
      </c>
      <c r="AU27" t="s">
        <v>1735</v>
      </c>
    </row>
    <row r="28" spans="1:47" x14ac:dyDescent="0.45">
      <c r="A28" t="s">
        <v>27</v>
      </c>
      <c r="B28" t="s">
        <v>207</v>
      </c>
      <c r="C28" t="s">
        <v>248</v>
      </c>
      <c r="D28" t="s">
        <v>282</v>
      </c>
      <c r="F28" t="s">
        <v>344</v>
      </c>
      <c r="G28" t="s">
        <v>379</v>
      </c>
      <c r="H28" t="s">
        <v>438</v>
      </c>
      <c r="J28" t="s">
        <v>509</v>
      </c>
      <c r="K28" t="s">
        <v>544</v>
      </c>
      <c r="L28" t="s">
        <v>607</v>
      </c>
      <c r="M28" t="s">
        <v>662</v>
      </c>
      <c r="N28" t="s">
        <v>725</v>
      </c>
      <c r="O28" t="s">
        <v>759</v>
      </c>
      <c r="S28" t="s">
        <v>841</v>
      </c>
      <c r="T28" t="s">
        <v>868</v>
      </c>
      <c r="U28" t="s">
        <v>944</v>
      </c>
      <c r="V28" t="s">
        <v>986</v>
      </c>
      <c r="W28" t="s">
        <v>1020</v>
      </c>
      <c r="X28" t="s">
        <v>1072</v>
      </c>
      <c r="AA28" t="s">
        <v>1149</v>
      </c>
      <c r="AB28" t="s">
        <v>1193</v>
      </c>
      <c r="AC28" t="s">
        <v>1233</v>
      </c>
      <c r="AD28" t="s">
        <v>1270</v>
      </c>
      <c r="AG28" t="s">
        <v>1338</v>
      </c>
      <c r="AM28" t="s">
        <v>1472</v>
      </c>
      <c r="AN28" t="s">
        <v>1502</v>
      </c>
      <c r="AQ28" t="s">
        <v>1601</v>
      </c>
      <c r="AT28" t="s">
        <v>1692</v>
      </c>
      <c r="AU28" t="s">
        <v>1736</v>
      </c>
    </row>
    <row r="29" spans="1:47" x14ac:dyDescent="0.45">
      <c r="A29" t="s">
        <v>28</v>
      </c>
      <c r="B29" t="s">
        <v>208</v>
      </c>
      <c r="C29" t="s">
        <v>249</v>
      </c>
      <c r="D29" t="s">
        <v>283</v>
      </c>
      <c r="F29" t="s">
        <v>345</v>
      </c>
      <c r="G29" t="s">
        <v>380</v>
      </c>
      <c r="H29" t="s">
        <v>439</v>
      </c>
      <c r="J29" t="s">
        <v>384</v>
      </c>
      <c r="K29" t="s">
        <v>545</v>
      </c>
      <c r="L29" t="s">
        <v>608</v>
      </c>
      <c r="M29" t="s">
        <v>663</v>
      </c>
      <c r="N29" t="s">
        <v>726</v>
      </c>
      <c r="O29" t="s">
        <v>760</v>
      </c>
      <c r="T29" t="s">
        <v>869</v>
      </c>
      <c r="U29" t="s">
        <v>945</v>
      </c>
      <c r="V29" t="s">
        <v>987</v>
      </c>
      <c r="W29" t="s">
        <v>1021</v>
      </c>
      <c r="X29" t="s">
        <v>1073</v>
      </c>
      <c r="AA29" t="s">
        <v>1150</v>
      </c>
      <c r="AB29" t="s">
        <v>1194</v>
      </c>
      <c r="AC29" t="s">
        <v>1234</v>
      </c>
      <c r="AD29" t="s">
        <v>1271</v>
      </c>
      <c r="AM29" t="s">
        <v>1473</v>
      </c>
      <c r="AN29" t="s">
        <v>1503</v>
      </c>
      <c r="AQ29" t="s">
        <v>1602</v>
      </c>
      <c r="AT29" t="s">
        <v>1693</v>
      </c>
      <c r="AU29" t="s">
        <v>1737</v>
      </c>
    </row>
    <row r="30" spans="1:47" x14ac:dyDescent="0.45">
      <c r="A30" t="s">
        <v>29</v>
      </c>
      <c r="B30" t="s">
        <v>209</v>
      </c>
      <c r="C30" t="s">
        <v>250</v>
      </c>
      <c r="D30" t="s">
        <v>284</v>
      </c>
      <c r="F30" t="s">
        <v>346</v>
      </c>
      <c r="G30" t="s">
        <v>381</v>
      </c>
      <c r="H30" t="s">
        <v>440</v>
      </c>
      <c r="J30" t="s">
        <v>510</v>
      </c>
      <c r="K30" t="s">
        <v>546</v>
      </c>
      <c r="L30" t="s">
        <v>609</v>
      </c>
      <c r="M30" t="s">
        <v>664</v>
      </c>
      <c r="N30" t="s">
        <v>727</v>
      </c>
      <c r="O30" t="s">
        <v>761</v>
      </c>
      <c r="T30" t="s">
        <v>870</v>
      </c>
      <c r="U30" t="s">
        <v>946</v>
      </c>
      <c r="V30" t="s">
        <v>988</v>
      </c>
      <c r="W30" t="s">
        <v>1022</v>
      </c>
      <c r="X30" t="s">
        <v>1074</v>
      </c>
      <c r="AA30" t="s">
        <v>1151</v>
      </c>
      <c r="AB30" t="s">
        <v>1195</v>
      </c>
      <c r="AC30" t="s">
        <v>1235</v>
      </c>
      <c r="AD30" t="s">
        <v>1272</v>
      </c>
      <c r="AM30" t="s">
        <v>1474</v>
      </c>
      <c r="AN30" t="s">
        <v>1504</v>
      </c>
      <c r="AQ30" t="s">
        <v>1603</v>
      </c>
      <c r="AT30" t="s">
        <v>1694</v>
      </c>
      <c r="AU30" t="s">
        <v>1738</v>
      </c>
    </row>
    <row r="31" spans="1:47" x14ac:dyDescent="0.45">
      <c r="A31" t="s">
        <v>30</v>
      </c>
      <c r="B31" t="s">
        <v>210</v>
      </c>
      <c r="C31" t="s">
        <v>251</v>
      </c>
      <c r="D31" t="s">
        <v>285</v>
      </c>
      <c r="F31" t="s">
        <v>347</v>
      </c>
      <c r="G31" t="s">
        <v>382</v>
      </c>
      <c r="H31" t="s">
        <v>441</v>
      </c>
      <c r="J31" t="s">
        <v>511</v>
      </c>
      <c r="K31" t="s">
        <v>547</v>
      </c>
      <c r="L31" t="s">
        <v>610</v>
      </c>
      <c r="M31" t="s">
        <v>665</v>
      </c>
      <c r="N31" t="s">
        <v>728</v>
      </c>
      <c r="O31" t="s">
        <v>762</v>
      </c>
      <c r="T31" t="s">
        <v>871</v>
      </c>
      <c r="U31" t="s">
        <v>947</v>
      </c>
      <c r="V31" t="s">
        <v>156</v>
      </c>
      <c r="W31" t="s">
        <v>1023</v>
      </c>
      <c r="AA31" t="s">
        <v>1152</v>
      </c>
      <c r="AB31" t="s">
        <v>1196</v>
      </c>
      <c r="AC31" t="s">
        <v>1236</v>
      </c>
      <c r="AD31" t="s">
        <v>1273</v>
      </c>
      <c r="AM31" t="s">
        <v>5237</v>
      </c>
      <c r="AN31" t="s">
        <v>1505</v>
      </c>
      <c r="AQ31" t="s">
        <v>1604</v>
      </c>
      <c r="AT31" t="s">
        <v>1695</v>
      </c>
      <c r="AU31" t="s">
        <v>1739</v>
      </c>
    </row>
    <row r="32" spans="1:47" x14ac:dyDescent="0.45">
      <c r="A32" t="s">
        <v>31</v>
      </c>
      <c r="B32" t="s">
        <v>211</v>
      </c>
      <c r="C32" t="s">
        <v>252</v>
      </c>
      <c r="D32" t="s">
        <v>286</v>
      </c>
      <c r="F32" t="s">
        <v>348</v>
      </c>
      <c r="G32" t="s">
        <v>383</v>
      </c>
      <c r="H32" t="s">
        <v>442</v>
      </c>
      <c r="J32" t="s">
        <v>512</v>
      </c>
      <c r="K32" t="s">
        <v>548</v>
      </c>
      <c r="L32" t="s">
        <v>611</v>
      </c>
      <c r="M32" t="s">
        <v>666</v>
      </c>
      <c r="N32" t="s">
        <v>729</v>
      </c>
      <c r="T32" t="s">
        <v>872</v>
      </c>
      <c r="U32" t="s">
        <v>948</v>
      </c>
      <c r="V32" t="s">
        <v>989</v>
      </c>
      <c r="W32" t="s">
        <v>1024</v>
      </c>
      <c r="AA32" t="s">
        <v>1153</v>
      </c>
      <c r="AB32" t="s">
        <v>1197</v>
      </c>
      <c r="AC32" t="s">
        <v>1237</v>
      </c>
      <c r="AN32" t="s">
        <v>1506</v>
      </c>
      <c r="AQ32" t="s">
        <v>1605</v>
      </c>
      <c r="AT32" t="s">
        <v>1696</v>
      </c>
      <c r="AU32" t="s">
        <v>1740</v>
      </c>
    </row>
    <row r="33" spans="1:47" x14ac:dyDescent="0.45">
      <c r="A33" t="s">
        <v>32</v>
      </c>
      <c r="B33" t="s">
        <v>212</v>
      </c>
      <c r="C33" t="s">
        <v>253</v>
      </c>
      <c r="D33" t="s">
        <v>287</v>
      </c>
      <c r="F33" t="s">
        <v>349</v>
      </c>
      <c r="G33" t="s">
        <v>338</v>
      </c>
      <c r="H33" t="s">
        <v>443</v>
      </c>
      <c r="J33" t="s">
        <v>513</v>
      </c>
      <c r="K33" t="s">
        <v>549</v>
      </c>
      <c r="L33" t="s">
        <v>612</v>
      </c>
      <c r="M33" t="s">
        <v>667</v>
      </c>
      <c r="N33" t="s">
        <v>730</v>
      </c>
      <c r="T33" t="s">
        <v>873</v>
      </c>
      <c r="U33" t="s">
        <v>163</v>
      </c>
      <c r="V33" t="s">
        <v>990</v>
      </c>
      <c r="W33" t="s">
        <v>1025</v>
      </c>
      <c r="AA33" t="s">
        <v>1154</v>
      </c>
      <c r="AB33" t="s">
        <v>1198</v>
      </c>
      <c r="AC33" t="s">
        <v>1238</v>
      </c>
      <c r="AN33" t="s">
        <v>1507</v>
      </c>
      <c r="AQ33" t="s">
        <v>1606</v>
      </c>
      <c r="AT33" t="s">
        <v>1697</v>
      </c>
      <c r="AU33" t="s">
        <v>1741</v>
      </c>
    </row>
    <row r="34" spans="1:47" x14ac:dyDescent="0.45">
      <c r="A34" t="s">
        <v>33</v>
      </c>
      <c r="B34" t="s">
        <v>213</v>
      </c>
      <c r="C34" t="s">
        <v>254</v>
      </c>
      <c r="D34" t="s">
        <v>288</v>
      </c>
      <c r="F34" t="s">
        <v>350</v>
      </c>
      <c r="G34" t="s">
        <v>384</v>
      </c>
      <c r="H34" t="s">
        <v>444</v>
      </c>
      <c r="J34" t="s">
        <v>514</v>
      </c>
      <c r="K34" t="s">
        <v>550</v>
      </c>
      <c r="L34" t="s">
        <v>613</v>
      </c>
      <c r="M34" t="s">
        <v>668</v>
      </c>
      <c r="N34" t="s">
        <v>731</v>
      </c>
      <c r="T34" t="s">
        <v>874</v>
      </c>
      <c r="U34" t="s">
        <v>949</v>
      </c>
      <c r="V34" t="s">
        <v>991</v>
      </c>
      <c r="W34" t="s">
        <v>1026</v>
      </c>
      <c r="AA34" t="s">
        <v>1155</v>
      </c>
      <c r="AB34" t="s">
        <v>1199</v>
      </c>
      <c r="AC34" t="s">
        <v>1239</v>
      </c>
      <c r="AN34" t="s">
        <v>1508</v>
      </c>
      <c r="AQ34" t="s">
        <v>1607</v>
      </c>
      <c r="AT34" t="s">
        <v>1698</v>
      </c>
      <c r="AU34" t="s">
        <v>1742</v>
      </c>
    </row>
    <row r="35" spans="1:47" x14ac:dyDescent="0.45">
      <c r="A35" t="s">
        <v>34</v>
      </c>
      <c r="B35" t="s">
        <v>214</v>
      </c>
      <c r="D35" t="s">
        <v>289</v>
      </c>
      <c r="F35" t="s">
        <v>351</v>
      </c>
      <c r="G35" t="s">
        <v>385</v>
      </c>
      <c r="H35" t="s">
        <v>445</v>
      </c>
      <c r="J35" t="s">
        <v>515</v>
      </c>
      <c r="K35" t="s">
        <v>551</v>
      </c>
      <c r="L35" t="s">
        <v>614</v>
      </c>
      <c r="M35" t="s">
        <v>669</v>
      </c>
      <c r="T35" t="s">
        <v>875</v>
      </c>
      <c r="U35" t="s">
        <v>950</v>
      </c>
      <c r="V35" t="s">
        <v>992</v>
      </c>
      <c r="W35" t="s">
        <v>1027</v>
      </c>
      <c r="AA35" t="s">
        <v>1156</v>
      </c>
      <c r="AB35" t="s">
        <v>1200</v>
      </c>
      <c r="AC35" t="s">
        <v>1240</v>
      </c>
      <c r="AN35" t="s">
        <v>1509</v>
      </c>
      <c r="AQ35" t="s">
        <v>1608</v>
      </c>
      <c r="AT35" t="s">
        <v>1699</v>
      </c>
      <c r="AU35" t="s">
        <v>1743</v>
      </c>
    </row>
    <row r="36" spans="1:47" x14ac:dyDescent="0.45">
      <c r="A36" t="s">
        <v>35</v>
      </c>
      <c r="B36" t="s">
        <v>215</v>
      </c>
      <c r="D36" t="s">
        <v>290</v>
      </c>
      <c r="F36" t="s">
        <v>352</v>
      </c>
      <c r="G36" t="s">
        <v>386</v>
      </c>
      <c r="H36" t="s">
        <v>446</v>
      </c>
      <c r="J36" t="s">
        <v>516</v>
      </c>
      <c r="K36" t="s">
        <v>552</v>
      </c>
      <c r="L36" t="s">
        <v>615</v>
      </c>
      <c r="M36" t="s">
        <v>670</v>
      </c>
      <c r="T36" t="s">
        <v>876</v>
      </c>
      <c r="U36" t="s">
        <v>951</v>
      </c>
      <c r="V36" t="s">
        <v>44</v>
      </c>
      <c r="W36" t="s">
        <v>1028</v>
      </c>
      <c r="AA36" t="s">
        <v>1157</v>
      </c>
      <c r="AB36" t="s">
        <v>1201</v>
      </c>
      <c r="AC36" t="s">
        <v>1241</v>
      </c>
      <c r="AN36" t="s">
        <v>1510</v>
      </c>
      <c r="AQ36" t="s">
        <v>1609</v>
      </c>
      <c r="AT36" t="s">
        <v>1700</v>
      </c>
      <c r="AU36" t="s">
        <v>1744</v>
      </c>
    </row>
    <row r="37" spans="1:47" x14ac:dyDescent="0.45">
      <c r="A37" t="s">
        <v>36</v>
      </c>
      <c r="B37" t="s">
        <v>216</v>
      </c>
      <c r="G37" t="s">
        <v>387</v>
      </c>
      <c r="H37" t="s">
        <v>447</v>
      </c>
      <c r="K37" t="s">
        <v>553</v>
      </c>
      <c r="L37" t="s">
        <v>616</v>
      </c>
      <c r="M37" t="s">
        <v>671</v>
      </c>
      <c r="T37" t="s">
        <v>877</v>
      </c>
      <c r="U37" t="s">
        <v>952</v>
      </c>
      <c r="W37" t="s">
        <v>1029</v>
      </c>
      <c r="AA37" t="s">
        <v>1158</v>
      </c>
      <c r="AB37" t="s">
        <v>1202</v>
      </c>
      <c r="AC37" t="s">
        <v>1242</v>
      </c>
      <c r="AN37" t="s">
        <v>1511</v>
      </c>
      <c r="AQ37" t="s">
        <v>1610</v>
      </c>
      <c r="AT37" t="s">
        <v>1701</v>
      </c>
      <c r="AU37" t="s">
        <v>1745</v>
      </c>
    </row>
    <row r="38" spans="1:47" x14ac:dyDescent="0.45">
      <c r="A38" t="s">
        <v>37</v>
      </c>
      <c r="B38" t="s">
        <v>217</v>
      </c>
      <c r="G38" t="s">
        <v>388</v>
      </c>
      <c r="H38" t="s">
        <v>448</v>
      </c>
      <c r="K38" t="s">
        <v>554</v>
      </c>
      <c r="L38" t="s">
        <v>617</v>
      </c>
      <c r="M38" t="s">
        <v>672</v>
      </c>
      <c r="T38" t="s">
        <v>878</v>
      </c>
      <c r="U38" t="s">
        <v>953</v>
      </c>
      <c r="W38" t="s">
        <v>1030</v>
      </c>
      <c r="AA38" t="s">
        <v>1159</v>
      </c>
      <c r="AB38" t="s">
        <v>1163</v>
      </c>
      <c r="AC38" t="s">
        <v>1243</v>
      </c>
      <c r="AN38" t="s">
        <v>1512</v>
      </c>
      <c r="AQ38" t="s">
        <v>1611</v>
      </c>
      <c r="AT38" t="s">
        <v>1702</v>
      </c>
      <c r="AU38" t="s">
        <v>1746</v>
      </c>
    </row>
    <row r="39" spans="1:47" x14ac:dyDescent="0.45">
      <c r="A39" t="s">
        <v>38</v>
      </c>
      <c r="B39" t="s">
        <v>218</v>
      </c>
      <c r="G39" t="s">
        <v>389</v>
      </c>
      <c r="H39" t="s">
        <v>449</v>
      </c>
      <c r="K39" t="s">
        <v>555</v>
      </c>
      <c r="L39" t="s">
        <v>618</v>
      </c>
      <c r="M39" t="s">
        <v>673</v>
      </c>
      <c r="T39" t="s">
        <v>879</v>
      </c>
      <c r="U39" t="s">
        <v>954</v>
      </c>
      <c r="W39" t="s">
        <v>1031</v>
      </c>
      <c r="AA39" t="s">
        <v>1160</v>
      </c>
      <c r="AB39" t="s">
        <v>1203</v>
      </c>
      <c r="AC39" t="s">
        <v>863</v>
      </c>
      <c r="AN39" t="s">
        <v>1513</v>
      </c>
      <c r="AQ39" t="s">
        <v>1612</v>
      </c>
      <c r="AT39" t="s">
        <v>1703</v>
      </c>
      <c r="AU39" t="s">
        <v>1747</v>
      </c>
    </row>
    <row r="40" spans="1:47" x14ac:dyDescent="0.45">
      <c r="A40" t="s">
        <v>39</v>
      </c>
      <c r="B40" t="s">
        <v>219</v>
      </c>
      <c r="G40" t="s">
        <v>390</v>
      </c>
      <c r="H40" t="s">
        <v>450</v>
      </c>
      <c r="K40" t="s">
        <v>556</v>
      </c>
      <c r="L40" t="s">
        <v>619</v>
      </c>
      <c r="M40" t="s">
        <v>674</v>
      </c>
      <c r="T40" t="s">
        <v>880</v>
      </c>
      <c r="U40" t="s">
        <v>955</v>
      </c>
      <c r="W40" t="s">
        <v>1032</v>
      </c>
      <c r="AA40" t="s">
        <v>1161</v>
      </c>
      <c r="AB40" t="s">
        <v>1204</v>
      </c>
      <c r="AC40" t="s">
        <v>1244</v>
      </c>
      <c r="AN40" t="s">
        <v>1514</v>
      </c>
      <c r="AQ40" t="s">
        <v>1613</v>
      </c>
      <c r="AT40" t="s">
        <v>1704</v>
      </c>
      <c r="AU40" t="s">
        <v>1748</v>
      </c>
    </row>
    <row r="41" spans="1:47" x14ac:dyDescent="0.45">
      <c r="A41" t="s">
        <v>40</v>
      </c>
      <c r="B41" t="s">
        <v>220</v>
      </c>
      <c r="G41" t="s">
        <v>391</v>
      </c>
      <c r="H41" t="s">
        <v>451</v>
      </c>
      <c r="K41" t="s">
        <v>557</v>
      </c>
      <c r="L41" t="s">
        <v>620</v>
      </c>
      <c r="M41" t="s">
        <v>675</v>
      </c>
      <c r="T41" t="s">
        <v>881</v>
      </c>
      <c r="U41" t="s">
        <v>956</v>
      </c>
      <c r="W41" t="s">
        <v>1033</v>
      </c>
      <c r="AA41" t="s">
        <v>1162</v>
      </c>
      <c r="AB41" t="s">
        <v>1205</v>
      </c>
      <c r="AN41" t="s">
        <v>1515</v>
      </c>
      <c r="AQ41" t="s">
        <v>1614</v>
      </c>
      <c r="AT41" t="s">
        <v>1705</v>
      </c>
      <c r="AU41" t="s">
        <v>1749</v>
      </c>
    </row>
    <row r="42" spans="1:47" x14ac:dyDescent="0.45">
      <c r="A42" t="s">
        <v>41</v>
      </c>
      <c r="G42" t="s">
        <v>392</v>
      </c>
      <c r="H42" t="s">
        <v>452</v>
      </c>
      <c r="K42" t="s">
        <v>558</v>
      </c>
      <c r="L42" t="s">
        <v>621</v>
      </c>
      <c r="M42" t="s">
        <v>676</v>
      </c>
      <c r="T42" t="s">
        <v>882</v>
      </c>
      <c r="U42" t="s">
        <v>957</v>
      </c>
      <c r="W42" t="s">
        <v>1034</v>
      </c>
      <c r="AA42" t="s">
        <v>1163</v>
      </c>
      <c r="AB42" t="s">
        <v>1206</v>
      </c>
      <c r="AN42" t="s">
        <v>1516</v>
      </c>
      <c r="AQ42" t="s">
        <v>1615</v>
      </c>
      <c r="AT42" t="s">
        <v>1706</v>
      </c>
      <c r="AU42" t="s">
        <v>1750</v>
      </c>
    </row>
    <row r="43" spans="1:47" x14ac:dyDescent="0.45">
      <c r="A43" t="s">
        <v>42</v>
      </c>
      <c r="G43" t="s">
        <v>393</v>
      </c>
      <c r="H43" t="s">
        <v>453</v>
      </c>
      <c r="K43" t="s">
        <v>559</v>
      </c>
      <c r="L43" t="s">
        <v>622</v>
      </c>
      <c r="M43" t="s">
        <v>677</v>
      </c>
      <c r="T43" t="s">
        <v>883</v>
      </c>
      <c r="U43" t="s">
        <v>958</v>
      </c>
      <c r="W43" t="s">
        <v>1035</v>
      </c>
      <c r="AA43" t="s">
        <v>1164</v>
      </c>
      <c r="AN43" t="s">
        <v>1517</v>
      </c>
      <c r="AQ43" t="s">
        <v>1616</v>
      </c>
      <c r="AT43" t="s">
        <v>1707</v>
      </c>
    </row>
    <row r="44" spans="1:47" x14ac:dyDescent="0.45">
      <c r="A44" t="s">
        <v>43</v>
      </c>
      <c r="G44" t="s">
        <v>394</v>
      </c>
      <c r="H44" t="s">
        <v>454</v>
      </c>
      <c r="K44" t="s">
        <v>560</v>
      </c>
      <c r="L44" t="s">
        <v>623</v>
      </c>
      <c r="M44" t="s">
        <v>678</v>
      </c>
      <c r="T44" t="s">
        <v>884</v>
      </c>
      <c r="W44" t="s">
        <v>1036</v>
      </c>
      <c r="AA44" t="s">
        <v>1165</v>
      </c>
      <c r="AN44" t="s">
        <v>1518</v>
      </c>
      <c r="AQ44" t="s">
        <v>1617</v>
      </c>
      <c r="AT44" t="s">
        <v>1708</v>
      </c>
    </row>
    <row r="45" spans="1:47" x14ac:dyDescent="0.45">
      <c r="A45" t="s">
        <v>44</v>
      </c>
      <c r="G45" t="s">
        <v>395</v>
      </c>
      <c r="H45" t="s">
        <v>455</v>
      </c>
      <c r="K45" t="s">
        <v>561</v>
      </c>
      <c r="L45" t="s">
        <v>624</v>
      </c>
      <c r="M45" t="s">
        <v>679</v>
      </c>
      <c r="T45" t="s">
        <v>885</v>
      </c>
      <c r="W45" t="s">
        <v>1037</v>
      </c>
      <c r="AN45" t="s">
        <v>1519</v>
      </c>
      <c r="AQ45" t="s">
        <v>1618</v>
      </c>
    </row>
    <row r="46" spans="1:47" x14ac:dyDescent="0.45">
      <c r="A46" t="s">
        <v>45</v>
      </c>
      <c r="G46" t="s">
        <v>396</v>
      </c>
      <c r="K46" t="s">
        <v>562</v>
      </c>
      <c r="L46" t="s">
        <v>625</v>
      </c>
      <c r="M46" t="s">
        <v>680</v>
      </c>
      <c r="T46" t="s">
        <v>886</v>
      </c>
      <c r="W46" t="s">
        <v>1038</v>
      </c>
      <c r="AN46" t="s">
        <v>1520</v>
      </c>
      <c r="AQ46" t="s">
        <v>1619</v>
      </c>
    </row>
    <row r="47" spans="1:47" x14ac:dyDescent="0.45">
      <c r="A47" t="s">
        <v>46</v>
      </c>
      <c r="G47" t="s">
        <v>397</v>
      </c>
      <c r="K47" t="s">
        <v>563</v>
      </c>
      <c r="L47" t="s">
        <v>626</v>
      </c>
      <c r="M47" t="s">
        <v>681</v>
      </c>
      <c r="T47" t="s">
        <v>887</v>
      </c>
      <c r="W47" t="s">
        <v>1039</v>
      </c>
      <c r="AN47" t="s">
        <v>1521</v>
      </c>
    </row>
    <row r="48" spans="1:47" x14ac:dyDescent="0.45">
      <c r="A48" t="s">
        <v>47</v>
      </c>
      <c r="G48" t="s">
        <v>398</v>
      </c>
      <c r="K48" t="s">
        <v>564</v>
      </c>
      <c r="L48" t="s">
        <v>627</v>
      </c>
      <c r="M48" t="s">
        <v>682</v>
      </c>
      <c r="T48" t="s">
        <v>888</v>
      </c>
      <c r="W48" t="s">
        <v>1040</v>
      </c>
      <c r="AN48" t="s">
        <v>1522</v>
      </c>
    </row>
    <row r="49" spans="1:40" x14ac:dyDescent="0.45">
      <c r="A49" t="s">
        <v>48</v>
      </c>
      <c r="G49" t="s">
        <v>399</v>
      </c>
      <c r="K49" t="s">
        <v>565</v>
      </c>
      <c r="L49" t="s">
        <v>628</v>
      </c>
      <c r="M49" t="s">
        <v>683</v>
      </c>
      <c r="T49" t="s">
        <v>889</v>
      </c>
      <c r="W49" t="s">
        <v>1041</v>
      </c>
      <c r="AN49" t="s">
        <v>1260</v>
      </c>
    </row>
    <row r="50" spans="1:40" x14ac:dyDescent="0.45">
      <c r="A50" t="s">
        <v>49</v>
      </c>
      <c r="G50" t="s">
        <v>400</v>
      </c>
      <c r="K50" t="s">
        <v>566</v>
      </c>
      <c r="L50" t="s">
        <v>629</v>
      </c>
      <c r="M50" t="s">
        <v>684</v>
      </c>
      <c r="T50" t="s">
        <v>890</v>
      </c>
      <c r="W50" t="s">
        <v>811</v>
      </c>
      <c r="AN50" t="s">
        <v>1523</v>
      </c>
    </row>
    <row r="51" spans="1:40" x14ac:dyDescent="0.45">
      <c r="A51" t="s">
        <v>50</v>
      </c>
      <c r="G51" t="s">
        <v>401</v>
      </c>
      <c r="K51" t="s">
        <v>567</v>
      </c>
      <c r="L51" t="s">
        <v>630</v>
      </c>
      <c r="M51" t="s">
        <v>685</v>
      </c>
      <c r="T51" t="s">
        <v>891</v>
      </c>
      <c r="W51" t="s">
        <v>1042</v>
      </c>
      <c r="AN51" t="s">
        <v>1524</v>
      </c>
    </row>
    <row r="52" spans="1:40" x14ac:dyDescent="0.45">
      <c r="A52" t="s">
        <v>51</v>
      </c>
      <c r="G52" t="s">
        <v>402</v>
      </c>
      <c r="K52" t="s">
        <v>568</v>
      </c>
      <c r="L52" t="s">
        <v>631</v>
      </c>
      <c r="M52" t="s">
        <v>686</v>
      </c>
      <c r="T52" t="s">
        <v>892</v>
      </c>
      <c r="W52" t="s">
        <v>1043</v>
      </c>
      <c r="AN52" t="s">
        <v>1525</v>
      </c>
    </row>
    <row r="53" spans="1:40" x14ac:dyDescent="0.45">
      <c r="A53" t="s">
        <v>52</v>
      </c>
      <c r="G53" t="s">
        <v>403</v>
      </c>
      <c r="K53" t="s">
        <v>569</v>
      </c>
      <c r="L53" t="s">
        <v>632</v>
      </c>
      <c r="M53" t="s">
        <v>687</v>
      </c>
      <c r="T53" t="s">
        <v>893</v>
      </c>
      <c r="W53" t="s">
        <v>1044</v>
      </c>
      <c r="AN53" t="s">
        <v>275</v>
      </c>
    </row>
    <row r="54" spans="1:40" x14ac:dyDescent="0.45">
      <c r="A54" t="s">
        <v>53</v>
      </c>
      <c r="G54" t="s">
        <v>404</v>
      </c>
      <c r="K54" t="s">
        <v>570</v>
      </c>
      <c r="L54" t="s">
        <v>633</v>
      </c>
      <c r="M54" t="s">
        <v>688</v>
      </c>
      <c r="T54" t="s">
        <v>894</v>
      </c>
      <c r="W54" t="s">
        <v>1045</v>
      </c>
      <c r="AN54" t="s">
        <v>1526</v>
      </c>
    </row>
    <row r="55" spans="1:40" x14ac:dyDescent="0.45">
      <c r="A55" t="s">
        <v>54</v>
      </c>
      <c r="G55" t="s">
        <v>405</v>
      </c>
      <c r="K55" t="s">
        <v>571</v>
      </c>
      <c r="L55" t="s">
        <v>634</v>
      </c>
      <c r="M55" t="s">
        <v>689</v>
      </c>
      <c r="T55" t="s">
        <v>895</v>
      </c>
      <c r="W55" t="s">
        <v>1046</v>
      </c>
      <c r="AN55" t="s">
        <v>1527</v>
      </c>
    </row>
    <row r="56" spans="1:40" x14ac:dyDescent="0.45">
      <c r="A56" t="s">
        <v>55</v>
      </c>
      <c r="G56" t="s">
        <v>406</v>
      </c>
      <c r="K56" t="s">
        <v>572</v>
      </c>
      <c r="M56" t="s">
        <v>690</v>
      </c>
      <c r="T56" t="s">
        <v>896</v>
      </c>
      <c r="AN56" t="s">
        <v>1528</v>
      </c>
    </row>
    <row r="57" spans="1:40" x14ac:dyDescent="0.45">
      <c r="A57" t="s">
        <v>56</v>
      </c>
      <c r="G57" t="s">
        <v>407</v>
      </c>
      <c r="K57" t="s">
        <v>573</v>
      </c>
      <c r="M57" t="s">
        <v>691</v>
      </c>
      <c r="T57" t="s">
        <v>897</v>
      </c>
      <c r="AN57" t="s">
        <v>1529</v>
      </c>
    </row>
    <row r="58" spans="1:40" x14ac:dyDescent="0.45">
      <c r="A58" t="s">
        <v>57</v>
      </c>
      <c r="G58" t="s">
        <v>408</v>
      </c>
      <c r="K58" t="s">
        <v>288</v>
      </c>
      <c r="M58" t="s">
        <v>692</v>
      </c>
      <c r="T58" t="s">
        <v>898</v>
      </c>
      <c r="AN58" t="s">
        <v>1530</v>
      </c>
    </row>
    <row r="59" spans="1:40" x14ac:dyDescent="0.45">
      <c r="A59" t="s">
        <v>58</v>
      </c>
      <c r="G59" t="s">
        <v>409</v>
      </c>
      <c r="K59" t="s">
        <v>574</v>
      </c>
      <c r="M59" t="s">
        <v>693</v>
      </c>
      <c r="T59" t="s">
        <v>899</v>
      </c>
      <c r="AN59" t="s">
        <v>1531</v>
      </c>
    </row>
    <row r="60" spans="1:40" x14ac:dyDescent="0.45">
      <c r="A60" t="s">
        <v>59</v>
      </c>
      <c r="G60" t="s">
        <v>410</v>
      </c>
      <c r="K60" t="s">
        <v>575</v>
      </c>
      <c r="M60" t="s">
        <v>694</v>
      </c>
      <c r="T60" t="s">
        <v>900</v>
      </c>
      <c r="AN60" t="s">
        <v>1532</v>
      </c>
    </row>
    <row r="61" spans="1:40" x14ac:dyDescent="0.45">
      <c r="A61" t="s">
        <v>60</v>
      </c>
      <c r="K61" t="s">
        <v>576</v>
      </c>
      <c r="M61" t="s">
        <v>695</v>
      </c>
      <c r="T61" t="s">
        <v>901</v>
      </c>
      <c r="AN61" t="s">
        <v>1533</v>
      </c>
    </row>
    <row r="62" spans="1:40" x14ac:dyDescent="0.45">
      <c r="A62" t="s">
        <v>61</v>
      </c>
      <c r="K62" t="s">
        <v>577</v>
      </c>
      <c r="M62" t="s">
        <v>696</v>
      </c>
      <c r="T62" t="s">
        <v>902</v>
      </c>
    </row>
    <row r="63" spans="1:40" x14ac:dyDescent="0.45">
      <c r="A63" t="s">
        <v>62</v>
      </c>
      <c r="K63" t="s">
        <v>578</v>
      </c>
      <c r="M63" t="s">
        <v>697</v>
      </c>
      <c r="T63" t="s">
        <v>903</v>
      </c>
    </row>
    <row r="64" spans="1:40" x14ac:dyDescent="0.45">
      <c r="A64" t="s">
        <v>63</v>
      </c>
      <c r="K64" t="s">
        <v>579</v>
      </c>
      <c r="T64" t="s">
        <v>904</v>
      </c>
    </row>
    <row r="65" spans="1:20" x14ac:dyDescent="0.45">
      <c r="A65" t="s">
        <v>64</v>
      </c>
      <c r="T65" t="s">
        <v>163</v>
      </c>
    </row>
    <row r="66" spans="1:20" x14ac:dyDescent="0.45">
      <c r="A66" t="s">
        <v>65</v>
      </c>
      <c r="T66" t="s">
        <v>905</v>
      </c>
    </row>
    <row r="67" spans="1:20" x14ac:dyDescent="0.45">
      <c r="A67" t="s">
        <v>66</v>
      </c>
      <c r="T67" t="s">
        <v>906</v>
      </c>
    </row>
    <row r="68" spans="1:20" x14ac:dyDescent="0.45">
      <c r="A68" t="s">
        <v>67</v>
      </c>
      <c r="T68" t="s">
        <v>907</v>
      </c>
    </row>
    <row r="69" spans="1:20" x14ac:dyDescent="0.45">
      <c r="A69" t="s">
        <v>68</v>
      </c>
      <c r="T69" t="s">
        <v>908</v>
      </c>
    </row>
    <row r="70" spans="1:20" x14ac:dyDescent="0.45">
      <c r="A70" t="s">
        <v>69</v>
      </c>
      <c r="T70" t="s">
        <v>909</v>
      </c>
    </row>
    <row r="71" spans="1:20" x14ac:dyDescent="0.45">
      <c r="A71" t="s">
        <v>70</v>
      </c>
      <c r="T71" t="s">
        <v>506</v>
      </c>
    </row>
    <row r="72" spans="1:20" x14ac:dyDescent="0.45">
      <c r="A72" t="s">
        <v>71</v>
      </c>
      <c r="T72" t="s">
        <v>910</v>
      </c>
    </row>
    <row r="73" spans="1:20" x14ac:dyDescent="0.45">
      <c r="A73" t="s">
        <v>72</v>
      </c>
      <c r="T73" t="s">
        <v>911</v>
      </c>
    </row>
    <row r="74" spans="1:20" x14ac:dyDescent="0.45">
      <c r="A74" t="s">
        <v>73</v>
      </c>
      <c r="T74" t="s">
        <v>912</v>
      </c>
    </row>
    <row r="75" spans="1:20" x14ac:dyDescent="0.45">
      <c r="A75" t="s">
        <v>74</v>
      </c>
      <c r="T75" t="s">
        <v>913</v>
      </c>
    </row>
    <row r="76" spans="1:20" x14ac:dyDescent="0.45">
      <c r="A76" t="s">
        <v>75</v>
      </c>
      <c r="T76" t="s">
        <v>914</v>
      </c>
    </row>
    <row r="77" spans="1:20" x14ac:dyDescent="0.45">
      <c r="A77" t="s">
        <v>76</v>
      </c>
      <c r="T77" t="s">
        <v>915</v>
      </c>
    </row>
    <row r="78" spans="1:20" x14ac:dyDescent="0.45">
      <c r="A78" t="s">
        <v>77</v>
      </c>
      <c r="T78" t="s">
        <v>916</v>
      </c>
    </row>
    <row r="79" spans="1:20" x14ac:dyDescent="0.45">
      <c r="A79" t="s">
        <v>78</v>
      </c>
    </row>
    <row r="80" spans="1:20" x14ac:dyDescent="0.45">
      <c r="A80" t="s">
        <v>79</v>
      </c>
    </row>
    <row r="81" spans="1:1" x14ac:dyDescent="0.45">
      <c r="A81" t="s">
        <v>80</v>
      </c>
    </row>
    <row r="82" spans="1:1" x14ac:dyDescent="0.45">
      <c r="A82" t="s">
        <v>81</v>
      </c>
    </row>
    <row r="83" spans="1:1" x14ac:dyDescent="0.45">
      <c r="A83" t="s">
        <v>82</v>
      </c>
    </row>
    <row r="84" spans="1:1" x14ac:dyDescent="0.45">
      <c r="A84" t="s">
        <v>83</v>
      </c>
    </row>
    <row r="85" spans="1:1" x14ac:dyDescent="0.45">
      <c r="A85" t="s">
        <v>84</v>
      </c>
    </row>
    <row r="86" spans="1:1" x14ac:dyDescent="0.45">
      <c r="A86" t="s">
        <v>85</v>
      </c>
    </row>
    <row r="87" spans="1:1" x14ac:dyDescent="0.45">
      <c r="A87" t="s">
        <v>86</v>
      </c>
    </row>
    <row r="88" spans="1:1" x14ac:dyDescent="0.45">
      <c r="A88" t="s">
        <v>87</v>
      </c>
    </row>
    <row r="89" spans="1:1" x14ac:dyDescent="0.45">
      <c r="A89" t="s">
        <v>88</v>
      </c>
    </row>
    <row r="90" spans="1:1" x14ac:dyDescent="0.45">
      <c r="A90" t="s">
        <v>89</v>
      </c>
    </row>
    <row r="91" spans="1:1" x14ac:dyDescent="0.45">
      <c r="A91" t="s">
        <v>90</v>
      </c>
    </row>
    <row r="92" spans="1:1" x14ac:dyDescent="0.45">
      <c r="A92" t="s">
        <v>91</v>
      </c>
    </row>
    <row r="93" spans="1:1" x14ac:dyDescent="0.45">
      <c r="A93" t="s">
        <v>92</v>
      </c>
    </row>
    <row r="94" spans="1:1" x14ac:dyDescent="0.45">
      <c r="A94" t="s">
        <v>93</v>
      </c>
    </row>
    <row r="95" spans="1:1" x14ac:dyDescent="0.45">
      <c r="A95" t="s">
        <v>94</v>
      </c>
    </row>
    <row r="96" spans="1:1" x14ac:dyDescent="0.45">
      <c r="A96" t="s">
        <v>95</v>
      </c>
    </row>
    <row r="97" spans="1:1" x14ac:dyDescent="0.45">
      <c r="A97" t="s">
        <v>96</v>
      </c>
    </row>
    <row r="98" spans="1:1" x14ac:dyDescent="0.45">
      <c r="A98" t="s">
        <v>97</v>
      </c>
    </row>
    <row r="99" spans="1:1" x14ac:dyDescent="0.45">
      <c r="A99" t="s">
        <v>98</v>
      </c>
    </row>
    <row r="100" spans="1:1" x14ac:dyDescent="0.45">
      <c r="A100" t="s">
        <v>99</v>
      </c>
    </row>
    <row r="101" spans="1:1" x14ac:dyDescent="0.45">
      <c r="A101" t="s">
        <v>100</v>
      </c>
    </row>
    <row r="102" spans="1:1" x14ac:dyDescent="0.45">
      <c r="A102" t="s">
        <v>101</v>
      </c>
    </row>
    <row r="103" spans="1:1" x14ac:dyDescent="0.45">
      <c r="A103" t="s">
        <v>102</v>
      </c>
    </row>
    <row r="104" spans="1:1" x14ac:dyDescent="0.45">
      <c r="A104" t="s">
        <v>103</v>
      </c>
    </row>
    <row r="105" spans="1:1" x14ac:dyDescent="0.45">
      <c r="A105" t="s">
        <v>104</v>
      </c>
    </row>
    <row r="106" spans="1:1" x14ac:dyDescent="0.45">
      <c r="A106" t="s">
        <v>105</v>
      </c>
    </row>
    <row r="107" spans="1:1" x14ac:dyDescent="0.45">
      <c r="A107" t="s">
        <v>106</v>
      </c>
    </row>
    <row r="108" spans="1:1" x14ac:dyDescent="0.45">
      <c r="A108" t="s">
        <v>107</v>
      </c>
    </row>
    <row r="109" spans="1:1" x14ac:dyDescent="0.45">
      <c r="A109" t="s">
        <v>108</v>
      </c>
    </row>
    <row r="110" spans="1:1" x14ac:dyDescent="0.45">
      <c r="A110" t="s">
        <v>109</v>
      </c>
    </row>
    <row r="111" spans="1:1" x14ac:dyDescent="0.45">
      <c r="A111" t="s">
        <v>110</v>
      </c>
    </row>
    <row r="112" spans="1:1" x14ac:dyDescent="0.45">
      <c r="A112" t="s">
        <v>111</v>
      </c>
    </row>
    <row r="113" spans="1:1" x14ac:dyDescent="0.45">
      <c r="A113" t="s">
        <v>112</v>
      </c>
    </row>
    <row r="114" spans="1:1" x14ac:dyDescent="0.45">
      <c r="A114" t="s">
        <v>113</v>
      </c>
    </row>
    <row r="115" spans="1:1" x14ac:dyDescent="0.45">
      <c r="A115" t="s">
        <v>114</v>
      </c>
    </row>
    <row r="116" spans="1:1" x14ac:dyDescent="0.45">
      <c r="A116" t="s">
        <v>115</v>
      </c>
    </row>
    <row r="117" spans="1:1" x14ac:dyDescent="0.45">
      <c r="A117" t="s">
        <v>116</v>
      </c>
    </row>
    <row r="118" spans="1:1" x14ac:dyDescent="0.45">
      <c r="A118" t="s">
        <v>117</v>
      </c>
    </row>
    <row r="119" spans="1:1" x14ac:dyDescent="0.45">
      <c r="A119" t="s">
        <v>118</v>
      </c>
    </row>
    <row r="120" spans="1:1" x14ac:dyDescent="0.45">
      <c r="A120" t="s">
        <v>119</v>
      </c>
    </row>
    <row r="121" spans="1:1" x14ac:dyDescent="0.45">
      <c r="A121" t="s">
        <v>120</v>
      </c>
    </row>
    <row r="122" spans="1:1" x14ac:dyDescent="0.45">
      <c r="A122" t="s">
        <v>121</v>
      </c>
    </row>
    <row r="123" spans="1:1" x14ac:dyDescent="0.45">
      <c r="A123" t="s">
        <v>122</v>
      </c>
    </row>
    <row r="124" spans="1:1" x14ac:dyDescent="0.45">
      <c r="A124" t="s">
        <v>123</v>
      </c>
    </row>
    <row r="125" spans="1:1" x14ac:dyDescent="0.45">
      <c r="A125" t="s">
        <v>124</v>
      </c>
    </row>
    <row r="126" spans="1:1" x14ac:dyDescent="0.45">
      <c r="A126" t="s">
        <v>125</v>
      </c>
    </row>
    <row r="127" spans="1:1" x14ac:dyDescent="0.45">
      <c r="A127" t="s">
        <v>126</v>
      </c>
    </row>
    <row r="128" spans="1:1" x14ac:dyDescent="0.45">
      <c r="A128" t="s">
        <v>127</v>
      </c>
    </row>
    <row r="129" spans="1:1" x14ac:dyDescent="0.45">
      <c r="A129" t="s">
        <v>128</v>
      </c>
    </row>
    <row r="130" spans="1:1" x14ac:dyDescent="0.45">
      <c r="A130" t="s">
        <v>129</v>
      </c>
    </row>
    <row r="131" spans="1:1" x14ac:dyDescent="0.45">
      <c r="A131" t="s">
        <v>130</v>
      </c>
    </row>
    <row r="132" spans="1:1" x14ac:dyDescent="0.45">
      <c r="A132" t="s">
        <v>131</v>
      </c>
    </row>
    <row r="133" spans="1:1" x14ac:dyDescent="0.45">
      <c r="A133" t="s">
        <v>132</v>
      </c>
    </row>
    <row r="134" spans="1:1" x14ac:dyDescent="0.45">
      <c r="A134" t="s">
        <v>133</v>
      </c>
    </row>
    <row r="135" spans="1:1" x14ac:dyDescent="0.45">
      <c r="A135" t="s">
        <v>134</v>
      </c>
    </row>
    <row r="136" spans="1:1" x14ac:dyDescent="0.45">
      <c r="A136" t="s">
        <v>135</v>
      </c>
    </row>
    <row r="137" spans="1:1" x14ac:dyDescent="0.45">
      <c r="A137" t="s">
        <v>136</v>
      </c>
    </row>
    <row r="138" spans="1:1" x14ac:dyDescent="0.45">
      <c r="A138" t="s">
        <v>137</v>
      </c>
    </row>
    <row r="139" spans="1:1" x14ac:dyDescent="0.45">
      <c r="A139" t="s">
        <v>138</v>
      </c>
    </row>
    <row r="140" spans="1:1" x14ac:dyDescent="0.45">
      <c r="A140" t="s">
        <v>139</v>
      </c>
    </row>
    <row r="141" spans="1:1" x14ac:dyDescent="0.45">
      <c r="A141" t="s">
        <v>140</v>
      </c>
    </row>
    <row r="142" spans="1:1" x14ac:dyDescent="0.45">
      <c r="A142" t="s">
        <v>141</v>
      </c>
    </row>
    <row r="143" spans="1:1" x14ac:dyDescent="0.45">
      <c r="A143" t="s">
        <v>142</v>
      </c>
    </row>
    <row r="144" spans="1:1" x14ac:dyDescent="0.45">
      <c r="A144" t="s">
        <v>143</v>
      </c>
    </row>
    <row r="145" spans="1:1" x14ac:dyDescent="0.45">
      <c r="A145" t="s">
        <v>144</v>
      </c>
    </row>
    <row r="146" spans="1:1" x14ac:dyDescent="0.45">
      <c r="A146" t="s">
        <v>145</v>
      </c>
    </row>
    <row r="147" spans="1:1" x14ac:dyDescent="0.45">
      <c r="A147" t="s">
        <v>146</v>
      </c>
    </row>
    <row r="148" spans="1:1" x14ac:dyDescent="0.45">
      <c r="A148" t="s">
        <v>147</v>
      </c>
    </row>
    <row r="149" spans="1:1" x14ac:dyDescent="0.45">
      <c r="A149" t="s">
        <v>148</v>
      </c>
    </row>
    <row r="150" spans="1:1" x14ac:dyDescent="0.45">
      <c r="A150" t="s">
        <v>149</v>
      </c>
    </row>
    <row r="151" spans="1:1" x14ac:dyDescent="0.45">
      <c r="A151" t="s">
        <v>150</v>
      </c>
    </row>
    <row r="152" spans="1:1" x14ac:dyDescent="0.45">
      <c r="A152" t="s">
        <v>151</v>
      </c>
    </row>
    <row r="153" spans="1:1" x14ac:dyDescent="0.45">
      <c r="A153" t="s">
        <v>152</v>
      </c>
    </row>
    <row r="154" spans="1:1" x14ac:dyDescent="0.45">
      <c r="A154" t="s">
        <v>153</v>
      </c>
    </row>
    <row r="155" spans="1:1" x14ac:dyDescent="0.45">
      <c r="A155" t="s">
        <v>154</v>
      </c>
    </row>
    <row r="156" spans="1:1" x14ac:dyDescent="0.45">
      <c r="A156" t="s">
        <v>155</v>
      </c>
    </row>
    <row r="157" spans="1:1" x14ac:dyDescent="0.45">
      <c r="A157" t="s">
        <v>156</v>
      </c>
    </row>
    <row r="158" spans="1:1" x14ac:dyDescent="0.45">
      <c r="A158" t="s">
        <v>157</v>
      </c>
    </row>
    <row r="159" spans="1:1" x14ac:dyDescent="0.45">
      <c r="A159" t="s">
        <v>158</v>
      </c>
    </row>
    <row r="160" spans="1:1" x14ac:dyDescent="0.45">
      <c r="A160" t="s">
        <v>159</v>
      </c>
    </row>
    <row r="161" spans="1:1" x14ac:dyDescent="0.45">
      <c r="A161" t="s">
        <v>160</v>
      </c>
    </row>
    <row r="162" spans="1:1" x14ac:dyDescent="0.45">
      <c r="A162" t="s">
        <v>161</v>
      </c>
    </row>
    <row r="163" spans="1:1" x14ac:dyDescent="0.45">
      <c r="A163" t="s">
        <v>162</v>
      </c>
    </row>
    <row r="164" spans="1:1" x14ac:dyDescent="0.45">
      <c r="A164" t="s">
        <v>163</v>
      </c>
    </row>
    <row r="165" spans="1:1" x14ac:dyDescent="0.45">
      <c r="A165" t="s">
        <v>164</v>
      </c>
    </row>
    <row r="166" spans="1:1" x14ac:dyDescent="0.45">
      <c r="A166" t="s">
        <v>165</v>
      </c>
    </row>
    <row r="167" spans="1:1" x14ac:dyDescent="0.45">
      <c r="A167" t="s">
        <v>166</v>
      </c>
    </row>
    <row r="168" spans="1:1" x14ac:dyDescent="0.45">
      <c r="A168" t="s">
        <v>167</v>
      </c>
    </row>
    <row r="169" spans="1:1" x14ac:dyDescent="0.45">
      <c r="A169" t="s">
        <v>168</v>
      </c>
    </row>
    <row r="170" spans="1:1" x14ac:dyDescent="0.45">
      <c r="A170" t="s">
        <v>169</v>
      </c>
    </row>
    <row r="171" spans="1:1" x14ac:dyDescent="0.45">
      <c r="A171" t="s">
        <v>170</v>
      </c>
    </row>
    <row r="172" spans="1:1" x14ac:dyDescent="0.45">
      <c r="A172" t="s">
        <v>171</v>
      </c>
    </row>
    <row r="173" spans="1:1" x14ac:dyDescent="0.45">
      <c r="A173" t="s">
        <v>172</v>
      </c>
    </row>
    <row r="174" spans="1:1" x14ac:dyDescent="0.45">
      <c r="A174" t="s">
        <v>173</v>
      </c>
    </row>
    <row r="175" spans="1:1" x14ac:dyDescent="0.45">
      <c r="A175" t="s">
        <v>174</v>
      </c>
    </row>
    <row r="176" spans="1:1" x14ac:dyDescent="0.45">
      <c r="A176" t="s">
        <v>175</v>
      </c>
    </row>
    <row r="177" spans="1:1" x14ac:dyDescent="0.45">
      <c r="A177" t="s">
        <v>176</v>
      </c>
    </row>
    <row r="178" spans="1:1" x14ac:dyDescent="0.45">
      <c r="A178" t="s">
        <v>177</v>
      </c>
    </row>
    <row r="179" spans="1:1" x14ac:dyDescent="0.45">
      <c r="A179" t="s">
        <v>178</v>
      </c>
    </row>
    <row r="180" spans="1:1" x14ac:dyDescent="0.45">
      <c r="A180" t="s">
        <v>179</v>
      </c>
    </row>
  </sheetData>
  <phoneticPr fontId="2"/>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58FCD01998EAC346ADA0BFDD4BA1FA2F" ma:contentTypeVersion="7" ma:contentTypeDescription="新しいドキュメントを作成します。" ma:contentTypeScope="" ma:versionID="e8929d27f49bc1cf6ead4ce91fba71bd">
  <xsd:schema xmlns:xsd="http://www.w3.org/2001/XMLSchema" xmlns:xs="http://www.w3.org/2001/XMLSchema" xmlns:p="http://schemas.microsoft.com/office/2006/metadata/properties" xmlns:ns2="fcabebe3-82df-4691-9f30-e598579f127d" targetNamespace="http://schemas.microsoft.com/office/2006/metadata/properties" ma:root="true" ma:fieldsID="9e27804e4eb411f8609235b0230578c5" ns2:_="">
    <xsd:import namespace="fcabebe3-82df-4691-9f30-e598579f127d"/>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element ref="ns2:MediaServiceGenerationTime" minOccurs="0"/>
                <xsd:element ref="ns2:MediaServiceEventHashCode" minOccurs="0"/>
                <xsd:element ref="ns2:MediaServiceDateTake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fcabebe3-82df-4691-9f30-e598579f127d"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OCR" ma:index="11" nillable="true" ma:displayName="Extracted Text" ma:internalName="MediaServiceOCR" ma:readOnly="true">
      <xsd:simpleType>
        <xsd:restriction base="dms:Note">
          <xsd:maxLength value="255"/>
        </xsd:restriction>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DateTaken" ma:index="14" nillable="true" ma:displayName="MediaServiceDateTaken" ma:hidden="true" ma:internalName="MediaServiceDateTaken"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0EE31674-0E78-4DCF-8109-9A2D849EDF25}">
  <ds:schemaRefs>
    <ds:schemaRef ds:uri="http://schemas.microsoft.com/sharepoint/v3/contenttype/forms"/>
  </ds:schemaRefs>
</ds:datastoreItem>
</file>

<file path=customXml/itemProps2.xml><?xml version="1.0" encoding="utf-8"?>
<ds:datastoreItem xmlns:ds="http://schemas.openxmlformats.org/officeDocument/2006/customXml" ds:itemID="{B2193590-9E76-4D0E-92BB-0C289BB63AB3}">
  <ds:schemaRefs>
    <ds:schemaRef ds:uri="http://purl.org/dc/elements/1.1/"/>
    <ds:schemaRef ds:uri="http://schemas.microsoft.com/office/2006/metadata/properties"/>
    <ds:schemaRef ds:uri="http://purl.org/dc/terms/"/>
    <ds:schemaRef ds:uri="http://schemas.microsoft.com/office/infopath/2007/PartnerControls"/>
    <ds:schemaRef ds:uri="http://schemas.microsoft.com/office/2006/documentManagement/types"/>
    <ds:schemaRef ds:uri="http://schemas.openxmlformats.org/package/2006/metadata/core-properties"/>
    <ds:schemaRef ds:uri="fcabebe3-82df-4691-9f30-e598579f127d"/>
    <ds:schemaRef ds:uri="http://www.w3.org/XML/1998/namespace"/>
    <ds:schemaRef ds:uri="http://purl.org/dc/dcmitype/"/>
  </ds:schemaRefs>
</ds:datastoreItem>
</file>

<file path=customXml/itemProps3.xml><?xml version="1.0" encoding="utf-8"?>
<ds:datastoreItem xmlns:ds="http://schemas.openxmlformats.org/officeDocument/2006/customXml" ds:itemID="{6B46DF72-BD21-4C01-BB19-1BF279D7E78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fcabebe3-82df-4691-9f30-e598579f127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49</vt:i4>
      </vt:variant>
    </vt:vector>
  </HeadingPairs>
  <TitlesOfParts>
    <vt:vector size="54" baseType="lpstr">
      <vt:lpstr>申請書</vt:lpstr>
      <vt:lpstr>申請書（複数入力用）</vt:lpstr>
      <vt:lpstr>登録用_手上げシステム</vt:lpstr>
      <vt:lpstr>団体コード</vt:lpstr>
      <vt:lpstr>都道府県リスト</vt:lpstr>
      <vt:lpstr>'申請書（複数入力用）'!Print_Area</vt:lpstr>
      <vt:lpstr>愛知県</vt:lpstr>
      <vt:lpstr>愛媛県</vt:lpstr>
      <vt:lpstr>茨城県</vt:lpstr>
      <vt:lpstr>岡山県</vt:lpstr>
      <vt:lpstr>沖縄県</vt:lpstr>
      <vt:lpstr>岩手県</vt:lpstr>
      <vt:lpstr>岐阜県</vt:lpstr>
      <vt:lpstr>宮崎県</vt:lpstr>
      <vt:lpstr>宮城県</vt:lpstr>
      <vt:lpstr>京都府</vt:lpstr>
      <vt:lpstr>熊本県</vt:lpstr>
      <vt:lpstr>群馬県</vt:lpstr>
      <vt:lpstr>広島県</vt:lpstr>
      <vt:lpstr>香川県</vt:lpstr>
      <vt:lpstr>高知県</vt:lpstr>
      <vt:lpstr>佐賀県</vt:lpstr>
      <vt:lpstr>埼玉県</vt:lpstr>
      <vt:lpstr>三重県</vt:lpstr>
      <vt:lpstr>山形県</vt:lpstr>
      <vt:lpstr>山口県</vt:lpstr>
      <vt:lpstr>山梨県</vt:lpstr>
      <vt:lpstr>滋賀県</vt:lpstr>
      <vt:lpstr>鹿児島県</vt:lpstr>
      <vt:lpstr>秋田県</vt:lpstr>
      <vt:lpstr>新潟県</vt:lpstr>
      <vt:lpstr>神奈川県</vt:lpstr>
      <vt:lpstr>青森県</vt:lpstr>
      <vt:lpstr>静岡県</vt:lpstr>
      <vt:lpstr>石川県</vt:lpstr>
      <vt:lpstr>千葉県</vt:lpstr>
      <vt:lpstr>大阪府</vt:lpstr>
      <vt:lpstr>大分県</vt:lpstr>
      <vt:lpstr>長崎県</vt:lpstr>
      <vt:lpstr>長野県</vt:lpstr>
      <vt:lpstr>鳥取県</vt:lpstr>
      <vt:lpstr>都道府県</vt:lpstr>
      <vt:lpstr>島根県</vt:lpstr>
      <vt:lpstr>東京都</vt:lpstr>
      <vt:lpstr>徳島県</vt:lpstr>
      <vt:lpstr>栃木県</vt:lpstr>
      <vt:lpstr>奈良県</vt:lpstr>
      <vt:lpstr>富山県</vt:lpstr>
      <vt:lpstr>福井県</vt:lpstr>
      <vt:lpstr>福岡県</vt:lpstr>
      <vt:lpstr>福島県</vt:lpstr>
      <vt:lpstr>兵庫県</vt:lpstr>
      <vt:lpstr>北海道</vt:lpstr>
      <vt:lpstr>和歌山県</vt:lpstr>
    </vt:vector>
  </TitlesOfParts>
  <Company>NEC</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NEC</dc:creator>
  <cp:lastModifiedBy>user</cp:lastModifiedBy>
  <cp:lastPrinted>2021-03-31T02:35:00Z</cp:lastPrinted>
  <dcterms:created xsi:type="dcterms:W3CDTF">2020-12-29T07:41:08Z</dcterms:created>
  <dcterms:modified xsi:type="dcterms:W3CDTF">2021-04-02T05:45:1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8FCD01998EAC346ADA0BFDD4BA1FA2F</vt:lpwstr>
  </property>
</Properties>
</file>